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7\Desktop\WWW- IHP\Data\EksULFGG\Evap_postaja\"/>
    </mc:Choice>
  </mc:AlternateContent>
  <bookViews>
    <workbookView xWindow="0" yWindow="0" windowWidth="17970" windowHeight="10785" activeTab="1"/>
  </bookViews>
  <sheets>
    <sheet name="Obdelano" sheetId="2" r:id="rId1"/>
    <sheet name="Veter" sheetId="3" r:id="rId2"/>
  </sheets>
  <calcPr calcId="152511"/>
</workbook>
</file>

<file path=xl/calcChain.xml><?xml version="1.0" encoding="utf-8"?>
<calcChain xmlns="http://schemas.openxmlformats.org/spreadsheetml/2006/main">
  <c r="C3" i="3" l="1"/>
  <c r="C4" i="3"/>
  <c r="C5" i="3"/>
  <c r="C6" i="3"/>
  <c r="C7" i="3"/>
  <c r="C8" i="3"/>
  <c r="C9" i="3"/>
  <c r="C10" i="3"/>
  <c r="C11" i="3"/>
  <c r="C12" i="3"/>
  <c r="C13" i="3"/>
  <c r="C14" i="3"/>
  <c r="C15" i="3"/>
  <c r="C16" i="3"/>
  <c r="C17" i="3"/>
  <c r="C18" i="3"/>
  <c r="C19" i="3"/>
  <c r="C20" i="3"/>
  <c r="C21" i="3"/>
  <c r="C22" i="3"/>
  <c r="C23" i="3"/>
  <c r="C24" i="3"/>
  <c r="C25" i="3"/>
  <c r="C26" i="3"/>
  <c r="C27" i="3"/>
  <c r="C28" i="3"/>
  <c r="C29" i="3"/>
  <c r="C30" i="3"/>
  <c r="C31" i="3"/>
  <c r="C32" i="3"/>
  <c r="C33" i="3"/>
  <c r="C34" i="3"/>
  <c r="C35" i="3"/>
  <c r="C36" i="3"/>
  <c r="C37" i="3"/>
  <c r="C38" i="3"/>
  <c r="C39" i="3"/>
  <c r="C40" i="3"/>
  <c r="C41" i="3"/>
  <c r="C42" i="3"/>
  <c r="C43" i="3"/>
  <c r="C44" i="3"/>
  <c r="C45" i="3"/>
  <c r="C46" i="3"/>
  <c r="C47" i="3"/>
  <c r="C48" i="3"/>
  <c r="C49" i="3"/>
  <c r="C50" i="3"/>
  <c r="C51" i="3"/>
  <c r="C52" i="3"/>
  <c r="C53" i="3"/>
  <c r="C54" i="3"/>
  <c r="C55" i="3"/>
  <c r="C56" i="3"/>
  <c r="C57" i="3"/>
  <c r="C58" i="3"/>
  <c r="C59" i="3"/>
  <c r="C60" i="3"/>
  <c r="C61" i="3"/>
  <c r="C62" i="3"/>
  <c r="C63" i="3"/>
  <c r="C64" i="3"/>
  <c r="C65" i="3"/>
  <c r="C66" i="3"/>
  <c r="C67" i="3"/>
  <c r="C68" i="3"/>
  <c r="C69" i="3"/>
  <c r="C70" i="3"/>
  <c r="C71" i="3"/>
  <c r="C72" i="3"/>
  <c r="C73" i="3"/>
  <c r="C74" i="3"/>
  <c r="C75" i="3"/>
  <c r="C76" i="3"/>
  <c r="C77" i="3"/>
  <c r="C78" i="3"/>
  <c r="C79" i="3"/>
  <c r="C80" i="3"/>
  <c r="C81" i="3"/>
  <c r="C82" i="3"/>
  <c r="C83" i="3"/>
  <c r="C84" i="3"/>
  <c r="C85" i="3"/>
  <c r="C86" i="3"/>
  <c r="C87" i="3"/>
  <c r="C88" i="3"/>
  <c r="C89" i="3"/>
  <c r="C90" i="3"/>
  <c r="C91" i="3"/>
  <c r="C92" i="3"/>
  <c r="C93" i="3"/>
  <c r="C94" i="3"/>
  <c r="C95" i="3"/>
  <c r="C96" i="3"/>
  <c r="C97" i="3"/>
  <c r="C98" i="3"/>
  <c r="C99" i="3"/>
  <c r="C100" i="3"/>
  <c r="C101" i="3"/>
  <c r="C102" i="3"/>
  <c r="C103" i="3"/>
  <c r="C104" i="3"/>
  <c r="C105" i="3"/>
  <c r="C106" i="3"/>
  <c r="C107" i="3"/>
  <c r="C108" i="3"/>
  <c r="C109" i="3"/>
  <c r="C110" i="3"/>
  <c r="C111" i="3"/>
  <c r="C112" i="3"/>
  <c r="C113" i="3"/>
  <c r="C114" i="3"/>
  <c r="C115" i="3"/>
  <c r="C116" i="3"/>
  <c r="C117" i="3"/>
  <c r="C118" i="3"/>
  <c r="C119" i="3"/>
  <c r="C120" i="3"/>
  <c r="C121" i="3"/>
  <c r="C122" i="3"/>
  <c r="C123" i="3"/>
  <c r="C124" i="3"/>
  <c r="C125" i="3"/>
  <c r="C126" i="3"/>
  <c r="C127" i="3"/>
  <c r="C128" i="3"/>
  <c r="C129" i="3"/>
  <c r="C130" i="3"/>
  <c r="C131" i="3"/>
  <c r="C132" i="3"/>
  <c r="C133" i="3"/>
  <c r="C134" i="3"/>
  <c r="C135" i="3"/>
  <c r="C136" i="3"/>
  <c r="C137" i="3"/>
  <c r="C138" i="3"/>
  <c r="C139" i="3"/>
  <c r="C140" i="3"/>
  <c r="C141" i="3"/>
  <c r="C142" i="3"/>
  <c r="C143" i="3"/>
  <c r="C144" i="3"/>
  <c r="C145" i="3"/>
  <c r="C146" i="3"/>
  <c r="C147" i="3"/>
  <c r="C148" i="3"/>
  <c r="C149" i="3"/>
  <c r="C150" i="3"/>
  <c r="C151" i="3"/>
  <c r="C152" i="3"/>
  <c r="C153" i="3"/>
  <c r="C154" i="3"/>
  <c r="C155" i="3"/>
  <c r="C156" i="3"/>
  <c r="C157" i="3"/>
  <c r="C158" i="3"/>
  <c r="C159" i="3"/>
  <c r="C160" i="3"/>
  <c r="C161" i="3"/>
  <c r="C162" i="3"/>
  <c r="C163" i="3"/>
  <c r="C164" i="3"/>
  <c r="C165" i="3"/>
  <c r="C166" i="3"/>
  <c r="C167" i="3"/>
  <c r="C168" i="3"/>
  <c r="C169" i="3"/>
  <c r="C170" i="3"/>
  <c r="C171" i="3"/>
  <c r="C172" i="3"/>
  <c r="C173" i="3"/>
  <c r="C174" i="3"/>
  <c r="C175" i="3"/>
  <c r="C176" i="3"/>
  <c r="C177" i="3"/>
  <c r="C178" i="3"/>
  <c r="C179" i="3"/>
  <c r="C180" i="3"/>
  <c r="C181" i="3"/>
  <c r="C182" i="3"/>
  <c r="C183" i="3"/>
  <c r="C184" i="3"/>
  <c r="C185" i="3"/>
  <c r="C186" i="3"/>
  <c r="C187" i="3"/>
  <c r="C188" i="3"/>
  <c r="C189" i="3"/>
  <c r="C190" i="3"/>
  <c r="C191" i="3"/>
  <c r="C192" i="3"/>
  <c r="C193" i="3"/>
  <c r="C194" i="3"/>
  <c r="C195" i="3"/>
  <c r="C196" i="3"/>
  <c r="C197" i="3"/>
  <c r="C198" i="3"/>
  <c r="C199" i="3"/>
  <c r="C200" i="3"/>
  <c r="C201" i="3"/>
  <c r="C202" i="3"/>
  <c r="C203" i="3"/>
  <c r="C204" i="3"/>
  <c r="C205" i="3"/>
  <c r="C206" i="3"/>
  <c r="C207" i="3"/>
  <c r="C208" i="3"/>
  <c r="C209" i="3"/>
  <c r="C210" i="3"/>
  <c r="C211" i="3"/>
  <c r="C212" i="3"/>
  <c r="C213" i="3"/>
  <c r="C214" i="3"/>
  <c r="C215" i="3"/>
  <c r="C216" i="3"/>
  <c r="C217" i="3"/>
  <c r="C218" i="3"/>
  <c r="C219" i="3"/>
  <c r="C220" i="3"/>
  <c r="C221" i="3"/>
  <c r="C222" i="3"/>
  <c r="C223" i="3"/>
  <c r="C224" i="3"/>
  <c r="C225" i="3"/>
  <c r="C226" i="3"/>
  <c r="C227" i="3"/>
  <c r="C228" i="3"/>
  <c r="C229" i="3"/>
  <c r="C230" i="3"/>
  <c r="C231" i="3"/>
  <c r="C232" i="3"/>
  <c r="C233" i="3"/>
  <c r="C234" i="3"/>
  <c r="C235" i="3"/>
  <c r="C236" i="3"/>
  <c r="C237" i="3"/>
  <c r="C238" i="3"/>
  <c r="C239" i="3"/>
  <c r="C240" i="3"/>
  <c r="C241" i="3"/>
  <c r="C242" i="3"/>
  <c r="C243" i="3"/>
  <c r="C244" i="3"/>
  <c r="C245" i="3"/>
  <c r="C246" i="3"/>
  <c r="C247" i="3"/>
  <c r="C248" i="3"/>
  <c r="C249" i="3"/>
  <c r="C250" i="3"/>
  <c r="C251" i="3"/>
  <c r="C252" i="3"/>
  <c r="C253" i="3"/>
  <c r="C254" i="3"/>
  <c r="C255" i="3"/>
  <c r="C256" i="3"/>
  <c r="C257" i="3"/>
  <c r="C258" i="3"/>
  <c r="C259" i="3"/>
  <c r="C260" i="3"/>
  <c r="C261" i="3"/>
  <c r="C262" i="3"/>
  <c r="C263" i="3"/>
  <c r="C264" i="3"/>
  <c r="C265" i="3"/>
  <c r="C266" i="3"/>
  <c r="C267" i="3"/>
  <c r="C268" i="3"/>
  <c r="C269" i="3"/>
  <c r="C270" i="3"/>
  <c r="C271" i="3"/>
  <c r="C272" i="3"/>
  <c r="C273" i="3"/>
  <c r="C274" i="3"/>
  <c r="C275" i="3"/>
  <c r="C276" i="3"/>
  <c r="C277" i="3"/>
  <c r="C278" i="3"/>
  <c r="C279" i="3"/>
  <c r="C280" i="3"/>
  <c r="C281" i="3"/>
  <c r="C282" i="3"/>
  <c r="C283" i="3"/>
  <c r="C284" i="3"/>
  <c r="C285" i="3"/>
  <c r="C286" i="3"/>
  <c r="C287" i="3"/>
  <c r="C288" i="3"/>
  <c r="C289" i="3"/>
  <c r="C290" i="3"/>
  <c r="C291" i="3"/>
  <c r="C292" i="3"/>
  <c r="C293" i="3"/>
  <c r="C294" i="3"/>
  <c r="C295" i="3"/>
  <c r="C296" i="3"/>
  <c r="C297" i="3"/>
  <c r="C298" i="3"/>
  <c r="C299" i="3"/>
  <c r="C300" i="3"/>
  <c r="C301" i="3"/>
  <c r="C302" i="3"/>
  <c r="C303" i="3"/>
  <c r="C304" i="3"/>
  <c r="C305" i="3"/>
  <c r="C306" i="3"/>
  <c r="C307" i="3"/>
  <c r="C308" i="3"/>
  <c r="C309" i="3"/>
  <c r="C310" i="3"/>
  <c r="C311" i="3"/>
  <c r="C312" i="3"/>
  <c r="C313" i="3"/>
  <c r="C314" i="3"/>
  <c r="C315" i="3"/>
  <c r="C316" i="3"/>
  <c r="C317" i="3"/>
  <c r="C318" i="3"/>
  <c r="C319" i="3"/>
  <c r="C320" i="3"/>
  <c r="C321" i="3"/>
  <c r="C322" i="3"/>
  <c r="C323" i="3"/>
  <c r="C324" i="3"/>
  <c r="C325" i="3"/>
  <c r="C326" i="3"/>
  <c r="C327" i="3"/>
  <c r="C328" i="3"/>
  <c r="C329" i="3"/>
  <c r="C330" i="3"/>
  <c r="C331" i="3"/>
  <c r="C332" i="3"/>
  <c r="C333" i="3"/>
  <c r="C334" i="3"/>
  <c r="C335" i="3"/>
  <c r="C336" i="3"/>
  <c r="C337" i="3"/>
  <c r="C338" i="3"/>
  <c r="C339" i="3"/>
  <c r="C340" i="3"/>
  <c r="C341" i="3"/>
  <c r="C342" i="3"/>
  <c r="C343" i="3"/>
  <c r="C344" i="3"/>
  <c r="C345" i="3"/>
  <c r="C346" i="3"/>
  <c r="C347" i="3"/>
  <c r="C348" i="3"/>
  <c r="C349" i="3"/>
  <c r="C350" i="3"/>
  <c r="C351" i="3"/>
  <c r="C352" i="3"/>
  <c r="C353" i="3"/>
  <c r="C354" i="3"/>
  <c r="C355" i="3"/>
  <c r="C356" i="3"/>
  <c r="C357" i="3"/>
  <c r="C358" i="3"/>
  <c r="C359" i="3"/>
  <c r="C360" i="3"/>
  <c r="C361" i="3"/>
  <c r="C362" i="3"/>
  <c r="C363" i="3"/>
  <c r="C364" i="3"/>
  <c r="C365" i="3"/>
  <c r="C366" i="3"/>
  <c r="C367" i="3"/>
  <c r="C368" i="3"/>
  <c r="C369" i="3"/>
  <c r="C370" i="3"/>
  <c r="C371" i="3"/>
  <c r="C372" i="3"/>
  <c r="C373" i="3"/>
  <c r="C374" i="3"/>
  <c r="C375" i="3"/>
  <c r="C376" i="3"/>
  <c r="C377" i="3"/>
  <c r="C378" i="3"/>
  <c r="C379" i="3"/>
  <c r="C380" i="3"/>
  <c r="C381" i="3"/>
  <c r="C382" i="3"/>
  <c r="C383" i="3"/>
  <c r="C384" i="3"/>
  <c r="C385" i="3"/>
  <c r="C386" i="3"/>
  <c r="C387" i="3"/>
  <c r="C388" i="3"/>
  <c r="C389" i="3"/>
  <c r="C390" i="3"/>
  <c r="C391" i="3"/>
  <c r="C392" i="3"/>
  <c r="C393" i="3"/>
  <c r="C394" i="3"/>
  <c r="C395" i="3"/>
  <c r="C396" i="3"/>
  <c r="C397" i="3"/>
  <c r="C398" i="3"/>
  <c r="C399" i="3"/>
  <c r="C400" i="3"/>
  <c r="C401" i="3"/>
  <c r="C402" i="3"/>
  <c r="C403" i="3"/>
  <c r="C404" i="3"/>
  <c r="C405" i="3"/>
  <c r="C406" i="3"/>
  <c r="C407" i="3"/>
  <c r="C408" i="3"/>
  <c r="C409" i="3"/>
  <c r="C410" i="3"/>
  <c r="C411" i="3"/>
  <c r="C412" i="3"/>
  <c r="C413" i="3"/>
  <c r="C414" i="3"/>
  <c r="C415" i="3"/>
  <c r="C416" i="3"/>
  <c r="C417" i="3"/>
  <c r="C418" i="3"/>
  <c r="C419" i="3"/>
  <c r="C420" i="3"/>
  <c r="C421" i="3"/>
  <c r="C422" i="3"/>
  <c r="C423" i="3"/>
  <c r="C424" i="3"/>
  <c r="C425" i="3"/>
  <c r="C426" i="3"/>
  <c r="C427" i="3"/>
  <c r="C428" i="3"/>
  <c r="C429" i="3"/>
  <c r="C430" i="3"/>
  <c r="C431" i="3"/>
  <c r="C432" i="3"/>
  <c r="C433" i="3"/>
  <c r="C434" i="3"/>
  <c r="C435" i="3"/>
  <c r="C436" i="3"/>
  <c r="C437" i="3"/>
  <c r="C438" i="3"/>
  <c r="C439" i="3"/>
  <c r="C440" i="3"/>
  <c r="C441" i="3"/>
  <c r="C442" i="3"/>
  <c r="C443" i="3"/>
  <c r="C444" i="3"/>
  <c r="C445" i="3"/>
  <c r="C446" i="3"/>
  <c r="C447" i="3"/>
  <c r="C448" i="3"/>
  <c r="C449" i="3"/>
  <c r="C450" i="3"/>
  <c r="C451" i="3"/>
  <c r="C452" i="3"/>
  <c r="C453" i="3"/>
  <c r="C454" i="3"/>
  <c r="C455" i="3"/>
  <c r="C456" i="3"/>
  <c r="C457" i="3"/>
  <c r="C458" i="3"/>
  <c r="C459" i="3"/>
  <c r="C460" i="3"/>
  <c r="C461" i="3"/>
  <c r="C462" i="3"/>
  <c r="C463" i="3"/>
  <c r="C464" i="3"/>
  <c r="C465" i="3"/>
  <c r="C466" i="3"/>
  <c r="C467" i="3"/>
  <c r="C468" i="3"/>
  <c r="C469" i="3"/>
  <c r="C470" i="3"/>
  <c r="C471" i="3"/>
  <c r="C472" i="3"/>
  <c r="C473" i="3"/>
  <c r="C474" i="3"/>
  <c r="C475" i="3"/>
  <c r="C476" i="3"/>
  <c r="C477" i="3"/>
  <c r="C478" i="3"/>
  <c r="C479" i="3"/>
  <c r="C480" i="3"/>
  <c r="C481" i="3"/>
  <c r="C482" i="3"/>
  <c r="C483" i="3"/>
  <c r="C484" i="3"/>
  <c r="C485" i="3"/>
  <c r="C486" i="3"/>
  <c r="C487" i="3"/>
  <c r="C488" i="3"/>
  <c r="C489" i="3"/>
  <c r="C490" i="3"/>
  <c r="C491" i="3"/>
  <c r="C492" i="3"/>
  <c r="C493" i="3"/>
  <c r="C494" i="3"/>
  <c r="C495" i="3"/>
  <c r="C496" i="3"/>
  <c r="C497" i="3"/>
  <c r="C498" i="3"/>
  <c r="C499" i="3"/>
  <c r="C500" i="3"/>
  <c r="C501" i="3"/>
  <c r="C502" i="3"/>
  <c r="C503" i="3"/>
  <c r="C504" i="3"/>
  <c r="C505" i="3"/>
  <c r="C506" i="3"/>
  <c r="C507" i="3"/>
  <c r="C508" i="3"/>
  <c r="C509" i="3"/>
  <c r="C510" i="3"/>
  <c r="C511" i="3"/>
  <c r="C512" i="3"/>
  <c r="C513" i="3"/>
  <c r="C514" i="3"/>
  <c r="C515" i="3"/>
  <c r="C516" i="3"/>
  <c r="C517" i="3"/>
  <c r="C518" i="3"/>
  <c r="C519" i="3"/>
  <c r="C520" i="3"/>
  <c r="C521" i="3"/>
  <c r="C522" i="3"/>
  <c r="C523" i="3"/>
  <c r="C524" i="3"/>
  <c r="C525" i="3"/>
  <c r="C526" i="3"/>
  <c r="C527" i="3"/>
  <c r="C528" i="3"/>
  <c r="C529" i="3"/>
  <c r="C530" i="3"/>
  <c r="C531" i="3"/>
  <c r="C532" i="3"/>
  <c r="C533" i="3"/>
  <c r="C534" i="3"/>
  <c r="C535" i="3"/>
  <c r="C536" i="3"/>
  <c r="C537" i="3"/>
  <c r="C538" i="3"/>
  <c r="C539" i="3"/>
  <c r="C540" i="3"/>
  <c r="C541" i="3"/>
  <c r="C542" i="3"/>
  <c r="C543" i="3"/>
  <c r="C544" i="3"/>
  <c r="C545" i="3"/>
  <c r="C546" i="3"/>
  <c r="C547" i="3"/>
  <c r="C548" i="3"/>
  <c r="C549" i="3"/>
  <c r="C550" i="3"/>
  <c r="C551" i="3"/>
  <c r="C552" i="3"/>
  <c r="C553" i="3"/>
  <c r="C554" i="3"/>
  <c r="C555" i="3"/>
  <c r="C556" i="3"/>
  <c r="C557" i="3"/>
  <c r="C558" i="3"/>
  <c r="C559" i="3"/>
  <c r="C560" i="3"/>
  <c r="C561" i="3"/>
  <c r="C562" i="3"/>
  <c r="C563" i="3"/>
  <c r="C564" i="3"/>
  <c r="C565" i="3"/>
  <c r="C566" i="3"/>
  <c r="C567" i="3"/>
  <c r="C568" i="3"/>
  <c r="C569" i="3"/>
  <c r="C570" i="3"/>
  <c r="C571" i="3"/>
  <c r="C572" i="3"/>
  <c r="C573" i="3"/>
  <c r="C574" i="3"/>
  <c r="C575" i="3"/>
  <c r="C576" i="3"/>
  <c r="C577" i="3"/>
  <c r="C578" i="3"/>
  <c r="C579" i="3"/>
  <c r="C580" i="3"/>
  <c r="C581" i="3"/>
  <c r="C582" i="3"/>
  <c r="C583" i="3"/>
  <c r="C584" i="3"/>
  <c r="C585" i="3"/>
  <c r="C586" i="3"/>
  <c r="C587" i="3"/>
  <c r="C588" i="3"/>
  <c r="C589" i="3"/>
  <c r="C590" i="3"/>
  <c r="C591" i="3"/>
  <c r="C592" i="3"/>
  <c r="C593" i="3"/>
  <c r="C594" i="3"/>
  <c r="C595" i="3"/>
  <c r="C596" i="3"/>
  <c r="C597" i="3"/>
  <c r="C598" i="3"/>
  <c r="C599" i="3"/>
  <c r="C600" i="3"/>
  <c r="C601" i="3"/>
  <c r="C602" i="3"/>
  <c r="C603" i="3"/>
  <c r="C604" i="3"/>
  <c r="C605" i="3"/>
  <c r="C606" i="3"/>
  <c r="C607" i="3"/>
  <c r="C608" i="3"/>
  <c r="C609" i="3"/>
  <c r="C610" i="3"/>
  <c r="C611" i="3"/>
  <c r="C612" i="3"/>
  <c r="C613" i="3"/>
  <c r="C614" i="3"/>
  <c r="C615" i="3"/>
  <c r="C616" i="3"/>
  <c r="C617" i="3"/>
  <c r="C618" i="3"/>
  <c r="C619" i="3"/>
  <c r="C620" i="3"/>
  <c r="C621" i="3"/>
  <c r="C622" i="3"/>
  <c r="C623" i="3"/>
  <c r="C624" i="3"/>
  <c r="C625" i="3"/>
  <c r="C626" i="3"/>
  <c r="C627" i="3"/>
  <c r="C628" i="3"/>
  <c r="C629" i="3"/>
  <c r="C630" i="3"/>
  <c r="C631" i="3"/>
  <c r="C632" i="3"/>
  <c r="C633" i="3"/>
  <c r="C634" i="3"/>
  <c r="C635" i="3"/>
  <c r="C636" i="3"/>
  <c r="C637" i="3"/>
  <c r="C638" i="3"/>
  <c r="C639" i="3"/>
  <c r="C640" i="3"/>
  <c r="C641" i="3"/>
  <c r="C642" i="3"/>
  <c r="C643" i="3"/>
  <c r="C644" i="3"/>
  <c r="C645" i="3"/>
  <c r="C646" i="3"/>
  <c r="C647" i="3"/>
  <c r="C648" i="3"/>
  <c r="C649" i="3"/>
  <c r="C650" i="3"/>
  <c r="C651" i="3"/>
  <c r="C652" i="3"/>
  <c r="C653" i="3"/>
  <c r="C654" i="3"/>
  <c r="C655" i="3"/>
  <c r="C656" i="3"/>
  <c r="C657" i="3"/>
  <c r="C658" i="3"/>
  <c r="C659" i="3"/>
  <c r="C660" i="3"/>
  <c r="C661" i="3"/>
  <c r="C662" i="3"/>
  <c r="C663" i="3"/>
  <c r="C664" i="3"/>
  <c r="C665" i="3"/>
  <c r="C666" i="3"/>
  <c r="C667" i="3"/>
  <c r="C668" i="3"/>
  <c r="C669" i="3"/>
  <c r="C670" i="3"/>
  <c r="C671" i="3"/>
  <c r="C672" i="3"/>
  <c r="C673" i="3"/>
  <c r="C674" i="3"/>
  <c r="C675" i="3"/>
  <c r="C676" i="3"/>
  <c r="C677" i="3"/>
  <c r="C678" i="3"/>
  <c r="C679" i="3"/>
  <c r="C680" i="3"/>
  <c r="C681" i="3"/>
  <c r="C682" i="3"/>
  <c r="C683" i="3"/>
  <c r="C684" i="3"/>
  <c r="C685" i="3"/>
  <c r="C686" i="3"/>
  <c r="C687" i="3"/>
  <c r="C688" i="3"/>
  <c r="C689" i="3"/>
  <c r="C690" i="3"/>
  <c r="C691" i="3"/>
  <c r="C692" i="3"/>
  <c r="C693" i="3"/>
  <c r="C694" i="3"/>
  <c r="C695" i="3"/>
  <c r="C696" i="3"/>
  <c r="C697" i="3"/>
  <c r="C698" i="3"/>
  <c r="C699" i="3"/>
  <c r="C700" i="3"/>
  <c r="C701" i="3"/>
  <c r="C702" i="3"/>
  <c r="C703" i="3"/>
  <c r="C704" i="3"/>
  <c r="C705" i="3"/>
  <c r="C706" i="3"/>
  <c r="C707" i="3"/>
  <c r="C708" i="3"/>
  <c r="C709" i="3"/>
  <c r="C710" i="3"/>
  <c r="C711" i="3"/>
  <c r="C712" i="3"/>
  <c r="C713" i="3"/>
  <c r="C714" i="3"/>
  <c r="C715" i="3"/>
  <c r="C716" i="3"/>
  <c r="C717" i="3"/>
  <c r="C718" i="3"/>
  <c r="C719" i="3"/>
  <c r="C720" i="3"/>
  <c r="C721" i="3"/>
  <c r="C722" i="3"/>
  <c r="C723" i="3"/>
  <c r="C724" i="3"/>
  <c r="C725" i="3"/>
  <c r="C726" i="3"/>
  <c r="C727" i="3"/>
  <c r="C728" i="3"/>
  <c r="C729" i="3"/>
  <c r="C730" i="3"/>
  <c r="C731" i="3"/>
  <c r="C732" i="3"/>
  <c r="C733" i="3"/>
  <c r="C734" i="3"/>
  <c r="C735" i="3"/>
  <c r="C736" i="3"/>
  <c r="C737" i="3"/>
  <c r="C738" i="3"/>
  <c r="C739" i="3"/>
  <c r="C740" i="3"/>
  <c r="C741" i="3"/>
  <c r="C742" i="3"/>
  <c r="C743" i="3"/>
  <c r="C744" i="3"/>
  <c r="C745" i="3"/>
  <c r="C746" i="3"/>
  <c r="C747" i="3"/>
  <c r="C748" i="3"/>
  <c r="C749" i="3"/>
  <c r="C750" i="3"/>
  <c r="C751" i="3"/>
  <c r="C752" i="3"/>
  <c r="C753" i="3"/>
  <c r="C754" i="3"/>
  <c r="C755" i="3"/>
  <c r="C756" i="3"/>
  <c r="C757" i="3"/>
  <c r="C758" i="3"/>
  <c r="C759" i="3"/>
  <c r="C760" i="3"/>
  <c r="C761" i="3"/>
  <c r="C762" i="3"/>
  <c r="C763" i="3"/>
  <c r="C764" i="3"/>
  <c r="C765" i="3"/>
  <c r="C766" i="3"/>
  <c r="C767" i="3"/>
  <c r="C768" i="3"/>
  <c r="C769" i="3"/>
  <c r="C770" i="3"/>
  <c r="C771" i="3"/>
  <c r="C772" i="3"/>
  <c r="C773" i="3"/>
  <c r="C774" i="3"/>
  <c r="C775" i="3"/>
  <c r="C776" i="3"/>
  <c r="C777" i="3"/>
  <c r="C778" i="3"/>
  <c r="C779" i="3"/>
  <c r="C780" i="3"/>
  <c r="C781" i="3"/>
  <c r="C782" i="3"/>
  <c r="C783" i="3"/>
  <c r="C784" i="3"/>
  <c r="C785" i="3"/>
  <c r="C786" i="3"/>
  <c r="C787" i="3"/>
  <c r="C788" i="3"/>
  <c r="C789" i="3"/>
  <c r="C790" i="3"/>
  <c r="C791" i="3"/>
  <c r="C792" i="3"/>
  <c r="C793" i="3"/>
  <c r="C794" i="3"/>
  <c r="C795" i="3"/>
  <c r="C796" i="3"/>
  <c r="C797" i="3"/>
  <c r="C798" i="3"/>
  <c r="C799" i="3"/>
  <c r="C800" i="3"/>
  <c r="C801" i="3"/>
  <c r="C802" i="3"/>
  <c r="C803" i="3"/>
  <c r="C804" i="3"/>
  <c r="C805" i="3"/>
  <c r="C806" i="3"/>
  <c r="C807" i="3"/>
  <c r="C808" i="3"/>
  <c r="C809" i="3"/>
  <c r="C810" i="3"/>
  <c r="C811" i="3"/>
  <c r="C812" i="3"/>
  <c r="C813" i="3"/>
  <c r="C814" i="3"/>
  <c r="C815" i="3"/>
  <c r="C816" i="3"/>
  <c r="C817" i="3"/>
  <c r="C818" i="3"/>
  <c r="C819" i="3"/>
  <c r="C820" i="3"/>
  <c r="C821" i="3"/>
  <c r="C822" i="3"/>
  <c r="C823" i="3"/>
  <c r="C824" i="3"/>
  <c r="C825" i="3"/>
  <c r="C826" i="3"/>
  <c r="C827" i="3"/>
  <c r="C828" i="3"/>
  <c r="C829" i="3"/>
  <c r="C830" i="3"/>
  <c r="C831" i="3"/>
  <c r="C832" i="3"/>
  <c r="C833" i="3"/>
  <c r="C834" i="3"/>
  <c r="C835" i="3"/>
  <c r="C836" i="3"/>
  <c r="C837" i="3"/>
  <c r="C838" i="3"/>
  <c r="C839" i="3"/>
  <c r="C840" i="3"/>
  <c r="C841" i="3"/>
  <c r="C842" i="3"/>
  <c r="C843" i="3"/>
  <c r="C844" i="3"/>
  <c r="C845" i="3"/>
  <c r="C846" i="3"/>
  <c r="C847" i="3"/>
  <c r="C848" i="3"/>
  <c r="C849" i="3"/>
  <c r="C850" i="3"/>
  <c r="C851" i="3"/>
  <c r="C852" i="3"/>
  <c r="C853" i="3"/>
  <c r="C854" i="3"/>
  <c r="C855" i="3"/>
  <c r="C856" i="3"/>
  <c r="C857" i="3"/>
  <c r="C858" i="3"/>
  <c r="C859" i="3"/>
  <c r="C860" i="3"/>
  <c r="C861" i="3"/>
  <c r="C862" i="3"/>
  <c r="C863" i="3"/>
  <c r="C864" i="3"/>
  <c r="C865" i="3"/>
  <c r="C866" i="3"/>
  <c r="C867" i="3"/>
  <c r="C868" i="3"/>
  <c r="C869" i="3"/>
  <c r="C870" i="3"/>
  <c r="C871" i="3"/>
  <c r="C872" i="3"/>
  <c r="C873" i="3"/>
  <c r="C874" i="3"/>
  <c r="C875" i="3"/>
  <c r="C876" i="3"/>
  <c r="C877" i="3"/>
  <c r="C878" i="3"/>
  <c r="C879" i="3"/>
  <c r="C880" i="3"/>
  <c r="C881" i="3"/>
  <c r="C882" i="3"/>
  <c r="C883" i="3"/>
  <c r="C884" i="3"/>
  <c r="C885" i="3"/>
  <c r="C886" i="3"/>
  <c r="C887" i="3"/>
  <c r="C888" i="3"/>
  <c r="C889" i="3"/>
  <c r="C890" i="3"/>
  <c r="C891" i="3"/>
  <c r="C892" i="3"/>
  <c r="C893" i="3"/>
  <c r="C894" i="3"/>
  <c r="C895" i="3"/>
  <c r="C896" i="3"/>
  <c r="C897" i="3"/>
  <c r="C898" i="3"/>
  <c r="C899" i="3"/>
  <c r="C900" i="3"/>
  <c r="C901" i="3"/>
  <c r="C902" i="3"/>
  <c r="C903" i="3"/>
  <c r="C904" i="3"/>
  <c r="C905" i="3"/>
  <c r="C906" i="3"/>
  <c r="C907" i="3"/>
  <c r="C908" i="3"/>
  <c r="C909" i="3"/>
  <c r="C910" i="3"/>
  <c r="C911" i="3"/>
  <c r="C912" i="3"/>
  <c r="C913" i="3"/>
  <c r="C914" i="3"/>
  <c r="C915" i="3"/>
  <c r="C916" i="3"/>
  <c r="C917" i="3"/>
  <c r="C918" i="3"/>
  <c r="C919" i="3"/>
  <c r="C920" i="3"/>
  <c r="C921" i="3"/>
  <c r="C922" i="3"/>
  <c r="C923" i="3"/>
  <c r="C924" i="3"/>
  <c r="C925" i="3"/>
  <c r="C926" i="3"/>
  <c r="C927" i="3"/>
  <c r="C928" i="3"/>
  <c r="C929" i="3"/>
  <c r="C930" i="3"/>
  <c r="C931" i="3"/>
  <c r="C932" i="3"/>
  <c r="C933" i="3"/>
  <c r="C934" i="3"/>
  <c r="C935" i="3"/>
  <c r="C936" i="3"/>
  <c r="C937" i="3"/>
  <c r="C938" i="3"/>
  <c r="C939" i="3"/>
  <c r="C940" i="3"/>
  <c r="C941" i="3"/>
  <c r="C942" i="3"/>
  <c r="C943" i="3"/>
  <c r="C944" i="3"/>
  <c r="C945" i="3"/>
  <c r="C946" i="3"/>
  <c r="C947" i="3"/>
  <c r="C948" i="3"/>
  <c r="C949" i="3"/>
  <c r="C950" i="3"/>
  <c r="C951" i="3"/>
  <c r="C952" i="3"/>
  <c r="C953" i="3"/>
  <c r="C954" i="3"/>
  <c r="C955" i="3"/>
  <c r="C956" i="3"/>
  <c r="C957" i="3"/>
  <c r="C958" i="3"/>
  <c r="C959" i="3"/>
  <c r="C960" i="3"/>
  <c r="C961" i="3"/>
  <c r="C962" i="3"/>
  <c r="C963" i="3"/>
  <c r="C964" i="3"/>
  <c r="C965" i="3"/>
  <c r="C966" i="3"/>
  <c r="C967" i="3"/>
  <c r="C968" i="3"/>
  <c r="C969" i="3"/>
  <c r="C970" i="3"/>
  <c r="C971" i="3"/>
  <c r="C972" i="3"/>
  <c r="C973" i="3"/>
  <c r="C974" i="3"/>
  <c r="C975" i="3"/>
  <c r="C976" i="3"/>
  <c r="C977" i="3"/>
  <c r="C978" i="3"/>
  <c r="C979" i="3"/>
  <c r="C980" i="3"/>
  <c r="C981" i="3"/>
  <c r="C982" i="3"/>
  <c r="C983" i="3"/>
  <c r="C984" i="3"/>
  <c r="C985" i="3"/>
  <c r="C986" i="3"/>
  <c r="C987" i="3"/>
  <c r="C988" i="3"/>
  <c r="C989" i="3"/>
  <c r="C990" i="3"/>
  <c r="C991" i="3"/>
  <c r="C992" i="3"/>
  <c r="C993" i="3"/>
  <c r="C994" i="3"/>
  <c r="C995" i="3"/>
  <c r="C996" i="3"/>
  <c r="C997" i="3"/>
  <c r="C998" i="3"/>
  <c r="C999" i="3"/>
  <c r="C1000" i="3"/>
  <c r="C1001" i="3"/>
  <c r="C1002" i="3"/>
  <c r="C1003" i="3"/>
  <c r="C1004" i="3"/>
  <c r="C1005" i="3"/>
  <c r="C1006" i="3"/>
  <c r="C1007" i="3"/>
  <c r="C1008" i="3"/>
  <c r="C1009" i="3"/>
  <c r="C1010" i="3"/>
  <c r="C1011" i="3"/>
  <c r="C1012" i="3"/>
  <c r="C1013" i="3"/>
  <c r="C1014" i="3"/>
  <c r="C1015" i="3"/>
  <c r="C1016" i="3"/>
  <c r="C1017" i="3"/>
  <c r="C1018" i="3"/>
  <c r="C1019" i="3"/>
  <c r="C1020" i="3"/>
  <c r="C1021" i="3"/>
  <c r="C1022" i="3"/>
  <c r="C1023" i="3"/>
  <c r="C1024" i="3"/>
  <c r="C1025" i="3"/>
  <c r="C1026" i="3"/>
  <c r="C1027" i="3"/>
  <c r="C1028" i="3"/>
  <c r="C1029" i="3"/>
  <c r="C1030" i="3"/>
  <c r="C1031" i="3"/>
  <c r="C1032" i="3"/>
  <c r="C1033" i="3"/>
  <c r="C1034" i="3"/>
  <c r="C1035" i="3"/>
  <c r="C1036" i="3"/>
  <c r="C1037" i="3"/>
  <c r="C1038" i="3"/>
  <c r="C1039" i="3"/>
  <c r="C1040" i="3"/>
  <c r="C1041" i="3"/>
  <c r="C1042" i="3"/>
  <c r="C1043" i="3"/>
  <c r="C1044" i="3"/>
  <c r="C1045" i="3"/>
  <c r="C1046" i="3"/>
  <c r="C1047" i="3"/>
  <c r="C1048" i="3"/>
  <c r="C1049" i="3"/>
  <c r="C1050" i="3"/>
  <c r="C1051" i="3"/>
  <c r="C1052" i="3"/>
  <c r="C1053" i="3"/>
  <c r="C1054" i="3"/>
  <c r="C1055" i="3"/>
  <c r="C1056" i="3"/>
  <c r="C1057" i="3"/>
  <c r="C1058" i="3"/>
  <c r="C1059" i="3"/>
  <c r="C1060" i="3"/>
  <c r="C1061" i="3"/>
  <c r="C1062" i="3"/>
  <c r="C1063" i="3"/>
  <c r="C1064" i="3"/>
  <c r="C1065" i="3"/>
  <c r="C1066" i="3"/>
  <c r="C1067" i="3"/>
  <c r="C1068" i="3"/>
  <c r="C1069" i="3"/>
  <c r="C1070" i="3"/>
  <c r="C1071" i="3"/>
  <c r="C1072" i="3"/>
  <c r="C1073" i="3"/>
  <c r="C1074" i="3"/>
  <c r="C1075" i="3"/>
  <c r="C1076" i="3"/>
  <c r="C1077" i="3"/>
  <c r="C1078" i="3"/>
  <c r="C1079" i="3"/>
  <c r="C1080" i="3"/>
  <c r="C1081" i="3"/>
  <c r="C1082" i="3"/>
  <c r="C1083" i="3"/>
  <c r="C1084" i="3"/>
  <c r="C1085" i="3"/>
  <c r="C1086" i="3"/>
  <c r="C1087" i="3"/>
  <c r="C1088" i="3"/>
  <c r="C1089" i="3"/>
  <c r="C1090" i="3"/>
  <c r="C1091" i="3"/>
  <c r="C1092" i="3"/>
  <c r="C1093" i="3"/>
  <c r="C1094" i="3"/>
  <c r="C1095" i="3"/>
  <c r="C1096" i="3"/>
  <c r="C1097" i="3"/>
  <c r="C1098" i="3"/>
  <c r="C1099" i="3"/>
  <c r="C1100" i="3"/>
  <c r="C1101" i="3"/>
  <c r="C1102" i="3"/>
  <c r="C1103" i="3"/>
  <c r="C1104" i="3"/>
  <c r="C1105" i="3"/>
  <c r="C1106" i="3"/>
  <c r="C1107" i="3"/>
  <c r="C1108" i="3"/>
  <c r="C1109" i="3"/>
  <c r="C1110" i="3"/>
  <c r="C1111" i="3"/>
  <c r="C1112" i="3"/>
  <c r="C1113" i="3"/>
  <c r="C1114" i="3"/>
  <c r="C1115" i="3"/>
  <c r="C1116" i="3"/>
  <c r="C1117" i="3"/>
  <c r="C1118" i="3"/>
  <c r="C1119" i="3"/>
  <c r="C1120" i="3"/>
  <c r="C1121" i="3"/>
  <c r="C1122" i="3"/>
  <c r="C1123" i="3"/>
  <c r="C1124" i="3"/>
  <c r="C1125" i="3"/>
  <c r="C1126" i="3"/>
  <c r="C1127" i="3"/>
  <c r="C1128" i="3"/>
  <c r="C1129" i="3"/>
  <c r="C1130" i="3"/>
  <c r="C1131" i="3"/>
  <c r="C1132" i="3"/>
  <c r="C1133" i="3"/>
  <c r="C1134" i="3"/>
  <c r="C1135" i="3"/>
  <c r="C1136" i="3"/>
  <c r="C1137" i="3"/>
  <c r="C1138" i="3"/>
  <c r="C1139" i="3"/>
  <c r="C1140" i="3"/>
  <c r="C1141" i="3"/>
  <c r="C1142" i="3"/>
  <c r="C1143" i="3"/>
  <c r="C1144" i="3"/>
  <c r="C1145" i="3"/>
  <c r="C1146" i="3"/>
  <c r="C1147" i="3"/>
  <c r="C1148" i="3"/>
  <c r="C1149" i="3"/>
  <c r="C1150" i="3"/>
  <c r="C1151" i="3"/>
  <c r="C1152" i="3"/>
  <c r="C1153" i="3"/>
  <c r="C1154" i="3"/>
  <c r="C1155" i="3"/>
  <c r="C1156" i="3"/>
  <c r="C1157" i="3"/>
  <c r="C1158" i="3"/>
  <c r="C1159" i="3"/>
  <c r="C1160" i="3"/>
  <c r="C1161" i="3"/>
  <c r="C1162" i="3"/>
  <c r="C1163" i="3"/>
  <c r="C1164" i="3"/>
  <c r="C1165" i="3"/>
  <c r="C1166" i="3"/>
  <c r="C1167" i="3"/>
  <c r="C1168" i="3"/>
  <c r="C1169" i="3"/>
  <c r="C1170" i="3"/>
  <c r="C1171" i="3"/>
  <c r="C1172" i="3"/>
  <c r="C1173" i="3"/>
  <c r="C1174" i="3"/>
  <c r="C1175" i="3"/>
  <c r="C1176" i="3"/>
  <c r="C1177" i="3"/>
  <c r="C1178" i="3"/>
  <c r="C1179" i="3"/>
  <c r="C1180" i="3"/>
  <c r="C1181" i="3"/>
  <c r="C1182" i="3"/>
  <c r="C1183" i="3"/>
  <c r="C1184" i="3"/>
  <c r="C1185" i="3"/>
  <c r="C1186" i="3"/>
  <c r="C1187" i="3"/>
  <c r="C1188" i="3"/>
  <c r="C1189" i="3"/>
  <c r="C1190" i="3"/>
  <c r="C1191" i="3"/>
  <c r="C1192" i="3"/>
  <c r="C1193" i="3"/>
  <c r="C1194" i="3"/>
  <c r="C1195" i="3"/>
  <c r="C1196" i="3"/>
  <c r="C1197" i="3"/>
  <c r="C1198" i="3"/>
  <c r="C1199" i="3"/>
  <c r="C1200" i="3"/>
  <c r="C1201" i="3"/>
  <c r="C1202" i="3"/>
  <c r="C1203" i="3"/>
  <c r="C1204" i="3"/>
  <c r="C1205" i="3"/>
  <c r="C1206" i="3"/>
  <c r="C1207" i="3"/>
  <c r="C1208" i="3"/>
  <c r="C1209" i="3"/>
  <c r="C1210" i="3"/>
  <c r="C1211" i="3"/>
  <c r="C1212" i="3"/>
  <c r="C1213" i="3"/>
  <c r="C1214" i="3"/>
  <c r="C1215" i="3"/>
  <c r="C1216" i="3"/>
  <c r="C1217" i="3"/>
  <c r="C1218" i="3"/>
  <c r="C1219" i="3"/>
  <c r="C1220" i="3"/>
  <c r="C1221" i="3"/>
  <c r="C1222" i="3"/>
  <c r="C1223" i="3"/>
  <c r="C1224" i="3"/>
  <c r="C1225" i="3"/>
  <c r="C1226" i="3"/>
  <c r="C1227" i="3"/>
  <c r="C1228" i="3"/>
  <c r="C1229" i="3"/>
  <c r="C1230" i="3"/>
  <c r="C1231" i="3"/>
  <c r="C1232" i="3"/>
  <c r="C1233" i="3"/>
  <c r="C1234" i="3"/>
  <c r="C1235" i="3"/>
  <c r="C1236" i="3"/>
  <c r="C1237" i="3"/>
  <c r="C1238" i="3"/>
  <c r="C1239" i="3"/>
  <c r="C1240" i="3"/>
  <c r="C1241" i="3"/>
  <c r="C1242" i="3"/>
  <c r="C1243" i="3"/>
  <c r="C1244" i="3"/>
  <c r="C1245" i="3"/>
  <c r="C1246" i="3"/>
  <c r="C1247" i="3"/>
  <c r="C1248" i="3"/>
  <c r="C1249" i="3"/>
  <c r="C1250" i="3"/>
  <c r="C1251" i="3"/>
  <c r="C1252" i="3"/>
  <c r="C1253" i="3"/>
  <c r="C1254" i="3"/>
  <c r="C1255" i="3"/>
  <c r="C1256" i="3"/>
  <c r="C1257" i="3"/>
  <c r="C1258" i="3"/>
  <c r="C1259" i="3"/>
  <c r="C1260" i="3"/>
  <c r="C1261" i="3"/>
  <c r="C1262" i="3"/>
  <c r="C1263" i="3"/>
  <c r="C1264" i="3"/>
  <c r="C1265" i="3"/>
  <c r="C1266" i="3"/>
  <c r="C1267" i="3"/>
  <c r="C1268" i="3"/>
  <c r="C1269" i="3"/>
  <c r="C1270" i="3"/>
  <c r="C1271" i="3"/>
  <c r="C1272" i="3"/>
  <c r="C1273" i="3"/>
  <c r="C1274" i="3"/>
  <c r="C1275" i="3"/>
  <c r="C1276" i="3"/>
  <c r="C1277" i="3"/>
  <c r="C1278" i="3"/>
  <c r="C1279" i="3"/>
  <c r="C1280" i="3"/>
  <c r="C1281" i="3"/>
  <c r="C1282" i="3"/>
  <c r="C1283" i="3"/>
  <c r="C1284" i="3"/>
  <c r="C1285" i="3"/>
  <c r="C1286" i="3"/>
  <c r="C1287" i="3"/>
  <c r="C1288" i="3"/>
  <c r="C1289" i="3"/>
  <c r="C1290" i="3"/>
  <c r="C1291" i="3"/>
  <c r="C1292" i="3"/>
  <c r="C1293" i="3"/>
  <c r="C1294" i="3"/>
  <c r="C1295" i="3"/>
  <c r="C1296" i="3"/>
  <c r="C1297" i="3"/>
  <c r="C1298" i="3"/>
  <c r="C1299" i="3"/>
  <c r="C1300" i="3"/>
  <c r="C1301" i="3"/>
  <c r="C1302" i="3"/>
  <c r="C1303" i="3"/>
  <c r="C1304" i="3"/>
  <c r="C1305" i="3"/>
  <c r="C1306" i="3"/>
  <c r="C1307" i="3"/>
  <c r="C1308" i="3"/>
  <c r="C1309" i="3"/>
  <c r="C1310" i="3"/>
  <c r="C1311" i="3"/>
  <c r="C1312" i="3"/>
  <c r="C1313" i="3"/>
  <c r="C1314" i="3"/>
  <c r="C1315" i="3"/>
  <c r="C1316" i="3"/>
  <c r="C1317" i="3"/>
  <c r="C1318" i="3"/>
  <c r="C1319" i="3"/>
  <c r="C1320" i="3"/>
  <c r="C1321" i="3"/>
  <c r="C1322" i="3"/>
  <c r="C1323" i="3"/>
  <c r="C1324" i="3"/>
  <c r="C1325" i="3"/>
  <c r="C1326" i="3"/>
  <c r="C1327" i="3"/>
  <c r="C1328" i="3"/>
  <c r="C1329" i="3"/>
  <c r="C1330" i="3"/>
  <c r="C1331" i="3"/>
  <c r="C1332" i="3"/>
  <c r="C1333" i="3"/>
  <c r="C1334" i="3"/>
  <c r="C1335" i="3"/>
  <c r="C1336" i="3"/>
  <c r="C1337" i="3"/>
  <c r="C1338" i="3"/>
  <c r="C1339" i="3"/>
  <c r="C1340" i="3"/>
  <c r="C1341" i="3"/>
  <c r="C1342" i="3"/>
  <c r="C1343" i="3"/>
  <c r="C1344" i="3"/>
  <c r="C1345" i="3"/>
  <c r="C1346" i="3"/>
  <c r="C1347" i="3"/>
  <c r="C1348" i="3"/>
  <c r="C1349" i="3"/>
  <c r="C1350" i="3"/>
  <c r="C1351" i="3"/>
  <c r="C1352" i="3"/>
  <c r="C1353" i="3"/>
  <c r="C1354" i="3"/>
  <c r="C1355" i="3"/>
  <c r="C1356" i="3"/>
  <c r="C1357" i="3"/>
  <c r="C1358" i="3"/>
  <c r="C1359" i="3"/>
  <c r="C1360" i="3"/>
  <c r="C1361" i="3"/>
  <c r="C1362" i="3"/>
  <c r="C1363" i="3"/>
  <c r="C1364" i="3"/>
  <c r="C1365" i="3"/>
  <c r="C1366" i="3"/>
  <c r="C1367" i="3"/>
  <c r="C1368" i="3"/>
  <c r="C1369" i="3"/>
  <c r="C1370" i="3"/>
  <c r="C1371" i="3"/>
  <c r="C1372" i="3"/>
  <c r="C1373" i="3"/>
  <c r="C1374" i="3"/>
  <c r="C1375" i="3"/>
  <c r="C1376" i="3"/>
  <c r="C1377" i="3"/>
  <c r="C1378" i="3"/>
  <c r="C1379" i="3"/>
  <c r="C1380" i="3"/>
  <c r="C1381" i="3"/>
  <c r="C1382" i="3"/>
  <c r="C1383" i="3"/>
  <c r="C1384" i="3"/>
  <c r="C1385" i="3"/>
  <c r="C1386" i="3"/>
  <c r="C1387" i="3"/>
  <c r="C1388" i="3"/>
  <c r="C1389" i="3"/>
  <c r="C1390" i="3"/>
  <c r="C1391" i="3"/>
  <c r="C1392" i="3"/>
  <c r="C1393" i="3"/>
  <c r="C1394" i="3"/>
  <c r="C1395" i="3"/>
  <c r="C1396" i="3"/>
  <c r="C1397" i="3"/>
  <c r="C1398" i="3"/>
  <c r="C1399" i="3"/>
  <c r="C1400" i="3"/>
  <c r="C1401" i="3"/>
  <c r="C1402" i="3"/>
  <c r="C1403" i="3"/>
  <c r="C1404" i="3"/>
  <c r="C1405" i="3"/>
  <c r="C1406" i="3"/>
  <c r="C1407" i="3"/>
  <c r="C1408" i="3"/>
  <c r="C1409" i="3"/>
  <c r="C1410" i="3"/>
  <c r="C1411" i="3"/>
  <c r="C1412" i="3"/>
  <c r="C1413" i="3"/>
  <c r="C1414" i="3"/>
  <c r="C1415" i="3"/>
  <c r="C1416" i="3"/>
  <c r="C1417" i="3"/>
  <c r="C1418" i="3"/>
  <c r="C1419" i="3"/>
  <c r="C1420" i="3"/>
  <c r="C1421" i="3"/>
  <c r="C1422" i="3"/>
  <c r="C1423" i="3"/>
  <c r="C1424" i="3"/>
  <c r="C1425" i="3"/>
  <c r="C1426" i="3"/>
  <c r="C1427" i="3"/>
  <c r="C1428" i="3"/>
  <c r="C1429" i="3"/>
  <c r="C1430" i="3"/>
  <c r="C1431" i="3"/>
  <c r="C1432" i="3"/>
  <c r="C1433" i="3"/>
  <c r="C1434" i="3"/>
  <c r="C1435" i="3"/>
  <c r="C1436" i="3"/>
  <c r="C1437" i="3"/>
  <c r="C1438" i="3"/>
  <c r="C1439" i="3"/>
  <c r="C1440" i="3"/>
  <c r="C1441" i="3"/>
  <c r="C1442" i="3"/>
  <c r="C1443" i="3"/>
  <c r="C1444" i="3"/>
  <c r="C1445" i="3"/>
  <c r="C1446" i="3"/>
  <c r="C1447" i="3"/>
  <c r="C1448" i="3"/>
  <c r="C1449" i="3"/>
  <c r="C1450" i="3"/>
  <c r="C1451" i="3"/>
  <c r="C1452" i="3"/>
  <c r="C1453" i="3"/>
  <c r="C1454" i="3"/>
  <c r="C1455" i="3"/>
  <c r="C1456" i="3"/>
  <c r="C1457" i="3"/>
  <c r="C1458" i="3"/>
  <c r="C1459" i="3"/>
  <c r="C1460" i="3"/>
  <c r="C1461" i="3"/>
  <c r="C1462" i="3"/>
  <c r="C1463" i="3"/>
  <c r="C1464" i="3"/>
  <c r="C1465" i="3"/>
  <c r="C1466" i="3"/>
  <c r="C1467" i="3"/>
  <c r="C1468" i="3"/>
  <c r="C1469" i="3"/>
  <c r="C1470" i="3"/>
  <c r="C1471" i="3"/>
  <c r="C1472" i="3"/>
  <c r="C1473" i="3"/>
  <c r="C1474" i="3"/>
  <c r="C1475" i="3"/>
  <c r="C1476" i="3"/>
  <c r="C1477" i="3"/>
  <c r="C1478" i="3"/>
  <c r="C1479" i="3"/>
  <c r="C1480" i="3"/>
  <c r="C1481" i="3"/>
  <c r="C1482" i="3"/>
  <c r="C1483" i="3"/>
  <c r="C1484" i="3"/>
  <c r="C1485" i="3"/>
  <c r="C1486" i="3"/>
  <c r="C1487" i="3"/>
  <c r="C1488" i="3"/>
  <c r="C1489" i="3"/>
  <c r="C1490" i="3"/>
  <c r="C1491" i="3"/>
  <c r="C1492" i="3"/>
  <c r="C1493" i="3"/>
  <c r="C1494" i="3"/>
  <c r="C1495" i="3"/>
  <c r="C1496" i="3"/>
  <c r="C1497" i="3"/>
  <c r="C1498" i="3"/>
  <c r="C1499" i="3"/>
  <c r="C1500" i="3"/>
  <c r="C1501" i="3"/>
  <c r="C1502" i="3"/>
  <c r="C1503" i="3"/>
  <c r="C1504" i="3"/>
  <c r="C1505" i="3"/>
  <c r="C1506" i="3"/>
  <c r="C1507" i="3"/>
  <c r="C1508" i="3"/>
  <c r="C1509" i="3"/>
  <c r="C1510" i="3"/>
  <c r="C1511" i="3"/>
  <c r="C1512" i="3"/>
  <c r="C1513" i="3"/>
  <c r="C1514" i="3"/>
  <c r="C1515" i="3"/>
  <c r="C1516" i="3"/>
  <c r="C1517" i="3"/>
  <c r="C1518" i="3"/>
  <c r="C1519" i="3"/>
  <c r="C1520" i="3"/>
  <c r="C1521" i="3"/>
  <c r="C1522" i="3"/>
  <c r="C1523" i="3"/>
  <c r="C1524" i="3"/>
  <c r="C1525" i="3"/>
  <c r="C1526" i="3"/>
  <c r="C1527" i="3"/>
  <c r="C1528" i="3"/>
  <c r="C1529" i="3"/>
  <c r="C1530" i="3"/>
  <c r="C1531" i="3"/>
  <c r="C1532" i="3"/>
  <c r="C1533" i="3"/>
  <c r="C1534" i="3"/>
  <c r="C1535" i="3"/>
  <c r="C1536" i="3"/>
  <c r="C1537" i="3"/>
  <c r="C1538" i="3"/>
  <c r="C1539" i="3"/>
  <c r="C1540" i="3"/>
  <c r="C1541" i="3"/>
  <c r="C1542" i="3"/>
  <c r="C1543" i="3"/>
  <c r="C1544" i="3"/>
  <c r="C1545" i="3"/>
  <c r="C1546" i="3"/>
  <c r="C1547" i="3"/>
  <c r="C1548" i="3"/>
  <c r="C1549" i="3"/>
  <c r="C1550" i="3"/>
  <c r="C1551" i="3"/>
  <c r="C1552" i="3"/>
  <c r="C1553" i="3"/>
  <c r="C1554" i="3"/>
  <c r="C1555" i="3"/>
  <c r="C1556" i="3"/>
  <c r="C1557" i="3"/>
  <c r="C1558" i="3"/>
  <c r="C1559" i="3"/>
  <c r="C1560" i="3"/>
  <c r="C1561" i="3"/>
  <c r="C1562" i="3"/>
  <c r="C1563" i="3"/>
  <c r="C1564" i="3"/>
  <c r="C1565" i="3"/>
  <c r="C1566" i="3"/>
  <c r="C1567" i="3"/>
  <c r="C1568" i="3"/>
  <c r="C1569" i="3"/>
  <c r="C1570" i="3"/>
  <c r="C1571" i="3"/>
  <c r="C1572" i="3"/>
  <c r="C1573" i="3"/>
  <c r="C1574" i="3"/>
  <c r="C1575" i="3"/>
  <c r="C1576" i="3"/>
  <c r="C1577" i="3"/>
  <c r="C1578" i="3"/>
  <c r="C1579" i="3"/>
  <c r="C1580" i="3"/>
  <c r="C1581" i="3"/>
  <c r="C1582" i="3"/>
  <c r="C1583" i="3"/>
  <c r="C1584" i="3"/>
  <c r="C1585" i="3"/>
  <c r="C1586" i="3"/>
  <c r="C1587" i="3"/>
  <c r="C1588" i="3"/>
  <c r="C1589" i="3"/>
  <c r="C1590" i="3"/>
  <c r="C1591" i="3"/>
  <c r="C1592" i="3"/>
  <c r="C1593" i="3"/>
  <c r="C1594" i="3"/>
  <c r="C1595" i="3"/>
  <c r="C1596" i="3"/>
  <c r="C1597" i="3"/>
  <c r="C1598" i="3"/>
  <c r="C1599" i="3"/>
  <c r="C1600" i="3"/>
  <c r="C1601" i="3"/>
  <c r="C1602" i="3"/>
  <c r="C1603" i="3"/>
  <c r="C1604" i="3"/>
  <c r="C1605" i="3"/>
  <c r="C1606" i="3"/>
  <c r="C1607" i="3"/>
  <c r="C1608" i="3"/>
  <c r="C1609" i="3"/>
  <c r="C1610" i="3"/>
  <c r="C1611" i="3"/>
  <c r="C1612" i="3"/>
  <c r="C1613" i="3"/>
  <c r="C1614" i="3"/>
  <c r="C1615" i="3"/>
  <c r="C1616" i="3"/>
  <c r="C1617" i="3"/>
  <c r="C1618" i="3"/>
  <c r="C1619" i="3"/>
  <c r="C1620" i="3"/>
  <c r="C1621" i="3"/>
  <c r="C1622" i="3"/>
  <c r="C1623" i="3"/>
  <c r="C1624" i="3"/>
  <c r="C1625" i="3"/>
  <c r="C1626" i="3"/>
  <c r="C1627" i="3"/>
  <c r="C1628" i="3"/>
  <c r="C1629" i="3"/>
  <c r="C1630" i="3"/>
  <c r="C1631" i="3"/>
  <c r="C1632" i="3"/>
  <c r="C1633" i="3"/>
  <c r="C1634" i="3"/>
  <c r="C1635" i="3"/>
  <c r="C1636" i="3"/>
  <c r="C1637" i="3"/>
  <c r="C1638" i="3"/>
  <c r="C1639" i="3"/>
  <c r="C1640" i="3"/>
  <c r="C1641" i="3"/>
  <c r="C1642" i="3"/>
  <c r="C1643" i="3"/>
  <c r="C1644" i="3"/>
  <c r="C1645" i="3"/>
  <c r="C1646" i="3"/>
  <c r="C1647" i="3"/>
  <c r="C1648" i="3"/>
  <c r="C1649" i="3"/>
  <c r="C1650" i="3"/>
  <c r="C1651" i="3"/>
  <c r="C1652" i="3"/>
  <c r="C1653" i="3"/>
  <c r="C1654" i="3"/>
  <c r="C1655" i="3"/>
  <c r="C1656" i="3"/>
  <c r="C1657" i="3"/>
  <c r="C1658" i="3"/>
  <c r="C1659" i="3"/>
  <c r="C1660" i="3"/>
  <c r="C1661" i="3"/>
  <c r="C1662" i="3"/>
  <c r="C1663" i="3"/>
  <c r="C1664" i="3"/>
  <c r="C1665" i="3"/>
  <c r="C1666" i="3"/>
  <c r="C1667" i="3"/>
  <c r="C1668" i="3"/>
  <c r="C1669" i="3"/>
  <c r="C1670" i="3"/>
  <c r="C1671" i="3"/>
  <c r="C1672" i="3"/>
  <c r="C1673" i="3"/>
  <c r="C1674" i="3"/>
  <c r="C1675" i="3"/>
  <c r="C1676" i="3"/>
  <c r="C1677" i="3"/>
  <c r="C1678" i="3"/>
  <c r="C1679" i="3"/>
  <c r="C1680" i="3"/>
  <c r="C1681" i="3"/>
  <c r="C1682" i="3"/>
  <c r="C1683" i="3"/>
  <c r="C1684" i="3"/>
  <c r="C1685" i="3"/>
  <c r="C1686" i="3"/>
  <c r="C1687" i="3"/>
  <c r="C1688" i="3"/>
  <c r="C1689" i="3"/>
  <c r="C1690" i="3"/>
  <c r="C1691" i="3"/>
  <c r="C1692" i="3"/>
  <c r="C1693" i="3"/>
  <c r="C1694" i="3"/>
  <c r="C1695" i="3"/>
  <c r="C1696" i="3"/>
  <c r="C1697" i="3"/>
  <c r="C1698" i="3"/>
  <c r="C1699" i="3"/>
  <c r="C1700" i="3"/>
  <c r="C1701" i="3"/>
  <c r="C1702" i="3"/>
  <c r="C1703" i="3"/>
  <c r="C1704" i="3"/>
  <c r="C1705" i="3"/>
  <c r="C1706" i="3"/>
  <c r="C1707" i="3"/>
  <c r="C1708" i="3"/>
  <c r="C1709" i="3"/>
  <c r="C1710" i="3"/>
  <c r="C1711" i="3"/>
  <c r="C1712" i="3"/>
  <c r="C1713" i="3"/>
  <c r="C1714" i="3"/>
  <c r="C1715" i="3"/>
  <c r="C1716" i="3"/>
  <c r="C1717" i="3"/>
  <c r="C1718" i="3"/>
  <c r="C1719" i="3"/>
  <c r="C1720" i="3"/>
  <c r="C1721" i="3"/>
  <c r="C1722" i="3"/>
  <c r="C1723" i="3"/>
  <c r="C1724" i="3"/>
  <c r="C1725" i="3"/>
  <c r="C1726" i="3"/>
  <c r="C1727" i="3"/>
  <c r="C1728" i="3"/>
  <c r="C1729" i="3"/>
  <c r="C1730" i="3"/>
  <c r="C1731" i="3"/>
  <c r="C1732" i="3"/>
  <c r="C1733" i="3"/>
  <c r="C1734" i="3"/>
  <c r="C1735" i="3"/>
  <c r="C1736" i="3"/>
  <c r="C1737" i="3"/>
  <c r="C1738" i="3"/>
  <c r="C1739" i="3"/>
  <c r="C1740" i="3"/>
  <c r="C1741" i="3"/>
  <c r="C1742" i="3"/>
  <c r="C1743" i="3"/>
  <c r="C1744" i="3"/>
  <c r="C1745" i="3"/>
  <c r="C1746" i="3"/>
  <c r="C1747" i="3"/>
  <c r="C1748" i="3"/>
  <c r="C1749" i="3"/>
  <c r="C1750" i="3"/>
  <c r="C1751" i="3"/>
  <c r="C1752" i="3"/>
  <c r="C1753" i="3"/>
  <c r="C1754" i="3"/>
  <c r="C1755" i="3"/>
  <c r="C1756" i="3"/>
  <c r="C1757" i="3"/>
  <c r="C1758" i="3"/>
  <c r="C1759" i="3"/>
  <c r="C1760" i="3"/>
  <c r="C1761" i="3"/>
  <c r="C1762" i="3"/>
  <c r="C1763" i="3"/>
  <c r="C1764" i="3"/>
  <c r="C1765" i="3"/>
  <c r="C1766" i="3"/>
  <c r="C1767" i="3"/>
  <c r="C1768" i="3"/>
  <c r="C1769" i="3"/>
  <c r="C1770" i="3"/>
  <c r="C1771" i="3"/>
  <c r="C1772" i="3"/>
  <c r="C1773" i="3"/>
  <c r="C1774" i="3"/>
  <c r="C1775" i="3"/>
  <c r="C1776" i="3"/>
  <c r="C1777" i="3"/>
  <c r="C1778" i="3"/>
  <c r="C1779" i="3"/>
  <c r="C1780" i="3"/>
  <c r="C1781" i="3"/>
  <c r="C1782" i="3"/>
  <c r="C1783" i="3"/>
  <c r="C1784" i="3"/>
  <c r="C1785" i="3"/>
  <c r="C1786" i="3"/>
  <c r="C1787" i="3"/>
  <c r="C1788" i="3"/>
  <c r="C1789" i="3"/>
  <c r="C1790" i="3"/>
  <c r="C1791" i="3"/>
  <c r="C1792" i="3"/>
  <c r="C1793" i="3"/>
  <c r="C1794" i="3"/>
  <c r="C1795" i="3"/>
  <c r="C1796" i="3"/>
  <c r="C1797" i="3"/>
  <c r="C1798" i="3"/>
  <c r="C1799" i="3"/>
  <c r="C1800" i="3"/>
  <c r="C1801" i="3"/>
  <c r="C1802" i="3"/>
  <c r="C1803" i="3"/>
  <c r="C1804" i="3"/>
  <c r="C1805" i="3"/>
  <c r="C1806" i="3"/>
  <c r="C1807" i="3"/>
  <c r="C1808" i="3"/>
  <c r="C1809" i="3"/>
  <c r="C1810" i="3"/>
  <c r="C1811" i="3"/>
  <c r="C1812" i="3"/>
  <c r="C1813" i="3"/>
  <c r="C1814" i="3"/>
  <c r="C1815" i="3"/>
  <c r="C1816" i="3"/>
  <c r="C1817" i="3"/>
  <c r="C1818" i="3"/>
  <c r="C1819" i="3"/>
  <c r="C1820" i="3"/>
  <c r="C1821" i="3"/>
  <c r="C1822" i="3"/>
  <c r="C1823" i="3"/>
  <c r="C1824" i="3"/>
  <c r="C1825" i="3"/>
  <c r="C1826" i="3"/>
  <c r="C1827" i="3"/>
  <c r="C1828" i="3"/>
  <c r="C1829" i="3"/>
  <c r="C1830" i="3"/>
  <c r="C1831" i="3"/>
  <c r="C1832" i="3"/>
  <c r="C1833" i="3"/>
  <c r="C1834" i="3"/>
  <c r="C1835" i="3"/>
  <c r="C1836" i="3"/>
  <c r="C1837" i="3"/>
  <c r="C1838" i="3"/>
  <c r="C1839" i="3"/>
  <c r="C1840" i="3"/>
  <c r="C1841" i="3"/>
  <c r="C1842" i="3"/>
  <c r="C1843" i="3"/>
  <c r="C1844" i="3"/>
  <c r="C1845" i="3"/>
  <c r="C1846" i="3"/>
  <c r="C1847" i="3"/>
  <c r="C1848" i="3"/>
  <c r="C1849" i="3"/>
  <c r="C1850" i="3"/>
  <c r="C1851" i="3"/>
  <c r="C1852" i="3"/>
  <c r="C1853" i="3"/>
  <c r="C1854" i="3"/>
  <c r="C1855" i="3"/>
  <c r="C1856" i="3"/>
  <c r="C1857" i="3"/>
  <c r="C1858" i="3"/>
  <c r="C1859" i="3"/>
  <c r="C1860" i="3"/>
  <c r="C1861" i="3"/>
  <c r="C1862" i="3"/>
  <c r="C1863" i="3"/>
  <c r="C1864" i="3"/>
  <c r="C1865" i="3"/>
  <c r="C1866" i="3"/>
  <c r="C1867" i="3"/>
  <c r="C1868" i="3"/>
  <c r="C1869" i="3"/>
  <c r="C1870" i="3"/>
  <c r="C1871" i="3"/>
  <c r="C1872" i="3"/>
  <c r="C1873" i="3"/>
  <c r="C1874" i="3"/>
  <c r="C1875" i="3"/>
  <c r="C1876" i="3"/>
  <c r="C1877" i="3"/>
  <c r="C1878" i="3"/>
  <c r="C1879" i="3"/>
  <c r="C1880" i="3"/>
  <c r="C1881" i="3"/>
  <c r="C1882" i="3"/>
  <c r="C1883" i="3"/>
  <c r="C1884" i="3"/>
  <c r="C1885" i="3"/>
  <c r="C1886" i="3"/>
  <c r="C1887" i="3"/>
  <c r="C1888" i="3"/>
  <c r="C1889" i="3"/>
  <c r="C1890" i="3"/>
  <c r="C1891" i="3"/>
  <c r="C1892" i="3"/>
  <c r="C1893" i="3"/>
  <c r="C1894" i="3"/>
  <c r="C1895" i="3"/>
  <c r="C1896" i="3"/>
  <c r="C1897" i="3"/>
  <c r="C1898" i="3"/>
  <c r="C1899" i="3"/>
  <c r="C1900" i="3"/>
  <c r="C1901" i="3"/>
  <c r="C1902" i="3"/>
  <c r="C1903" i="3"/>
  <c r="C1904" i="3"/>
  <c r="C1905" i="3"/>
  <c r="C1906" i="3"/>
  <c r="C1907" i="3"/>
  <c r="C1908" i="3"/>
  <c r="C1909" i="3"/>
  <c r="C1910" i="3"/>
  <c r="C1911" i="3"/>
  <c r="C1912" i="3"/>
  <c r="C1913" i="3"/>
  <c r="C1914" i="3"/>
  <c r="C1915" i="3"/>
  <c r="C1916" i="3"/>
  <c r="C1917" i="3"/>
  <c r="C1918" i="3"/>
  <c r="C1919" i="3"/>
  <c r="C1920" i="3"/>
  <c r="C1921" i="3"/>
  <c r="C1922" i="3"/>
  <c r="C1923" i="3"/>
  <c r="C1924" i="3"/>
  <c r="C1925" i="3"/>
  <c r="C1926" i="3"/>
  <c r="C1927" i="3"/>
  <c r="C1928" i="3"/>
  <c r="C1929" i="3"/>
  <c r="C1930" i="3"/>
  <c r="C1931" i="3"/>
  <c r="C1932" i="3"/>
  <c r="C1933" i="3"/>
  <c r="C1934" i="3"/>
  <c r="C1935" i="3"/>
  <c r="C1936" i="3"/>
  <c r="C1937" i="3"/>
  <c r="C1938" i="3"/>
  <c r="C1939" i="3"/>
  <c r="C1940" i="3"/>
  <c r="C1941" i="3"/>
  <c r="C1942" i="3"/>
  <c r="C1943" i="3"/>
  <c r="C1944" i="3"/>
  <c r="C1945" i="3"/>
  <c r="C1946" i="3"/>
  <c r="C1947" i="3"/>
  <c r="C1948" i="3"/>
  <c r="C1949" i="3"/>
  <c r="C1950" i="3"/>
  <c r="C1951" i="3"/>
  <c r="C1952" i="3"/>
  <c r="C1953" i="3"/>
  <c r="C1954" i="3"/>
  <c r="C1955" i="3"/>
  <c r="C1956" i="3"/>
  <c r="C1957" i="3"/>
  <c r="C1958" i="3"/>
  <c r="C1959" i="3"/>
  <c r="C1960" i="3"/>
  <c r="C1961" i="3"/>
  <c r="C1962" i="3"/>
  <c r="C1963" i="3"/>
  <c r="C1964" i="3"/>
  <c r="C1965" i="3"/>
  <c r="C1966" i="3"/>
  <c r="C1967" i="3"/>
  <c r="C1968" i="3"/>
  <c r="C1969" i="3"/>
  <c r="C1970" i="3"/>
  <c r="C1971" i="3"/>
  <c r="C1972" i="3"/>
  <c r="C1973" i="3"/>
  <c r="C1974" i="3"/>
  <c r="C1975" i="3"/>
  <c r="C1976" i="3"/>
  <c r="C1977" i="3"/>
  <c r="C1978" i="3"/>
  <c r="C1979" i="3"/>
  <c r="C1980" i="3"/>
  <c r="C1981" i="3"/>
  <c r="C1982" i="3"/>
  <c r="C1983" i="3"/>
  <c r="C1984" i="3"/>
  <c r="C1985" i="3"/>
  <c r="C1986" i="3"/>
  <c r="C1987" i="3"/>
  <c r="C1988" i="3"/>
  <c r="C1989" i="3"/>
  <c r="C1990" i="3"/>
  <c r="C1991" i="3"/>
  <c r="C1992" i="3"/>
  <c r="C1993" i="3"/>
  <c r="C1994" i="3"/>
  <c r="C1995" i="3"/>
  <c r="C1996" i="3"/>
  <c r="C1997" i="3"/>
  <c r="C1998" i="3"/>
  <c r="C1999" i="3"/>
  <c r="C2000" i="3"/>
  <c r="C2001" i="3"/>
  <c r="C2002" i="3"/>
  <c r="C2003" i="3"/>
  <c r="C2004" i="3"/>
  <c r="C2005" i="3"/>
  <c r="C2006" i="3"/>
  <c r="C2007" i="3"/>
  <c r="C2008" i="3"/>
  <c r="C2009" i="3"/>
  <c r="C2010" i="3"/>
  <c r="C2011" i="3"/>
  <c r="C2012" i="3"/>
  <c r="C2013" i="3"/>
  <c r="C2014" i="3"/>
  <c r="C2015" i="3"/>
  <c r="C2016" i="3"/>
  <c r="C2017" i="3"/>
  <c r="C2018" i="3"/>
  <c r="C2019" i="3"/>
  <c r="C2020" i="3"/>
  <c r="C2021" i="3"/>
  <c r="C2022" i="3"/>
  <c r="C2023" i="3"/>
  <c r="C2024" i="3"/>
  <c r="C2025" i="3"/>
  <c r="C2026" i="3"/>
  <c r="C2027" i="3"/>
  <c r="C2028" i="3"/>
  <c r="C2029" i="3"/>
  <c r="C2030" i="3"/>
  <c r="C2031" i="3"/>
  <c r="C2032" i="3"/>
  <c r="C2033" i="3"/>
  <c r="C2034" i="3"/>
  <c r="C2035" i="3"/>
  <c r="C2036" i="3"/>
  <c r="C2037" i="3"/>
  <c r="C2038" i="3"/>
  <c r="C2039" i="3"/>
  <c r="C2040" i="3"/>
  <c r="C2041" i="3"/>
  <c r="C2042" i="3"/>
  <c r="C2043" i="3"/>
  <c r="C2044" i="3"/>
  <c r="C2045" i="3"/>
  <c r="C2046" i="3"/>
  <c r="C2047" i="3"/>
  <c r="C2048" i="3"/>
  <c r="C2049" i="3"/>
  <c r="C2050" i="3"/>
  <c r="C2051" i="3"/>
  <c r="C2052" i="3"/>
  <c r="C2053" i="3"/>
  <c r="C2054" i="3"/>
  <c r="C2055" i="3"/>
  <c r="C2056" i="3"/>
  <c r="C2057" i="3"/>
  <c r="C2058" i="3"/>
  <c r="C2059" i="3"/>
  <c r="C2060" i="3"/>
  <c r="C2061" i="3"/>
  <c r="C2062" i="3"/>
  <c r="C2063" i="3"/>
  <c r="C2064" i="3"/>
  <c r="C2065" i="3"/>
  <c r="C2066" i="3"/>
  <c r="C2067" i="3"/>
  <c r="C2068" i="3"/>
  <c r="C2069" i="3"/>
  <c r="C2070" i="3"/>
  <c r="C2071" i="3"/>
  <c r="C2072" i="3"/>
  <c r="C2073" i="3"/>
  <c r="C2074" i="3"/>
  <c r="C2075" i="3"/>
  <c r="C2076" i="3"/>
  <c r="C2077" i="3"/>
  <c r="C2078" i="3"/>
  <c r="C2079" i="3"/>
  <c r="C2080" i="3"/>
  <c r="C2081" i="3"/>
  <c r="C2082" i="3"/>
  <c r="C2083" i="3"/>
  <c r="C2084" i="3"/>
  <c r="C2085" i="3"/>
  <c r="C2086" i="3"/>
  <c r="C2087" i="3"/>
  <c r="C2088" i="3"/>
  <c r="C2089" i="3"/>
  <c r="C2090" i="3"/>
  <c r="C2091" i="3"/>
  <c r="C2092" i="3"/>
  <c r="C2093" i="3"/>
  <c r="C2094" i="3"/>
  <c r="C2095" i="3"/>
  <c r="C2096" i="3"/>
  <c r="C2097" i="3"/>
  <c r="C2098" i="3"/>
  <c r="C2099" i="3"/>
  <c r="C2100" i="3"/>
  <c r="C2101" i="3"/>
  <c r="C2102" i="3"/>
  <c r="C2103" i="3"/>
  <c r="C2104" i="3"/>
  <c r="C2105" i="3"/>
  <c r="C2106" i="3"/>
  <c r="C2107" i="3"/>
  <c r="C2108" i="3"/>
  <c r="C2109" i="3"/>
  <c r="C2110" i="3"/>
  <c r="C2111" i="3"/>
  <c r="C2112" i="3"/>
  <c r="C2113" i="3"/>
  <c r="C2114" i="3"/>
  <c r="C2115" i="3"/>
  <c r="C2116" i="3"/>
  <c r="C2117" i="3"/>
  <c r="C2118" i="3"/>
  <c r="C2119" i="3"/>
  <c r="C2120" i="3"/>
  <c r="C2121" i="3"/>
  <c r="C2122" i="3"/>
  <c r="C2123" i="3"/>
  <c r="C2124" i="3"/>
  <c r="C2125" i="3"/>
  <c r="C2126" i="3"/>
  <c r="C2127" i="3"/>
  <c r="C2128" i="3"/>
  <c r="C2129" i="3"/>
  <c r="C2130" i="3"/>
  <c r="C2131" i="3"/>
  <c r="C2132" i="3"/>
  <c r="C2133" i="3"/>
  <c r="C2134" i="3"/>
  <c r="C2135" i="3"/>
  <c r="C2136" i="3"/>
  <c r="C2137" i="3"/>
  <c r="C2138" i="3"/>
  <c r="C2139" i="3"/>
  <c r="C2140" i="3"/>
  <c r="C2141" i="3"/>
  <c r="C2142" i="3"/>
  <c r="C2143" i="3"/>
  <c r="C2144" i="3"/>
  <c r="C2145" i="3"/>
  <c r="C2146" i="3"/>
  <c r="C2147" i="3"/>
  <c r="C2148" i="3"/>
  <c r="C2149" i="3"/>
  <c r="C2150" i="3"/>
  <c r="C2151" i="3"/>
  <c r="C2152" i="3"/>
  <c r="C2153" i="3"/>
  <c r="C2154" i="3"/>
  <c r="C2155" i="3"/>
  <c r="C2156" i="3"/>
  <c r="C2157" i="3"/>
  <c r="C2158" i="3"/>
  <c r="C2159" i="3"/>
  <c r="C2160" i="3"/>
  <c r="C2161" i="3"/>
  <c r="C2162" i="3"/>
  <c r="C2163" i="3"/>
  <c r="C2164" i="3"/>
  <c r="C2165" i="3"/>
  <c r="C2166" i="3"/>
  <c r="C2167" i="3"/>
  <c r="C2168" i="3"/>
  <c r="C2169" i="3"/>
  <c r="C2170" i="3"/>
  <c r="C2171" i="3"/>
  <c r="C2172" i="3"/>
  <c r="C2173" i="3"/>
  <c r="C2174" i="3"/>
  <c r="C2175" i="3"/>
  <c r="C2176" i="3"/>
  <c r="C2177" i="3"/>
  <c r="C2178" i="3"/>
  <c r="C2179" i="3"/>
  <c r="C2180" i="3"/>
  <c r="C2181" i="3"/>
  <c r="C2182" i="3"/>
  <c r="C2183" i="3"/>
  <c r="C2184" i="3"/>
  <c r="C2185" i="3"/>
  <c r="C2186" i="3"/>
  <c r="C2187" i="3"/>
  <c r="C2188" i="3"/>
  <c r="C2189" i="3"/>
  <c r="C2190" i="3"/>
  <c r="C2191" i="3"/>
  <c r="C2192" i="3"/>
  <c r="C2193" i="3"/>
  <c r="C2194" i="3"/>
  <c r="C2195" i="3"/>
  <c r="C2196" i="3"/>
  <c r="C2197" i="3"/>
  <c r="C2198" i="3"/>
  <c r="C2199" i="3"/>
  <c r="C2200" i="3"/>
  <c r="C2201" i="3"/>
  <c r="C2202" i="3"/>
  <c r="C2203" i="3"/>
  <c r="C2204" i="3"/>
  <c r="C2205" i="3"/>
  <c r="C2206" i="3"/>
  <c r="C2207" i="3"/>
  <c r="C2208" i="3"/>
  <c r="C2209" i="3"/>
  <c r="C2210" i="3"/>
  <c r="C2211" i="3"/>
  <c r="C2212" i="3"/>
  <c r="C2213" i="3"/>
  <c r="C2214" i="3"/>
  <c r="C2215" i="3"/>
  <c r="C2216" i="3"/>
  <c r="C2217" i="3"/>
  <c r="C2218" i="3"/>
  <c r="C2219" i="3"/>
  <c r="C2220" i="3"/>
  <c r="C2221" i="3"/>
  <c r="C2222" i="3"/>
  <c r="C2223" i="3"/>
  <c r="C2224" i="3"/>
  <c r="C2225" i="3"/>
  <c r="C2226" i="3"/>
  <c r="C2227" i="3"/>
  <c r="C2228" i="3"/>
  <c r="C2229" i="3"/>
  <c r="C2230" i="3"/>
  <c r="C2231" i="3"/>
  <c r="C2232" i="3"/>
  <c r="C2233" i="3"/>
  <c r="C2234" i="3"/>
  <c r="C2235" i="3"/>
  <c r="C2236" i="3"/>
  <c r="C2237" i="3"/>
  <c r="C2238" i="3"/>
  <c r="C2239" i="3"/>
  <c r="C2240" i="3"/>
  <c r="C2241" i="3"/>
  <c r="C2242" i="3"/>
  <c r="C2243" i="3"/>
  <c r="C2244" i="3"/>
  <c r="C2245" i="3"/>
  <c r="C2246" i="3"/>
  <c r="C2247" i="3"/>
  <c r="C2248" i="3"/>
  <c r="C2249" i="3"/>
  <c r="C2250" i="3"/>
  <c r="C2251" i="3"/>
  <c r="C2252" i="3"/>
  <c r="C2253" i="3"/>
  <c r="C2254" i="3"/>
  <c r="C2255" i="3"/>
  <c r="C2256" i="3"/>
  <c r="C2257" i="3"/>
  <c r="C2258" i="3"/>
  <c r="C2259" i="3"/>
  <c r="C2260" i="3"/>
  <c r="C2261" i="3"/>
  <c r="C2262" i="3"/>
  <c r="C2263" i="3"/>
  <c r="C2264" i="3"/>
  <c r="C2265" i="3"/>
  <c r="C2266" i="3"/>
  <c r="C2267" i="3"/>
  <c r="C2268" i="3"/>
  <c r="C2269" i="3"/>
  <c r="C2270" i="3"/>
  <c r="C2271" i="3"/>
  <c r="C2272" i="3"/>
  <c r="C2273" i="3"/>
  <c r="C2274" i="3"/>
  <c r="C2275" i="3"/>
  <c r="C2276" i="3"/>
  <c r="C2277" i="3"/>
  <c r="C2278" i="3"/>
  <c r="C2279" i="3"/>
  <c r="C2280" i="3"/>
  <c r="C2281" i="3"/>
  <c r="C2282" i="3"/>
  <c r="C2283" i="3"/>
  <c r="C2284" i="3"/>
  <c r="C2285" i="3"/>
  <c r="C2286" i="3"/>
  <c r="C2287" i="3"/>
  <c r="C2288" i="3"/>
  <c r="C2289" i="3"/>
  <c r="C2290" i="3"/>
  <c r="C2291" i="3"/>
  <c r="C2292" i="3"/>
  <c r="C2293" i="3"/>
  <c r="C2294" i="3"/>
  <c r="C2295" i="3"/>
  <c r="C2296" i="3"/>
  <c r="C2297" i="3"/>
  <c r="C2298" i="3"/>
  <c r="C2299" i="3"/>
  <c r="C2300" i="3"/>
  <c r="C2301" i="3"/>
  <c r="C2302" i="3"/>
  <c r="C2303" i="3"/>
  <c r="C2304" i="3"/>
  <c r="C2305" i="3"/>
  <c r="C2306" i="3"/>
  <c r="C2307" i="3"/>
  <c r="C2308" i="3"/>
  <c r="C2309" i="3"/>
  <c r="C2310" i="3"/>
  <c r="C2311" i="3"/>
  <c r="C2312" i="3"/>
  <c r="C2313" i="3"/>
  <c r="C2314" i="3"/>
  <c r="C2315" i="3"/>
  <c r="C2316" i="3"/>
  <c r="C2317" i="3"/>
  <c r="C2318" i="3"/>
  <c r="C2319" i="3"/>
  <c r="C2320" i="3"/>
  <c r="C2321" i="3"/>
  <c r="C2322" i="3"/>
  <c r="C2323" i="3"/>
  <c r="C2324" i="3"/>
  <c r="C2325" i="3"/>
  <c r="C2326" i="3"/>
  <c r="C2327" i="3"/>
  <c r="C2328" i="3"/>
  <c r="C2329" i="3"/>
  <c r="C2330" i="3"/>
  <c r="C2331" i="3"/>
  <c r="C2332" i="3"/>
  <c r="C2333" i="3"/>
  <c r="C2334" i="3"/>
  <c r="C2335" i="3"/>
  <c r="C2336" i="3"/>
  <c r="C2337" i="3"/>
  <c r="C2338" i="3"/>
  <c r="C2339" i="3"/>
  <c r="C2340" i="3"/>
  <c r="C2341" i="3"/>
  <c r="C2342" i="3"/>
  <c r="C2343" i="3"/>
  <c r="C2344" i="3"/>
  <c r="C2345" i="3"/>
  <c r="C2346" i="3"/>
  <c r="C2347" i="3"/>
  <c r="C2348" i="3"/>
  <c r="C2349" i="3"/>
  <c r="C2350" i="3"/>
  <c r="C2351" i="3"/>
  <c r="C2352" i="3"/>
  <c r="C2353" i="3"/>
  <c r="C2354" i="3"/>
  <c r="C2355" i="3"/>
  <c r="C2356" i="3"/>
  <c r="C2357" i="3"/>
  <c r="C2358" i="3"/>
  <c r="C2359" i="3"/>
  <c r="C2360" i="3"/>
  <c r="C2361" i="3"/>
  <c r="C2362" i="3"/>
  <c r="C2363" i="3"/>
  <c r="C2364" i="3"/>
  <c r="C2365" i="3"/>
  <c r="C2366" i="3"/>
  <c r="C2367" i="3"/>
  <c r="C2368" i="3"/>
  <c r="C2369" i="3"/>
  <c r="C2370" i="3"/>
  <c r="C2371" i="3"/>
  <c r="C2372" i="3"/>
  <c r="C2373" i="3"/>
  <c r="C2374" i="3"/>
  <c r="C2375" i="3"/>
  <c r="C2376" i="3"/>
  <c r="C2377" i="3"/>
  <c r="C2378" i="3"/>
  <c r="C2379" i="3"/>
  <c r="C2380" i="3"/>
  <c r="C2381" i="3"/>
  <c r="C2382" i="3"/>
  <c r="C2383" i="3"/>
  <c r="C2384" i="3"/>
  <c r="C2385" i="3"/>
  <c r="C2386" i="3"/>
  <c r="C2387" i="3"/>
  <c r="C2388" i="3"/>
  <c r="C2389" i="3"/>
  <c r="C2390" i="3"/>
  <c r="C2391" i="3"/>
  <c r="C2392" i="3"/>
  <c r="C2393" i="3"/>
  <c r="C2394" i="3"/>
  <c r="C2395" i="3"/>
  <c r="C2396" i="3"/>
  <c r="C2397" i="3"/>
  <c r="C2398" i="3"/>
  <c r="C2399" i="3"/>
  <c r="C2400" i="3"/>
  <c r="C2401" i="3"/>
  <c r="C2402" i="3"/>
  <c r="C2403" i="3"/>
  <c r="C2404" i="3"/>
  <c r="C2405" i="3"/>
  <c r="C2406" i="3"/>
  <c r="C2407" i="3"/>
  <c r="C2408" i="3"/>
  <c r="C2409" i="3"/>
  <c r="C2410" i="3"/>
  <c r="C2411" i="3"/>
  <c r="C2412" i="3"/>
  <c r="C2413" i="3"/>
  <c r="C2414" i="3"/>
  <c r="C2415" i="3"/>
  <c r="C2416" i="3"/>
  <c r="C2417" i="3"/>
  <c r="C2418" i="3"/>
  <c r="C2419" i="3"/>
  <c r="C2420" i="3"/>
  <c r="C2421" i="3"/>
  <c r="C2422" i="3"/>
  <c r="C2423" i="3"/>
  <c r="C2424" i="3"/>
  <c r="C2425" i="3"/>
  <c r="C2426" i="3"/>
  <c r="C2427" i="3"/>
  <c r="C2428" i="3"/>
  <c r="C2429" i="3"/>
  <c r="C2430" i="3"/>
  <c r="C2431" i="3"/>
  <c r="C2432" i="3"/>
  <c r="C2433" i="3"/>
  <c r="C2434" i="3"/>
  <c r="C2435" i="3"/>
  <c r="C2436" i="3"/>
  <c r="C2437" i="3"/>
  <c r="C2438" i="3"/>
  <c r="C2439" i="3"/>
  <c r="C2440" i="3"/>
  <c r="C2441" i="3"/>
  <c r="C2442" i="3"/>
  <c r="C2443" i="3"/>
  <c r="C2444" i="3"/>
  <c r="C2445" i="3"/>
  <c r="C2446" i="3"/>
  <c r="C2447" i="3"/>
  <c r="C2448" i="3"/>
  <c r="C2449" i="3"/>
  <c r="C2450" i="3"/>
  <c r="C2451" i="3"/>
  <c r="C2452" i="3"/>
  <c r="C2453" i="3"/>
  <c r="C2454" i="3"/>
  <c r="C2455" i="3"/>
  <c r="C2456" i="3"/>
  <c r="C2457" i="3"/>
  <c r="C2458" i="3"/>
  <c r="C2459" i="3"/>
  <c r="C2460" i="3"/>
  <c r="C2461" i="3"/>
  <c r="C2462" i="3"/>
  <c r="C2463" i="3"/>
  <c r="C2464" i="3"/>
  <c r="C2465" i="3"/>
  <c r="C2466" i="3"/>
  <c r="C2467" i="3"/>
  <c r="C2468" i="3"/>
  <c r="C2469" i="3"/>
  <c r="C2470" i="3"/>
  <c r="C2471" i="3"/>
  <c r="C2472" i="3"/>
  <c r="C2473" i="3"/>
  <c r="C2474" i="3"/>
  <c r="C2475" i="3"/>
  <c r="C2476" i="3"/>
  <c r="C2477" i="3"/>
  <c r="C2478" i="3"/>
  <c r="C2479" i="3"/>
  <c r="C2480" i="3"/>
  <c r="C2481" i="3"/>
  <c r="C2482" i="3"/>
  <c r="C2483" i="3"/>
  <c r="C2484" i="3"/>
  <c r="C2485" i="3"/>
  <c r="C2486" i="3"/>
  <c r="C2487" i="3"/>
  <c r="C2488" i="3"/>
  <c r="C2489" i="3"/>
  <c r="C2490" i="3"/>
  <c r="C2491" i="3"/>
  <c r="C2492" i="3"/>
  <c r="C2493" i="3"/>
  <c r="C2494" i="3"/>
  <c r="C2495" i="3"/>
  <c r="C2496" i="3"/>
  <c r="C2497" i="3"/>
  <c r="C2498" i="3"/>
  <c r="C2499" i="3"/>
  <c r="C2500" i="3"/>
  <c r="C2501" i="3"/>
  <c r="C2502" i="3"/>
  <c r="C2503" i="3"/>
  <c r="C2504" i="3"/>
  <c r="C2505" i="3"/>
  <c r="C2506" i="3"/>
  <c r="C2507" i="3"/>
  <c r="C2508" i="3"/>
  <c r="C2509" i="3"/>
  <c r="C2510" i="3"/>
  <c r="C2511" i="3"/>
  <c r="C2512" i="3"/>
  <c r="C2513" i="3"/>
  <c r="C2514" i="3"/>
  <c r="C2515" i="3"/>
  <c r="C2516" i="3"/>
  <c r="C2517" i="3"/>
  <c r="C2518" i="3"/>
  <c r="C2519" i="3"/>
  <c r="C2520" i="3"/>
  <c r="C2521" i="3"/>
  <c r="C2522" i="3"/>
  <c r="C2523" i="3"/>
  <c r="C2524" i="3"/>
  <c r="C2525" i="3"/>
  <c r="C2526" i="3"/>
  <c r="C2527" i="3"/>
  <c r="C2528" i="3"/>
  <c r="C2529" i="3"/>
  <c r="C2530" i="3"/>
  <c r="C2531" i="3"/>
  <c r="C2532" i="3"/>
  <c r="C2533" i="3"/>
  <c r="C2534" i="3"/>
  <c r="C2535" i="3"/>
  <c r="C2536" i="3"/>
  <c r="C2537" i="3"/>
  <c r="C2538" i="3"/>
  <c r="C2539" i="3"/>
  <c r="C2540" i="3"/>
  <c r="C2541" i="3"/>
  <c r="C2542" i="3"/>
  <c r="C2543" i="3"/>
  <c r="C2544" i="3"/>
  <c r="C2545" i="3"/>
  <c r="C2546" i="3"/>
  <c r="C2547" i="3"/>
  <c r="C2548" i="3"/>
  <c r="C2549" i="3"/>
  <c r="C2550" i="3"/>
  <c r="C2551" i="3"/>
  <c r="C2552" i="3"/>
  <c r="C2553" i="3"/>
  <c r="C2554" i="3"/>
  <c r="C2555" i="3"/>
  <c r="C2556" i="3"/>
  <c r="C2557" i="3"/>
  <c r="C2558" i="3"/>
  <c r="C2559" i="3"/>
  <c r="C2560" i="3"/>
  <c r="C2561" i="3"/>
  <c r="C2562" i="3"/>
  <c r="C2563" i="3"/>
  <c r="C2564" i="3"/>
  <c r="C2565" i="3"/>
  <c r="C2566" i="3"/>
  <c r="C2567" i="3"/>
  <c r="C2568" i="3"/>
  <c r="C2569" i="3"/>
  <c r="C2570" i="3"/>
  <c r="C2571" i="3"/>
  <c r="C2572" i="3"/>
  <c r="C2573" i="3"/>
  <c r="C2574" i="3"/>
  <c r="C2575" i="3"/>
  <c r="C2576" i="3"/>
  <c r="C2577" i="3"/>
  <c r="C2578" i="3"/>
  <c r="C2579" i="3"/>
  <c r="C2580" i="3"/>
  <c r="C2581" i="3"/>
  <c r="C2582" i="3"/>
  <c r="C2583" i="3"/>
  <c r="C2584" i="3"/>
  <c r="C2585" i="3"/>
  <c r="C2586" i="3"/>
  <c r="C2587" i="3"/>
  <c r="C2588" i="3"/>
  <c r="C2589" i="3"/>
  <c r="C2590" i="3"/>
  <c r="C2591" i="3"/>
  <c r="C2592" i="3"/>
  <c r="C2593" i="3"/>
  <c r="C2594" i="3"/>
  <c r="C2595" i="3"/>
  <c r="C2596" i="3"/>
  <c r="C2597" i="3"/>
  <c r="C2598" i="3"/>
  <c r="C2599" i="3"/>
  <c r="C2600" i="3"/>
  <c r="C2601" i="3"/>
  <c r="C2602" i="3"/>
  <c r="C2603" i="3"/>
  <c r="C2604" i="3"/>
  <c r="C2605" i="3"/>
  <c r="C2606" i="3"/>
  <c r="C2607" i="3"/>
  <c r="C2608" i="3"/>
  <c r="C2609" i="3"/>
  <c r="C2610" i="3"/>
  <c r="C2611" i="3"/>
  <c r="C2612" i="3"/>
  <c r="C2613" i="3"/>
  <c r="C2614" i="3"/>
  <c r="C2615" i="3"/>
  <c r="C2616" i="3"/>
  <c r="C2617" i="3"/>
  <c r="C2618" i="3"/>
  <c r="C2619" i="3"/>
  <c r="C2620" i="3"/>
  <c r="C2621" i="3"/>
  <c r="C2622" i="3"/>
  <c r="C2623" i="3"/>
  <c r="C2624" i="3"/>
  <c r="C2625" i="3"/>
  <c r="C2626" i="3"/>
  <c r="C2627" i="3"/>
  <c r="C2628" i="3"/>
  <c r="C2629" i="3"/>
  <c r="C2630" i="3"/>
  <c r="C2631" i="3"/>
  <c r="C2632" i="3"/>
  <c r="C2633" i="3"/>
  <c r="C2634" i="3"/>
  <c r="C2635" i="3"/>
  <c r="C2636" i="3"/>
  <c r="C2637" i="3"/>
  <c r="C2638" i="3"/>
  <c r="C2639" i="3"/>
  <c r="C2640" i="3"/>
  <c r="C2641" i="3"/>
  <c r="C2642" i="3"/>
  <c r="C2643" i="3"/>
  <c r="C2644" i="3"/>
  <c r="C2645" i="3"/>
  <c r="C2646" i="3"/>
  <c r="C2647" i="3"/>
  <c r="C2648" i="3"/>
  <c r="C2649" i="3"/>
  <c r="C2650" i="3"/>
  <c r="C2651" i="3"/>
  <c r="C2652" i="3"/>
  <c r="C2653" i="3"/>
  <c r="C2654" i="3"/>
  <c r="C2655" i="3"/>
  <c r="C2656" i="3"/>
  <c r="C2657" i="3"/>
  <c r="C2658" i="3"/>
  <c r="C2659" i="3"/>
  <c r="C2660" i="3"/>
  <c r="C2661" i="3"/>
  <c r="C2662" i="3"/>
  <c r="C2663" i="3"/>
  <c r="C2664" i="3"/>
  <c r="C2665" i="3"/>
  <c r="C2666" i="3"/>
  <c r="C2667" i="3"/>
  <c r="C2668" i="3"/>
  <c r="C2669" i="3"/>
  <c r="C2670" i="3"/>
  <c r="C2671" i="3"/>
  <c r="C2672" i="3"/>
  <c r="C2673" i="3"/>
  <c r="C2674" i="3"/>
  <c r="C2675" i="3"/>
  <c r="C2676" i="3"/>
  <c r="C2677" i="3"/>
  <c r="C2678" i="3"/>
  <c r="C2679" i="3"/>
  <c r="C2680" i="3"/>
  <c r="C2681" i="3"/>
  <c r="C2682" i="3"/>
  <c r="C2683" i="3"/>
  <c r="C2684" i="3"/>
  <c r="C2685" i="3"/>
  <c r="C2686" i="3"/>
  <c r="C2687" i="3"/>
  <c r="C2688" i="3"/>
  <c r="C2689" i="3"/>
  <c r="C2690" i="3"/>
  <c r="C2691" i="3"/>
  <c r="C2692" i="3"/>
  <c r="C2693" i="3"/>
  <c r="C2694" i="3"/>
  <c r="C2695" i="3"/>
  <c r="C2696" i="3"/>
  <c r="C2697" i="3"/>
  <c r="C2698" i="3"/>
  <c r="C2699" i="3"/>
  <c r="C2700" i="3"/>
  <c r="C2701" i="3"/>
  <c r="C2702" i="3"/>
  <c r="C2703" i="3"/>
  <c r="C2704" i="3"/>
  <c r="C2705" i="3"/>
  <c r="C2706" i="3"/>
  <c r="C2707" i="3"/>
  <c r="C2708" i="3"/>
  <c r="C2709" i="3"/>
  <c r="C2710" i="3"/>
  <c r="C2711" i="3"/>
  <c r="C2712" i="3"/>
  <c r="C2713" i="3"/>
  <c r="C2714" i="3"/>
  <c r="C2715" i="3"/>
  <c r="C2716" i="3"/>
  <c r="C2717" i="3"/>
  <c r="C2718" i="3"/>
  <c r="C2719" i="3"/>
  <c r="C2720" i="3"/>
  <c r="C2721" i="3"/>
  <c r="C2722" i="3"/>
  <c r="C2723" i="3"/>
  <c r="C2724" i="3"/>
  <c r="C2725" i="3"/>
  <c r="C2726" i="3"/>
  <c r="C2727" i="3"/>
  <c r="C2728" i="3"/>
  <c r="C2729" i="3"/>
  <c r="C2730" i="3"/>
  <c r="C2731" i="3"/>
  <c r="C2732" i="3"/>
  <c r="C2733" i="3"/>
  <c r="C2734" i="3"/>
  <c r="C2735" i="3"/>
  <c r="C2736" i="3"/>
  <c r="C2737" i="3"/>
  <c r="C2738" i="3"/>
  <c r="C2739" i="3"/>
  <c r="C2740" i="3"/>
  <c r="C2741" i="3"/>
  <c r="C2742" i="3"/>
  <c r="C2743" i="3"/>
  <c r="C2744" i="3"/>
  <c r="C2745" i="3"/>
  <c r="C2746" i="3"/>
  <c r="C2747" i="3"/>
  <c r="C2748" i="3"/>
  <c r="C2749" i="3"/>
  <c r="C2750" i="3"/>
  <c r="C2751" i="3"/>
  <c r="C2752" i="3"/>
  <c r="C2753" i="3"/>
  <c r="C2754" i="3"/>
  <c r="C2755" i="3"/>
  <c r="C2756" i="3"/>
  <c r="C2757" i="3"/>
  <c r="C2758" i="3"/>
  <c r="C2759" i="3"/>
  <c r="C2760" i="3"/>
  <c r="C2761" i="3"/>
  <c r="C2762" i="3"/>
  <c r="C2763" i="3"/>
  <c r="C2764" i="3"/>
  <c r="C2765" i="3"/>
  <c r="C2766" i="3"/>
  <c r="C2767" i="3"/>
  <c r="C2768" i="3"/>
  <c r="C2769" i="3"/>
  <c r="C2770" i="3"/>
  <c r="C2771" i="3"/>
  <c r="C2772" i="3"/>
  <c r="C2773" i="3"/>
  <c r="C2774" i="3"/>
  <c r="C2775" i="3"/>
  <c r="C2776" i="3"/>
  <c r="C2777" i="3"/>
  <c r="C2778" i="3"/>
  <c r="C2779" i="3"/>
  <c r="C2780" i="3"/>
  <c r="C2781" i="3"/>
  <c r="C2782" i="3"/>
  <c r="C2783" i="3"/>
  <c r="C2784" i="3"/>
  <c r="C2785" i="3"/>
  <c r="C2786" i="3"/>
  <c r="C2787" i="3"/>
  <c r="C2788" i="3"/>
  <c r="C2789" i="3"/>
  <c r="C2790" i="3"/>
  <c r="C2791" i="3"/>
  <c r="C2792" i="3"/>
  <c r="C2793" i="3"/>
  <c r="C2794" i="3"/>
  <c r="C2795" i="3"/>
  <c r="C2796" i="3"/>
  <c r="C2797" i="3"/>
  <c r="C2798" i="3"/>
  <c r="C2799" i="3"/>
  <c r="C2800" i="3"/>
  <c r="C2801" i="3"/>
  <c r="C2802" i="3"/>
  <c r="C2803" i="3"/>
  <c r="C2804" i="3"/>
  <c r="C2805" i="3"/>
  <c r="C2806" i="3"/>
  <c r="C2807" i="3"/>
  <c r="C2808" i="3"/>
  <c r="C2809" i="3"/>
  <c r="C2810" i="3"/>
  <c r="C2811" i="3"/>
  <c r="C2812" i="3"/>
  <c r="C2813" i="3"/>
  <c r="C2814" i="3"/>
  <c r="C2815" i="3"/>
  <c r="C2816" i="3"/>
  <c r="C2817" i="3"/>
  <c r="C2818" i="3"/>
  <c r="C2819" i="3"/>
  <c r="C2820" i="3"/>
  <c r="C2821" i="3"/>
  <c r="C2822" i="3"/>
  <c r="C2823" i="3"/>
  <c r="C2824" i="3"/>
  <c r="C2825" i="3"/>
  <c r="C2826" i="3"/>
  <c r="C2827" i="3"/>
  <c r="C2828" i="3"/>
  <c r="C2829" i="3"/>
  <c r="C2830" i="3"/>
  <c r="C2831" i="3"/>
  <c r="C2832" i="3"/>
  <c r="C2833" i="3"/>
  <c r="C2834" i="3"/>
  <c r="C2835" i="3"/>
  <c r="C2836" i="3"/>
  <c r="C2837" i="3"/>
  <c r="C2838" i="3"/>
  <c r="C2839" i="3"/>
  <c r="C2840" i="3"/>
  <c r="C2841" i="3"/>
  <c r="C2842" i="3"/>
  <c r="C2843" i="3"/>
  <c r="C2844" i="3"/>
  <c r="C2845" i="3"/>
  <c r="C2846" i="3"/>
  <c r="C2847" i="3"/>
  <c r="C2848" i="3"/>
  <c r="C2849" i="3"/>
  <c r="C2850" i="3"/>
  <c r="C2851" i="3"/>
  <c r="C2852" i="3"/>
  <c r="C2853" i="3"/>
  <c r="C2854" i="3"/>
  <c r="C2855" i="3"/>
  <c r="C2856" i="3"/>
  <c r="C2857" i="3"/>
  <c r="C2858" i="3"/>
  <c r="C2859" i="3"/>
  <c r="C2860" i="3"/>
  <c r="C2861" i="3"/>
  <c r="C2862" i="3"/>
  <c r="C2863" i="3"/>
  <c r="C2864" i="3"/>
  <c r="C2865" i="3"/>
  <c r="C2866" i="3"/>
  <c r="C2867" i="3"/>
  <c r="C2868" i="3"/>
  <c r="C2869" i="3"/>
  <c r="C2870" i="3"/>
  <c r="C2871" i="3"/>
  <c r="C2872" i="3"/>
  <c r="C2873" i="3"/>
  <c r="C2874" i="3"/>
  <c r="C2875" i="3"/>
  <c r="C2876" i="3"/>
  <c r="C2877" i="3"/>
  <c r="C2878" i="3"/>
  <c r="C2879" i="3"/>
  <c r="C2880" i="3"/>
  <c r="C2881" i="3"/>
  <c r="C2882" i="3"/>
  <c r="C2883" i="3"/>
  <c r="C2884" i="3"/>
  <c r="C2885" i="3"/>
  <c r="C2886" i="3"/>
  <c r="C2887" i="3"/>
  <c r="C2888" i="3"/>
  <c r="C2889" i="3"/>
  <c r="C2890" i="3"/>
  <c r="C2891" i="3"/>
  <c r="C2892" i="3"/>
  <c r="C2893" i="3"/>
  <c r="C2894" i="3"/>
  <c r="C2895" i="3"/>
  <c r="C2896" i="3"/>
  <c r="C2897" i="3"/>
  <c r="C2898" i="3"/>
  <c r="C2899" i="3"/>
  <c r="C2900" i="3"/>
  <c r="C2901" i="3"/>
  <c r="C2902" i="3"/>
  <c r="C2903" i="3"/>
  <c r="C2904" i="3"/>
  <c r="C2905" i="3"/>
  <c r="C2906" i="3"/>
  <c r="C2907" i="3"/>
  <c r="C2908" i="3"/>
  <c r="C2909" i="3"/>
  <c r="C2910" i="3"/>
  <c r="C2911" i="3"/>
  <c r="C2912" i="3"/>
  <c r="C2913" i="3"/>
  <c r="C2914" i="3"/>
  <c r="C2915" i="3"/>
  <c r="C2916" i="3"/>
  <c r="C2917" i="3"/>
  <c r="C2918" i="3"/>
  <c r="C2919" i="3"/>
  <c r="C2920" i="3"/>
  <c r="C2921" i="3"/>
  <c r="C2922" i="3"/>
  <c r="C2923" i="3"/>
  <c r="C2924" i="3"/>
  <c r="C2925" i="3"/>
  <c r="C2926" i="3"/>
  <c r="C2927" i="3"/>
  <c r="C2928" i="3"/>
  <c r="C2929" i="3"/>
  <c r="C2930" i="3"/>
  <c r="C2931" i="3"/>
  <c r="C2932" i="3"/>
  <c r="C2933" i="3"/>
  <c r="C2934" i="3"/>
  <c r="C2935" i="3"/>
  <c r="C2936" i="3"/>
  <c r="C2937" i="3"/>
  <c r="C2938" i="3"/>
  <c r="C2939" i="3"/>
  <c r="C2940" i="3"/>
  <c r="C2941" i="3"/>
  <c r="C2942" i="3"/>
  <c r="C2943" i="3"/>
  <c r="C2944" i="3"/>
  <c r="C2945" i="3"/>
  <c r="C2946" i="3"/>
  <c r="C2947" i="3"/>
  <c r="C2948" i="3"/>
  <c r="C2949" i="3"/>
  <c r="C2950" i="3"/>
  <c r="C2951" i="3"/>
  <c r="C2952" i="3"/>
  <c r="C2953" i="3"/>
  <c r="C2954" i="3"/>
  <c r="C2955" i="3"/>
  <c r="C2956" i="3"/>
  <c r="C2957" i="3"/>
  <c r="C2958" i="3"/>
  <c r="C2959" i="3"/>
  <c r="C2960" i="3"/>
  <c r="C2961" i="3"/>
  <c r="C2962" i="3"/>
  <c r="C2963" i="3"/>
  <c r="C2964" i="3"/>
  <c r="C2965" i="3"/>
  <c r="C2966" i="3"/>
  <c r="C2967" i="3"/>
  <c r="C2968" i="3"/>
  <c r="C2969" i="3"/>
  <c r="C2970" i="3"/>
  <c r="C2971" i="3"/>
  <c r="C2972" i="3"/>
  <c r="C2973" i="3"/>
  <c r="C2974" i="3"/>
  <c r="C2975" i="3"/>
  <c r="C2976" i="3"/>
  <c r="C2977" i="3"/>
  <c r="C2978" i="3"/>
  <c r="C2979" i="3"/>
  <c r="C2980" i="3"/>
  <c r="C2981" i="3"/>
  <c r="C2982" i="3"/>
  <c r="C2983" i="3"/>
  <c r="C2984" i="3"/>
  <c r="C2985" i="3"/>
  <c r="C2986" i="3"/>
  <c r="C2987" i="3"/>
  <c r="C2988" i="3"/>
  <c r="C2989" i="3"/>
  <c r="C2990" i="3"/>
  <c r="C2991" i="3"/>
  <c r="C2992" i="3"/>
  <c r="C2993" i="3"/>
  <c r="C2994" i="3"/>
  <c r="C2995" i="3"/>
  <c r="C2996" i="3"/>
  <c r="C2997" i="3"/>
  <c r="C2998" i="3"/>
  <c r="C2999" i="3"/>
  <c r="C3000" i="3"/>
  <c r="C3001" i="3"/>
  <c r="C3002" i="3"/>
  <c r="C3003" i="3"/>
  <c r="C3004" i="3"/>
  <c r="C3005" i="3"/>
  <c r="C3006" i="3"/>
  <c r="C3007" i="3"/>
  <c r="C3008" i="3"/>
  <c r="C3009" i="3"/>
  <c r="C3010" i="3"/>
  <c r="C3011" i="3"/>
  <c r="C3012" i="3"/>
  <c r="C3013" i="3"/>
  <c r="C3014" i="3"/>
  <c r="C3015" i="3"/>
  <c r="C3016" i="3"/>
  <c r="C3017" i="3"/>
  <c r="C3018" i="3"/>
  <c r="C3019" i="3"/>
  <c r="C3020" i="3"/>
  <c r="C3021" i="3"/>
  <c r="C3022" i="3"/>
  <c r="C3023" i="3"/>
  <c r="C3024" i="3"/>
  <c r="C3025" i="3"/>
  <c r="C3026" i="3"/>
  <c r="C3027" i="3"/>
  <c r="C3028" i="3"/>
  <c r="C3029" i="3"/>
  <c r="C3030" i="3"/>
  <c r="C3031" i="3"/>
  <c r="C3032" i="3"/>
  <c r="C3033" i="3"/>
  <c r="C3034" i="3"/>
  <c r="C3035" i="3"/>
  <c r="C3036" i="3"/>
  <c r="C3037" i="3"/>
  <c r="C3038" i="3"/>
  <c r="C3039" i="3"/>
  <c r="C3040" i="3"/>
  <c r="C3041" i="3"/>
  <c r="C3042" i="3"/>
  <c r="C3043" i="3"/>
  <c r="C3044" i="3"/>
  <c r="C3045" i="3"/>
  <c r="C3046" i="3"/>
  <c r="C3047" i="3"/>
  <c r="C3048" i="3"/>
  <c r="C3049" i="3"/>
  <c r="C3050" i="3"/>
  <c r="C3051" i="3"/>
  <c r="C3052" i="3"/>
  <c r="C3053" i="3"/>
  <c r="C3054" i="3"/>
  <c r="C3055" i="3"/>
  <c r="C3056" i="3"/>
  <c r="C3057" i="3"/>
  <c r="C3058" i="3"/>
  <c r="C3059" i="3"/>
  <c r="C3060" i="3"/>
  <c r="C3061" i="3"/>
  <c r="C3062" i="3"/>
  <c r="C3063" i="3"/>
  <c r="C3064" i="3"/>
  <c r="C3065" i="3"/>
  <c r="C3066" i="3"/>
  <c r="C3067" i="3"/>
  <c r="C3068" i="3"/>
  <c r="C3069" i="3"/>
  <c r="C3070" i="3"/>
  <c r="C3071" i="3"/>
  <c r="C3072" i="3"/>
  <c r="C3073" i="3"/>
  <c r="C3074" i="3"/>
  <c r="C3075" i="3"/>
  <c r="C3076" i="3"/>
  <c r="C3077" i="3"/>
  <c r="C3078" i="3"/>
  <c r="C3079" i="3"/>
  <c r="C3080" i="3"/>
  <c r="C3081" i="3"/>
  <c r="C3082" i="3"/>
  <c r="C3083" i="3"/>
  <c r="C3084" i="3"/>
  <c r="C3085" i="3"/>
  <c r="C3086" i="3"/>
  <c r="C3087" i="3"/>
  <c r="C3088" i="3"/>
  <c r="C3089" i="3"/>
  <c r="C3090" i="3"/>
  <c r="C3091" i="3"/>
  <c r="C3092" i="3"/>
  <c r="C3093" i="3"/>
  <c r="C3094" i="3"/>
  <c r="C3095" i="3"/>
  <c r="C3096" i="3"/>
  <c r="C3097" i="3"/>
  <c r="C3098" i="3"/>
  <c r="C3099" i="3"/>
  <c r="C3100" i="3"/>
  <c r="C3101" i="3"/>
  <c r="C3102" i="3"/>
  <c r="C3103" i="3"/>
  <c r="C3104" i="3"/>
  <c r="C3105" i="3"/>
  <c r="C3106" i="3"/>
  <c r="C3107" i="3"/>
  <c r="C3108" i="3"/>
  <c r="C3109" i="3"/>
  <c r="C3110" i="3"/>
  <c r="C3111" i="3"/>
  <c r="C3112" i="3"/>
  <c r="C3113" i="3"/>
  <c r="C3114" i="3"/>
  <c r="C3115" i="3"/>
  <c r="C3116" i="3"/>
  <c r="C3117" i="3"/>
  <c r="C3118" i="3"/>
  <c r="C3119" i="3"/>
  <c r="C3120" i="3"/>
  <c r="C3121" i="3"/>
  <c r="C3122" i="3"/>
  <c r="C3123" i="3"/>
  <c r="C3124" i="3"/>
  <c r="C3125" i="3"/>
  <c r="C3126" i="3"/>
  <c r="C3127" i="3"/>
  <c r="C3128" i="3"/>
  <c r="C3129" i="3"/>
  <c r="C3130" i="3"/>
  <c r="C3131" i="3"/>
  <c r="C3132" i="3"/>
  <c r="C3133" i="3"/>
  <c r="C3134" i="3"/>
  <c r="C3135" i="3"/>
  <c r="C3136" i="3"/>
  <c r="C3137" i="3"/>
  <c r="C3138" i="3"/>
  <c r="C3139" i="3"/>
  <c r="C3140" i="3"/>
  <c r="C3141" i="3"/>
  <c r="C3142" i="3"/>
  <c r="C3143" i="3"/>
  <c r="C3144" i="3"/>
  <c r="C3145" i="3"/>
  <c r="C3146" i="3"/>
  <c r="C3147" i="3"/>
  <c r="C3148" i="3"/>
  <c r="C3149" i="3"/>
  <c r="C3150" i="3"/>
  <c r="C3151" i="3"/>
  <c r="C3152" i="3"/>
  <c r="C3153" i="3"/>
  <c r="C3154" i="3"/>
  <c r="C3155" i="3"/>
  <c r="C3156" i="3"/>
  <c r="C3157" i="3"/>
  <c r="C3158" i="3"/>
  <c r="C3159" i="3"/>
  <c r="C3160" i="3"/>
  <c r="C3161" i="3"/>
  <c r="C3162" i="3"/>
  <c r="C3163" i="3"/>
  <c r="C3164" i="3"/>
  <c r="C3165" i="3"/>
  <c r="C3166" i="3"/>
  <c r="C3167" i="3"/>
  <c r="C3168" i="3"/>
  <c r="C3169" i="3"/>
  <c r="C3170" i="3"/>
  <c r="C3171" i="3"/>
  <c r="C3172" i="3"/>
  <c r="C3173" i="3"/>
  <c r="C3174" i="3"/>
  <c r="C3175" i="3"/>
  <c r="C3176" i="3"/>
  <c r="C3177" i="3"/>
  <c r="C3178" i="3"/>
  <c r="C3179" i="3"/>
  <c r="C3180" i="3"/>
  <c r="C3181" i="3"/>
  <c r="C3182" i="3"/>
  <c r="C3183" i="3"/>
  <c r="C3184" i="3"/>
  <c r="C3185" i="3"/>
  <c r="C3186" i="3"/>
  <c r="C3187" i="3"/>
  <c r="C3188" i="3"/>
  <c r="C3189" i="3"/>
  <c r="C3190" i="3"/>
  <c r="C3191" i="3"/>
  <c r="C3192" i="3"/>
  <c r="C3193" i="3"/>
  <c r="C3194" i="3"/>
  <c r="C3195" i="3"/>
  <c r="C3196" i="3"/>
  <c r="C3197" i="3"/>
  <c r="C3198" i="3"/>
  <c r="C3199" i="3"/>
  <c r="C3200" i="3"/>
  <c r="C3201" i="3"/>
  <c r="C3202" i="3"/>
  <c r="C3203" i="3"/>
  <c r="C3204" i="3"/>
  <c r="C3205" i="3"/>
  <c r="C3206" i="3"/>
  <c r="C3207" i="3"/>
  <c r="C3208" i="3"/>
  <c r="C3209" i="3"/>
  <c r="C3210" i="3"/>
  <c r="C3211" i="3"/>
  <c r="C3212" i="3"/>
  <c r="C3213" i="3"/>
  <c r="C3214" i="3"/>
  <c r="C3215" i="3"/>
  <c r="C3216" i="3"/>
  <c r="C3217" i="3"/>
  <c r="C3218" i="3"/>
  <c r="C3219" i="3"/>
  <c r="C3220" i="3"/>
  <c r="C3221" i="3"/>
  <c r="C3222" i="3"/>
  <c r="C3223" i="3"/>
  <c r="C3224" i="3"/>
  <c r="C3225" i="3"/>
  <c r="C3226" i="3"/>
  <c r="C3227" i="3"/>
  <c r="C3228" i="3"/>
  <c r="C3229" i="3"/>
  <c r="C3230" i="3"/>
  <c r="C3231" i="3"/>
  <c r="C3232" i="3"/>
  <c r="C3233" i="3"/>
  <c r="C3234" i="3"/>
  <c r="C3235" i="3"/>
  <c r="C3236" i="3"/>
  <c r="C3237" i="3"/>
  <c r="C3238" i="3"/>
  <c r="C3239" i="3"/>
  <c r="C3240" i="3"/>
  <c r="C3241" i="3"/>
  <c r="C3242" i="3"/>
  <c r="C3243" i="3"/>
  <c r="C3244" i="3"/>
  <c r="C3245" i="3"/>
  <c r="C3246" i="3"/>
  <c r="C3247" i="3"/>
  <c r="C3248" i="3"/>
  <c r="C3249" i="3"/>
  <c r="C3250" i="3"/>
  <c r="C3251" i="3"/>
  <c r="C3252" i="3"/>
  <c r="C3253" i="3"/>
  <c r="C3254" i="3"/>
  <c r="C3255" i="3"/>
  <c r="C3256" i="3"/>
  <c r="C3257" i="3"/>
  <c r="C3258" i="3"/>
  <c r="C3259" i="3"/>
  <c r="C3260" i="3"/>
  <c r="C3261" i="3"/>
  <c r="C3262" i="3"/>
  <c r="C3263" i="3"/>
  <c r="C3264" i="3"/>
  <c r="C3265" i="3"/>
  <c r="C3266" i="3"/>
  <c r="C3267" i="3"/>
  <c r="C3268" i="3"/>
  <c r="C3269" i="3"/>
  <c r="C3270" i="3"/>
  <c r="C3271" i="3"/>
  <c r="C3272" i="3"/>
  <c r="C3273" i="3"/>
  <c r="C3274" i="3"/>
  <c r="C3275" i="3"/>
  <c r="C3276" i="3"/>
  <c r="C3277" i="3"/>
  <c r="C3278" i="3"/>
  <c r="C3279" i="3"/>
  <c r="C3280" i="3"/>
  <c r="C3281" i="3"/>
  <c r="C3282" i="3"/>
  <c r="C3283" i="3"/>
  <c r="C3284" i="3"/>
  <c r="C3285" i="3"/>
  <c r="C3286" i="3"/>
  <c r="C3287" i="3"/>
  <c r="C3288" i="3"/>
  <c r="C3289" i="3"/>
  <c r="C3290" i="3"/>
  <c r="C3291" i="3"/>
  <c r="C3292" i="3"/>
  <c r="C3293" i="3"/>
  <c r="C3294" i="3"/>
  <c r="C3295" i="3"/>
  <c r="C3296" i="3"/>
  <c r="C3297" i="3"/>
  <c r="C3298" i="3"/>
  <c r="C3299" i="3"/>
  <c r="C3300" i="3"/>
  <c r="C3301" i="3"/>
  <c r="C3302" i="3"/>
  <c r="C3303" i="3"/>
  <c r="C3304" i="3"/>
  <c r="C3305" i="3"/>
  <c r="C3306" i="3"/>
  <c r="C3307" i="3"/>
  <c r="C3308" i="3"/>
  <c r="C3309" i="3"/>
  <c r="C3310" i="3"/>
  <c r="C3311" i="3"/>
  <c r="C3312" i="3"/>
  <c r="C3313" i="3"/>
  <c r="C3314" i="3"/>
  <c r="C3315" i="3"/>
  <c r="C3316" i="3"/>
  <c r="C3317" i="3"/>
  <c r="C3318" i="3"/>
  <c r="C3319" i="3"/>
  <c r="C3320" i="3"/>
  <c r="C3321" i="3"/>
  <c r="C3322" i="3"/>
  <c r="C3323" i="3"/>
  <c r="C3324" i="3"/>
  <c r="C3325" i="3"/>
  <c r="C3326" i="3"/>
  <c r="C3327" i="3"/>
  <c r="C3328" i="3"/>
  <c r="C3329" i="3"/>
  <c r="C3330" i="3"/>
  <c r="C3331" i="3"/>
  <c r="C3332" i="3"/>
  <c r="C3333" i="3"/>
  <c r="C3334" i="3"/>
  <c r="C3335" i="3"/>
  <c r="C3336" i="3"/>
  <c r="C3337" i="3"/>
  <c r="C3338" i="3"/>
  <c r="C3339" i="3"/>
  <c r="C3340" i="3"/>
  <c r="C3341" i="3"/>
  <c r="C3342" i="3"/>
  <c r="C3343" i="3"/>
  <c r="C3344" i="3"/>
  <c r="C3345" i="3"/>
  <c r="C3346" i="3"/>
  <c r="C3347" i="3"/>
  <c r="C3348" i="3"/>
  <c r="C3349" i="3"/>
  <c r="C3350" i="3"/>
  <c r="C3351" i="3"/>
  <c r="C3352" i="3"/>
  <c r="C3353" i="3"/>
  <c r="C3354" i="3"/>
  <c r="C3355" i="3"/>
  <c r="C3356" i="3"/>
  <c r="C3357" i="3"/>
  <c r="C3358" i="3"/>
  <c r="C3359" i="3"/>
  <c r="C3360" i="3"/>
  <c r="C3361" i="3"/>
  <c r="C3362" i="3"/>
  <c r="C3363" i="3"/>
  <c r="C3364" i="3"/>
  <c r="C3365" i="3"/>
  <c r="C3366" i="3"/>
  <c r="C3367" i="3"/>
  <c r="C3368" i="3"/>
  <c r="C3369" i="3"/>
  <c r="C3370" i="3"/>
  <c r="C3371" i="3"/>
  <c r="C3372" i="3"/>
  <c r="C3373" i="3"/>
  <c r="C3374" i="3"/>
  <c r="C3375" i="3"/>
  <c r="C3376" i="3"/>
  <c r="C3377" i="3"/>
  <c r="C3378" i="3"/>
  <c r="C3379" i="3"/>
  <c r="C3380" i="3"/>
  <c r="C3381" i="3"/>
  <c r="C3382" i="3"/>
  <c r="C3383" i="3"/>
  <c r="C3384" i="3"/>
  <c r="C3385" i="3"/>
  <c r="C3386" i="3"/>
  <c r="C3387" i="3"/>
  <c r="C3388" i="3"/>
  <c r="C3389" i="3"/>
  <c r="C3390" i="3"/>
  <c r="C3391" i="3"/>
  <c r="C3392" i="3"/>
  <c r="C3393" i="3"/>
  <c r="C3394" i="3"/>
  <c r="C3395" i="3"/>
  <c r="C3396" i="3"/>
  <c r="C3397" i="3"/>
  <c r="C3398" i="3"/>
  <c r="C3399" i="3"/>
  <c r="C3400" i="3"/>
  <c r="C3401" i="3"/>
  <c r="C3402" i="3"/>
  <c r="C3403" i="3"/>
  <c r="C3404" i="3"/>
  <c r="C3405" i="3"/>
  <c r="C3406" i="3"/>
  <c r="C3407" i="3"/>
  <c r="C3408" i="3"/>
  <c r="C3409" i="3"/>
  <c r="C3410" i="3"/>
  <c r="C3411" i="3"/>
  <c r="C3412" i="3"/>
  <c r="C3413" i="3"/>
  <c r="C3414" i="3"/>
  <c r="C3415" i="3"/>
  <c r="C3416" i="3"/>
  <c r="C3417" i="3"/>
  <c r="C3418" i="3"/>
  <c r="C3419" i="3"/>
  <c r="C3420" i="3"/>
  <c r="C3421" i="3"/>
  <c r="C3422" i="3"/>
  <c r="C3423" i="3"/>
  <c r="C3424" i="3"/>
  <c r="C3425" i="3"/>
  <c r="C3426" i="3"/>
  <c r="C3427" i="3"/>
  <c r="C3428" i="3"/>
  <c r="C3429" i="3"/>
  <c r="C3430" i="3"/>
  <c r="C3431" i="3"/>
  <c r="C3432" i="3"/>
  <c r="C3433" i="3"/>
  <c r="C3434" i="3"/>
  <c r="C3435" i="3"/>
  <c r="C3436" i="3"/>
  <c r="C3437" i="3"/>
  <c r="C3438" i="3"/>
  <c r="C3439" i="3"/>
  <c r="C3440" i="3"/>
  <c r="C3441" i="3"/>
  <c r="C3442" i="3"/>
  <c r="C3443" i="3"/>
  <c r="C3444" i="3"/>
  <c r="C3445" i="3"/>
  <c r="C3446" i="3"/>
  <c r="C3447" i="3"/>
  <c r="C3448" i="3"/>
  <c r="C3449" i="3"/>
  <c r="C3450" i="3"/>
  <c r="C3451" i="3"/>
  <c r="C3452" i="3"/>
  <c r="C3453" i="3"/>
  <c r="C3454" i="3"/>
  <c r="C3455" i="3"/>
  <c r="C3456" i="3"/>
  <c r="C3457" i="3"/>
  <c r="C3458" i="3"/>
  <c r="C3459" i="3"/>
  <c r="C3460" i="3"/>
  <c r="C3461" i="3"/>
  <c r="C3462" i="3"/>
  <c r="C3463" i="3"/>
  <c r="C3464" i="3"/>
  <c r="C3465" i="3"/>
  <c r="C3466" i="3"/>
  <c r="C3467" i="3"/>
  <c r="C3468" i="3"/>
  <c r="C3469" i="3"/>
  <c r="C3470" i="3"/>
  <c r="C3471" i="3"/>
  <c r="C3472" i="3"/>
  <c r="C3473" i="3"/>
  <c r="C3474" i="3"/>
  <c r="C3475" i="3"/>
  <c r="C3476" i="3"/>
  <c r="C3477" i="3"/>
  <c r="C3478" i="3"/>
  <c r="C3479" i="3"/>
  <c r="C3480" i="3"/>
  <c r="C3481" i="3"/>
  <c r="C3482" i="3"/>
  <c r="C3483" i="3"/>
  <c r="C3484" i="3"/>
  <c r="C3485" i="3"/>
  <c r="C3486" i="3"/>
  <c r="C3487" i="3"/>
  <c r="C3488" i="3"/>
  <c r="C3489" i="3"/>
  <c r="C3490" i="3"/>
  <c r="C3491" i="3"/>
  <c r="C3492" i="3"/>
  <c r="C3493" i="3"/>
  <c r="C3494" i="3"/>
  <c r="C3495" i="3"/>
  <c r="C3496" i="3"/>
  <c r="C3497" i="3"/>
  <c r="C3498" i="3"/>
  <c r="C3499" i="3"/>
  <c r="C3500" i="3"/>
  <c r="C3501" i="3"/>
  <c r="C3502" i="3"/>
  <c r="C3503" i="3"/>
  <c r="C3504" i="3"/>
  <c r="C3505" i="3"/>
  <c r="C3506" i="3"/>
  <c r="C3507" i="3"/>
  <c r="C3508" i="3"/>
  <c r="C3509" i="3"/>
  <c r="C3510" i="3"/>
  <c r="C3511" i="3"/>
  <c r="C3512" i="3"/>
  <c r="C3513" i="3"/>
  <c r="C3514" i="3"/>
  <c r="C3515" i="3"/>
  <c r="C3516" i="3"/>
  <c r="C3517" i="3"/>
  <c r="C3518" i="3"/>
  <c r="C3519" i="3"/>
  <c r="C3520" i="3"/>
  <c r="C3521" i="3"/>
  <c r="C3522" i="3"/>
  <c r="C3523" i="3"/>
  <c r="C3524" i="3"/>
  <c r="C3525" i="3"/>
  <c r="C3526" i="3"/>
  <c r="C3527" i="3"/>
  <c r="C3528" i="3"/>
  <c r="C3529" i="3"/>
  <c r="C3530" i="3"/>
  <c r="C3531" i="3"/>
  <c r="C3532" i="3"/>
  <c r="C3533" i="3"/>
  <c r="C3534" i="3"/>
  <c r="C3535" i="3"/>
  <c r="C3536" i="3"/>
  <c r="C3537" i="3"/>
  <c r="C3538" i="3"/>
  <c r="C3539" i="3"/>
  <c r="C3540" i="3"/>
  <c r="C3541" i="3"/>
  <c r="C3542" i="3"/>
  <c r="C3543" i="3"/>
  <c r="C3544" i="3"/>
  <c r="C3545" i="3"/>
  <c r="C3546" i="3"/>
  <c r="C3547" i="3"/>
  <c r="C3548" i="3"/>
  <c r="C3549" i="3"/>
  <c r="C3550" i="3"/>
  <c r="C3551" i="3"/>
  <c r="C3552" i="3"/>
  <c r="C3553" i="3"/>
  <c r="C3554" i="3"/>
  <c r="C3555" i="3"/>
  <c r="C3556" i="3"/>
  <c r="C3557" i="3"/>
  <c r="C3558" i="3"/>
  <c r="C3559" i="3"/>
  <c r="C3560" i="3"/>
  <c r="C3561" i="3"/>
  <c r="C3562" i="3"/>
  <c r="C3563" i="3"/>
  <c r="C3564" i="3"/>
  <c r="C3565" i="3"/>
  <c r="C3566" i="3"/>
  <c r="C3567" i="3"/>
  <c r="C3568" i="3"/>
  <c r="C3569" i="3"/>
  <c r="C3570" i="3"/>
  <c r="C3571" i="3"/>
  <c r="C3572" i="3"/>
  <c r="C3573" i="3"/>
  <c r="C3574" i="3"/>
  <c r="C3575" i="3"/>
  <c r="C3576" i="3"/>
  <c r="C3577" i="3"/>
  <c r="C3578" i="3"/>
  <c r="C3579" i="3"/>
  <c r="C3580" i="3"/>
  <c r="C3581" i="3"/>
  <c r="C3582" i="3"/>
  <c r="C3583" i="3"/>
  <c r="C3584" i="3"/>
  <c r="C3585" i="3"/>
  <c r="C3586" i="3"/>
  <c r="C3587" i="3"/>
  <c r="C3588" i="3"/>
  <c r="C3589" i="3"/>
  <c r="C3590" i="3"/>
  <c r="C3591" i="3"/>
  <c r="C3592" i="3"/>
  <c r="C3593" i="3"/>
  <c r="C3594" i="3"/>
  <c r="C3595" i="3"/>
  <c r="C3596" i="3"/>
  <c r="C3597" i="3"/>
  <c r="C3598" i="3"/>
  <c r="C3599" i="3"/>
  <c r="C3600" i="3"/>
  <c r="C3601" i="3"/>
  <c r="C3602" i="3"/>
  <c r="C3603" i="3"/>
  <c r="C3604" i="3"/>
  <c r="C3605" i="3"/>
  <c r="C3606" i="3"/>
  <c r="C3607" i="3"/>
  <c r="C3608" i="3"/>
  <c r="C3609" i="3"/>
  <c r="C3610" i="3"/>
  <c r="C3611" i="3"/>
  <c r="C3612" i="3"/>
  <c r="C3613" i="3"/>
  <c r="C3614" i="3"/>
  <c r="C3615" i="3"/>
  <c r="C3616" i="3"/>
  <c r="C3617" i="3"/>
  <c r="C3618" i="3"/>
  <c r="C3619" i="3"/>
  <c r="C3620" i="3"/>
  <c r="C3621" i="3"/>
  <c r="C3622" i="3"/>
  <c r="C3623" i="3"/>
  <c r="C3624" i="3"/>
  <c r="C3625" i="3"/>
  <c r="C3626" i="3"/>
  <c r="C3627" i="3"/>
  <c r="C3628" i="3"/>
  <c r="C3629" i="3"/>
  <c r="C3630" i="3"/>
  <c r="C3631" i="3"/>
  <c r="C3632" i="3"/>
  <c r="C3633" i="3"/>
  <c r="C3634" i="3"/>
  <c r="C3635" i="3"/>
  <c r="C3636" i="3"/>
  <c r="C3637" i="3"/>
  <c r="C3638" i="3"/>
  <c r="C3639" i="3"/>
  <c r="C3640" i="3"/>
  <c r="C3641" i="3"/>
  <c r="C3642" i="3"/>
  <c r="C3643" i="3"/>
  <c r="C3644" i="3"/>
  <c r="C3645" i="3"/>
  <c r="C3646" i="3"/>
  <c r="C3647" i="3"/>
  <c r="C3648" i="3"/>
  <c r="C3649" i="3"/>
  <c r="C3650" i="3"/>
  <c r="C3651" i="3"/>
  <c r="C3652" i="3"/>
  <c r="C3653" i="3"/>
  <c r="C3654" i="3"/>
  <c r="C3655" i="3"/>
  <c r="C3656" i="3"/>
  <c r="C3657" i="3"/>
  <c r="C3658" i="3"/>
  <c r="C3659" i="3"/>
  <c r="C3660" i="3"/>
  <c r="C3661" i="3"/>
  <c r="C3662" i="3"/>
  <c r="C3663" i="3"/>
  <c r="C3664" i="3"/>
  <c r="C3665" i="3"/>
  <c r="C3666" i="3"/>
  <c r="C3667" i="3"/>
  <c r="C3668" i="3"/>
  <c r="C3669" i="3"/>
  <c r="C3670" i="3"/>
  <c r="C3671" i="3"/>
  <c r="C3672" i="3"/>
  <c r="C3673" i="3"/>
  <c r="C3674" i="3"/>
  <c r="C3675" i="3"/>
  <c r="C3676" i="3"/>
  <c r="C3677" i="3"/>
  <c r="C3678" i="3"/>
  <c r="C3679" i="3"/>
  <c r="C3680" i="3"/>
  <c r="C3681" i="3"/>
  <c r="C3682" i="3"/>
  <c r="C3683" i="3"/>
  <c r="C3684" i="3"/>
  <c r="C3685" i="3"/>
  <c r="C3686" i="3"/>
  <c r="C3687" i="3"/>
  <c r="C3688" i="3"/>
  <c r="C3689" i="3"/>
  <c r="C3690" i="3"/>
  <c r="C3691" i="3"/>
  <c r="C3692" i="3"/>
  <c r="C3693" i="3"/>
  <c r="C3694" i="3"/>
  <c r="C3695" i="3"/>
  <c r="C3696" i="3"/>
  <c r="C3697" i="3"/>
  <c r="C3698" i="3"/>
  <c r="C3699" i="3"/>
  <c r="C3700" i="3"/>
  <c r="C3701" i="3"/>
  <c r="C3702" i="3"/>
  <c r="C3703" i="3"/>
  <c r="C3704" i="3"/>
  <c r="C3705" i="3"/>
  <c r="C3706" i="3"/>
  <c r="C3707" i="3"/>
  <c r="C3708" i="3"/>
  <c r="C3709" i="3"/>
  <c r="C3710" i="3"/>
  <c r="C3711" i="3"/>
  <c r="C3712" i="3"/>
  <c r="C3713" i="3"/>
  <c r="C3714" i="3"/>
  <c r="C3715" i="3"/>
  <c r="C3716" i="3"/>
  <c r="C3717" i="3"/>
  <c r="C3718" i="3"/>
  <c r="C3719" i="3"/>
  <c r="C3720" i="3"/>
  <c r="C3721" i="3"/>
  <c r="C3722" i="3"/>
  <c r="C3723" i="3"/>
  <c r="C3724" i="3"/>
  <c r="C3725" i="3"/>
  <c r="C3726" i="3"/>
  <c r="C3727" i="3"/>
  <c r="C3728" i="3"/>
  <c r="C3729" i="3"/>
  <c r="C3730" i="3"/>
  <c r="C3731" i="3"/>
  <c r="C3732" i="3"/>
  <c r="C3733" i="3"/>
  <c r="C3734" i="3"/>
  <c r="C3735" i="3"/>
  <c r="C3736" i="3"/>
  <c r="C3737" i="3"/>
  <c r="C3738" i="3"/>
  <c r="C3739" i="3"/>
  <c r="C3740" i="3"/>
  <c r="C3741" i="3"/>
  <c r="C3742" i="3"/>
  <c r="C3743" i="3"/>
  <c r="C3744" i="3"/>
  <c r="C3745" i="3"/>
  <c r="C3746" i="3"/>
  <c r="C3747" i="3"/>
  <c r="C3748" i="3"/>
  <c r="C3749" i="3"/>
  <c r="C3750" i="3"/>
  <c r="C3751" i="3"/>
  <c r="C3752" i="3"/>
  <c r="C3753" i="3"/>
  <c r="C3754" i="3"/>
  <c r="C3755" i="3"/>
  <c r="C3756" i="3"/>
  <c r="C3757" i="3"/>
  <c r="C3758" i="3"/>
  <c r="C3759" i="3"/>
  <c r="C3760" i="3"/>
  <c r="C3761" i="3"/>
  <c r="C3762" i="3"/>
  <c r="C3763" i="3"/>
  <c r="C3764" i="3"/>
  <c r="C3765" i="3"/>
  <c r="C3766" i="3"/>
  <c r="C3767" i="3"/>
  <c r="C3768" i="3"/>
  <c r="C3769" i="3"/>
  <c r="C3770" i="3"/>
  <c r="C3771" i="3"/>
  <c r="C3772" i="3"/>
  <c r="C3773" i="3"/>
  <c r="C3774" i="3"/>
  <c r="C3775" i="3"/>
  <c r="C3776" i="3"/>
  <c r="C3777" i="3"/>
  <c r="C3778" i="3"/>
  <c r="C3779" i="3"/>
  <c r="C3780" i="3"/>
  <c r="C3781" i="3"/>
  <c r="C3782" i="3"/>
  <c r="C3783" i="3"/>
  <c r="C3784" i="3"/>
  <c r="C3785" i="3"/>
  <c r="C3786" i="3"/>
  <c r="C3787" i="3"/>
  <c r="C3788" i="3"/>
  <c r="C3789" i="3"/>
  <c r="C3790" i="3"/>
  <c r="C3791" i="3"/>
  <c r="C3792" i="3"/>
  <c r="C3793" i="3"/>
  <c r="C3794" i="3"/>
  <c r="C3795" i="3"/>
  <c r="C3796" i="3"/>
  <c r="C3797" i="3"/>
  <c r="C3798" i="3"/>
  <c r="C3799" i="3"/>
  <c r="C3800" i="3"/>
  <c r="C3801" i="3"/>
  <c r="C3802" i="3"/>
  <c r="C3803" i="3"/>
  <c r="C3804" i="3"/>
  <c r="C3805" i="3"/>
  <c r="C3806" i="3"/>
  <c r="C3807" i="3"/>
  <c r="C3808" i="3"/>
  <c r="C3809" i="3"/>
  <c r="C3810" i="3"/>
  <c r="C3811" i="3"/>
  <c r="C3812" i="3"/>
  <c r="C3813" i="3"/>
  <c r="C3814" i="3"/>
  <c r="C3815" i="3"/>
  <c r="C3816" i="3"/>
  <c r="C3817" i="3"/>
  <c r="C3818" i="3"/>
  <c r="C3819" i="3"/>
  <c r="C3820" i="3"/>
  <c r="C3821" i="3"/>
  <c r="C3822" i="3"/>
  <c r="C3823" i="3"/>
  <c r="C3824" i="3"/>
  <c r="C3825" i="3"/>
  <c r="C3826" i="3"/>
  <c r="C3827" i="3"/>
  <c r="C3828" i="3"/>
  <c r="C3829" i="3"/>
  <c r="C3830" i="3"/>
  <c r="C3831" i="3"/>
  <c r="C3832" i="3"/>
  <c r="C3833" i="3"/>
  <c r="C3834" i="3"/>
  <c r="C3835" i="3"/>
  <c r="C3836" i="3"/>
  <c r="C3837" i="3"/>
  <c r="C3838" i="3"/>
  <c r="C3839" i="3"/>
  <c r="C3840" i="3"/>
  <c r="C3841" i="3"/>
  <c r="C3842" i="3"/>
  <c r="C3843" i="3"/>
  <c r="C3844" i="3"/>
  <c r="C3845" i="3"/>
  <c r="C3846" i="3"/>
  <c r="C3847" i="3"/>
  <c r="C3848" i="3"/>
  <c r="C3849" i="3"/>
  <c r="C3850" i="3"/>
  <c r="C3851" i="3"/>
  <c r="C3852" i="3"/>
  <c r="C3853" i="3"/>
  <c r="C3854" i="3"/>
  <c r="C3855" i="3"/>
  <c r="C3856" i="3"/>
  <c r="C3857" i="3"/>
  <c r="C3858" i="3"/>
  <c r="C3859" i="3"/>
  <c r="C3860" i="3"/>
  <c r="C3861" i="3"/>
  <c r="C3862" i="3"/>
  <c r="C3863" i="3"/>
  <c r="C3864" i="3"/>
  <c r="C3865" i="3"/>
  <c r="C3866" i="3"/>
  <c r="C3867" i="3"/>
  <c r="C3868" i="3"/>
  <c r="C3869" i="3"/>
  <c r="C3870" i="3"/>
  <c r="C3871" i="3"/>
  <c r="C3872" i="3"/>
  <c r="C3873" i="3"/>
  <c r="C3874" i="3"/>
  <c r="C3875" i="3"/>
  <c r="C3876" i="3"/>
  <c r="C3877" i="3"/>
  <c r="C3878" i="3"/>
  <c r="C3879" i="3"/>
  <c r="C3880" i="3"/>
  <c r="C3881" i="3"/>
  <c r="C3882" i="3"/>
  <c r="C3883" i="3"/>
  <c r="C3884" i="3"/>
  <c r="C3885" i="3"/>
  <c r="C3886" i="3"/>
  <c r="C3887" i="3"/>
  <c r="C3888" i="3"/>
  <c r="C3889" i="3"/>
  <c r="C3890" i="3"/>
  <c r="C3891" i="3"/>
  <c r="C3892" i="3"/>
  <c r="C3893" i="3"/>
  <c r="C3894" i="3"/>
  <c r="C3895" i="3"/>
  <c r="C3896" i="3"/>
  <c r="C3897" i="3"/>
  <c r="C3898" i="3"/>
  <c r="C3899" i="3"/>
  <c r="C3900" i="3"/>
  <c r="C3901" i="3"/>
  <c r="C3902" i="3"/>
  <c r="C3903" i="3"/>
  <c r="C3904" i="3"/>
  <c r="C3905" i="3"/>
  <c r="C3906" i="3"/>
  <c r="C3907" i="3"/>
  <c r="C3908" i="3"/>
  <c r="C3909" i="3"/>
  <c r="C3910" i="3"/>
  <c r="C3911" i="3"/>
  <c r="C3912" i="3"/>
  <c r="C3913" i="3"/>
  <c r="C3914" i="3"/>
  <c r="C3915" i="3"/>
  <c r="C3916" i="3"/>
  <c r="C3917" i="3"/>
  <c r="C3918" i="3"/>
  <c r="C3919" i="3"/>
  <c r="C3920" i="3"/>
  <c r="C3921" i="3"/>
  <c r="C3922" i="3"/>
  <c r="C3923" i="3"/>
  <c r="C3924" i="3"/>
  <c r="C3925" i="3"/>
  <c r="C3926" i="3"/>
  <c r="C3927" i="3"/>
  <c r="C3928" i="3"/>
  <c r="C3929" i="3"/>
  <c r="C3930" i="3"/>
  <c r="C3931" i="3"/>
  <c r="C3932" i="3"/>
  <c r="C3933" i="3"/>
  <c r="C3934" i="3"/>
  <c r="C3935" i="3"/>
  <c r="C3936" i="3"/>
  <c r="C3937" i="3"/>
  <c r="C3938" i="3"/>
  <c r="C3939" i="3"/>
  <c r="C3940" i="3"/>
  <c r="C3941" i="3"/>
  <c r="C3942" i="3"/>
  <c r="C3943" i="3"/>
  <c r="C3944" i="3"/>
  <c r="C3945" i="3"/>
  <c r="C3946" i="3"/>
  <c r="C3947" i="3"/>
  <c r="C3948" i="3"/>
  <c r="C3949" i="3"/>
  <c r="C3950" i="3"/>
  <c r="C3951" i="3"/>
  <c r="C3952" i="3"/>
  <c r="C3953" i="3"/>
  <c r="C3954" i="3"/>
  <c r="C3955" i="3"/>
  <c r="C3956" i="3"/>
  <c r="C3957" i="3"/>
  <c r="C3958" i="3"/>
  <c r="C3959" i="3"/>
  <c r="C3960" i="3"/>
  <c r="C3961" i="3"/>
  <c r="C3962" i="3"/>
  <c r="C3963" i="3"/>
  <c r="C3964" i="3"/>
  <c r="C3965" i="3"/>
  <c r="C3966" i="3"/>
  <c r="C3967" i="3"/>
  <c r="C3968" i="3"/>
  <c r="C3969" i="3"/>
  <c r="C3970" i="3"/>
  <c r="C3971" i="3"/>
  <c r="C3972" i="3"/>
  <c r="C3973" i="3"/>
  <c r="C3974" i="3"/>
  <c r="C3975" i="3"/>
  <c r="C3976" i="3"/>
  <c r="C3977" i="3"/>
  <c r="C3978" i="3"/>
  <c r="C3979" i="3"/>
  <c r="C3980" i="3"/>
  <c r="C3981" i="3"/>
  <c r="C3982" i="3"/>
  <c r="C3983" i="3"/>
  <c r="C3984" i="3"/>
  <c r="C3985" i="3"/>
  <c r="C3986" i="3"/>
  <c r="C3987" i="3"/>
  <c r="C3988" i="3"/>
  <c r="C3989" i="3"/>
  <c r="C3990" i="3"/>
  <c r="C3991" i="3"/>
  <c r="C3992" i="3"/>
  <c r="C3993" i="3"/>
  <c r="C3994" i="3"/>
  <c r="C3995" i="3"/>
  <c r="C3996" i="3"/>
  <c r="C3997" i="3"/>
  <c r="C3998" i="3"/>
  <c r="C3999" i="3"/>
  <c r="C4000" i="3"/>
  <c r="C4001" i="3"/>
  <c r="C4002" i="3"/>
  <c r="C4003" i="3"/>
  <c r="C4004" i="3"/>
  <c r="C4005" i="3"/>
  <c r="C4006" i="3"/>
  <c r="C4007" i="3"/>
  <c r="C4008" i="3"/>
  <c r="C4009" i="3"/>
  <c r="C4010" i="3"/>
  <c r="C4011" i="3"/>
  <c r="C4012" i="3"/>
  <c r="C4013" i="3"/>
  <c r="C4014" i="3"/>
  <c r="C4015" i="3"/>
  <c r="C4016" i="3"/>
  <c r="C4017" i="3"/>
  <c r="C4018" i="3"/>
  <c r="C4019" i="3"/>
  <c r="C4020" i="3"/>
  <c r="C4021" i="3"/>
  <c r="C4022" i="3"/>
  <c r="C4023" i="3"/>
  <c r="C4024" i="3"/>
  <c r="C4025" i="3"/>
  <c r="C4026" i="3"/>
  <c r="C4027" i="3"/>
  <c r="C4028" i="3"/>
  <c r="C4029" i="3"/>
  <c r="C4030" i="3"/>
  <c r="C4031" i="3"/>
  <c r="C4032" i="3"/>
  <c r="C4033" i="3"/>
  <c r="C4034" i="3"/>
  <c r="C4035" i="3"/>
  <c r="C4036" i="3"/>
  <c r="C4037" i="3"/>
  <c r="C4038" i="3"/>
  <c r="C4039" i="3"/>
  <c r="C4040" i="3"/>
  <c r="C4041" i="3"/>
  <c r="C4042" i="3"/>
  <c r="C4043" i="3"/>
  <c r="C4044" i="3"/>
  <c r="C4045" i="3"/>
  <c r="C4046" i="3"/>
  <c r="C4047" i="3"/>
  <c r="C4048" i="3"/>
  <c r="C4049" i="3"/>
  <c r="C4050" i="3"/>
  <c r="C4051" i="3"/>
  <c r="C4052" i="3"/>
  <c r="C4053" i="3"/>
  <c r="C4054" i="3"/>
  <c r="C4055" i="3"/>
  <c r="C4056" i="3"/>
  <c r="C4057" i="3"/>
  <c r="C4058" i="3"/>
  <c r="C4059" i="3"/>
  <c r="C4060" i="3"/>
  <c r="C4061" i="3"/>
  <c r="C4062" i="3"/>
  <c r="C4063" i="3"/>
  <c r="C4064" i="3"/>
  <c r="C4065" i="3"/>
  <c r="C4066" i="3"/>
  <c r="C4067" i="3"/>
  <c r="C4068" i="3"/>
  <c r="C4069" i="3"/>
  <c r="C4070" i="3"/>
  <c r="C4071" i="3"/>
  <c r="C4072" i="3"/>
  <c r="C4073" i="3"/>
  <c r="C4074" i="3"/>
  <c r="C4075" i="3"/>
  <c r="C4076" i="3"/>
  <c r="C4077" i="3"/>
  <c r="C4078" i="3"/>
  <c r="C4079" i="3"/>
  <c r="C4080" i="3"/>
  <c r="C4081" i="3"/>
  <c r="C4082" i="3"/>
  <c r="C4083" i="3"/>
  <c r="C4084" i="3"/>
  <c r="C4085" i="3"/>
  <c r="C4086" i="3"/>
  <c r="C4087" i="3"/>
  <c r="C4088" i="3"/>
  <c r="C4089" i="3"/>
  <c r="C4090" i="3"/>
  <c r="C4091" i="3"/>
  <c r="C4092" i="3"/>
  <c r="C4093" i="3"/>
  <c r="C4094" i="3"/>
  <c r="C4095" i="3"/>
  <c r="C4096" i="3"/>
  <c r="C4097" i="3"/>
  <c r="C4098" i="3"/>
  <c r="C4099" i="3"/>
  <c r="C4100" i="3"/>
  <c r="C4101" i="3"/>
  <c r="C4102" i="3"/>
  <c r="C4103" i="3"/>
  <c r="C4104" i="3"/>
  <c r="C4105" i="3"/>
  <c r="C4106" i="3"/>
  <c r="C4107" i="3"/>
  <c r="C4108" i="3"/>
  <c r="C4109" i="3"/>
  <c r="C4110" i="3"/>
  <c r="C4111" i="3"/>
  <c r="C4112" i="3"/>
  <c r="C4113" i="3"/>
  <c r="C4114" i="3"/>
  <c r="C4115" i="3"/>
  <c r="C4116" i="3"/>
  <c r="C4117" i="3"/>
  <c r="C4118" i="3"/>
  <c r="C4119" i="3"/>
  <c r="C4120" i="3"/>
  <c r="C4121" i="3"/>
  <c r="C4122" i="3"/>
  <c r="C4123" i="3"/>
  <c r="C4124" i="3"/>
  <c r="C4125" i="3"/>
  <c r="C4126" i="3"/>
  <c r="C4127" i="3"/>
  <c r="C4128" i="3"/>
  <c r="C4129" i="3"/>
  <c r="C4130" i="3"/>
  <c r="C4131" i="3"/>
  <c r="C4132" i="3"/>
  <c r="C4133" i="3"/>
  <c r="C4134" i="3"/>
  <c r="C4135" i="3"/>
  <c r="C4136" i="3"/>
  <c r="C4137" i="3"/>
  <c r="C4138" i="3"/>
  <c r="C4139" i="3"/>
  <c r="C4140" i="3"/>
  <c r="C4141" i="3"/>
  <c r="C4142" i="3"/>
  <c r="C4143" i="3"/>
  <c r="C4144" i="3"/>
  <c r="C4145" i="3"/>
  <c r="C4146" i="3"/>
  <c r="C4147" i="3"/>
  <c r="C4148" i="3"/>
  <c r="C4149" i="3"/>
  <c r="C4150" i="3"/>
  <c r="C4151" i="3"/>
  <c r="C4152" i="3"/>
  <c r="C4153" i="3"/>
  <c r="C4154" i="3"/>
  <c r="C4155" i="3"/>
  <c r="C4156" i="3"/>
  <c r="C4157" i="3"/>
  <c r="C4158" i="3"/>
  <c r="C4159" i="3"/>
  <c r="C4160" i="3"/>
  <c r="C4161" i="3"/>
  <c r="C4162" i="3"/>
  <c r="C4163" i="3"/>
  <c r="C4164" i="3"/>
  <c r="C4165" i="3"/>
  <c r="C4166" i="3"/>
  <c r="C4167" i="3"/>
  <c r="C4168" i="3"/>
  <c r="C4169" i="3"/>
  <c r="C4170" i="3"/>
  <c r="C4171" i="3"/>
  <c r="C4172" i="3"/>
  <c r="C4173" i="3"/>
  <c r="C4174" i="3"/>
  <c r="C4175" i="3"/>
  <c r="C4176" i="3"/>
  <c r="C4177" i="3"/>
  <c r="C4178" i="3"/>
  <c r="C4179" i="3"/>
  <c r="C4180" i="3"/>
  <c r="C4181" i="3"/>
  <c r="C4182" i="3"/>
  <c r="C4183" i="3"/>
  <c r="C4184" i="3"/>
  <c r="C4185" i="3"/>
  <c r="C4186" i="3"/>
  <c r="C4187" i="3"/>
  <c r="C4188" i="3"/>
  <c r="C4189" i="3"/>
  <c r="C4190" i="3"/>
  <c r="C4191" i="3"/>
  <c r="C4192" i="3"/>
  <c r="C4193" i="3"/>
  <c r="C4194" i="3"/>
  <c r="C4195" i="3"/>
  <c r="C4196" i="3"/>
  <c r="C4197" i="3"/>
  <c r="C4198" i="3"/>
  <c r="C4199" i="3"/>
  <c r="C4200" i="3"/>
  <c r="C4201" i="3"/>
  <c r="C4202" i="3"/>
  <c r="C4203" i="3"/>
  <c r="C4204" i="3"/>
  <c r="C4205" i="3"/>
  <c r="C4206" i="3"/>
  <c r="C4207" i="3"/>
  <c r="C4208" i="3"/>
  <c r="C4209" i="3"/>
  <c r="C4210" i="3"/>
  <c r="C4211" i="3"/>
  <c r="C4212" i="3"/>
  <c r="C4213" i="3"/>
  <c r="C4214" i="3"/>
  <c r="C4215" i="3"/>
  <c r="C4216" i="3"/>
  <c r="C4217" i="3"/>
  <c r="C4218" i="3"/>
  <c r="C4219" i="3"/>
  <c r="C4220" i="3"/>
  <c r="C4221" i="3"/>
  <c r="C4222" i="3"/>
  <c r="C4223" i="3"/>
  <c r="C4224" i="3"/>
  <c r="C4225" i="3"/>
  <c r="C4226" i="3"/>
  <c r="C4227" i="3"/>
  <c r="C4228" i="3"/>
  <c r="C4229" i="3"/>
  <c r="C4230" i="3"/>
  <c r="C4231" i="3"/>
  <c r="C4232" i="3"/>
  <c r="C4233" i="3"/>
  <c r="C4234" i="3"/>
  <c r="C4235" i="3"/>
  <c r="C4236" i="3"/>
  <c r="C4237" i="3"/>
  <c r="C4238" i="3"/>
  <c r="C4239" i="3"/>
  <c r="C4240" i="3"/>
  <c r="C4241" i="3"/>
  <c r="C4242" i="3"/>
  <c r="C4243" i="3"/>
  <c r="C4244" i="3"/>
  <c r="C4245" i="3"/>
  <c r="C4246" i="3"/>
  <c r="C4247" i="3"/>
  <c r="C4248" i="3"/>
  <c r="C4249" i="3"/>
  <c r="C4250" i="3"/>
  <c r="C4251" i="3"/>
  <c r="C4252" i="3"/>
  <c r="C4253" i="3"/>
  <c r="C4254" i="3"/>
  <c r="C4255" i="3"/>
  <c r="C4256" i="3"/>
  <c r="C4257" i="3"/>
  <c r="C4258" i="3"/>
  <c r="C4259" i="3"/>
  <c r="C4260" i="3"/>
  <c r="C4261" i="3"/>
  <c r="C4262" i="3"/>
  <c r="C4263" i="3"/>
  <c r="C4264" i="3"/>
  <c r="C4265" i="3"/>
  <c r="C4266" i="3"/>
  <c r="C4267" i="3"/>
  <c r="C4268" i="3"/>
  <c r="C4269" i="3"/>
  <c r="C4270" i="3"/>
  <c r="C4271" i="3"/>
  <c r="C4272" i="3"/>
  <c r="C4273" i="3"/>
  <c r="C4274" i="3"/>
  <c r="C4275" i="3"/>
  <c r="C4276" i="3"/>
  <c r="C4277" i="3"/>
  <c r="C4278" i="3"/>
  <c r="C4279" i="3"/>
  <c r="C4280" i="3"/>
  <c r="C4281" i="3"/>
  <c r="C4282" i="3"/>
  <c r="C4283" i="3"/>
  <c r="C4284" i="3"/>
  <c r="C4285" i="3"/>
  <c r="C4286" i="3"/>
  <c r="C4287" i="3"/>
  <c r="C4288" i="3"/>
  <c r="C4289" i="3"/>
  <c r="C4290" i="3"/>
  <c r="C4291" i="3"/>
  <c r="C4292" i="3"/>
  <c r="C4293" i="3"/>
  <c r="C4294" i="3"/>
  <c r="C4295" i="3"/>
  <c r="C4296" i="3"/>
  <c r="C4297" i="3"/>
  <c r="C4298" i="3"/>
  <c r="C4299" i="3"/>
  <c r="C4300" i="3"/>
  <c r="C4301" i="3"/>
  <c r="C4302" i="3"/>
  <c r="C4303" i="3"/>
  <c r="C4304" i="3"/>
  <c r="C4305" i="3"/>
  <c r="C4306" i="3"/>
  <c r="C4307" i="3"/>
  <c r="C4308" i="3"/>
  <c r="C4309" i="3"/>
  <c r="C4310" i="3"/>
  <c r="C4311" i="3"/>
  <c r="C4312" i="3"/>
  <c r="C4313" i="3"/>
  <c r="C4314" i="3"/>
  <c r="C4315" i="3"/>
  <c r="C4316" i="3"/>
  <c r="C4317" i="3"/>
  <c r="C4318" i="3"/>
  <c r="C4319" i="3"/>
  <c r="C4320" i="3"/>
  <c r="C4321" i="3"/>
  <c r="C4322" i="3"/>
  <c r="C4323" i="3"/>
  <c r="C4324" i="3"/>
  <c r="C4325" i="3"/>
  <c r="C4326" i="3"/>
  <c r="C4327" i="3"/>
  <c r="C4328" i="3"/>
  <c r="C4329" i="3"/>
  <c r="C4330" i="3"/>
  <c r="C4331" i="3"/>
  <c r="C4332" i="3"/>
  <c r="C4333" i="3"/>
  <c r="C4334" i="3"/>
  <c r="C4335" i="3"/>
  <c r="C4336" i="3"/>
  <c r="C4337" i="3"/>
  <c r="C4338" i="3"/>
  <c r="C4339" i="3"/>
  <c r="C4340" i="3"/>
  <c r="C4341" i="3"/>
  <c r="C4342" i="3"/>
  <c r="C4343" i="3"/>
  <c r="C4344" i="3"/>
  <c r="C4345" i="3"/>
  <c r="C4346" i="3"/>
  <c r="C4347" i="3"/>
  <c r="C4348" i="3"/>
  <c r="C4349" i="3"/>
  <c r="C4350" i="3"/>
  <c r="C4351" i="3"/>
  <c r="C4352" i="3"/>
  <c r="C4353" i="3"/>
  <c r="C4354" i="3"/>
  <c r="C4355" i="3"/>
  <c r="C4356" i="3"/>
  <c r="C4357" i="3"/>
  <c r="C4358" i="3"/>
  <c r="C4359" i="3"/>
  <c r="C4360" i="3"/>
  <c r="C4361" i="3"/>
  <c r="C4362" i="3"/>
  <c r="C4363" i="3"/>
  <c r="C4364" i="3"/>
  <c r="C4365" i="3"/>
  <c r="C4366" i="3"/>
  <c r="C4367" i="3"/>
  <c r="C4368" i="3"/>
  <c r="C4369" i="3"/>
  <c r="C4370" i="3"/>
  <c r="C4371" i="3"/>
  <c r="C4372" i="3"/>
  <c r="C4373" i="3"/>
  <c r="C4374" i="3"/>
  <c r="C4375" i="3"/>
  <c r="C4376" i="3"/>
  <c r="C4377" i="3"/>
  <c r="C4378" i="3"/>
  <c r="C4379" i="3"/>
  <c r="C4380" i="3"/>
  <c r="C4381" i="3"/>
  <c r="C4382" i="3"/>
  <c r="C4383" i="3"/>
  <c r="C4384" i="3"/>
  <c r="C4385" i="3"/>
  <c r="C4386" i="3"/>
  <c r="C4387" i="3"/>
  <c r="C4388" i="3"/>
  <c r="C4389" i="3"/>
  <c r="C4390" i="3"/>
  <c r="C4391" i="3"/>
  <c r="C4392" i="3"/>
  <c r="C4393" i="3"/>
  <c r="C4394" i="3"/>
  <c r="C4395" i="3"/>
  <c r="C4396" i="3"/>
  <c r="C4397" i="3"/>
  <c r="C4398" i="3"/>
  <c r="C4399" i="3"/>
  <c r="C4400" i="3"/>
  <c r="C4401" i="3"/>
  <c r="C4402" i="3"/>
  <c r="C4403" i="3"/>
  <c r="C4404" i="3"/>
  <c r="C4405" i="3"/>
  <c r="C4406" i="3"/>
  <c r="C4407" i="3"/>
  <c r="C4408" i="3"/>
  <c r="C4409" i="3"/>
  <c r="C4410" i="3"/>
  <c r="C4411" i="3"/>
  <c r="C4412" i="3"/>
  <c r="C4413" i="3"/>
  <c r="C4414" i="3"/>
  <c r="C4415" i="3"/>
  <c r="C4416" i="3"/>
  <c r="C4417" i="3"/>
  <c r="C4418" i="3"/>
  <c r="C4419" i="3"/>
  <c r="C4420" i="3"/>
  <c r="C4421" i="3"/>
  <c r="C4422" i="3"/>
  <c r="C4423" i="3"/>
  <c r="C4424" i="3"/>
  <c r="C4425" i="3"/>
  <c r="C4426" i="3"/>
  <c r="C4427" i="3"/>
  <c r="C4428" i="3"/>
  <c r="C4429" i="3"/>
  <c r="C4430" i="3"/>
  <c r="C4431" i="3"/>
  <c r="C4432" i="3"/>
  <c r="C4433" i="3"/>
  <c r="C4434" i="3"/>
  <c r="C4435" i="3"/>
  <c r="C4436" i="3"/>
  <c r="C4437" i="3"/>
  <c r="C4438" i="3"/>
  <c r="C4439" i="3"/>
  <c r="C4440" i="3"/>
  <c r="C4441" i="3"/>
  <c r="C4442" i="3"/>
  <c r="C4443" i="3"/>
  <c r="C4444" i="3"/>
  <c r="C4445" i="3"/>
  <c r="C4446" i="3"/>
  <c r="C4447" i="3"/>
  <c r="C4448" i="3"/>
  <c r="C4449" i="3"/>
  <c r="C4450" i="3"/>
  <c r="C4451" i="3"/>
  <c r="C4452" i="3"/>
  <c r="C4453" i="3"/>
  <c r="C4454" i="3"/>
  <c r="C4455" i="3"/>
  <c r="C4456" i="3"/>
  <c r="C4457" i="3"/>
  <c r="C4458" i="3"/>
  <c r="C4459" i="3"/>
  <c r="C4460" i="3"/>
  <c r="C4461" i="3"/>
  <c r="C4462" i="3"/>
  <c r="C4463" i="3"/>
  <c r="C4464" i="3"/>
  <c r="C4465" i="3"/>
  <c r="C4466" i="3"/>
  <c r="C4467" i="3"/>
  <c r="C4468" i="3"/>
  <c r="C4469" i="3"/>
  <c r="C4470" i="3"/>
  <c r="C4471" i="3"/>
  <c r="C4472" i="3"/>
  <c r="C4473" i="3"/>
  <c r="C4474" i="3"/>
  <c r="C4475" i="3"/>
  <c r="C4476" i="3"/>
  <c r="C4477" i="3"/>
  <c r="C4478" i="3"/>
  <c r="C4479" i="3"/>
  <c r="C4480" i="3"/>
  <c r="C4481" i="3"/>
  <c r="C4482" i="3"/>
  <c r="C4483" i="3"/>
  <c r="C4484" i="3"/>
  <c r="C4485" i="3"/>
  <c r="C4486" i="3"/>
  <c r="C4487" i="3"/>
  <c r="C4488" i="3"/>
  <c r="C4489" i="3"/>
  <c r="C4490" i="3"/>
  <c r="C4491" i="3"/>
  <c r="C4492" i="3"/>
  <c r="C4493" i="3"/>
  <c r="C4494" i="3"/>
  <c r="C4495" i="3"/>
  <c r="C4496" i="3"/>
  <c r="C4497" i="3"/>
  <c r="C4498" i="3"/>
  <c r="C4499" i="3"/>
  <c r="C4500" i="3"/>
  <c r="C4501" i="3"/>
  <c r="C4502" i="3"/>
  <c r="C4503" i="3"/>
  <c r="C4504" i="3"/>
  <c r="C4505" i="3"/>
  <c r="C4506" i="3"/>
  <c r="C4507" i="3"/>
  <c r="C4508" i="3"/>
  <c r="C4509" i="3"/>
  <c r="C4510" i="3"/>
  <c r="C4511" i="3"/>
  <c r="C4512" i="3"/>
  <c r="C4513" i="3"/>
  <c r="C4514" i="3"/>
  <c r="C4515" i="3"/>
  <c r="C4516" i="3"/>
  <c r="C4517" i="3"/>
  <c r="C4518" i="3"/>
  <c r="C4519" i="3"/>
  <c r="C4520" i="3"/>
  <c r="C4521" i="3"/>
  <c r="C4522" i="3"/>
  <c r="C4523" i="3"/>
  <c r="C4524" i="3"/>
  <c r="C4525" i="3"/>
  <c r="C4526" i="3"/>
  <c r="C4527" i="3"/>
  <c r="C4528" i="3"/>
  <c r="C4529" i="3"/>
  <c r="C4530" i="3"/>
  <c r="C4531" i="3"/>
  <c r="C4532" i="3"/>
  <c r="C4533" i="3"/>
  <c r="C4534" i="3"/>
  <c r="C4535" i="3"/>
  <c r="C4536" i="3"/>
  <c r="C4537" i="3"/>
  <c r="C4538" i="3"/>
  <c r="C4539" i="3"/>
  <c r="C4540" i="3"/>
  <c r="C4541" i="3"/>
  <c r="C4542" i="3"/>
  <c r="C4543" i="3"/>
  <c r="C4544" i="3"/>
  <c r="C4545" i="3"/>
  <c r="C4546" i="3"/>
  <c r="C4547" i="3"/>
  <c r="C4548" i="3"/>
  <c r="C4549" i="3"/>
  <c r="C4550" i="3"/>
  <c r="C4551" i="3"/>
  <c r="C4552" i="3"/>
  <c r="C4553" i="3"/>
  <c r="C4554" i="3"/>
  <c r="C4555" i="3"/>
  <c r="C4556" i="3"/>
  <c r="C4557" i="3"/>
  <c r="C4558" i="3"/>
  <c r="C4559" i="3"/>
  <c r="C4560" i="3"/>
  <c r="C4561" i="3"/>
  <c r="C4562" i="3"/>
  <c r="C4563" i="3"/>
  <c r="C4564" i="3"/>
  <c r="C4565" i="3"/>
  <c r="C4566" i="3"/>
  <c r="C4567" i="3"/>
  <c r="C4568" i="3"/>
  <c r="C4569" i="3"/>
  <c r="C4570" i="3"/>
  <c r="C4571" i="3"/>
  <c r="C4572" i="3"/>
  <c r="C4573" i="3"/>
  <c r="C4574" i="3"/>
  <c r="C4575" i="3"/>
  <c r="C4576" i="3"/>
  <c r="C4577" i="3"/>
  <c r="C4578" i="3"/>
  <c r="C4579" i="3"/>
  <c r="C4580" i="3"/>
  <c r="C4581" i="3"/>
  <c r="C4582" i="3"/>
  <c r="C4583" i="3"/>
  <c r="C4584" i="3"/>
  <c r="C4585" i="3"/>
  <c r="C4586" i="3"/>
  <c r="C4587" i="3"/>
  <c r="C4588" i="3"/>
  <c r="C4589" i="3"/>
  <c r="C4590" i="3"/>
  <c r="C4591" i="3"/>
  <c r="C4592" i="3"/>
  <c r="C4593" i="3"/>
  <c r="C4594" i="3"/>
  <c r="C4595" i="3"/>
  <c r="C4596" i="3"/>
  <c r="C4597" i="3"/>
  <c r="C4598" i="3"/>
  <c r="C4599" i="3"/>
  <c r="C4600" i="3"/>
  <c r="C4601" i="3"/>
  <c r="C4602" i="3"/>
  <c r="C4603" i="3"/>
  <c r="C4604" i="3"/>
  <c r="C4605" i="3"/>
  <c r="C4606" i="3"/>
  <c r="C4607" i="3"/>
  <c r="C4608" i="3"/>
  <c r="C4609" i="3"/>
  <c r="C4610" i="3"/>
  <c r="C4611" i="3"/>
  <c r="C4612" i="3"/>
  <c r="C4613" i="3"/>
  <c r="C4614" i="3"/>
  <c r="C4615" i="3"/>
  <c r="C4616" i="3"/>
  <c r="C4617" i="3"/>
  <c r="C4618" i="3"/>
  <c r="C4619" i="3"/>
  <c r="C4620" i="3"/>
  <c r="C4621" i="3"/>
  <c r="C4622" i="3"/>
  <c r="C4623" i="3"/>
  <c r="C4624" i="3"/>
  <c r="C4625" i="3"/>
  <c r="C4626" i="3"/>
  <c r="C4627" i="3"/>
  <c r="C4628" i="3"/>
  <c r="C4629" i="3"/>
  <c r="C4630" i="3"/>
  <c r="C4631" i="3"/>
  <c r="C4632" i="3"/>
  <c r="C4633" i="3"/>
  <c r="C4634" i="3"/>
  <c r="C4635" i="3"/>
  <c r="C4636" i="3"/>
  <c r="C4637" i="3"/>
  <c r="C4638" i="3"/>
  <c r="C4639" i="3"/>
  <c r="C4640" i="3"/>
  <c r="C4641" i="3"/>
  <c r="C4642" i="3"/>
  <c r="C4643" i="3"/>
  <c r="C4644" i="3"/>
  <c r="C4645" i="3"/>
  <c r="C4646" i="3"/>
  <c r="C4647" i="3"/>
  <c r="C4648" i="3"/>
  <c r="C4649" i="3"/>
  <c r="C4650" i="3"/>
  <c r="C4651" i="3"/>
  <c r="C4652" i="3"/>
  <c r="C4653" i="3"/>
  <c r="C4654" i="3"/>
  <c r="C4655" i="3"/>
  <c r="C4656" i="3"/>
  <c r="C4657" i="3"/>
  <c r="C4658" i="3"/>
  <c r="C4659" i="3"/>
  <c r="C4660" i="3"/>
  <c r="C4661" i="3"/>
  <c r="C4662" i="3"/>
  <c r="C4663" i="3"/>
  <c r="C4664" i="3"/>
  <c r="C4665" i="3"/>
  <c r="C4666" i="3"/>
  <c r="C4667" i="3"/>
  <c r="C4668" i="3"/>
  <c r="C4669" i="3"/>
  <c r="C4670" i="3"/>
  <c r="C4671" i="3"/>
  <c r="C4672" i="3"/>
  <c r="C4673" i="3"/>
  <c r="C4674" i="3"/>
  <c r="C4675" i="3"/>
  <c r="C4676" i="3"/>
  <c r="C4677" i="3"/>
  <c r="C4678" i="3"/>
  <c r="C4679" i="3"/>
  <c r="C4680" i="3"/>
  <c r="C4681" i="3"/>
  <c r="C4682" i="3"/>
  <c r="C4683" i="3"/>
  <c r="C4684" i="3"/>
  <c r="C4685" i="3"/>
  <c r="C4686" i="3"/>
  <c r="C4687" i="3"/>
  <c r="C4688" i="3"/>
  <c r="C4689" i="3"/>
  <c r="C4690" i="3"/>
  <c r="C4691" i="3"/>
  <c r="C4692" i="3"/>
  <c r="C4693" i="3"/>
  <c r="C4694" i="3"/>
  <c r="C4695" i="3"/>
  <c r="C4696" i="3"/>
  <c r="C4697" i="3"/>
  <c r="C4698" i="3"/>
  <c r="C4699" i="3"/>
  <c r="C4700" i="3"/>
  <c r="C4701" i="3"/>
  <c r="C4702" i="3"/>
  <c r="C4703" i="3"/>
  <c r="C4704" i="3"/>
  <c r="C4705" i="3"/>
  <c r="C4706" i="3"/>
  <c r="C4707" i="3"/>
  <c r="C4708" i="3"/>
  <c r="C4709" i="3"/>
  <c r="C4710" i="3"/>
  <c r="C4711" i="3"/>
  <c r="C4712" i="3"/>
  <c r="C4713" i="3"/>
  <c r="C4714" i="3"/>
  <c r="C4715" i="3"/>
  <c r="C4716" i="3"/>
  <c r="C4717" i="3"/>
  <c r="C4718" i="3"/>
  <c r="C4719" i="3"/>
  <c r="C4720" i="3"/>
  <c r="C4721" i="3"/>
  <c r="C4722" i="3"/>
  <c r="C4723" i="3"/>
  <c r="C4724" i="3"/>
  <c r="C4725" i="3"/>
  <c r="C4726" i="3"/>
  <c r="C4727" i="3"/>
  <c r="C4728" i="3"/>
  <c r="C4729" i="3"/>
  <c r="C4730" i="3"/>
  <c r="C4731" i="3"/>
  <c r="C4732" i="3"/>
  <c r="C4733" i="3"/>
  <c r="C4734" i="3"/>
  <c r="C4735" i="3"/>
  <c r="C4736" i="3"/>
  <c r="C4737" i="3"/>
  <c r="C4738" i="3"/>
  <c r="C4739" i="3"/>
  <c r="C4740" i="3"/>
  <c r="C4741" i="3"/>
  <c r="C4742" i="3"/>
  <c r="C4743" i="3"/>
  <c r="C4744" i="3"/>
  <c r="C4745" i="3"/>
  <c r="C4746" i="3"/>
  <c r="C4747" i="3"/>
  <c r="C4748" i="3"/>
  <c r="C4749" i="3"/>
  <c r="C4750" i="3"/>
  <c r="C4751" i="3"/>
  <c r="C4752" i="3"/>
  <c r="C4753" i="3"/>
  <c r="C4754" i="3"/>
  <c r="C4755" i="3"/>
  <c r="C4756" i="3"/>
  <c r="C4757" i="3"/>
  <c r="C4758" i="3"/>
  <c r="C4759" i="3"/>
  <c r="C4760" i="3"/>
  <c r="C4761" i="3"/>
  <c r="C4762" i="3"/>
  <c r="C4763" i="3"/>
  <c r="C4764" i="3"/>
  <c r="C4765" i="3"/>
  <c r="C4766" i="3"/>
  <c r="C4767" i="3"/>
  <c r="C4768" i="3"/>
  <c r="C4769" i="3"/>
  <c r="C4770" i="3"/>
  <c r="C4771" i="3"/>
  <c r="C4772" i="3"/>
  <c r="C4773" i="3"/>
  <c r="C4774" i="3"/>
  <c r="C4775" i="3"/>
  <c r="C4776" i="3"/>
  <c r="C4777" i="3"/>
  <c r="C4778" i="3"/>
  <c r="C4779" i="3"/>
  <c r="C4780" i="3"/>
  <c r="C4781" i="3"/>
  <c r="C4782" i="3"/>
  <c r="C4783" i="3"/>
  <c r="C4784" i="3"/>
  <c r="C4785" i="3"/>
  <c r="C4786" i="3"/>
  <c r="C4787" i="3"/>
  <c r="C4788" i="3"/>
  <c r="C4789" i="3"/>
  <c r="C4790" i="3"/>
  <c r="C4791" i="3"/>
  <c r="C4792" i="3"/>
  <c r="C4793" i="3"/>
  <c r="C4794" i="3"/>
  <c r="C4795" i="3"/>
  <c r="C4796" i="3"/>
  <c r="C4797" i="3"/>
  <c r="C4798" i="3"/>
  <c r="C4799" i="3"/>
  <c r="C4800" i="3"/>
  <c r="C4801" i="3"/>
  <c r="C4802" i="3"/>
  <c r="C4803" i="3"/>
  <c r="C4804" i="3"/>
  <c r="C4805" i="3"/>
  <c r="C4806" i="3"/>
  <c r="C4807" i="3"/>
  <c r="C4808" i="3"/>
  <c r="C4809" i="3"/>
  <c r="C4810" i="3"/>
  <c r="C4811" i="3"/>
  <c r="C4812" i="3"/>
  <c r="C4813" i="3"/>
  <c r="C4814" i="3"/>
  <c r="C4815" i="3"/>
  <c r="C4816" i="3"/>
  <c r="C4817" i="3"/>
  <c r="C4818" i="3"/>
  <c r="C4819" i="3"/>
  <c r="C4820" i="3"/>
  <c r="C4821" i="3"/>
  <c r="C4822" i="3"/>
  <c r="C4823" i="3"/>
  <c r="C4824" i="3"/>
  <c r="C4825" i="3"/>
  <c r="C4826" i="3"/>
  <c r="C4827" i="3"/>
  <c r="C4828" i="3"/>
  <c r="C4829" i="3"/>
  <c r="C4830" i="3"/>
  <c r="C4831" i="3"/>
  <c r="C4832" i="3"/>
  <c r="C4833" i="3"/>
  <c r="C4834" i="3"/>
  <c r="C4835" i="3"/>
  <c r="C4836" i="3"/>
  <c r="C4837" i="3"/>
  <c r="C4838" i="3"/>
  <c r="C4839" i="3"/>
  <c r="C4840" i="3"/>
  <c r="C4841" i="3"/>
  <c r="C4842" i="3"/>
  <c r="C4843" i="3"/>
  <c r="C4844" i="3"/>
  <c r="C4845" i="3"/>
  <c r="C4846" i="3"/>
  <c r="C4847" i="3"/>
  <c r="C4848" i="3"/>
  <c r="C4849" i="3"/>
  <c r="C4850" i="3"/>
  <c r="C4851" i="3"/>
  <c r="C4852" i="3"/>
  <c r="C4853" i="3"/>
  <c r="C4854" i="3"/>
  <c r="C4855" i="3"/>
  <c r="C4856" i="3"/>
  <c r="C4857" i="3"/>
  <c r="C4858" i="3"/>
  <c r="C4859" i="3"/>
  <c r="C4860" i="3"/>
  <c r="C4861" i="3"/>
  <c r="C4862" i="3"/>
  <c r="C4863" i="3"/>
  <c r="C4864" i="3"/>
  <c r="C4865" i="3"/>
  <c r="C4866" i="3"/>
  <c r="C4867" i="3"/>
  <c r="C4868" i="3"/>
  <c r="C4869" i="3"/>
  <c r="C4870" i="3"/>
  <c r="C4871" i="3"/>
  <c r="C4872" i="3"/>
  <c r="C4873" i="3"/>
  <c r="C4874" i="3"/>
  <c r="C4875" i="3"/>
  <c r="C4876" i="3"/>
  <c r="C4877" i="3"/>
  <c r="C4878" i="3"/>
  <c r="C4879" i="3"/>
  <c r="C4880" i="3"/>
  <c r="C4881" i="3"/>
  <c r="C4882" i="3"/>
  <c r="C4883" i="3"/>
  <c r="C4884" i="3"/>
  <c r="C4885" i="3"/>
  <c r="C4886" i="3"/>
  <c r="C4887" i="3"/>
  <c r="C4888" i="3"/>
  <c r="C4889" i="3"/>
  <c r="C4890" i="3"/>
  <c r="C4891" i="3"/>
  <c r="C4892" i="3"/>
  <c r="C4893" i="3"/>
  <c r="C4894" i="3"/>
  <c r="C4895" i="3"/>
  <c r="C4896" i="3"/>
  <c r="C4897" i="3"/>
  <c r="C4898" i="3"/>
  <c r="C4899" i="3"/>
  <c r="C4900" i="3"/>
  <c r="C4901" i="3"/>
  <c r="C4902" i="3"/>
  <c r="C4903" i="3"/>
  <c r="C4904" i="3"/>
  <c r="C4905" i="3"/>
  <c r="C4906" i="3"/>
  <c r="C4907" i="3"/>
  <c r="C4908" i="3"/>
  <c r="C4909" i="3"/>
  <c r="C4910" i="3"/>
  <c r="C4911" i="3"/>
  <c r="C4912" i="3"/>
  <c r="C4913" i="3"/>
  <c r="C4914" i="3"/>
  <c r="C4915" i="3"/>
  <c r="C4916" i="3"/>
  <c r="C4917" i="3"/>
  <c r="C4918" i="3"/>
  <c r="C4919" i="3"/>
  <c r="C4920" i="3"/>
  <c r="C4921" i="3"/>
  <c r="C4922" i="3"/>
  <c r="C4923" i="3"/>
  <c r="C4924" i="3"/>
  <c r="C4925" i="3"/>
  <c r="C4926" i="3"/>
  <c r="C4927" i="3"/>
  <c r="C4928" i="3"/>
  <c r="C4929" i="3"/>
  <c r="C4930" i="3"/>
  <c r="C4931" i="3"/>
  <c r="C4932" i="3"/>
  <c r="C4933" i="3"/>
  <c r="C4934" i="3"/>
  <c r="C4935" i="3"/>
  <c r="C4936" i="3"/>
  <c r="C4937" i="3"/>
  <c r="C4938" i="3"/>
  <c r="C4939" i="3"/>
  <c r="C4940" i="3"/>
  <c r="C4941" i="3"/>
  <c r="C4942" i="3"/>
  <c r="C4943" i="3"/>
  <c r="C4944" i="3"/>
  <c r="C4945" i="3"/>
  <c r="C4946" i="3"/>
  <c r="C4947" i="3"/>
  <c r="C4948" i="3"/>
  <c r="C4949" i="3"/>
  <c r="C4950" i="3"/>
  <c r="C4951" i="3"/>
  <c r="C4952" i="3"/>
  <c r="C4953" i="3"/>
  <c r="C4954" i="3"/>
  <c r="C4955" i="3"/>
  <c r="C4956" i="3"/>
  <c r="C4957" i="3"/>
  <c r="C4958" i="3"/>
  <c r="C4959" i="3"/>
  <c r="C4960" i="3"/>
  <c r="C4961" i="3"/>
  <c r="C4962" i="3"/>
  <c r="C4963" i="3"/>
  <c r="C4964" i="3"/>
  <c r="C4965" i="3"/>
  <c r="C4966" i="3"/>
  <c r="C4967" i="3"/>
  <c r="C4968" i="3"/>
  <c r="C4969" i="3"/>
  <c r="C4970" i="3"/>
  <c r="C4971" i="3"/>
  <c r="C4972" i="3"/>
  <c r="C4973" i="3"/>
  <c r="C4974" i="3"/>
  <c r="C4975" i="3"/>
  <c r="C4976" i="3"/>
  <c r="C4977" i="3"/>
  <c r="C4978" i="3"/>
  <c r="C4979" i="3"/>
  <c r="C4980" i="3"/>
  <c r="C4981" i="3"/>
  <c r="C4982" i="3"/>
  <c r="C4983" i="3"/>
  <c r="C4984" i="3"/>
  <c r="C4985" i="3"/>
  <c r="C4986" i="3"/>
  <c r="C4987" i="3"/>
  <c r="C4988" i="3"/>
  <c r="C4989" i="3"/>
  <c r="C4990" i="3"/>
  <c r="C4991" i="3"/>
  <c r="C4992" i="3"/>
  <c r="C4993" i="3"/>
  <c r="C4994" i="3"/>
  <c r="C4995" i="3"/>
  <c r="C4996" i="3"/>
  <c r="C4997" i="3"/>
  <c r="C4998" i="3"/>
  <c r="C4999" i="3"/>
  <c r="C5000" i="3"/>
  <c r="C5001" i="3"/>
  <c r="C5002" i="3"/>
  <c r="C5003" i="3"/>
  <c r="C5004" i="3"/>
  <c r="C5005" i="3"/>
  <c r="C5006" i="3"/>
  <c r="C5007" i="3"/>
  <c r="C5008" i="3"/>
  <c r="C5009" i="3"/>
  <c r="C5010" i="3"/>
  <c r="C5011" i="3"/>
  <c r="C5012" i="3"/>
  <c r="C5013" i="3"/>
  <c r="C5014" i="3"/>
  <c r="C5015" i="3"/>
  <c r="C5016" i="3"/>
  <c r="C5017" i="3"/>
  <c r="C5018" i="3"/>
  <c r="C5019" i="3"/>
  <c r="C5020" i="3"/>
  <c r="C5021" i="3"/>
  <c r="C5022" i="3"/>
  <c r="C5023" i="3"/>
  <c r="C5024" i="3"/>
  <c r="C5025" i="3"/>
  <c r="C5026" i="3"/>
  <c r="C5027" i="3"/>
  <c r="C5028" i="3"/>
  <c r="C5029" i="3"/>
  <c r="C5030" i="3"/>
  <c r="C5031" i="3"/>
  <c r="C5032" i="3"/>
  <c r="C5033" i="3"/>
  <c r="C5034" i="3"/>
  <c r="C5035" i="3"/>
  <c r="C5036" i="3"/>
  <c r="C5037" i="3"/>
  <c r="C5038" i="3"/>
  <c r="C5039" i="3"/>
  <c r="C5040" i="3"/>
  <c r="C5041" i="3"/>
  <c r="C5042" i="3"/>
  <c r="C5043" i="3"/>
  <c r="C5044" i="3"/>
  <c r="C5045" i="3"/>
  <c r="C5046" i="3"/>
  <c r="C5047" i="3"/>
  <c r="C5048" i="3"/>
  <c r="C5049" i="3"/>
  <c r="C5050" i="3"/>
  <c r="C5051" i="3"/>
  <c r="C5052" i="3"/>
  <c r="C5053" i="3"/>
  <c r="C5054" i="3"/>
  <c r="C5055" i="3"/>
  <c r="C5056" i="3"/>
  <c r="C5057" i="3"/>
  <c r="C5058" i="3"/>
  <c r="C5059" i="3"/>
  <c r="C5060" i="3"/>
  <c r="C5061" i="3"/>
  <c r="C5062" i="3"/>
  <c r="C5063" i="3"/>
  <c r="C5064" i="3"/>
  <c r="C5065" i="3"/>
  <c r="C5066" i="3"/>
  <c r="C5067" i="3"/>
  <c r="C5068" i="3"/>
  <c r="C5069" i="3"/>
  <c r="C5070" i="3"/>
  <c r="C5071" i="3"/>
  <c r="C5072" i="3"/>
  <c r="C5073" i="3"/>
  <c r="C5074" i="3"/>
  <c r="C5075" i="3"/>
  <c r="C5076" i="3"/>
  <c r="C5077" i="3"/>
  <c r="C5078" i="3"/>
  <c r="C5079" i="3"/>
  <c r="C5080" i="3"/>
  <c r="C5081" i="3"/>
  <c r="C5082" i="3"/>
  <c r="C5083" i="3"/>
  <c r="C5084" i="3"/>
  <c r="C5085" i="3"/>
  <c r="C5086" i="3"/>
  <c r="C5087" i="3"/>
  <c r="C5088" i="3"/>
  <c r="C5089" i="3"/>
  <c r="C5090" i="3"/>
  <c r="C5091" i="3"/>
  <c r="C5092" i="3"/>
  <c r="C5093" i="3"/>
  <c r="C5094" i="3"/>
  <c r="C5095" i="3"/>
  <c r="C5096" i="3"/>
  <c r="C5097" i="3"/>
  <c r="C5098" i="3"/>
  <c r="C5099" i="3"/>
  <c r="C5100" i="3"/>
  <c r="C5101" i="3"/>
  <c r="C5102" i="3"/>
  <c r="C5103" i="3"/>
  <c r="C5104" i="3"/>
  <c r="C5105" i="3"/>
  <c r="C5106" i="3"/>
  <c r="C5107" i="3"/>
  <c r="C5108" i="3"/>
  <c r="C5109" i="3"/>
  <c r="C5110" i="3"/>
  <c r="C5111" i="3"/>
  <c r="C5112" i="3"/>
  <c r="C5113" i="3"/>
  <c r="C5114" i="3"/>
  <c r="C5115" i="3"/>
  <c r="C5116" i="3"/>
  <c r="C5117" i="3"/>
  <c r="C5118" i="3"/>
  <c r="C5119" i="3"/>
  <c r="C5120" i="3"/>
  <c r="C5121" i="3"/>
  <c r="C5122" i="3"/>
  <c r="C5123" i="3"/>
  <c r="C5124" i="3"/>
  <c r="C5125" i="3"/>
  <c r="C5126" i="3"/>
  <c r="C5127" i="3"/>
  <c r="C5128" i="3"/>
  <c r="C5129" i="3"/>
  <c r="C5130" i="3"/>
  <c r="C5131" i="3"/>
  <c r="C5132" i="3"/>
  <c r="C5133" i="3"/>
  <c r="C5134" i="3"/>
  <c r="C5135" i="3"/>
  <c r="C5136" i="3"/>
  <c r="C5137" i="3"/>
  <c r="C5138" i="3"/>
  <c r="C5139" i="3"/>
  <c r="C5140" i="3"/>
  <c r="C5141" i="3"/>
  <c r="C5142" i="3"/>
  <c r="C5143" i="3"/>
  <c r="C5144" i="3"/>
  <c r="C5145" i="3"/>
  <c r="C5146" i="3"/>
  <c r="C5147" i="3"/>
  <c r="C5148" i="3"/>
  <c r="C5149" i="3"/>
  <c r="C5150" i="3"/>
  <c r="C5151" i="3"/>
  <c r="C5152" i="3"/>
  <c r="C5153" i="3"/>
  <c r="C5154" i="3"/>
  <c r="C5155" i="3"/>
  <c r="C5156" i="3"/>
  <c r="C5157" i="3"/>
  <c r="C5158" i="3"/>
  <c r="C5159" i="3"/>
  <c r="C5160" i="3"/>
  <c r="C5161" i="3"/>
  <c r="C5162" i="3"/>
  <c r="C5163" i="3"/>
  <c r="C5164" i="3"/>
  <c r="C5165" i="3"/>
  <c r="C5166" i="3"/>
  <c r="C5167" i="3"/>
  <c r="C5168" i="3"/>
  <c r="C5169" i="3"/>
  <c r="C5170" i="3"/>
  <c r="C5171" i="3"/>
  <c r="C5172" i="3"/>
  <c r="C5173" i="3"/>
  <c r="C5174" i="3"/>
  <c r="C5175" i="3"/>
  <c r="C5176" i="3"/>
  <c r="C5177" i="3"/>
  <c r="C5178" i="3"/>
  <c r="C5179" i="3"/>
  <c r="C5180" i="3"/>
  <c r="C5181" i="3"/>
  <c r="C5182" i="3"/>
  <c r="C5183" i="3"/>
  <c r="C5184" i="3"/>
  <c r="C5185" i="3"/>
  <c r="C5186" i="3"/>
  <c r="C5187" i="3"/>
  <c r="C5188" i="3"/>
  <c r="C5189" i="3"/>
  <c r="C5190" i="3"/>
  <c r="C5191" i="3"/>
  <c r="C5192" i="3"/>
  <c r="C5193" i="3"/>
  <c r="C5194" i="3"/>
  <c r="C5195" i="3"/>
  <c r="C5196" i="3"/>
  <c r="C5197" i="3"/>
  <c r="C5198" i="3"/>
  <c r="C5199" i="3"/>
  <c r="C5200" i="3"/>
  <c r="C5201" i="3"/>
  <c r="C5202" i="3"/>
  <c r="C5203" i="3"/>
  <c r="C5204" i="3"/>
  <c r="C5205" i="3"/>
  <c r="C5206" i="3"/>
  <c r="C5207" i="3"/>
  <c r="C5208" i="3"/>
  <c r="C5209" i="3"/>
  <c r="C5210" i="3"/>
  <c r="C5211" i="3"/>
  <c r="C5212" i="3"/>
  <c r="C5213" i="3"/>
  <c r="C5214" i="3"/>
  <c r="C5215" i="3"/>
  <c r="C5216" i="3"/>
  <c r="C5217" i="3"/>
  <c r="C5218" i="3"/>
  <c r="C5219" i="3"/>
  <c r="C5220" i="3"/>
  <c r="C5221" i="3"/>
  <c r="C5222" i="3"/>
  <c r="C5223" i="3"/>
  <c r="C5224" i="3"/>
  <c r="C5225" i="3"/>
  <c r="C5226" i="3"/>
  <c r="C5227" i="3"/>
  <c r="C5228" i="3"/>
  <c r="C5229" i="3"/>
  <c r="C5230" i="3"/>
  <c r="C5231" i="3"/>
  <c r="C5232" i="3"/>
  <c r="C5233" i="3"/>
  <c r="C5234" i="3"/>
  <c r="C5235" i="3"/>
  <c r="C5236" i="3"/>
  <c r="C5237" i="3"/>
  <c r="C5238" i="3"/>
  <c r="C5239" i="3"/>
  <c r="C5240" i="3"/>
  <c r="C5241" i="3"/>
  <c r="C5242" i="3"/>
  <c r="C5243" i="3"/>
  <c r="C5244" i="3"/>
  <c r="C5245" i="3"/>
  <c r="C5246" i="3"/>
  <c r="C5247" i="3"/>
  <c r="C5248" i="3"/>
  <c r="C5249" i="3"/>
  <c r="C5250" i="3"/>
  <c r="C5251" i="3"/>
  <c r="C5252" i="3"/>
  <c r="C5253" i="3"/>
  <c r="C5254" i="3"/>
  <c r="C5255" i="3"/>
  <c r="C5256" i="3"/>
  <c r="C5257" i="3"/>
  <c r="C5258" i="3"/>
  <c r="C5259" i="3"/>
  <c r="C5260" i="3"/>
  <c r="C5261" i="3"/>
  <c r="C5262" i="3"/>
  <c r="C5263" i="3"/>
  <c r="C5264" i="3"/>
  <c r="C5265" i="3"/>
  <c r="C5266" i="3"/>
  <c r="C5267" i="3"/>
  <c r="C5268" i="3"/>
  <c r="C5269" i="3"/>
  <c r="C5270" i="3"/>
  <c r="C5271" i="3"/>
  <c r="C5272" i="3"/>
  <c r="C5273" i="3"/>
  <c r="C5274" i="3"/>
  <c r="C5275" i="3"/>
  <c r="C5276" i="3"/>
  <c r="C5277" i="3"/>
  <c r="C5278" i="3"/>
  <c r="C5279" i="3"/>
  <c r="C5280" i="3"/>
  <c r="C5281" i="3"/>
  <c r="C5282" i="3"/>
  <c r="C5283" i="3"/>
  <c r="C5284" i="3"/>
  <c r="C5285" i="3"/>
  <c r="C5286" i="3"/>
  <c r="C5287" i="3"/>
  <c r="C5288" i="3"/>
  <c r="C5289" i="3"/>
  <c r="C5290" i="3"/>
  <c r="C5291" i="3"/>
  <c r="C5292" i="3"/>
  <c r="C5293" i="3"/>
  <c r="C5294" i="3"/>
  <c r="C5295" i="3"/>
  <c r="C5296" i="3"/>
  <c r="C5297" i="3"/>
  <c r="C5298" i="3"/>
  <c r="C5299" i="3"/>
  <c r="C5300" i="3"/>
  <c r="C5301" i="3"/>
  <c r="C5302" i="3"/>
  <c r="C5303" i="3"/>
  <c r="C5304" i="3"/>
  <c r="C5305" i="3"/>
  <c r="C5306" i="3"/>
  <c r="C5307" i="3"/>
  <c r="C5308" i="3"/>
  <c r="C5309" i="3"/>
  <c r="C5310" i="3"/>
  <c r="C5311" i="3"/>
  <c r="C5312" i="3"/>
  <c r="C5313" i="3"/>
  <c r="C5314" i="3"/>
  <c r="C5315" i="3"/>
  <c r="C5316" i="3"/>
  <c r="C5317" i="3"/>
  <c r="C5318" i="3"/>
  <c r="C5319" i="3"/>
  <c r="C5320" i="3"/>
  <c r="C5321" i="3"/>
  <c r="C5322" i="3"/>
  <c r="C5323" i="3"/>
  <c r="C5324" i="3"/>
  <c r="C5325" i="3"/>
  <c r="C5326" i="3"/>
  <c r="C5327" i="3"/>
  <c r="C5328" i="3"/>
  <c r="C5329" i="3"/>
  <c r="C5330" i="3"/>
  <c r="C5331" i="3"/>
  <c r="C5332" i="3"/>
  <c r="C5333" i="3"/>
  <c r="C5334" i="3"/>
  <c r="C5335" i="3"/>
  <c r="C5336" i="3"/>
  <c r="C5337" i="3"/>
  <c r="C5338" i="3"/>
  <c r="C5339" i="3"/>
  <c r="C5340" i="3"/>
  <c r="C5341" i="3"/>
  <c r="C5342" i="3"/>
  <c r="C5343" i="3"/>
  <c r="C5344" i="3"/>
  <c r="C5345" i="3"/>
  <c r="C5346" i="3"/>
  <c r="C5347" i="3"/>
  <c r="C5348" i="3"/>
  <c r="C5349" i="3"/>
  <c r="C5350" i="3"/>
  <c r="C5351" i="3"/>
  <c r="C5352" i="3"/>
  <c r="C5353" i="3"/>
  <c r="C5354" i="3"/>
  <c r="C5355" i="3"/>
  <c r="C5356" i="3"/>
  <c r="C5357" i="3"/>
  <c r="C5358" i="3"/>
  <c r="C5359" i="3"/>
  <c r="C5360" i="3"/>
  <c r="C5361" i="3"/>
  <c r="C5362" i="3"/>
  <c r="C5363" i="3"/>
  <c r="C5364" i="3"/>
  <c r="C5365" i="3"/>
  <c r="C5366" i="3"/>
  <c r="C5367" i="3"/>
  <c r="C5368" i="3"/>
  <c r="C5369" i="3"/>
  <c r="C5370" i="3"/>
  <c r="C5371" i="3"/>
  <c r="C5372" i="3"/>
  <c r="C5373" i="3"/>
  <c r="C5374" i="3"/>
  <c r="C5375" i="3"/>
  <c r="C5376" i="3"/>
  <c r="C5377" i="3"/>
  <c r="C5378" i="3"/>
  <c r="C5379" i="3"/>
  <c r="C5380" i="3"/>
  <c r="C5381" i="3"/>
  <c r="C5382" i="3"/>
  <c r="C5383" i="3"/>
  <c r="C5384" i="3"/>
  <c r="C5385" i="3"/>
  <c r="C5386" i="3"/>
  <c r="C5387" i="3"/>
  <c r="C5388" i="3"/>
  <c r="C5389" i="3"/>
  <c r="C5390" i="3"/>
  <c r="C5391" i="3"/>
  <c r="C5392" i="3"/>
  <c r="C5393" i="3"/>
  <c r="C5394" i="3"/>
  <c r="C5395" i="3"/>
  <c r="C5396" i="3"/>
  <c r="C5397" i="3"/>
  <c r="C5398" i="3"/>
  <c r="C5399" i="3"/>
  <c r="C5400" i="3"/>
  <c r="C5401" i="3"/>
  <c r="C5402" i="3"/>
  <c r="C5403" i="3"/>
  <c r="C5404" i="3"/>
  <c r="C5405" i="3"/>
  <c r="C5406" i="3"/>
  <c r="C5407" i="3"/>
  <c r="C5408" i="3"/>
  <c r="C5409" i="3"/>
  <c r="C5410" i="3"/>
  <c r="C5411" i="3"/>
  <c r="C5412" i="3"/>
  <c r="C5413" i="3"/>
  <c r="C5414" i="3"/>
  <c r="C5415" i="3"/>
  <c r="C5416" i="3"/>
  <c r="C5417" i="3"/>
  <c r="C5418" i="3"/>
  <c r="C5419" i="3"/>
  <c r="C5420" i="3"/>
  <c r="C5421" i="3"/>
  <c r="C5422" i="3"/>
  <c r="C5423" i="3"/>
  <c r="C5424" i="3"/>
  <c r="C5425" i="3"/>
  <c r="C5426" i="3"/>
  <c r="C5427" i="3"/>
  <c r="C5428" i="3"/>
  <c r="C5429" i="3"/>
  <c r="C5430" i="3"/>
  <c r="C5431" i="3"/>
  <c r="C5432" i="3"/>
  <c r="C5433" i="3"/>
  <c r="C5434" i="3"/>
  <c r="C5435" i="3"/>
  <c r="C5436" i="3"/>
  <c r="C5437" i="3"/>
  <c r="C5438" i="3"/>
  <c r="C5439" i="3"/>
  <c r="C5440" i="3"/>
  <c r="C5441" i="3"/>
  <c r="C5442" i="3"/>
  <c r="C5443" i="3"/>
  <c r="C5444" i="3"/>
  <c r="C5445" i="3"/>
  <c r="C5446" i="3"/>
  <c r="C5447" i="3"/>
  <c r="C5448" i="3"/>
  <c r="C5449" i="3"/>
  <c r="C5450" i="3"/>
  <c r="C5451" i="3"/>
  <c r="C5452" i="3"/>
  <c r="C5453" i="3"/>
  <c r="C5454" i="3"/>
  <c r="C5455" i="3"/>
  <c r="C5456" i="3"/>
  <c r="C5457" i="3"/>
  <c r="C5458" i="3"/>
  <c r="C5459" i="3"/>
  <c r="C5460" i="3"/>
  <c r="C5461" i="3"/>
  <c r="C5462" i="3"/>
  <c r="C5463" i="3"/>
  <c r="C5464" i="3"/>
  <c r="C5465" i="3"/>
  <c r="C5466" i="3"/>
  <c r="C5467" i="3"/>
  <c r="C5468" i="3"/>
  <c r="C5469" i="3"/>
  <c r="C5470" i="3"/>
  <c r="C5471" i="3"/>
  <c r="C5472" i="3"/>
  <c r="C5473" i="3"/>
  <c r="C5474" i="3"/>
  <c r="C5475" i="3"/>
  <c r="C5476" i="3"/>
  <c r="C5477" i="3"/>
  <c r="C5478" i="3"/>
  <c r="C5479" i="3"/>
  <c r="C5480" i="3"/>
  <c r="C5481" i="3"/>
  <c r="C5482" i="3"/>
  <c r="C5483" i="3"/>
  <c r="C5484" i="3"/>
  <c r="C5485" i="3"/>
  <c r="C5486" i="3"/>
  <c r="C5487" i="3"/>
  <c r="C5488" i="3"/>
  <c r="C5489" i="3"/>
  <c r="C5490" i="3"/>
  <c r="C5491" i="3"/>
  <c r="C5492" i="3"/>
  <c r="C5493" i="3"/>
  <c r="C5494" i="3"/>
  <c r="C5495" i="3"/>
  <c r="C5496" i="3"/>
  <c r="C5497" i="3"/>
  <c r="C5498" i="3"/>
  <c r="C5499" i="3"/>
  <c r="C5500" i="3"/>
  <c r="C5501" i="3"/>
  <c r="C5502" i="3"/>
  <c r="C5503" i="3"/>
  <c r="C5504" i="3"/>
  <c r="C5505" i="3"/>
  <c r="C5506" i="3"/>
  <c r="C5507" i="3"/>
  <c r="C5508" i="3"/>
  <c r="C5509" i="3"/>
  <c r="C5510" i="3"/>
  <c r="C5511" i="3"/>
  <c r="C5512" i="3"/>
  <c r="C5513" i="3"/>
  <c r="C5514" i="3"/>
  <c r="C5515" i="3"/>
  <c r="C5516" i="3"/>
  <c r="C5517" i="3"/>
  <c r="C5518" i="3"/>
  <c r="C5519" i="3"/>
  <c r="C5520" i="3"/>
  <c r="C5521" i="3"/>
  <c r="C5522" i="3"/>
  <c r="C5523" i="3"/>
  <c r="C5524" i="3"/>
  <c r="C5525" i="3"/>
  <c r="C5526" i="3"/>
  <c r="C5527" i="3"/>
  <c r="C5528" i="3"/>
  <c r="C5529" i="3"/>
  <c r="C5530" i="3"/>
  <c r="C5531" i="3"/>
  <c r="C5532" i="3"/>
  <c r="C5533" i="3"/>
  <c r="C5534" i="3"/>
  <c r="C5535" i="3"/>
  <c r="C5536" i="3"/>
  <c r="C5537" i="3"/>
  <c r="C5538" i="3"/>
  <c r="C5539" i="3"/>
  <c r="C5540" i="3"/>
  <c r="C5541" i="3"/>
  <c r="C5542" i="3"/>
  <c r="C5543" i="3"/>
  <c r="C5544" i="3"/>
  <c r="C5545" i="3"/>
  <c r="C5546" i="3"/>
  <c r="C5547" i="3"/>
  <c r="C5548" i="3"/>
  <c r="C5549" i="3"/>
  <c r="C5550" i="3"/>
  <c r="C5551" i="3"/>
  <c r="C5552" i="3"/>
  <c r="C5553" i="3"/>
  <c r="C5554" i="3"/>
  <c r="C5555" i="3"/>
  <c r="C5556" i="3"/>
  <c r="C5557" i="3"/>
  <c r="C5558" i="3"/>
  <c r="C5559" i="3"/>
  <c r="C5560" i="3"/>
  <c r="C5561" i="3"/>
  <c r="C5562" i="3"/>
  <c r="C5563" i="3"/>
  <c r="C5564" i="3"/>
  <c r="C5565" i="3"/>
  <c r="C5566" i="3"/>
  <c r="C5567" i="3"/>
  <c r="C5568" i="3"/>
  <c r="C5569" i="3"/>
  <c r="C5570" i="3"/>
  <c r="C5571" i="3"/>
  <c r="C5572" i="3"/>
  <c r="C5573" i="3"/>
  <c r="C5574" i="3"/>
  <c r="C5575" i="3"/>
  <c r="C5576" i="3"/>
  <c r="C5577" i="3"/>
  <c r="C5578" i="3"/>
  <c r="C5579" i="3"/>
  <c r="C5580" i="3"/>
  <c r="C5581" i="3"/>
  <c r="C5582" i="3"/>
  <c r="C5583" i="3"/>
  <c r="C5584" i="3"/>
  <c r="C5585" i="3"/>
  <c r="C5586" i="3"/>
  <c r="C5587" i="3"/>
  <c r="C5588" i="3"/>
  <c r="C5589" i="3"/>
  <c r="C5590" i="3"/>
  <c r="C5591" i="3"/>
  <c r="C5592" i="3"/>
  <c r="C5593" i="3"/>
  <c r="C5594" i="3"/>
  <c r="C5595" i="3"/>
  <c r="C5596" i="3"/>
  <c r="C5597" i="3"/>
  <c r="C5598" i="3"/>
  <c r="C5599" i="3"/>
  <c r="C5600" i="3"/>
  <c r="C5601" i="3"/>
  <c r="C5602" i="3"/>
  <c r="C5603" i="3"/>
  <c r="C5604" i="3"/>
  <c r="C5605" i="3"/>
  <c r="C5606" i="3"/>
  <c r="C5607" i="3"/>
  <c r="C5608" i="3"/>
  <c r="C5609" i="3"/>
  <c r="C5610" i="3"/>
  <c r="C5611" i="3"/>
  <c r="C5612" i="3"/>
  <c r="C5613" i="3"/>
  <c r="C5614" i="3"/>
  <c r="C5615" i="3"/>
  <c r="C5616" i="3"/>
  <c r="C5617" i="3"/>
  <c r="C5618" i="3"/>
  <c r="C5619" i="3"/>
  <c r="C5620" i="3"/>
  <c r="C5621" i="3"/>
  <c r="C5622" i="3"/>
  <c r="C5623" i="3"/>
  <c r="C5624" i="3"/>
  <c r="C5625" i="3"/>
  <c r="C5626" i="3"/>
  <c r="C5627" i="3"/>
  <c r="C5628" i="3"/>
  <c r="C5629" i="3"/>
  <c r="C5630" i="3"/>
  <c r="C5631" i="3"/>
  <c r="C5632" i="3"/>
  <c r="C5633" i="3"/>
  <c r="C5634" i="3"/>
  <c r="C5635" i="3"/>
  <c r="C5636" i="3"/>
  <c r="C5637" i="3"/>
  <c r="C5638" i="3"/>
  <c r="C5639" i="3"/>
  <c r="C5640" i="3"/>
  <c r="C5641" i="3"/>
  <c r="C5642" i="3"/>
  <c r="C5643" i="3"/>
  <c r="C5644" i="3"/>
  <c r="C5645" i="3"/>
  <c r="C5646" i="3"/>
  <c r="C5647" i="3"/>
  <c r="C5648" i="3"/>
  <c r="C5649" i="3"/>
  <c r="C5650" i="3"/>
  <c r="C5651" i="3"/>
  <c r="C5652" i="3"/>
  <c r="C5653" i="3"/>
  <c r="C5654" i="3"/>
  <c r="C5655" i="3"/>
  <c r="C5656" i="3"/>
  <c r="C5657" i="3"/>
  <c r="C5658" i="3"/>
  <c r="C5659" i="3"/>
  <c r="C5660" i="3"/>
  <c r="C5661" i="3"/>
  <c r="C5662" i="3"/>
  <c r="C5663" i="3"/>
  <c r="C5664" i="3"/>
  <c r="C5665" i="3"/>
  <c r="C5666" i="3"/>
  <c r="C5667" i="3"/>
  <c r="C5668" i="3"/>
  <c r="C5669" i="3"/>
  <c r="C5670" i="3"/>
  <c r="C5671" i="3"/>
  <c r="C5672" i="3"/>
  <c r="C5673" i="3"/>
  <c r="C5674" i="3"/>
  <c r="C5675" i="3"/>
  <c r="C5676" i="3"/>
  <c r="C5677" i="3"/>
  <c r="C5678" i="3"/>
  <c r="C5679" i="3"/>
  <c r="C5680" i="3"/>
  <c r="C5681" i="3"/>
  <c r="C5682" i="3"/>
  <c r="C5683" i="3"/>
  <c r="C5684" i="3"/>
  <c r="C5685" i="3"/>
  <c r="C5686" i="3"/>
  <c r="C5687" i="3"/>
  <c r="C5688" i="3"/>
  <c r="C5689" i="3"/>
  <c r="C5690" i="3"/>
  <c r="C5691" i="3"/>
  <c r="C5692" i="3"/>
  <c r="C5693" i="3"/>
  <c r="C5694" i="3"/>
  <c r="C5695" i="3"/>
  <c r="C5696" i="3"/>
  <c r="C5697" i="3"/>
  <c r="C5698" i="3"/>
  <c r="C5699" i="3"/>
  <c r="C5700" i="3"/>
  <c r="C5701" i="3"/>
  <c r="C5702" i="3"/>
  <c r="C5703" i="3"/>
  <c r="C5704" i="3"/>
  <c r="C5705" i="3"/>
  <c r="C5706" i="3"/>
  <c r="C5707" i="3"/>
  <c r="C5708" i="3"/>
  <c r="C5709" i="3"/>
  <c r="C5710" i="3"/>
  <c r="C5711" i="3"/>
  <c r="C5712" i="3"/>
  <c r="C5713" i="3"/>
  <c r="C5714" i="3"/>
  <c r="C5715" i="3"/>
  <c r="C5716" i="3"/>
  <c r="C5717" i="3"/>
  <c r="C5718" i="3"/>
  <c r="C5719" i="3"/>
  <c r="C5720" i="3"/>
  <c r="C5721" i="3"/>
  <c r="C5722" i="3"/>
  <c r="C5723" i="3"/>
  <c r="C5724" i="3"/>
  <c r="C5725" i="3"/>
  <c r="C5726" i="3"/>
  <c r="C5727" i="3"/>
  <c r="C5728" i="3"/>
  <c r="C5729" i="3"/>
  <c r="C5730" i="3"/>
  <c r="C5731" i="3"/>
  <c r="C5732" i="3"/>
  <c r="C5733" i="3"/>
  <c r="C5734" i="3"/>
  <c r="C5735" i="3"/>
  <c r="C5736" i="3"/>
  <c r="C5737" i="3"/>
  <c r="C5738" i="3"/>
  <c r="C5739" i="3"/>
  <c r="C5740" i="3"/>
  <c r="C5741" i="3"/>
  <c r="C5742" i="3"/>
  <c r="C5743" i="3"/>
  <c r="C5744" i="3"/>
  <c r="C5745" i="3"/>
  <c r="C5746" i="3"/>
  <c r="C5747" i="3"/>
  <c r="C5748" i="3"/>
  <c r="C5749" i="3"/>
  <c r="C5750" i="3"/>
  <c r="C5751" i="3"/>
  <c r="C5752" i="3"/>
  <c r="C5753" i="3"/>
  <c r="C5754" i="3"/>
  <c r="C5755" i="3"/>
  <c r="C5756" i="3"/>
  <c r="C5757" i="3"/>
  <c r="C5758" i="3"/>
  <c r="C5759" i="3"/>
  <c r="C5760" i="3"/>
  <c r="C5761" i="3"/>
  <c r="C5762" i="3"/>
  <c r="C5763" i="3"/>
  <c r="C5764" i="3"/>
  <c r="C5765" i="3"/>
  <c r="C5766" i="3"/>
  <c r="C5767" i="3"/>
  <c r="C5768" i="3"/>
  <c r="C5769" i="3"/>
  <c r="C5770" i="3"/>
  <c r="C5771" i="3"/>
  <c r="C5772" i="3"/>
  <c r="C5773" i="3"/>
  <c r="C5774" i="3"/>
  <c r="C5775" i="3"/>
  <c r="C5776" i="3"/>
  <c r="C5777" i="3"/>
  <c r="C5778" i="3"/>
  <c r="C5779" i="3"/>
  <c r="C5780" i="3"/>
  <c r="C5781" i="3"/>
  <c r="C5782" i="3"/>
  <c r="C5783" i="3"/>
  <c r="C5784" i="3"/>
  <c r="C5785" i="3"/>
  <c r="C5786" i="3"/>
  <c r="C5787" i="3"/>
  <c r="C5788" i="3"/>
  <c r="C5789" i="3"/>
  <c r="C5790" i="3"/>
  <c r="C5791" i="3"/>
  <c r="C5792" i="3"/>
  <c r="C5793" i="3"/>
  <c r="C5794" i="3"/>
  <c r="C5795" i="3"/>
  <c r="C5796" i="3"/>
  <c r="C5797" i="3"/>
  <c r="C5798" i="3"/>
  <c r="C5799" i="3"/>
  <c r="C5800" i="3"/>
  <c r="C5801" i="3"/>
  <c r="C5802" i="3"/>
  <c r="C5803" i="3"/>
  <c r="C5804" i="3"/>
  <c r="C5805" i="3"/>
  <c r="C5806" i="3"/>
  <c r="C5807" i="3"/>
  <c r="C5808" i="3"/>
  <c r="C5809" i="3"/>
  <c r="C5810" i="3"/>
  <c r="C5811" i="3"/>
  <c r="C5812" i="3"/>
  <c r="C5813" i="3"/>
  <c r="C5814" i="3"/>
  <c r="C5815" i="3"/>
  <c r="C5816" i="3"/>
  <c r="C5817" i="3"/>
  <c r="C5818" i="3"/>
  <c r="C5819" i="3"/>
  <c r="C5820" i="3"/>
  <c r="C5821" i="3"/>
  <c r="C5822" i="3"/>
  <c r="C5823" i="3"/>
  <c r="C5824" i="3"/>
  <c r="C5825" i="3"/>
  <c r="C5826" i="3"/>
  <c r="C5827" i="3"/>
  <c r="C5828" i="3"/>
  <c r="C5829" i="3"/>
  <c r="C5830" i="3"/>
  <c r="C5831" i="3"/>
  <c r="C5832" i="3"/>
  <c r="C5833" i="3"/>
  <c r="C5834" i="3"/>
  <c r="C5835" i="3"/>
  <c r="C5836" i="3"/>
  <c r="C5837" i="3"/>
  <c r="C5838" i="3"/>
  <c r="C5839" i="3"/>
  <c r="C5840" i="3"/>
  <c r="C5841" i="3"/>
  <c r="C5842" i="3"/>
  <c r="C5843" i="3"/>
  <c r="C5844" i="3"/>
  <c r="C5845" i="3"/>
  <c r="C5846" i="3"/>
  <c r="C5847" i="3"/>
  <c r="C5848" i="3"/>
  <c r="C5849" i="3"/>
  <c r="C5850" i="3"/>
  <c r="C5851" i="3"/>
  <c r="C5852" i="3"/>
  <c r="C5853" i="3"/>
  <c r="C5854" i="3"/>
  <c r="C5855" i="3"/>
  <c r="C5856" i="3"/>
  <c r="C5857" i="3"/>
  <c r="C5858" i="3"/>
  <c r="C5859" i="3"/>
  <c r="C5860" i="3"/>
  <c r="C5861" i="3"/>
  <c r="C5862" i="3"/>
  <c r="C5863" i="3"/>
  <c r="C5864" i="3"/>
  <c r="C5865" i="3"/>
  <c r="C5866" i="3"/>
  <c r="C5867" i="3"/>
  <c r="C5868" i="3"/>
  <c r="C5869" i="3"/>
  <c r="C5870" i="3"/>
  <c r="C5871" i="3"/>
  <c r="C5872" i="3"/>
  <c r="C5873" i="3"/>
  <c r="C5874" i="3"/>
  <c r="C5875" i="3"/>
  <c r="C5876" i="3"/>
  <c r="C5877" i="3"/>
  <c r="C5878" i="3"/>
  <c r="C5879" i="3"/>
  <c r="C5880" i="3"/>
  <c r="C5881" i="3"/>
  <c r="C5882" i="3"/>
  <c r="C5883" i="3"/>
  <c r="C5884" i="3"/>
  <c r="C5885" i="3"/>
  <c r="C5886" i="3"/>
  <c r="C5887" i="3"/>
  <c r="C5888" i="3"/>
  <c r="C5889" i="3"/>
  <c r="C5890" i="3"/>
  <c r="C5891" i="3"/>
  <c r="C5892" i="3"/>
  <c r="C5893" i="3"/>
  <c r="C5894" i="3"/>
  <c r="C5895" i="3"/>
  <c r="C5896" i="3"/>
  <c r="C5897" i="3"/>
  <c r="C5898" i="3"/>
  <c r="C5899" i="3"/>
  <c r="C5900" i="3"/>
  <c r="C5901" i="3"/>
  <c r="C5902" i="3"/>
  <c r="C5903" i="3"/>
  <c r="C5904" i="3"/>
  <c r="C5905" i="3"/>
  <c r="C5906" i="3"/>
  <c r="C5907" i="3"/>
  <c r="C5908" i="3"/>
  <c r="C5909" i="3"/>
  <c r="C5910" i="3"/>
  <c r="C5911" i="3"/>
  <c r="C5912" i="3"/>
  <c r="C5913" i="3"/>
  <c r="C5914" i="3"/>
  <c r="C5915" i="3"/>
  <c r="C5916" i="3"/>
  <c r="C5917" i="3"/>
  <c r="C5918" i="3"/>
  <c r="C5919" i="3"/>
  <c r="C5920" i="3"/>
  <c r="C5921" i="3"/>
  <c r="C5922" i="3"/>
  <c r="C5923" i="3"/>
  <c r="C5924" i="3"/>
  <c r="C5925" i="3"/>
  <c r="C5926" i="3"/>
  <c r="C5927" i="3"/>
  <c r="C5928" i="3"/>
  <c r="C5929" i="3"/>
  <c r="C5930" i="3"/>
  <c r="C5931" i="3"/>
  <c r="C5932" i="3"/>
  <c r="C5933" i="3"/>
  <c r="C5934" i="3"/>
  <c r="C5935" i="3"/>
  <c r="C5936" i="3"/>
  <c r="C5937" i="3"/>
  <c r="C5938" i="3"/>
  <c r="C5939" i="3"/>
  <c r="C5940" i="3"/>
  <c r="C5941" i="3"/>
  <c r="C5942" i="3"/>
  <c r="C5943" i="3"/>
  <c r="C5944" i="3"/>
  <c r="C5945" i="3"/>
  <c r="C5946" i="3"/>
  <c r="C5947" i="3"/>
  <c r="C5948" i="3"/>
  <c r="C5949" i="3"/>
  <c r="C5950" i="3"/>
  <c r="C5951" i="3"/>
  <c r="C5952" i="3"/>
  <c r="C5953" i="3"/>
  <c r="C5954" i="3"/>
  <c r="C5955" i="3"/>
  <c r="C5956" i="3"/>
  <c r="C5957" i="3"/>
  <c r="C5958" i="3"/>
  <c r="C5959" i="3"/>
  <c r="C5960" i="3"/>
  <c r="C5961" i="3"/>
  <c r="C5962" i="3"/>
  <c r="C5963" i="3"/>
  <c r="C5964" i="3"/>
  <c r="C5965" i="3"/>
  <c r="C5966" i="3"/>
  <c r="C5967" i="3"/>
  <c r="C5968" i="3"/>
  <c r="C5969" i="3"/>
  <c r="C5970" i="3"/>
  <c r="C5971" i="3"/>
  <c r="C5972" i="3"/>
  <c r="C5973" i="3"/>
  <c r="C5974" i="3"/>
  <c r="C5975" i="3"/>
  <c r="C5976" i="3"/>
  <c r="C5977" i="3"/>
  <c r="C5978" i="3"/>
  <c r="C5979" i="3"/>
  <c r="C5980" i="3"/>
  <c r="C5981" i="3"/>
  <c r="C5982" i="3"/>
  <c r="C5983" i="3"/>
  <c r="C5984" i="3"/>
  <c r="C5985" i="3"/>
  <c r="C5986" i="3"/>
  <c r="C5987" i="3"/>
  <c r="C5988" i="3"/>
  <c r="C5989" i="3"/>
  <c r="C5990" i="3"/>
  <c r="C5991" i="3"/>
  <c r="C5992" i="3"/>
  <c r="C5993" i="3"/>
  <c r="C5994" i="3"/>
  <c r="C5995" i="3"/>
  <c r="C5996" i="3"/>
  <c r="C5997" i="3"/>
  <c r="C5998" i="3"/>
  <c r="C5999" i="3"/>
  <c r="C6000" i="3"/>
  <c r="C6001" i="3"/>
  <c r="C6002" i="3"/>
  <c r="C6003" i="3"/>
  <c r="C6004" i="3"/>
  <c r="C6005" i="3"/>
  <c r="C6006" i="3"/>
  <c r="C6007" i="3"/>
  <c r="C6008" i="3"/>
  <c r="C6009" i="3"/>
  <c r="C6010" i="3"/>
  <c r="C6011" i="3"/>
  <c r="C6012" i="3"/>
  <c r="C6013" i="3"/>
  <c r="C6014" i="3"/>
  <c r="C6015" i="3"/>
  <c r="C6016" i="3"/>
  <c r="C6017" i="3"/>
  <c r="C6018" i="3"/>
  <c r="C6019" i="3"/>
  <c r="C6020" i="3"/>
  <c r="C6021" i="3"/>
  <c r="C6022" i="3"/>
  <c r="C6023" i="3"/>
  <c r="C6024" i="3"/>
  <c r="C6025" i="3"/>
  <c r="C6026" i="3"/>
  <c r="C6027" i="3"/>
  <c r="C6028" i="3"/>
  <c r="C6029" i="3"/>
  <c r="C6030" i="3"/>
  <c r="C6031" i="3"/>
  <c r="C6032" i="3"/>
  <c r="C6033" i="3"/>
  <c r="C6034" i="3"/>
  <c r="C6035" i="3"/>
  <c r="C6036" i="3"/>
  <c r="C6037" i="3"/>
  <c r="C6038" i="3"/>
  <c r="C6039" i="3"/>
  <c r="C6040" i="3"/>
  <c r="C6041" i="3"/>
  <c r="C6042" i="3"/>
  <c r="C6043" i="3"/>
  <c r="C6044" i="3"/>
  <c r="C6045" i="3"/>
  <c r="C6046" i="3"/>
  <c r="C6047" i="3"/>
  <c r="C6048" i="3"/>
  <c r="C6049" i="3"/>
  <c r="C6050" i="3"/>
  <c r="C6051" i="3"/>
  <c r="C6052" i="3"/>
  <c r="C6053" i="3"/>
  <c r="C6054" i="3"/>
  <c r="C6055" i="3"/>
  <c r="C6056" i="3"/>
  <c r="C6057" i="3"/>
  <c r="C6058" i="3"/>
  <c r="C6059" i="3"/>
  <c r="C6060" i="3"/>
  <c r="C6061" i="3"/>
  <c r="C6062" i="3"/>
  <c r="C6063" i="3"/>
  <c r="C6064" i="3"/>
  <c r="C6065" i="3"/>
  <c r="C6066" i="3"/>
  <c r="C6067" i="3"/>
  <c r="C6068" i="3"/>
  <c r="C6069" i="3"/>
  <c r="C6070" i="3"/>
  <c r="C6071" i="3"/>
  <c r="C6072" i="3"/>
  <c r="C6073" i="3"/>
  <c r="C6074" i="3"/>
  <c r="C6075" i="3"/>
  <c r="C6076" i="3"/>
  <c r="C6077" i="3"/>
  <c r="C6078" i="3"/>
  <c r="C6079" i="3"/>
  <c r="C6080" i="3"/>
  <c r="C6081" i="3"/>
  <c r="C6082" i="3"/>
  <c r="C6083" i="3"/>
  <c r="C6084" i="3"/>
  <c r="C6085" i="3"/>
  <c r="C6086" i="3"/>
  <c r="C6087" i="3"/>
  <c r="C6088" i="3"/>
  <c r="C6089" i="3"/>
  <c r="C6090" i="3"/>
  <c r="C6091" i="3"/>
  <c r="C6092" i="3"/>
  <c r="C6093" i="3"/>
  <c r="C6094" i="3"/>
  <c r="C6095" i="3"/>
  <c r="C6096" i="3"/>
  <c r="C6097" i="3"/>
  <c r="C6098" i="3"/>
  <c r="C6099" i="3"/>
  <c r="C6100" i="3"/>
  <c r="C6101" i="3"/>
  <c r="C6102" i="3"/>
  <c r="C6103" i="3"/>
  <c r="C6104" i="3"/>
  <c r="C6105" i="3"/>
  <c r="C6106" i="3"/>
  <c r="C6107" i="3"/>
  <c r="C6108" i="3"/>
  <c r="C6109" i="3"/>
  <c r="C6110" i="3"/>
  <c r="C6111" i="3"/>
  <c r="C6112" i="3"/>
  <c r="C6113" i="3"/>
  <c r="C6114" i="3"/>
  <c r="C6115" i="3"/>
  <c r="C6116" i="3"/>
  <c r="C6117" i="3"/>
  <c r="C6118" i="3"/>
  <c r="C6119" i="3"/>
  <c r="C6120" i="3"/>
  <c r="C6121" i="3"/>
  <c r="C6122" i="3"/>
  <c r="C6123" i="3"/>
  <c r="C6124" i="3"/>
  <c r="C6125" i="3"/>
  <c r="C6126" i="3"/>
  <c r="C6127" i="3"/>
  <c r="C6128" i="3"/>
  <c r="C6129" i="3"/>
  <c r="C6130" i="3"/>
  <c r="C6131" i="3"/>
  <c r="C6132" i="3"/>
  <c r="C6133" i="3"/>
  <c r="C6134" i="3"/>
  <c r="C6135" i="3"/>
  <c r="C6136" i="3"/>
  <c r="C6137" i="3"/>
  <c r="C6138" i="3"/>
  <c r="C6139" i="3"/>
  <c r="C6140" i="3"/>
  <c r="C6141" i="3"/>
  <c r="C6142" i="3"/>
  <c r="C6143" i="3"/>
  <c r="C6144" i="3"/>
  <c r="C6145" i="3"/>
  <c r="C6146" i="3"/>
  <c r="C6147" i="3"/>
  <c r="C6148" i="3"/>
  <c r="C6149" i="3"/>
  <c r="C6150" i="3"/>
  <c r="C6151" i="3"/>
  <c r="C6152" i="3"/>
  <c r="C6153" i="3"/>
  <c r="C6154" i="3"/>
  <c r="C6155" i="3"/>
  <c r="C6156" i="3"/>
  <c r="C6157" i="3"/>
  <c r="C6158" i="3"/>
  <c r="C6159" i="3"/>
  <c r="C6160" i="3"/>
  <c r="C6161" i="3"/>
  <c r="C6162" i="3"/>
  <c r="C6163" i="3"/>
  <c r="C6164" i="3"/>
  <c r="C6165" i="3"/>
  <c r="C6166" i="3"/>
  <c r="C6167" i="3"/>
  <c r="C6168" i="3"/>
  <c r="C6169" i="3"/>
  <c r="C6170" i="3"/>
  <c r="C6171" i="3"/>
  <c r="C6172" i="3"/>
  <c r="C6173" i="3"/>
  <c r="C6174" i="3"/>
  <c r="C6175" i="3"/>
  <c r="C6176" i="3"/>
  <c r="C6177" i="3"/>
  <c r="C6178" i="3"/>
  <c r="C6179" i="3"/>
  <c r="C6180" i="3"/>
  <c r="C6181" i="3"/>
  <c r="C6182" i="3"/>
  <c r="C6183" i="3"/>
  <c r="C6184" i="3"/>
  <c r="C6185" i="3"/>
  <c r="C6186" i="3"/>
  <c r="C6187" i="3"/>
  <c r="C6188" i="3"/>
  <c r="C6189" i="3"/>
  <c r="C6190" i="3"/>
  <c r="C6191" i="3"/>
  <c r="C6192" i="3"/>
  <c r="C6193" i="3"/>
  <c r="C6194" i="3"/>
  <c r="C6195" i="3"/>
  <c r="C6196" i="3"/>
  <c r="C6197" i="3"/>
  <c r="C6198" i="3"/>
  <c r="C6199" i="3"/>
  <c r="C6200" i="3"/>
  <c r="C6201" i="3"/>
  <c r="C6202" i="3"/>
  <c r="C6203" i="3"/>
  <c r="C6204" i="3"/>
  <c r="C6205" i="3"/>
  <c r="C6206" i="3"/>
  <c r="C6207" i="3"/>
  <c r="C6208" i="3"/>
  <c r="C6209" i="3"/>
  <c r="C6210" i="3"/>
  <c r="C6211" i="3"/>
  <c r="C6212" i="3"/>
  <c r="C6213" i="3"/>
  <c r="C6214" i="3"/>
  <c r="C6215" i="3"/>
  <c r="C6216" i="3"/>
  <c r="C6217" i="3"/>
  <c r="C6218" i="3"/>
  <c r="C6219" i="3"/>
  <c r="C6220" i="3"/>
  <c r="C6221" i="3"/>
  <c r="C6222" i="3"/>
  <c r="C6223" i="3"/>
  <c r="C6224" i="3"/>
  <c r="C6225" i="3"/>
  <c r="C6226" i="3"/>
  <c r="C6227" i="3"/>
  <c r="C6228" i="3"/>
  <c r="C6229" i="3"/>
  <c r="C6230" i="3"/>
  <c r="C6231" i="3"/>
  <c r="C6232" i="3"/>
  <c r="C6233" i="3"/>
  <c r="C6234" i="3"/>
  <c r="C6235" i="3"/>
  <c r="C6236" i="3"/>
  <c r="C6237" i="3"/>
  <c r="C6238" i="3"/>
  <c r="C6239" i="3"/>
  <c r="C6240" i="3"/>
  <c r="C6241" i="3"/>
  <c r="C6242" i="3"/>
  <c r="C6243" i="3"/>
  <c r="C6244" i="3"/>
  <c r="C6245" i="3"/>
  <c r="C6246" i="3"/>
  <c r="C6247" i="3"/>
  <c r="C6248" i="3"/>
  <c r="C6249" i="3"/>
  <c r="C6250" i="3"/>
  <c r="C6251" i="3"/>
  <c r="C6252" i="3"/>
  <c r="C6253" i="3"/>
  <c r="C6254" i="3"/>
  <c r="C6255" i="3"/>
  <c r="C6256" i="3"/>
  <c r="C6257" i="3"/>
  <c r="C6258" i="3"/>
  <c r="C6259" i="3"/>
  <c r="C6260" i="3"/>
  <c r="C6261" i="3"/>
  <c r="C6262" i="3"/>
  <c r="C6263" i="3"/>
  <c r="C6264" i="3"/>
  <c r="C6265" i="3"/>
  <c r="C6266" i="3"/>
  <c r="C6267" i="3"/>
  <c r="C6268" i="3"/>
  <c r="C6269" i="3"/>
  <c r="C6270" i="3"/>
  <c r="C6271" i="3"/>
  <c r="C6272" i="3"/>
  <c r="C6273" i="3"/>
  <c r="C6274" i="3"/>
  <c r="C6275" i="3"/>
  <c r="C6276" i="3"/>
  <c r="C6277" i="3"/>
  <c r="C6278" i="3"/>
  <c r="C6279" i="3"/>
  <c r="C6280" i="3"/>
  <c r="C6281" i="3"/>
  <c r="C6282" i="3"/>
  <c r="C6283" i="3"/>
  <c r="C6284" i="3"/>
  <c r="C6285" i="3"/>
  <c r="C6286" i="3"/>
  <c r="C6287" i="3"/>
  <c r="C6288" i="3"/>
  <c r="C6289" i="3"/>
  <c r="C6290" i="3"/>
  <c r="C6291" i="3"/>
  <c r="C6292" i="3"/>
  <c r="C6293" i="3"/>
  <c r="C6294" i="3"/>
  <c r="C6295" i="3"/>
  <c r="C6296" i="3"/>
  <c r="C6297" i="3"/>
  <c r="C6298" i="3"/>
  <c r="C6299" i="3"/>
  <c r="C6300" i="3"/>
  <c r="C6301" i="3"/>
  <c r="C6302" i="3"/>
  <c r="C6303" i="3"/>
  <c r="C6304" i="3"/>
  <c r="C6305" i="3"/>
  <c r="C6306" i="3"/>
  <c r="C6307" i="3"/>
  <c r="C6308" i="3"/>
  <c r="C6309" i="3"/>
  <c r="C6310" i="3"/>
  <c r="C6311" i="3"/>
  <c r="C6312" i="3"/>
  <c r="C6313" i="3"/>
  <c r="C6314" i="3"/>
  <c r="C6315" i="3"/>
  <c r="C6316" i="3"/>
  <c r="C6317" i="3"/>
  <c r="C6318" i="3"/>
  <c r="C6319" i="3"/>
  <c r="C6320" i="3"/>
  <c r="C6321" i="3"/>
  <c r="C6322" i="3"/>
  <c r="C6323" i="3"/>
  <c r="C6324" i="3"/>
  <c r="C6325" i="3"/>
  <c r="C6326" i="3"/>
  <c r="C6327" i="3"/>
  <c r="C6328" i="3"/>
  <c r="C6329" i="3"/>
  <c r="C6330" i="3"/>
  <c r="C6331" i="3"/>
  <c r="C6332" i="3"/>
  <c r="C6333" i="3"/>
  <c r="C6334" i="3"/>
  <c r="C6335" i="3"/>
  <c r="C6336" i="3"/>
  <c r="C6337" i="3"/>
  <c r="C6338" i="3"/>
  <c r="C6339" i="3"/>
  <c r="C6340" i="3"/>
  <c r="C6341" i="3"/>
  <c r="C6342" i="3"/>
  <c r="C6343" i="3"/>
  <c r="C6344" i="3"/>
  <c r="C6345" i="3"/>
  <c r="C6346" i="3"/>
  <c r="C6347" i="3"/>
  <c r="C6348" i="3"/>
  <c r="C6349" i="3"/>
  <c r="C6350" i="3"/>
  <c r="C6351" i="3"/>
  <c r="C6352" i="3"/>
  <c r="C6353" i="3"/>
  <c r="C6354" i="3"/>
  <c r="C6355" i="3"/>
  <c r="C6356" i="3"/>
  <c r="C6357" i="3"/>
  <c r="C6358" i="3"/>
  <c r="C6359" i="3"/>
  <c r="C6360" i="3"/>
  <c r="C6361" i="3"/>
  <c r="C6362" i="3"/>
  <c r="C6363" i="3"/>
  <c r="C6364" i="3"/>
  <c r="C6365" i="3"/>
  <c r="C6366" i="3"/>
  <c r="C6367" i="3"/>
  <c r="C6368" i="3"/>
  <c r="C6369" i="3"/>
  <c r="C6370" i="3"/>
  <c r="C6371" i="3"/>
  <c r="C6372" i="3"/>
  <c r="C6373" i="3"/>
  <c r="C6374" i="3"/>
  <c r="C6375" i="3"/>
  <c r="C6376" i="3"/>
  <c r="C6377" i="3"/>
  <c r="C6378" i="3"/>
  <c r="C6379" i="3"/>
  <c r="C6380" i="3"/>
  <c r="C6381" i="3"/>
  <c r="C6382" i="3"/>
  <c r="C6383" i="3"/>
  <c r="C6384" i="3"/>
  <c r="C6385" i="3"/>
  <c r="C6386" i="3"/>
  <c r="C6387" i="3"/>
  <c r="C6388" i="3"/>
  <c r="C6389" i="3"/>
  <c r="C6390" i="3"/>
  <c r="C6391" i="3"/>
  <c r="C6392" i="3"/>
  <c r="C6393" i="3"/>
  <c r="C6394" i="3"/>
  <c r="C6395" i="3"/>
  <c r="C6396" i="3"/>
  <c r="C6397" i="3"/>
  <c r="C6398" i="3"/>
  <c r="C6399" i="3"/>
  <c r="C6400" i="3"/>
  <c r="C6401" i="3"/>
  <c r="C6402" i="3"/>
  <c r="C6403" i="3"/>
  <c r="C6404" i="3"/>
  <c r="C6405" i="3"/>
  <c r="C6406" i="3"/>
  <c r="C6407" i="3"/>
  <c r="C6408" i="3"/>
  <c r="C6409" i="3"/>
  <c r="C6410" i="3"/>
  <c r="C6411" i="3"/>
  <c r="C6412" i="3"/>
  <c r="C6413" i="3"/>
  <c r="C6414" i="3"/>
  <c r="C6415" i="3"/>
  <c r="C6416" i="3"/>
  <c r="C6417" i="3"/>
  <c r="C6418" i="3"/>
  <c r="C6419" i="3"/>
  <c r="C6420" i="3"/>
  <c r="C6421" i="3"/>
  <c r="C6422" i="3"/>
  <c r="C6423" i="3"/>
  <c r="C6424" i="3"/>
  <c r="C6425" i="3"/>
  <c r="C6426" i="3"/>
  <c r="C6427" i="3"/>
  <c r="C6428" i="3"/>
  <c r="C6429" i="3"/>
  <c r="C6430" i="3"/>
  <c r="C6431" i="3"/>
  <c r="C6432" i="3"/>
  <c r="C6433" i="3"/>
  <c r="C6434" i="3"/>
  <c r="C6435" i="3"/>
  <c r="C6436" i="3"/>
  <c r="C6437" i="3"/>
  <c r="C6438" i="3"/>
  <c r="C6439" i="3"/>
  <c r="C6440" i="3"/>
  <c r="C6441" i="3"/>
  <c r="C6442" i="3"/>
  <c r="C6443" i="3"/>
  <c r="C6444" i="3"/>
  <c r="C6445" i="3"/>
  <c r="C6446" i="3"/>
  <c r="C6447" i="3"/>
  <c r="C6448" i="3"/>
  <c r="C6449" i="3"/>
  <c r="C6450" i="3"/>
  <c r="C6451" i="3"/>
  <c r="C6452" i="3"/>
  <c r="C6453" i="3"/>
  <c r="C6454" i="3"/>
  <c r="C6455" i="3"/>
  <c r="C6456" i="3"/>
  <c r="C6457" i="3"/>
  <c r="C6458" i="3"/>
  <c r="C6459" i="3"/>
  <c r="C6460" i="3"/>
  <c r="C6461" i="3"/>
  <c r="C6462" i="3"/>
  <c r="C6463" i="3"/>
  <c r="C6464" i="3"/>
  <c r="C6465" i="3"/>
  <c r="C6466" i="3"/>
  <c r="C6467" i="3"/>
  <c r="C6468" i="3"/>
  <c r="C6469" i="3"/>
  <c r="C6470" i="3"/>
  <c r="C6471" i="3"/>
  <c r="C6472" i="3"/>
  <c r="C6473" i="3"/>
  <c r="C6474" i="3"/>
  <c r="C6475" i="3"/>
  <c r="C6476" i="3"/>
  <c r="C6477" i="3"/>
  <c r="C6478" i="3"/>
  <c r="C6479" i="3"/>
  <c r="C6480" i="3"/>
  <c r="C6481" i="3"/>
  <c r="C6482" i="3"/>
  <c r="C6483" i="3"/>
  <c r="C6484" i="3"/>
  <c r="C6485" i="3"/>
  <c r="C6486" i="3"/>
  <c r="C6487" i="3"/>
  <c r="C6488" i="3"/>
  <c r="C6489" i="3"/>
  <c r="C6490" i="3"/>
  <c r="C6491" i="3"/>
  <c r="C6492" i="3"/>
  <c r="C6493" i="3"/>
  <c r="C6494" i="3"/>
  <c r="C6495" i="3"/>
  <c r="C6496" i="3"/>
  <c r="C6497" i="3"/>
  <c r="C6498" i="3"/>
  <c r="C6499" i="3"/>
  <c r="C6500" i="3"/>
  <c r="C6501" i="3"/>
  <c r="C6502" i="3"/>
  <c r="C6503" i="3"/>
  <c r="C6504" i="3"/>
  <c r="C6505" i="3"/>
  <c r="C6506" i="3"/>
  <c r="C6507" i="3"/>
  <c r="C6508" i="3"/>
  <c r="C6509" i="3"/>
  <c r="C6510" i="3"/>
  <c r="C6511" i="3"/>
  <c r="C6512" i="3"/>
  <c r="C6513" i="3"/>
  <c r="C6514" i="3"/>
  <c r="C6515" i="3"/>
  <c r="C6516" i="3"/>
  <c r="C6517" i="3"/>
  <c r="C6518" i="3"/>
  <c r="C6519" i="3"/>
  <c r="C6520" i="3"/>
  <c r="C6521" i="3"/>
  <c r="C6522" i="3"/>
  <c r="C6523" i="3"/>
  <c r="C6524" i="3"/>
  <c r="C6525" i="3"/>
  <c r="C6526" i="3"/>
  <c r="C6527" i="3"/>
  <c r="C6528" i="3"/>
  <c r="C6529" i="3"/>
  <c r="C6530" i="3"/>
  <c r="C6531" i="3"/>
  <c r="C6532" i="3"/>
  <c r="C6533" i="3"/>
  <c r="C6534" i="3"/>
  <c r="C6535" i="3"/>
  <c r="C6536" i="3"/>
  <c r="C6537" i="3"/>
  <c r="C6538" i="3"/>
  <c r="C6539" i="3"/>
  <c r="C6540" i="3"/>
  <c r="C6541" i="3"/>
  <c r="C6542" i="3"/>
  <c r="C6543" i="3"/>
  <c r="C6544" i="3"/>
  <c r="C6545" i="3"/>
  <c r="C6546" i="3"/>
  <c r="C6547" i="3"/>
  <c r="C6548" i="3"/>
  <c r="C6549" i="3"/>
  <c r="C6550" i="3"/>
  <c r="C6551" i="3"/>
  <c r="C6552" i="3"/>
  <c r="C6553" i="3"/>
  <c r="C6554" i="3"/>
  <c r="C6555" i="3"/>
  <c r="C6556" i="3"/>
  <c r="C6557" i="3"/>
  <c r="C6558" i="3"/>
  <c r="C6559" i="3"/>
  <c r="C6560" i="3"/>
  <c r="C6561" i="3"/>
  <c r="C6562" i="3"/>
  <c r="C6563" i="3"/>
  <c r="C6564" i="3"/>
  <c r="C6565" i="3"/>
  <c r="C6566" i="3"/>
  <c r="C6567" i="3"/>
  <c r="C6568" i="3"/>
  <c r="C6569" i="3"/>
  <c r="C6570" i="3"/>
  <c r="C6571" i="3"/>
  <c r="C6572" i="3"/>
  <c r="C6573" i="3"/>
  <c r="C6574" i="3"/>
  <c r="C6575" i="3"/>
  <c r="C6576" i="3"/>
  <c r="C6577" i="3"/>
  <c r="C6578" i="3"/>
  <c r="C6579" i="3"/>
  <c r="C6580" i="3"/>
  <c r="C6581" i="3"/>
  <c r="C6582" i="3"/>
  <c r="C6583" i="3"/>
  <c r="C6584" i="3"/>
  <c r="C6585" i="3"/>
  <c r="C6586" i="3"/>
  <c r="C6587" i="3"/>
  <c r="C6588" i="3"/>
  <c r="C6589" i="3"/>
  <c r="C6590" i="3"/>
  <c r="C6591" i="3"/>
  <c r="C6592" i="3"/>
  <c r="C6593" i="3"/>
  <c r="C6594" i="3"/>
  <c r="C6595" i="3"/>
  <c r="C6596" i="3"/>
  <c r="C6597" i="3"/>
  <c r="C6598" i="3"/>
  <c r="C6599" i="3"/>
  <c r="C6600" i="3"/>
  <c r="C6601" i="3"/>
  <c r="C6602" i="3"/>
  <c r="C6603" i="3"/>
  <c r="C6604" i="3"/>
  <c r="C6605" i="3"/>
  <c r="C6606" i="3"/>
  <c r="C6607" i="3"/>
  <c r="C6608" i="3"/>
  <c r="C6609" i="3"/>
  <c r="C6610" i="3"/>
  <c r="C6611" i="3"/>
  <c r="C6612" i="3"/>
  <c r="C6613" i="3"/>
  <c r="C6614" i="3"/>
  <c r="C6615" i="3"/>
  <c r="C6616" i="3"/>
  <c r="C6617" i="3"/>
  <c r="C6618" i="3"/>
  <c r="C6619" i="3"/>
  <c r="C6620" i="3"/>
  <c r="C6621" i="3"/>
  <c r="C6622" i="3"/>
  <c r="C6623" i="3"/>
  <c r="C6624" i="3"/>
  <c r="C6625" i="3"/>
  <c r="C6626" i="3"/>
  <c r="C6627" i="3"/>
  <c r="C6628" i="3"/>
  <c r="C6629" i="3"/>
  <c r="C6630" i="3"/>
  <c r="C6631" i="3"/>
  <c r="C6632" i="3"/>
  <c r="C6633" i="3"/>
  <c r="C6634" i="3"/>
  <c r="C6635" i="3"/>
  <c r="C6636" i="3"/>
  <c r="C6637" i="3"/>
  <c r="C6638" i="3"/>
  <c r="C6639" i="3"/>
  <c r="C6640" i="3"/>
  <c r="C6641" i="3"/>
  <c r="C6642" i="3"/>
  <c r="C6643" i="3"/>
  <c r="C6644" i="3"/>
  <c r="C6645" i="3"/>
  <c r="C6646" i="3"/>
  <c r="C6647" i="3"/>
  <c r="C6648" i="3"/>
  <c r="C6649" i="3"/>
  <c r="C6650" i="3"/>
  <c r="C6651" i="3"/>
  <c r="C6652" i="3"/>
  <c r="C6653" i="3"/>
  <c r="C6654" i="3"/>
  <c r="C6655" i="3"/>
  <c r="C6656" i="3"/>
  <c r="C6657" i="3"/>
  <c r="C6658" i="3"/>
  <c r="C6659" i="3"/>
  <c r="C6660" i="3"/>
  <c r="C6661" i="3"/>
  <c r="C6662" i="3"/>
  <c r="C6663" i="3"/>
  <c r="C6664" i="3"/>
  <c r="C6665" i="3"/>
  <c r="C6666" i="3"/>
  <c r="C6667" i="3"/>
  <c r="C6668" i="3"/>
  <c r="C6669" i="3"/>
  <c r="C6670" i="3"/>
  <c r="C6671" i="3"/>
  <c r="C6672" i="3"/>
  <c r="C6673" i="3"/>
  <c r="C6674" i="3"/>
  <c r="C6675" i="3"/>
  <c r="C6676" i="3"/>
  <c r="C6677" i="3"/>
  <c r="C6678" i="3"/>
  <c r="C6679" i="3"/>
  <c r="C6680" i="3"/>
  <c r="C6681" i="3"/>
  <c r="C6682" i="3"/>
  <c r="C6683" i="3"/>
  <c r="C6684" i="3"/>
  <c r="C6685" i="3"/>
  <c r="C6686" i="3"/>
  <c r="C6687" i="3"/>
  <c r="C6688" i="3"/>
  <c r="C6689" i="3"/>
  <c r="C6690" i="3"/>
  <c r="C6691" i="3"/>
  <c r="C6692" i="3"/>
  <c r="C6693" i="3"/>
  <c r="C6694" i="3"/>
  <c r="C6695" i="3"/>
  <c r="C6696" i="3"/>
  <c r="C6697" i="3"/>
  <c r="C6698" i="3"/>
  <c r="C6699" i="3"/>
  <c r="C6700" i="3"/>
  <c r="C6701" i="3"/>
  <c r="C6702" i="3"/>
  <c r="C6703" i="3"/>
  <c r="C6704" i="3"/>
  <c r="C6705" i="3"/>
  <c r="C6706" i="3"/>
  <c r="C6707" i="3"/>
  <c r="C6708" i="3"/>
  <c r="C6709" i="3"/>
  <c r="C6710" i="3"/>
  <c r="C6711" i="3"/>
  <c r="C6712" i="3"/>
  <c r="C6713" i="3"/>
  <c r="C6714" i="3"/>
  <c r="C6715" i="3"/>
  <c r="C6716" i="3"/>
  <c r="C6717" i="3"/>
  <c r="C6718" i="3"/>
  <c r="C6719" i="3"/>
  <c r="C6720" i="3"/>
  <c r="C6721" i="3"/>
  <c r="C6722" i="3"/>
  <c r="C6723" i="3"/>
  <c r="C6724" i="3"/>
  <c r="C6725" i="3"/>
  <c r="C6726" i="3"/>
  <c r="C6727" i="3"/>
  <c r="C6728" i="3"/>
  <c r="C6729" i="3"/>
  <c r="C6730" i="3"/>
  <c r="C6731" i="3"/>
  <c r="C6732" i="3"/>
  <c r="C6733" i="3"/>
  <c r="C6734" i="3"/>
  <c r="C6735" i="3"/>
  <c r="C6736" i="3"/>
  <c r="C6737" i="3"/>
  <c r="C6738" i="3"/>
  <c r="C6739" i="3"/>
  <c r="C6740" i="3"/>
  <c r="C6741" i="3"/>
  <c r="C6742" i="3"/>
  <c r="C6743" i="3"/>
  <c r="C6744" i="3"/>
  <c r="C6745" i="3"/>
  <c r="C6746" i="3"/>
  <c r="C6747" i="3"/>
  <c r="C6748" i="3"/>
  <c r="C6749" i="3"/>
  <c r="C6750" i="3"/>
  <c r="C6751" i="3"/>
  <c r="C6752" i="3"/>
  <c r="C6753" i="3"/>
  <c r="C6754" i="3"/>
  <c r="C6755" i="3"/>
  <c r="C6756" i="3"/>
  <c r="C6757" i="3"/>
  <c r="C6758" i="3"/>
  <c r="C6759" i="3"/>
  <c r="C6760" i="3"/>
  <c r="C6761" i="3"/>
  <c r="C6762" i="3"/>
  <c r="C6763" i="3"/>
  <c r="C6764" i="3"/>
  <c r="C6765" i="3"/>
  <c r="C6766" i="3"/>
  <c r="C6767" i="3"/>
  <c r="C6768" i="3"/>
  <c r="C6769" i="3"/>
  <c r="C6770" i="3"/>
  <c r="C6771" i="3"/>
  <c r="C6772" i="3"/>
  <c r="C6773" i="3"/>
  <c r="C6774" i="3"/>
  <c r="C6775" i="3"/>
  <c r="C6776" i="3"/>
  <c r="C6777" i="3"/>
  <c r="C6778" i="3"/>
  <c r="C6779" i="3"/>
  <c r="C6780" i="3"/>
  <c r="C6781" i="3"/>
  <c r="C6782" i="3"/>
  <c r="C6783" i="3"/>
  <c r="C6784" i="3"/>
  <c r="C6785" i="3"/>
  <c r="C6786" i="3"/>
  <c r="C6787" i="3"/>
  <c r="C6788" i="3"/>
  <c r="C6789" i="3"/>
  <c r="C6790" i="3"/>
  <c r="C6791" i="3"/>
  <c r="C6792" i="3"/>
  <c r="C6793" i="3"/>
  <c r="C6794" i="3"/>
  <c r="C6795" i="3"/>
  <c r="C6796" i="3"/>
  <c r="C6797" i="3"/>
  <c r="C6798" i="3"/>
  <c r="C6799" i="3"/>
  <c r="C6800" i="3"/>
  <c r="C6801" i="3"/>
  <c r="C6802" i="3"/>
  <c r="C6803" i="3"/>
  <c r="C6804" i="3"/>
  <c r="C6805" i="3"/>
  <c r="C6806" i="3"/>
  <c r="C6807" i="3"/>
  <c r="C6808" i="3"/>
  <c r="C6809" i="3"/>
  <c r="C6810" i="3"/>
  <c r="C6811" i="3"/>
  <c r="C6812" i="3"/>
  <c r="C6813" i="3"/>
  <c r="C6814" i="3"/>
  <c r="C6815" i="3"/>
  <c r="C6816" i="3"/>
  <c r="C6817" i="3"/>
  <c r="C6818" i="3"/>
  <c r="C6819" i="3"/>
  <c r="C6820" i="3"/>
  <c r="C6821" i="3"/>
  <c r="C6822" i="3"/>
  <c r="C6823" i="3"/>
  <c r="C6824" i="3"/>
  <c r="C6825" i="3"/>
  <c r="C6826" i="3"/>
  <c r="C6827" i="3"/>
  <c r="C6828" i="3"/>
  <c r="C6829" i="3"/>
  <c r="C6830" i="3"/>
  <c r="C6831" i="3"/>
  <c r="C6832" i="3"/>
  <c r="C6833" i="3"/>
  <c r="C6834" i="3"/>
  <c r="C6835" i="3"/>
  <c r="C6836" i="3"/>
  <c r="C6837" i="3"/>
  <c r="C6838" i="3"/>
  <c r="C6839" i="3"/>
  <c r="C6840" i="3"/>
  <c r="C6841" i="3"/>
  <c r="C6842" i="3"/>
  <c r="C6843" i="3"/>
  <c r="C6844" i="3"/>
  <c r="C6845" i="3"/>
  <c r="C6846" i="3"/>
  <c r="C6847" i="3"/>
  <c r="C6848" i="3"/>
  <c r="C6849" i="3"/>
  <c r="C6850" i="3"/>
  <c r="C6851" i="3"/>
  <c r="C6852" i="3"/>
  <c r="C6853" i="3"/>
  <c r="C6854" i="3"/>
  <c r="C6855" i="3"/>
  <c r="C6856" i="3"/>
  <c r="C6857" i="3"/>
  <c r="C6858" i="3"/>
  <c r="C6859" i="3"/>
  <c r="C6860" i="3"/>
  <c r="C6861" i="3"/>
  <c r="C6862" i="3"/>
  <c r="C6863" i="3"/>
  <c r="C6864" i="3"/>
  <c r="C6865" i="3"/>
  <c r="C6866" i="3"/>
  <c r="C6867" i="3"/>
  <c r="C6868" i="3"/>
  <c r="C6869" i="3"/>
  <c r="C6870" i="3"/>
  <c r="C6871" i="3"/>
  <c r="C6872" i="3"/>
  <c r="C6873" i="3"/>
  <c r="C6874" i="3"/>
  <c r="C6875" i="3"/>
  <c r="C6876" i="3"/>
  <c r="C6877" i="3"/>
  <c r="C6878" i="3"/>
  <c r="C6879" i="3"/>
  <c r="C6880" i="3"/>
  <c r="C6881" i="3"/>
  <c r="C6882" i="3"/>
  <c r="C6883" i="3"/>
  <c r="C6884" i="3"/>
  <c r="C6885" i="3"/>
  <c r="C6886" i="3"/>
  <c r="C6887" i="3"/>
  <c r="C6888" i="3"/>
  <c r="C6889" i="3"/>
  <c r="C6890" i="3"/>
  <c r="C6891" i="3"/>
  <c r="C6892" i="3"/>
  <c r="C6893" i="3"/>
  <c r="C6894" i="3"/>
  <c r="C6895" i="3"/>
  <c r="C6896" i="3"/>
  <c r="C6897" i="3"/>
  <c r="C6898" i="3"/>
  <c r="C6899" i="3"/>
  <c r="C6900" i="3"/>
  <c r="C6901" i="3"/>
  <c r="C6902" i="3"/>
  <c r="C6903" i="3"/>
  <c r="C6904" i="3"/>
  <c r="C6905" i="3"/>
  <c r="C6906" i="3"/>
  <c r="C6907" i="3"/>
  <c r="C6908" i="3"/>
  <c r="C6909" i="3"/>
  <c r="C6910" i="3"/>
  <c r="C6911" i="3"/>
  <c r="C6912" i="3"/>
  <c r="C6913" i="3"/>
  <c r="C6914" i="3"/>
  <c r="C6915" i="3"/>
  <c r="C6916" i="3"/>
  <c r="C6917" i="3"/>
  <c r="C6918" i="3"/>
  <c r="C6919" i="3"/>
  <c r="C6920" i="3"/>
  <c r="C6921" i="3"/>
  <c r="C6922" i="3"/>
  <c r="C6923" i="3"/>
  <c r="C6924" i="3"/>
  <c r="C6925" i="3"/>
  <c r="C6926" i="3"/>
  <c r="C6927" i="3"/>
  <c r="C6928" i="3"/>
  <c r="C6929" i="3"/>
  <c r="C6930" i="3"/>
  <c r="C6931" i="3"/>
  <c r="C6932" i="3"/>
  <c r="C6933" i="3"/>
  <c r="C6934" i="3"/>
  <c r="C6935" i="3"/>
  <c r="C6936" i="3"/>
  <c r="C6937" i="3"/>
  <c r="C6938" i="3"/>
  <c r="C6939" i="3"/>
  <c r="C6940" i="3"/>
  <c r="C6941" i="3"/>
  <c r="C6942" i="3"/>
  <c r="C6943" i="3"/>
  <c r="C6944" i="3"/>
  <c r="C6945" i="3"/>
  <c r="C6946" i="3"/>
  <c r="C6947" i="3"/>
  <c r="C6948" i="3"/>
  <c r="C6949" i="3"/>
  <c r="C6950" i="3"/>
  <c r="C6951" i="3"/>
  <c r="C6952" i="3"/>
  <c r="C6953" i="3"/>
  <c r="C6954" i="3"/>
  <c r="C6955" i="3"/>
  <c r="C6956" i="3"/>
  <c r="C6957" i="3"/>
  <c r="C6958" i="3"/>
  <c r="C6959" i="3"/>
  <c r="C6960" i="3"/>
  <c r="C6961" i="3"/>
  <c r="C6962" i="3"/>
  <c r="C6963" i="3"/>
  <c r="C6964" i="3"/>
  <c r="C6965" i="3"/>
  <c r="C6966" i="3"/>
  <c r="C6967" i="3"/>
  <c r="C6968" i="3"/>
  <c r="C6969" i="3"/>
  <c r="C6970" i="3"/>
  <c r="C6971" i="3"/>
  <c r="C6972" i="3"/>
  <c r="C6973" i="3"/>
  <c r="C6974" i="3"/>
  <c r="C6975" i="3"/>
  <c r="C6976" i="3"/>
  <c r="C6977" i="3"/>
  <c r="C6978" i="3"/>
  <c r="C6979" i="3"/>
  <c r="C6980" i="3"/>
  <c r="C6981" i="3"/>
  <c r="C6982" i="3"/>
  <c r="C6983" i="3"/>
  <c r="C6984" i="3"/>
  <c r="C6985" i="3"/>
  <c r="C6986" i="3"/>
  <c r="C6987" i="3"/>
  <c r="C6988" i="3"/>
  <c r="C6989" i="3"/>
  <c r="C6990" i="3"/>
  <c r="C6991" i="3"/>
  <c r="C6992" i="3"/>
  <c r="C6993" i="3"/>
  <c r="C6994" i="3"/>
  <c r="C6995" i="3"/>
  <c r="C6996" i="3"/>
  <c r="C6997" i="3"/>
  <c r="C6998" i="3"/>
  <c r="C6999" i="3"/>
  <c r="C7000" i="3"/>
  <c r="C7001" i="3"/>
  <c r="C7002" i="3"/>
  <c r="C7003" i="3"/>
  <c r="C7004" i="3"/>
  <c r="C7005" i="3"/>
  <c r="C7006" i="3"/>
  <c r="C7007" i="3"/>
  <c r="C7008" i="3"/>
  <c r="C7009" i="3"/>
  <c r="C7010" i="3"/>
  <c r="C7011" i="3"/>
  <c r="C7012" i="3"/>
  <c r="C7013" i="3"/>
  <c r="C7014" i="3"/>
  <c r="C7015" i="3"/>
  <c r="C7016" i="3"/>
  <c r="C7017" i="3"/>
  <c r="C7018" i="3"/>
  <c r="C7019" i="3"/>
  <c r="C7020" i="3"/>
  <c r="C7021" i="3"/>
  <c r="C7022" i="3"/>
  <c r="C7023" i="3"/>
  <c r="C7024" i="3"/>
  <c r="C7025" i="3"/>
  <c r="C7026" i="3"/>
  <c r="C7027" i="3"/>
  <c r="C7028" i="3"/>
  <c r="C7029" i="3"/>
  <c r="C7030" i="3"/>
  <c r="C7031" i="3"/>
  <c r="C7032" i="3"/>
  <c r="C7033" i="3"/>
  <c r="C7034" i="3"/>
  <c r="C7035" i="3"/>
  <c r="C7036" i="3"/>
  <c r="C7037" i="3"/>
  <c r="C7038" i="3"/>
  <c r="C7039" i="3"/>
  <c r="C7040" i="3"/>
  <c r="C7041" i="3"/>
  <c r="C7042" i="3"/>
  <c r="C7043" i="3"/>
  <c r="C7044" i="3"/>
  <c r="C7045" i="3"/>
  <c r="C7046" i="3"/>
  <c r="C7047" i="3"/>
  <c r="C7048" i="3"/>
  <c r="C7049" i="3"/>
  <c r="C7050" i="3"/>
  <c r="C7051" i="3"/>
  <c r="C7052" i="3"/>
  <c r="C7053" i="3"/>
  <c r="C7054" i="3"/>
  <c r="C7055" i="3"/>
  <c r="C7056" i="3"/>
  <c r="C7057" i="3"/>
  <c r="C7058" i="3"/>
  <c r="C7059" i="3"/>
  <c r="C7060" i="3"/>
  <c r="C7061" i="3"/>
  <c r="C7062" i="3"/>
  <c r="C7063" i="3"/>
  <c r="C7064" i="3"/>
  <c r="C7065" i="3"/>
  <c r="C7066" i="3"/>
  <c r="C7067" i="3"/>
  <c r="C7068" i="3"/>
  <c r="C7069" i="3"/>
  <c r="C7070" i="3"/>
  <c r="C7071" i="3"/>
  <c r="C7072" i="3"/>
  <c r="C7073" i="3"/>
  <c r="C7074" i="3"/>
  <c r="C7075" i="3"/>
  <c r="C7076" i="3"/>
  <c r="C7077" i="3"/>
  <c r="C7078" i="3"/>
  <c r="C7079" i="3"/>
  <c r="C7080" i="3"/>
  <c r="C7081" i="3"/>
  <c r="C7082" i="3"/>
  <c r="C7083" i="3"/>
  <c r="C7084" i="3"/>
  <c r="C7085" i="3"/>
  <c r="C7086" i="3"/>
  <c r="C7087" i="3"/>
  <c r="C7088" i="3"/>
  <c r="C7089" i="3"/>
  <c r="C7090" i="3"/>
  <c r="C7091" i="3"/>
  <c r="C7092" i="3"/>
  <c r="C7093" i="3"/>
  <c r="C7094" i="3"/>
  <c r="C7095" i="3"/>
  <c r="C7096" i="3"/>
  <c r="C7097" i="3"/>
  <c r="C7098" i="3"/>
  <c r="C7099" i="3"/>
  <c r="C7100" i="3"/>
  <c r="C7101" i="3"/>
  <c r="C7102" i="3"/>
  <c r="C7103" i="3"/>
  <c r="C7104" i="3"/>
  <c r="C7105" i="3"/>
  <c r="C7106" i="3"/>
  <c r="C7107" i="3"/>
  <c r="C7108" i="3"/>
  <c r="C7109" i="3"/>
  <c r="C7110" i="3"/>
  <c r="C7111" i="3"/>
  <c r="C7112" i="3"/>
  <c r="C7113" i="3"/>
  <c r="C7114" i="3"/>
  <c r="C7115" i="3"/>
  <c r="C7116" i="3"/>
  <c r="C7117" i="3"/>
  <c r="C7118" i="3"/>
  <c r="C7119" i="3"/>
  <c r="C7120" i="3"/>
  <c r="C7121" i="3"/>
  <c r="C7122" i="3"/>
  <c r="C7123" i="3"/>
  <c r="C7124" i="3"/>
  <c r="C7125" i="3"/>
  <c r="C7126" i="3"/>
  <c r="C7127" i="3"/>
  <c r="C7128" i="3"/>
  <c r="C7129" i="3"/>
  <c r="C7130" i="3"/>
  <c r="C7131" i="3"/>
  <c r="C7132" i="3"/>
  <c r="C7133" i="3"/>
  <c r="C7134" i="3"/>
  <c r="C7135" i="3"/>
  <c r="C7136" i="3"/>
  <c r="C7137" i="3"/>
  <c r="C7138" i="3"/>
  <c r="C7139" i="3"/>
  <c r="C7140" i="3"/>
  <c r="C7141" i="3"/>
  <c r="C7142" i="3"/>
  <c r="C7143" i="3"/>
  <c r="C7144" i="3"/>
  <c r="C7145" i="3"/>
  <c r="C7146" i="3"/>
  <c r="C7147" i="3"/>
  <c r="C7148" i="3"/>
  <c r="C7149" i="3"/>
  <c r="C7150" i="3"/>
  <c r="C7151" i="3"/>
  <c r="C7152" i="3"/>
  <c r="C7153" i="3"/>
  <c r="C7154" i="3"/>
  <c r="C7155" i="3"/>
  <c r="C7156" i="3"/>
  <c r="C7157" i="3"/>
  <c r="C7158" i="3"/>
  <c r="C7159" i="3"/>
  <c r="C7160" i="3"/>
  <c r="C7161" i="3"/>
  <c r="C7162" i="3"/>
  <c r="C7163" i="3"/>
  <c r="C7164" i="3"/>
  <c r="C7165" i="3"/>
  <c r="C7166" i="3"/>
  <c r="C7167" i="3"/>
  <c r="C7168" i="3"/>
  <c r="C7169" i="3"/>
  <c r="C7170" i="3"/>
  <c r="C7171" i="3"/>
  <c r="C7172" i="3"/>
  <c r="C7173" i="3"/>
  <c r="C7174" i="3"/>
  <c r="C7175" i="3"/>
  <c r="C7176" i="3"/>
  <c r="C7177" i="3"/>
  <c r="C7178" i="3"/>
  <c r="C7179" i="3"/>
  <c r="C7180" i="3"/>
  <c r="C7181" i="3"/>
  <c r="C7182" i="3"/>
  <c r="C7183" i="3"/>
  <c r="C7184" i="3"/>
  <c r="C7185" i="3"/>
  <c r="C7186" i="3"/>
  <c r="C7187" i="3"/>
  <c r="C7188" i="3"/>
  <c r="C7189" i="3"/>
  <c r="C7190" i="3"/>
  <c r="C7191" i="3"/>
  <c r="C7192" i="3"/>
  <c r="C7193" i="3"/>
  <c r="C7194" i="3"/>
  <c r="C7195" i="3"/>
  <c r="C7196" i="3"/>
  <c r="C7197" i="3"/>
  <c r="C7198" i="3"/>
  <c r="C7199" i="3"/>
  <c r="C7200" i="3"/>
  <c r="C7201" i="3"/>
  <c r="C7202" i="3"/>
  <c r="C7203" i="3"/>
  <c r="C7204" i="3"/>
  <c r="C7205" i="3"/>
  <c r="C7206" i="3"/>
  <c r="C7207" i="3"/>
  <c r="C7208" i="3"/>
  <c r="C7209" i="3"/>
  <c r="C7210" i="3"/>
  <c r="C7211" i="3"/>
  <c r="C7212" i="3"/>
  <c r="C7213" i="3"/>
  <c r="C7214" i="3"/>
  <c r="C7215" i="3"/>
  <c r="C7216" i="3"/>
  <c r="C7217" i="3"/>
  <c r="C7218" i="3"/>
  <c r="C7219" i="3"/>
  <c r="C7220" i="3"/>
  <c r="C7221" i="3"/>
  <c r="C7222" i="3"/>
  <c r="C7223" i="3"/>
  <c r="C7224" i="3"/>
  <c r="C7225" i="3"/>
  <c r="C7226" i="3"/>
  <c r="C7227" i="3"/>
  <c r="C7228" i="3"/>
  <c r="C7229" i="3"/>
  <c r="C7230" i="3"/>
  <c r="C7231" i="3"/>
  <c r="C7232" i="3"/>
  <c r="C7233" i="3"/>
  <c r="C7234" i="3"/>
  <c r="C7235" i="3"/>
  <c r="C7236" i="3"/>
  <c r="C7237" i="3"/>
  <c r="C7238" i="3"/>
  <c r="C7239" i="3"/>
  <c r="C7240" i="3"/>
  <c r="C7241" i="3"/>
  <c r="C7242" i="3"/>
  <c r="C7243" i="3"/>
  <c r="C7244" i="3"/>
  <c r="C7245" i="3"/>
  <c r="C7246" i="3"/>
  <c r="C7247" i="3"/>
  <c r="C7248" i="3"/>
  <c r="C7249" i="3"/>
  <c r="C7250" i="3"/>
  <c r="C7251" i="3"/>
  <c r="C7252" i="3"/>
  <c r="C7253" i="3"/>
  <c r="C7254" i="3"/>
  <c r="C7255" i="3"/>
  <c r="C7256" i="3"/>
  <c r="C7257" i="3"/>
  <c r="C7258" i="3"/>
  <c r="C7259" i="3"/>
  <c r="C7260" i="3"/>
  <c r="C7261" i="3"/>
  <c r="C7262" i="3"/>
  <c r="C7263" i="3"/>
  <c r="C7264" i="3"/>
  <c r="C7265" i="3"/>
  <c r="C7266" i="3"/>
  <c r="C7267" i="3"/>
  <c r="C7268" i="3"/>
  <c r="C7269" i="3"/>
  <c r="C7270" i="3"/>
  <c r="C7271" i="3"/>
  <c r="C7272" i="3"/>
  <c r="C7273" i="3"/>
  <c r="C7274" i="3"/>
  <c r="C7275" i="3"/>
  <c r="C7276" i="3"/>
  <c r="C7277" i="3"/>
  <c r="C7278" i="3"/>
  <c r="C7279" i="3"/>
  <c r="C7280" i="3"/>
  <c r="C7281" i="3"/>
  <c r="C7282" i="3"/>
  <c r="C7283" i="3"/>
  <c r="C7284" i="3"/>
  <c r="C7285" i="3"/>
  <c r="C7286" i="3"/>
  <c r="C7287" i="3"/>
  <c r="C7288" i="3"/>
  <c r="C7289" i="3"/>
  <c r="C7290" i="3"/>
  <c r="C7291" i="3"/>
  <c r="C7292" i="3"/>
  <c r="C7293" i="3"/>
  <c r="C7294" i="3"/>
  <c r="C7295" i="3"/>
  <c r="C7296" i="3"/>
  <c r="C7297" i="3"/>
  <c r="C7298" i="3"/>
  <c r="C7299" i="3"/>
  <c r="C7300" i="3"/>
  <c r="C7301" i="3"/>
  <c r="C7302" i="3"/>
  <c r="C7303" i="3"/>
  <c r="C7304" i="3"/>
  <c r="C7305" i="3"/>
  <c r="C7306" i="3"/>
  <c r="C7307" i="3"/>
  <c r="C7308" i="3"/>
  <c r="C7309" i="3"/>
  <c r="C7310" i="3"/>
  <c r="C7311" i="3"/>
  <c r="C7312" i="3"/>
  <c r="C7313" i="3"/>
  <c r="C7314" i="3"/>
  <c r="C7315" i="3"/>
  <c r="C7316" i="3"/>
  <c r="C7317" i="3"/>
  <c r="C7318" i="3"/>
  <c r="C7319" i="3"/>
  <c r="C7320" i="3"/>
  <c r="C7321" i="3"/>
  <c r="C7322" i="3"/>
  <c r="C7323" i="3"/>
  <c r="C7324" i="3"/>
  <c r="C7325" i="3"/>
  <c r="C7326" i="3"/>
  <c r="C7327" i="3"/>
  <c r="C7328" i="3"/>
  <c r="C7329" i="3"/>
  <c r="C7330" i="3"/>
  <c r="C7331" i="3"/>
  <c r="C7332" i="3"/>
  <c r="C7333" i="3"/>
  <c r="C7334" i="3"/>
  <c r="C7335" i="3"/>
  <c r="C7336" i="3"/>
  <c r="C7337" i="3"/>
  <c r="C7338" i="3"/>
  <c r="C7339" i="3"/>
  <c r="C7340" i="3"/>
  <c r="C7341" i="3"/>
  <c r="C7342" i="3"/>
  <c r="C7343" i="3"/>
  <c r="C7344" i="3"/>
  <c r="C7345" i="3"/>
  <c r="C7346" i="3"/>
  <c r="C7347" i="3"/>
  <c r="C7348" i="3"/>
  <c r="C7349" i="3"/>
  <c r="C7350" i="3"/>
  <c r="C7351" i="3"/>
  <c r="C7352" i="3"/>
  <c r="C7353" i="3"/>
  <c r="C7354" i="3"/>
  <c r="C7355" i="3"/>
  <c r="C7356" i="3"/>
  <c r="C7357" i="3"/>
  <c r="C7358" i="3"/>
  <c r="C7359" i="3"/>
  <c r="C7360" i="3"/>
  <c r="C7361" i="3"/>
  <c r="C7362" i="3"/>
  <c r="C7363" i="3"/>
  <c r="C7364" i="3"/>
  <c r="C7365" i="3"/>
  <c r="C7366" i="3"/>
  <c r="C7367" i="3"/>
  <c r="C7368" i="3"/>
  <c r="C7369" i="3"/>
  <c r="C7370" i="3"/>
  <c r="C7371" i="3"/>
  <c r="C7372" i="3"/>
  <c r="C7373" i="3"/>
  <c r="C7374" i="3"/>
  <c r="C7375" i="3"/>
  <c r="C7376" i="3"/>
  <c r="C7377" i="3"/>
  <c r="C7378" i="3"/>
  <c r="C7379" i="3"/>
  <c r="C7380" i="3"/>
  <c r="C7381" i="3"/>
  <c r="C7382" i="3"/>
  <c r="C7383" i="3"/>
  <c r="C7384" i="3"/>
  <c r="C7385" i="3"/>
  <c r="C7386" i="3"/>
  <c r="C7387" i="3"/>
  <c r="C7388" i="3"/>
  <c r="C7389" i="3"/>
  <c r="C7390" i="3"/>
  <c r="C7391" i="3"/>
  <c r="C7392" i="3"/>
  <c r="C7393" i="3"/>
  <c r="C7394" i="3"/>
  <c r="C7395" i="3"/>
  <c r="C7396" i="3"/>
  <c r="C7397" i="3"/>
  <c r="C7398" i="3"/>
  <c r="C7399" i="3"/>
  <c r="C7400" i="3"/>
  <c r="C7401" i="3"/>
  <c r="C7402" i="3"/>
  <c r="C7403" i="3"/>
  <c r="C7404" i="3"/>
  <c r="C7405" i="3"/>
  <c r="C7406" i="3"/>
  <c r="C7407" i="3"/>
  <c r="C7408" i="3"/>
  <c r="C7409" i="3"/>
  <c r="C7410" i="3"/>
  <c r="C7411" i="3"/>
  <c r="C7412" i="3"/>
  <c r="C7413" i="3"/>
  <c r="C7414" i="3"/>
  <c r="C7415" i="3"/>
  <c r="C7416" i="3"/>
  <c r="C7417" i="3"/>
  <c r="C7418" i="3"/>
  <c r="C7419" i="3"/>
  <c r="C7420" i="3"/>
  <c r="C7421" i="3"/>
  <c r="C7422" i="3"/>
  <c r="C7423" i="3"/>
  <c r="C7424" i="3"/>
  <c r="C7425" i="3"/>
  <c r="C7426" i="3"/>
  <c r="C7427" i="3"/>
  <c r="C7428" i="3"/>
  <c r="C7429" i="3"/>
  <c r="C7430" i="3"/>
  <c r="C7431" i="3"/>
  <c r="C7432" i="3"/>
  <c r="C7433" i="3"/>
  <c r="C7434" i="3"/>
  <c r="C7435" i="3"/>
  <c r="C7436" i="3"/>
  <c r="C7437" i="3"/>
  <c r="C7438" i="3"/>
  <c r="C7439" i="3"/>
  <c r="C7440" i="3"/>
  <c r="C7441" i="3"/>
  <c r="C7442" i="3"/>
  <c r="C7443" i="3"/>
  <c r="C7444" i="3"/>
  <c r="C7445" i="3"/>
  <c r="C7446" i="3"/>
  <c r="C7447" i="3"/>
  <c r="C7448" i="3"/>
  <c r="C7449" i="3"/>
  <c r="C7450" i="3"/>
  <c r="C7451" i="3"/>
  <c r="C7452" i="3"/>
  <c r="C7453" i="3"/>
  <c r="C7454" i="3"/>
  <c r="C7455" i="3"/>
  <c r="C7456" i="3"/>
  <c r="C7457" i="3"/>
  <c r="C7458" i="3"/>
  <c r="C7459" i="3"/>
  <c r="C7460" i="3"/>
  <c r="C7461" i="3"/>
  <c r="C7462" i="3"/>
  <c r="C7463" i="3"/>
  <c r="C7464" i="3"/>
  <c r="C7465" i="3"/>
  <c r="C7466" i="3"/>
  <c r="C7467" i="3"/>
  <c r="C7468" i="3"/>
  <c r="C7469" i="3"/>
  <c r="C7470" i="3"/>
  <c r="C7471" i="3"/>
  <c r="C7472" i="3"/>
  <c r="C7473" i="3"/>
  <c r="C7474" i="3"/>
  <c r="C7475" i="3"/>
  <c r="C7476" i="3"/>
  <c r="C7477" i="3"/>
  <c r="C7478" i="3"/>
  <c r="C7479" i="3"/>
  <c r="C7480" i="3"/>
  <c r="C7481" i="3"/>
  <c r="C7482" i="3"/>
  <c r="C7483" i="3"/>
  <c r="C7484" i="3"/>
  <c r="C7485" i="3"/>
  <c r="C7486" i="3"/>
  <c r="C7487" i="3"/>
  <c r="C7488" i="3"/>
  <c r="C7489" i="3"/>
  <c r="C7490" i="3"/>
  <c r="C7491" i="3"/>
  <c r="C7492" i="3"/>
  <c r="C7493" i="3"/>
  <c r="C7494" i="3"/>
  <c r="C7495" i="3"/>
  <c r="C7496" i="3"/>
  <c r="C7497" i="3"/>
  <c r="C7498" i="3"/>
  <c r="C7499" i="3"/>
  <c r="C7500" i="3"/>
  <c r="C7501" i="3"/>
  <c r="C7502" i="3"/>
  <c r="C7503" i="3"/>
  <c r="C7504" i="3"/>
  <c r="C7505" i="3"/>
  <c r="C7506" i="3"/>
  <c r="C7507" i="3"/>
  <c r="C7508" i="3"/>
  <c r="C7509" i="3"/>
  <c r="C7510" i="3"/>
  <c r="C7511" i="3"/>
  <c r="C7512" i="3"/>
  <c r="C7513" i="3"/>
  <c r="C7514" i="3"/>
  <c r="C7515" i="3"/>
  <c r="C7516" i="3"/>
  <c r="C7517" i="3"/>
  <c r="C7518" i="3"/>
  <c r="C7519" i="3"/>
  <c r="C7520" i="3"/>
  <c r="C7521" i="3"/>
  <c r="C7522" i="3"/>
  <c r="C7523" i="3"/>
  <c r="C7524" i="3"/>
  <c r="C7525" i="3"/>
  <c r="C7526" i="3"/>
  <c r="C7527" i="3"/>
  <c r="C7528" i="3"/>
  <c r="C7529" i="3"/>
  <c r="C7530" i="3"/>
  <c r="C7531" i="3"/>
  <c r="C7532" i="3"/>
  <c r="C7533" i="3"/>
  <c r="C7534" i="3"/>
  <c r="C7535" i="3"/>
  <c r="C7536" i="3"/>
  <c r="C7537" i="3"/>
  <c r="C7538" i="3"/>
  <c r="C7539" i="3"/>
  <c r="C7540" i="3"/>
  <c r="C7541" i="3"/>
  <c r="C7542" i="3"/>
  <c r="C7543" i="3"/>
  <c r="C7544" i="3"/>
  <c r="C7545" i="3"/>
  <c r="C7546" i="3"/>
  <c r="C7547" i="3"/>
  <c r="C7548" i="3"/>
  <c r="C7549" i="3"/>
  <c r="C7550" i="3"/>
  <c r="C7551" i="3"/>
  <c r="C7552" i="3"/>
  <c r="C7553" i="3"/>
  <c r="C7554" i="3"/>
  <c r="C7555" i="3"/>
  <c r="C7556" i="3"/>
  <c r="C7557" i="3"/>
  <c r="C7558" i="3"/>
  <c r="C7559" i="3"/>
  <c r="C7560" i="3"/>
  <c r="C7561" i="3"/>
  <c r="C7562" i="3"/>
  <c r="C7563" i="3"/>
  <c r="C7564" i="3"/>
  <c r="C7565" i="3"/>
  <c r="C7566" i="3"/>
  <c r="C7567" i="3"/>
  <c r="C7568" i="3"/>
  <c r="C7569" i="3"/>
  <c r="C7570" i="3"/>
  <c r="C7571" i="3"/>
  <c r="C7572" i="3"/>
  <c r="C7573" i="3"/>
  <c r="C7574" i="3"/>
  <c r="C7575" i="3"/>
  <c r="C7576" i="3"/>
  <c r="C7577" i="3"/>
  <c r="C7578" i="3"/>
  <c r="C7579" i="3"/>
  <c r="C7580" i="3"/>
  <c r="C7581" i="3"/>
  <c r="C7582" i="3"/>
  <c r="C7583" i="3"/>
  <c r="C7584" i="3"/>
  <c r="C7585" i="3"/>
  <c r="C7586" i="3"/>
  <c r="C7587" i="3"/>
  <c r="C7588" i="3"/>
  <c r="C7589" i="3"/>
  <c r="C7590" i="3"/>
  <c r="C7591" i="3"/>
  <c r="C7592" i="3"/>
  <c r="C7593" i="3"/>
  <c r="C7594" i="3"/>
  <c r="C7595" i="3"/>
  <c r="C7596" i="3"/>
  <c r="C7597" i="3"/>
  <c r="C7598" i="3"/>
  <c r="C7599" i="3"/>
  <c r="C7600" i="3"/>
  <c r="C7601" i="3"/>
  <c r="C7602" i="3"/>
  <c r="C7603" i="3"/>
  <c r="C7604" i="3"/>
  <c r="C7605" i="3"/>
  <c r="C7606" i="3"/>
  <c r="C7607" i="3"/>
  <c r="C7608" i="3"/>
  <c r="C7609" i="3"/>
  <c r="C7610" i="3"/>
  <c r="C7611" i="3"/>
  <c r="C7612" i="3"/>
  <c r="C7613" i="3"/>
  <c r="C7614" i="3"/>
  <c r="C7615" i="3"/>
  <c r="C7616" i="3"/>
  <c r="C7617" i="3"/>
  <c r="C7618" i="3"/>
  <c r="C7619" i="3"/>
  <c r="C7620" i="3"/>
  <c r="C7621" i="3"/>
  <c r="C7622" i="3"/>
  <c r="C7623" i="3"/>
  <c r="C7624" i="3"/>
  <c r="C7625" i="3"/>
  <c r="C7626" i="3"/>
  <c r="C7627" i="3"/>
  <c r="C7628" i="3"/>
  <c r="C7629" i="3"/>
  <c r="C7630" i="3"/>
  <c r="C7631" i="3"/>
  <c r="C7632" i="3"/>
  <c r="C7633" i="3"/>
  <c r="C7634" i="3"/>
  <c r="C7635" i="3"/>
  <c r="C7636" i="3"/>
  <c r="C7637" i="3"/>
  <c r="C7638" i="3"/>
  <c r="C7639" i="3"/>
  <c r="C7640" i="3"/>
  <c r="C7641" i="3"/>
  <c r="C7642" i="3"/>
  <c r="C7643" i="3"/>
  <c r="C7644" i="3"/>
  <c r="C7645" i="3"/>
  <c r="C7646" i="3"/>
  <c r="C7647" i="3"/>
  <c r="C7648" i="3"/>
  <c r="C7649" i="3"/>
  <c r="C7650" i="3"/>
  <c r="C7651" i="3"/>
  <c r="C7652" i="3"/>
  <c r="C7653" i="3"/>
  <c r="C7654" i="3"/>
  <c r="C7655" i="3"/>
  <c r="C7656" i="3"/>
  <c r="C7657" i="3"/>
  <c r="C7658" i="3"/>
  <c r="C7659" i="3"/>
  <c r="C7660" i="3"/>
  <c r="C7661" i="3"/>
  <c r="C7662" i="3"/>
  <c r="C7663" i="3"/>
  <c r="C7664" i="3"/>
  <c r="C7665" i="3"/>
  <c r="C7666" i="3"/>
  <c r="C7667" i="3"/>
  <c r="C7668" i="3"/>
  <c r="C7669" i="3"/>
  <c r="C7670" i="3"/>
  <c r="C7671" i="3"/>
  <c r="C7672" i="3"/>
  <c r="C7673" i="3"/>
  <c r="C7674" i="3"/>
  <c r="C7675" i="3"/>
  <c r="C7676" i="3"/>
  <c r="C7677" i="3"/>
  <c r="C7678" i="3"/>
  <c r="C7679" i="3"/>
  <c r="C7680" i="3"/>
  <c r="C7681" i="3"/>
  <c r="C7682" i="3"/>
  <c r="C7683" i="3"/>
  <c r="C7684" i="3"/>
  <c r="C7685" i="3"/>
  <c r="C7686" i="3"/>
  <c r="C7687" i="3"/>
  <c r="C7688" i="3"/>
  <c r="C7689" i="3"/>
  <c r="C7690" i="3"/>
  <c r="C7691" i="3"/>
  <c r="C7692" i="3"/>
  <c r="C7693" i="3"/>
  <c r="C7694" i="3"/>
  <c r="C7695" i="3"/>
  <c r="C7696" i="3"/>
  <c r="C7697" i="3"/>
  <c r="C7698" i="3"/>
  <c r="C7699" i="3"/>
  <c r="C7700" i="3"/>
  <c r="C7701" i="3"/>
  <c r="C7702" i="3"/>
  <c r="C7703" i="3"/>
  <c r="C7704" i="3"/>
  <c r="C7705" i="3"/>
  <c r="C7706" i="3"/>
  <c r="C7707" i="3"/>
  <c r="C7708" i="3"/>
  <c r="C7709" i="3"/>
  <c r="C7710" i="3"/>
  <c r="C7711" i="3"/>
  <c r="C7712" i="3"/>
  <c r="C7713" i="3"/>
  <c r="C7714" i="3"/>
  <c r="C7715" i="3"/>
  <c r="C7716" i="3"/>
  <c r="C7717" i="3"/>
  <c r="C7718" i="3"/>
  <c r="C7719" i="3"/>
  <c r="C7720" i="3"/>
  <c r="C7721" i="3"/>
  <c r="C7722" i="3"/>
  <c r="C7723" i="3"/>
  <c r="C7724" i="3"/>
  <c r="C7725" i="3"/>
  <c r="C7726" i="3"/>
  <c r="C7727" i="3"/>
  <c r="C7728" i="3"/>
  <c r="C7729" i="3"/>
  <c r="C7730" i="3"/>
  <c r="C7731" i="3"/>
  <c r="C7732" i="3"/>
  <c r="C7733" i="3"/>
  <c r="C7734" i="3"/>
  <c r="C7735" i="3"/>
  <c r="C7736" i="3"/>
  <c r="C7737" i="3"/>
  <c r="C7738" i="3"/>
  <c r="C7739" i="3"/>
  <c r="C7740" i="3"/>
  <c r="C7741" i="3"/>
  <c r="C7742" i="3"/>
  <c r="C7743" i="3"/>
  <c r="C7744" i="3"/>
  <c r="C7745" i="3"/>
  <c r="C7746" i="3"/>
  <c r="C7747" i="3"/>
  <c r="C7748" i="3"/>
  <c r="C7749" i="3"/>
  <c r="C7750" i="3"/>
  <c r="C7751" i="3"/>
  <c r="C7752" i="3"/>
  <c r="C7753" i="3"/>
  <c r="C7754" i="3"/>
  <c r="C7755" i="3"/>
  <c r="C7756" i="3"/>
  <c r="C7757" i="3"/>
  <c r="C7758" i="3"/>
  <c r="C7759" i="3"/>
  <c r="C7760" i="3"/>
  <c r="C7761" i="3"/>
  <c r="C7762" i="3"/>
  <c r="C7763" i="3"/>
  <c r="C7764" i="3"/>
  <c r="C7765" i="3"/>
  <c r="C7766" i="3"/>
  <c r="C7767" i="3"/>
  <c r="C7768" i="3"/>
  <c r="C7769" i="3"/>
  <c r="C7770" i="3"/>
  <c r="C7771" i="3"/>
  <c r="C7772" i="3"/>
  <c r="C7773" i="3"/>
  <c r="C7774" i="3"/>
  <c r="C7775" i="3"/>
  <c r="C7776" i="3"/>
  <c r="C7777" i="3"/>
  <c r="C7778" i="3"/>
  <c r="C7779" i="3"/>
  <c r="C7780" i="3"/>
  <c r="C7781" i="3"/>
  <c r="C7782" i="3"/>
  <c r="C7783" i="3"/>
  <c r="C7784" i="3"/>
  <c r="C7785" i="3"/>
  <c r="C7786" i="3"/>
  <c r="C7787" i="3"/>
  <c r="C7788" i="3"/>
  <c r="C7789" i="3"/>
  <c r="C7790" i="3"/>
  <c r="C7791" i="3"/>
  <c r="C7792" i="3"/>
  <c r="C7793" i="3"/>
  <c r="C7794" i="3"/>
  <c r="C7795" i="3"/>
  <c r="C7796" i="3"/>
  <c r="C7797" i="3"/>
  <c r="C7798" i="3"/>
  <c r="C7799" i="3"/>
  <c r="C7800" i="3"/>
  <c r="C7801" i="3"/>
  <c r="C7802" i="3"/>
  <c r="C7803" i="3"/>
  <c r="C7804" i="3"/>
  <c r="C7805" i="3"/>
  <c r="C7806" i="3"/>
  <c r="C7807" i="3"/>
  <c r="C7808" i="3"/>
  <c r="C7809" i="3"/>
  <c r="C7810" i="3"/>
  <c r="C7811" i="3"/>
  <c r="C7812" i="3"/>
  <c r="C7813" i="3"/>
  <c r="C7814" i="3"/>
  <c r="C7815" i="3"/>
  <c r="C7816" i="3"/>
  <c r="C7817" i="3"/>
  <c r="C7818" i="3"/>
  <c r="C7819" i="3"/>
  <c r="C7820" i="3"/>
  <c r="C7821" i="3"/>
  <c r="C7822" i="3"/>
  <c r="C7823" i="3"/>
  <c r="C7824" i="3"/>
  <c r="C7825" i="3"/>
  <c r="C7826" i="3"/>
  <c r="C7827" i="3"/>
  <c r="C7828" i="3"/>
  <c r="C7829" i="3"/>
  <c r="C7830" i="3"/>
  <c r="C7831" i="3"/>
  <c r="C7832" i="3"/>
  <c r="C7833" i="3"/>
  <c r="C7834" i="3"/>
  <c r="C7835" i="3"/>
  <c r="C7836" i="3"/>
  <c r="C7837" i="3"/>
  <c r="C7838" i="3"/>
  <c r="C7839" i="3"/>
  <c r="C7840" i="3"/>
  <c r="C7841" i="3"/>
  <c r="C7842" i="3"/>
  <c r="C7843" i="3"/>
  <c r="C7844" i="3"/>
  <c r="C7845" i="3"/>
  <c r="C7846" i="3"/>
  <c r="C7847" i="3"/>
  <c r="C7848" i="3"/>
  <c r="C7849" i="3"/>
  <c r="C7850" i="3"/>
  <c r="C7851" i="3"/>
  <c r="C7852" i="3"/>
  <c r="C7853" i="3"/>
  <c r="C7854" i="3"/>
  <c r="C7855" i="3"/>
  <c r="C7856" i="3"/>
  <c r="C7857" i="3"/>
  <c r="C7858" i="3"/>
  <c r="C7859" i="3"/>
  <c r="C7860" i="3"/>
  <c r="C7861" i="3"/>
  <c r="C7862" i="3"/>
  <c r="C7863" i="3"/>
  <c r="C7864" i="3"/>
  <c r="C7865" i="3"/>
  <c r="C7866" i="3"/>
  <c r="C7867" i="3"/>
  <c r="C7868" i="3"/>
  <c r="C7869" i="3"/>
  <c r="C7870" i="3"/>
  <c r="C7871" i="3"/>
  <c r="C7872" i="3"/>
  <c r="C7873" i="3"/>
  <c r="C7874" i="3"/>
  <c r="C7875" i="3"/>
  <c r="C7876" i="3"/>
  <c r="C7877" i="3"/>
  <c r="C7878" i="3"/>
  <c r="C7879" i="3"/>
  <c r="C7880" i="3"/>
  <c r="C7881" i="3"/>
  <c r="C7882" i="3"/>
  <c r="C7883" i="3"/>
  <c r="C7884" i="3"/>
  <c r="C7885" i="3"/>
  <c r="C7886" i="3"/>
  <c r="C7887" i="3"/>
  <c r="C7888" i="3"/>
  <c r="C7889" i="3"/>
  <c r="C7890" i="3"/>
  <c r="C7891" i="3"/>
  <c r="C7892" i="3"/>
  <c r="C7893" i="3"/>
  <c r="C7894" i="3"/>
  <c r="C7895" i="3"/>
  <c r="C7896" i="3"/>
  <c r="C7897" i="3"/>
  <c r="C7898" i="3"/>
  <c r="C7899" i="3"/>
  <c r="C7900" i="3"/>
  <c r="C7901" i="3"/>
  <c r="C7902" i="3"/>
  <c r="C7903" i="3"/>
  <c r="C7904" i="3"/>
  <c r="C7905" i="3"/>
  <c r="C7906" i="3"/>
  <c r="C7907" i="3"/>
  <c r="C7908" i="3"/>
  <c r="C7909" i="3"/>
  <c r="C7910" i="3"/>
  <c r="C7911" i="3"/>
  <c r="C7912" i="3"/>
  <c r="C7913" i="3"/>
  <c r="C7914" i="3"/>
  <c r="C7915" i="3"/>
  <c r="C7916" i="3"/>
  <c r="C7917" i="3"/>
  <c r="C7918" i="3"/>
  <c r="C7919" i="3"/>
  <c r="C7920" i="3"/>
  <c r="C7921" i="3"/>
  <c r="C7922" i="3"/>
  <c r="C7923" i="3"/>
  <c r="C7924" i="3"/>
  <c r="C7925" i="3"/>
  <c r="C7926" i="3"/>
  <c r="C7927" i="3"/>
  <c r="C7928" i="3"/>
  <c r="C7929" i="3"/>
  <c r="C7930" i="3"/>
  <c r="C7931" i="3"/>
  <c r="C7932" i="3"/>
  <c r="C7933" i="3"/>
  <c r="C7934" i="3"/>
  <c r="C7935" i="3"/>
  <c r="C7936" i="3"/>
  <c r="C7937" i="3"/>
  <c r="C7938" i="3"/>
  <c r="C7939" i="3"/>
  <c r="C7940" i="3"/>
  <c r="C7941" i="3"/>
  <c r="C7942" i="3"/>
  <c r="C7943" i="3"/>
  <c r="C7944" i="3"/>
  <c r="C7945" i="3"/>
  <c r="C7946" i="3"/>
  <c r="C7947" i="3"/>
  <c r="C7948" i="3"/>
  <c r="C7949" i="3"/>
  <c r="C7950" i="3"/>
  <c r="C7951" i="3"/>
  <c r="C7952" i="3"/>
  <c r="C7953" i="3"/>
  <c r="C7954" i="3"/>
  <c r="C7955" i="3"/>
  <c r="C7956" i="3"/>
  <c r="C7957" i="3"/>
  <c r="C7958" i="3"/>
  <c r="C7959" i="3"/>
  <c r="C7960" i="3"/>
  <c r="C7961" i="3"/>
  <c r="C7962" i="3"/>
  <c r="C7963" i="3"/>
  <c r="C7964" i="3"/>
  <c r="C7965" i="3"/>
  <c r="C7966" i="3"/>
  <c r="C7967" i="3"/>
  <c r="C7968" i="3"/>
  <c r="C7969" i="3"/>
  <c r="C7970" i="3"/>
  <c r="C7971" i="3"/>
  <c r="C7972" i="3"/>
  <c r="C7973" i="3"/>
  <c r="C7974" i="3"/>
  <c r="C7975" i="3"/>
  <c r="C7976" i="3"/>
  <c r="C7977" i="3"/>
  <c r="C7978" i="3"/>
  <c r="C7979" i="3"/>
  <c r="C7980" i="3"/>
  <c r="C7981" i="3"/>
  <c r="C7982" i="3"/>
  <c r="C7983" i="3"/>
  <c r="C7984" i="3"/>
  <c r="C7985" i="3"/>
  <c r="C7986" i="3"/>
  <c r="C7987" i="3"/>
  <c r="C7988" i="3"/>
  <c r="C7989" i="3"/>
  <c r="C7990" i="3"/>
  <c r="C7991" i="3"/>
  <c r="C7992" i="3"/>
  <c r="C7993" i="3"/>
  <c r="C7994" i="3"/>
  <c r="C7995" i="3"/>
  <c r="C7996" i="3"/>
  <c r="C7997" i="3"/>
  <c r="C7998" i="3"/>
  <c r="C7999" i="3"/>
  <c r="C8000" i="3"/>
  <c r="C8001" i="3"/>
  <c r="C8002" i="3"/>
  <c r="C8003" i="3"/>
  <c r="C8004" i="3"/>
  <c r="C8005" i="3"/>
  <c r="C8006" i="3"/>
  <c r="C8007" i="3"/>
  <c r="C8008" i="3"/>
  <c r="C8009" i="3"/>
  <c r="C8010" i="3"/>
  <c r="C8011" i="3"/>
  <c r="C8012" i="3"/>
  <c r="C8013" i="3"/>
  <c r="C8014" i="3"/>
  <c r="C8015" i="3"/>
  <c r="C8016" i="3"/>
  <c r="C8017" i="3"/>
  <c r="C8018" i="3"/>
  <c r="C8019" i="3"/>
  <c r="C8020" i="3"/>
  <c r="C8021" i="3"/>
  <c r="C8022" i="3"/>
  <c r="C8023" i="3"/>
  <c r="C8024" i="3"/>
  <c r="C8025" i="3"/>
  <c r="C8026" i="3"/>
  <c r="C8027" i="3"/>
  <c r="C8028" i="3"/>
  <c r="C8029" i="3"/>
  <c r="C8030" i="3"/>
  <c r="C8031" i="3"/>
  <c r="C8032" i="3"/>
  <c r="C8033" i="3"/>
  <c r="C8034" i="3"/>
  <c r="C8035" i="3"/>
  <c r="C8036" i="3"/>
  <c r="C8037" i="3"/>
  <c r="C8038" i="3"/>
  <c r="C8039" i="3"/>
  <c r="C8040" i="3"/>
  <c r="C8041" i="3"/>
  <c r="C8042" i="3"/>
  <c r="C8043" i="3"/>
  <c r="C8044" i="3"/>
  <c r="C8045" i="3"/>
  <c r="C8046" i="3"/>
  <c r="C8047" i="3"/>
  <c r="C8048" i="3"/>
  <c r="C8049" i="3"/>
  <c r="C8050" i="3"/>
  <c r="C8051" i="3"/>
  <c r="C8052" i="3"/>
  <c r="C8053" i="3"/>
  <c r="C8054" i="3"/>
  <c r="C8055" i="3"/>
  <c r="C8056" i="3"/>
  <c r="C8057" i="3"/>
  <c r="C8058" i="3"/>
  <c r="C8059" i="3"/>
  <c r="C8060" i="3"/>
  <c r="C8061" i="3"/>
  <c r="C8062" i="3"/>
  <c r="C8063" i="3"/>
  <c r="C8064" i="3"/>
  <c r="C8065" i="3"/>
  <c r="C8066" i="3"/>
  <c r="C8067" i="3"/>
  <c r="C8068" i="3"/>
  <c r="C8069" i="3"/>
  <c r="C8070" i="3"/>
  <c r="C8071" i="3"/>
  <c r="C8072" i="3"/>
  <c r="C8073" i="3"/>
  <c r="C8074" i="3"/>
  <c r="C8075" i="3"/>
  <c r="C8076" i="3"/>
  <c r="C8077" i="3"/>
  <c r="C8078" i="3"/>
  <c r="C8079" i="3"/>
  <c r="C8080" i="3"/>
  <c r="C8081" i="3"/>
  <c r="C8082" i="3"/>
  <c r="C8083" i="3"/>
  <c r="C8084" i="3"/>
  <c r="C8085" i="3"/>
  <c r="C8086" i="3"/>
  <c r="C8087" i="3"/>
  <c r="C8088" i="3"/>
  <c r="C8089" i="3"/>
  <c r="C8090" i="3"/>
  <c r="C8091" i="3"/>
  <c r="C8092" i="3"/>
  <c r="C8093" i="3"/>
  <c r="C8094" i="3"/>
  <c r="C8095" i="3"/>
  <c r="C8096" i="3"/>
  <c r="C8097" i="3"/>
  <c r="C8098" i="3"/>
  <c r="C8099" i="3"/>
  <c r="C8100" i="3"/>
  <c r="C8101" i="3"/>
  <c r="C8102" i="3"/>
  <c r="C8103" i="3"/>
  <c r="C8104" i="3"/>
  <c r="C8105" i="3"/>
  <c r="C8106" i="3"/>
  <c r="C8107" i="3"/>
  <c r="C8108" i="3"/>
  <c r="C8109" i="3"/>
  <c r="C8110" i="3"/>
  <c r="C8111" i="3"/>
  <c r="C8112" i="3"/>
  <c r="C8113" i="3"/>
  <c r="C8114" i="3"/>
  <c r="C8115" i="3"/>
  <c r="C8116" i="3"/>
  <c r="C8117" i="3"/>
  <c r="C8118" i="3"/>
  <c r="C8119" i="3"/>
  <c r="C8120" i="3"/>
  <c r="C8121" i="3"/>
  <c r="C8122" i="3"/>
  <c r="C8123" i="3"/>
  <c r="C8124" i="3"/>
  <c r="C8125" i="3"/>
  <c r="C8126" i="3"/>
  <c r="C8127" i="3"/>
  <c r="C8128" i="3"/>
  <c r="C8129" i="3"/>
  <c r="C8130" i="3"/>
  <c r="C8131" i="3"/>
  <c r="C8132" i="3"/>
  <c r="C8133" i="3"/>
  <c r="C8134" i="3"/>
  <c r="C8135" i="3"/>
  <c r="C8136" i="3"/>
  <c r="C8137" i="3"/>
  <c r="C8138" i="3"/>
  <c r="C8139" i="3"/>
  <c r="C8140" i="3"/>
  <c r="C8141" i="3"/>
  <c r="C8142" i="3"/>
  <c r="C8143" i="3"/>
  <c r="C8144" i="3"/>
  <c r="C8145" i="3"/>
  <c r="C8146" i="3"/>
  <c r="C8147" i="3"/>
  <c r="C8148" i="3"/>
  <c r="C8149" i="3"/>
  <c r="C8150" i="3"/>
  <c r="C8151" i="3"/>
  <c r="C8152" i="3"/>
  <c r="C8153" i="3"/>
  <c r="C8154" i="3"/>
  <c r="C8155" i="3"/>
  <c r="C8156" i="3"/>
  <c r="C8157" i="3"/>
  <c r="C8158" i="3"/>
  <c r="C8159" i="3"/>
  <c r="C8160" i="3"/>
  <c r="C8161" i="3"/>
  <c r="C8162" i="3"/>
  <c r="C8163" i="3"/>
  <c r="C8164" i="3"/>
  <c r="C8165" i="3"/>
  <c r="C8166" i="3"/>
  <c r="C8167" i="3"/>
  <c r="C8168" i="3"/>
  <c r="C8169" i="3"/>
  <c r="C8170" i="3"/>
  <c r="C8171" i="3"/>
  <c r="C8172" i="3"/>
  <c r="C8173" i="3"/>
  <c r="C8174" i="3"/>
  <c r="C8175" i="3"/>
  <c r="C8176" i="3"/>
  <c r="C8177" i="3"/>
  <c r="C8178" i="3"/>
  <c r="C8179" i="3"/>
  <c r="C8180" i="3"/>
  <c r="C8181" i="3"/>
  <c r="C8182" i="3"/>
  <c r="C8183" i="3"/>
  <c r="C8184" i="3"/>
  <c r="C8185" i="3"/>
  <c r="C8186" i="3"/>
  <c r="C8187" i="3"/>
  <c r="C8188" i="3"/>
  <c r="C8189" i="3"/>
  <c r="C8190" i="3"/>
  <c r="C8191" i="3"/>
  <c r="C8192" i="3"/>
  <c r="C8193" i="3"/>
  <c r="C8194" i="3"/>
  <c r="C8195" i="3"/>
  <c r="C8196" i="3"/>
  <c r="C8197" i="3"/>
  <c r="C8198" i="3"/>
  <c r="C8199" i="3"/>
  <c r="C8200" i="3"/>
  <c r="C8201" i="3"/>
  <c r="C8202" i="3"/>
  <c r="C8203" i="3"/>
  <c r="C8204" i="3"/>
  <c r="C8205" i="3"/>
  <c r="C8206" i="3"/>
  <c r="C8207" i="3"/>
  <c r="C8208" i="3"/>
  <c r="C8209" i="3"/>
  <c r="C8210" i="3"/>
  <c r="C8211" i="3"/>
  <c r="C8212" i="3"/>
  <c r="C8213" i="3"/>
  <c r="C8214" i="3"/>
  <c r="C8215" i="3"/>
  <c r="C8216" i="3"/>
  <c r="C8217" i="3"/>
  <c r="C8218" i="3"/>
  <c r="C8219" i="3"/>
  <c r="C8220" i="3"/>
  <c r="C8221" i="3"/>
  <c r="C8222" i="3"/>
  <c r="C8223" i="3"/>
  <c r="C8224" i="3"/>
  <c r="C8225" i="3"/>
  <c r="C8226" i="3"/>
  <c r="C8227" i="3"/>
  <c r="C8228" i="3"/>
  <c r="C8229" i="3"/>
  <c r="C8230" i="3"/>
  <c r="C8231" i="3"/>
  <c r="C8232" i="3"/>
  <c r="C8233" i="3"/>
  <c r="C8234" i="3"/>
  <c r="C8235" i="3"/>
  <c r="C8236" i="3"/>
  <c r="C8237" i="3"/>
  <c r="C8238" i="3"/>
  <c r="C8239" i="3"/>
  <c r="C8240" i="3"/>
  <c r="C8241" i="3"/>
  <c r="C8242" i="3"/>
  <c r="C8243" i="3"/>
  <c r="C8244" i="3"/>
  <c r="C8245" i="3"/>
  <c r="C8246" i="3"/>
  <c r="C8247" i="3"/>
  <c r="C8248" i="3"/>
  <c r="C8249" i="3"/>
  <c r="C8250" i="3"/>
  <c r="C8251" i="3"/>
  <c r="C8252" i="3"/>
  <c r="C8253" i="3"/>
  <c r="C8254" i="3"/>
  <c r="C8255" i="3"/>
  <c r="C8256" i="3"/>
  <c r="C8257" i="3"/>
  <c r="C8258" i="3"/>
  <c r="C8259" i="3"/>
  <c r="C8260" i="3"/>
  <c r="C8261" i="3"/>
  <c r="C8262" i="3"/>
  <c r="C8263" i="3"/>
  <c r="C8264" i="3"/>
  <c r="C8265" i="3"/>
  <c r="C8266" i="3"/>
  <c r="C8267" i="3"/>
  <c r="C8268" i="3"/>
  <c r="C8269" i="3"/>
  <c r="C8270" i="3"/>
  <c r="C8271" i="3"/>
  <c r="C8272" i="3"/>
  <c r="C8273" i="3"/>
  <c r="C8274" i="3"/>
  <c r="C8275" i="3"/>
  <c r="C8276" i="3"/>
  <c r="C8277" i="3"/>
  <c r="C8278" i="3"/>
  <c r="C8279" i="3"/>
  <c r="C8280" i="3"/>
  <c r="C8281" i="3"/>
  <c r="C8282" i="3"/>
  <c r="C8283" i="3"/>
  <c r="C8284" i="3"/>
  <c r="C8285" i="3"/>
  <c r="C8286" i="3"/>
  <c r="C8287" i="3"/>
  <c r="C8288" i="3"/>
  <c r="C8289" i="3"/>
  <c r="C8290" i="3"/>
  <c r="C8291" i="3"/>
  <c r="C8292" i="3"/>
  <c r="C8293" i="3"/>
  <c r="C8294" i="3"/>
  <c r="C8295" i="3"/>
  <c r="C8296" i="3"/>
  <c r="C8297" i="3"/>
  <c r="C8298" i="3"/>
  <c r="C8299" i="3"/>
  <c r="C8300" i="3"/>
  <c r="C8301" i="3"/>
  <c r="C8302" i="3"/>
  <c r="C8303" i="3"/>
  <c r="C8304" i="3"/>
  <c r="C8305" i="3"/>
  <c r="C8306" i="3"/>
  <c r="C8307" i="3"/>
  <c r="C8308" i="3"/>
  <c r="C8309" i="3"/>
  <c r="C8310" i="3"/>
  <c r="C8311" i="3"/>
  <c r="C8312" i="3"/>
  <c r="C8313" i="3"/>
  <c r="C8314" i="3"/>
  <c r="C8315" i="3"/>
  <c r="C8316" i="3"/>
  <c r="C8317" i="3"/>
  <c r="C8318" i="3"/>
  <c r="C8319" i="3"/>
  <c r="C8320" i="3"/>
  <c r="C8321" i="3"/>
  <c r="C8322" i="3"/>
  <c r="C8323" i="3"/>
  <c r="C8324" i="3"/>
  <c r="C8325" i="3"/>
  <c r="C8326" i="3"/>
  <c r="C8327" i="3"/>
  <c r="C8328" i="3"/>
  <c r="C8329" i="3"/>
  <c r="C8330" i="3"/>
  <c r="C8331" i="3"/>
  <c r="C8332" i="3"/>
  <c r="C8333" i="3"/>
  <c r="C8334" i="3"/>
  <c r="C8335" i="3"/>
  <c r="C8336" i="3"/>
  <c r="C8337" i="3"/>
  <c r="C8338" i="3"/>
  <c r="C8339" i="3"/>
  <c r="C8340" i="3"/>
  <c r="C8341" i="3"/>
  <c r="C8342" i="3"/>
  <c r="C8343" i="3"/>
  <c r="C8344" i="3"/>
  <c r="C8345" i="3"/>
  <c r="C8346" i="3"/>
  <c r="C8347" i="3"/>
  <c r="C8348" i="3"/>
  <c r="C8349" i="3"/>
  <c r="C8350" i="3"/>
  <c r="C8351" i="3"/>
  <c r="C8352" i="3"/>
  <c r="C8353" i="3"/>
  <c r="C8354" i="3"/>
  <c r="C8355" i="3"/>
  <c r="C8356" i="3"/>
  <c r="C8357" i="3"/>
  <c r="C8358" i="3"/>
  <c r="C8359" i="3"/>
  <c r="C8360" i="3"/>
  <c r="C8361" i="3"/>
  <c r="C8362" i="3"/>
  <c r="C8363" i="3"/>
  <c r="C8364" i="3"/>
  <c r="C8365" i="3"/>
  <c r="C8366" i="3"/>
  <c r="C8367" i="3"/>
  <c r="C8368" i="3"/>
  <c r="C8369" i="3"/>
  <c r="C8370" i="3"/>
  <c r="C8371" i="3"/>
  <c r="C8372" i="3"/>
  <c r="C8373" i="3"/>
  <c r="C8374" i="3"/>
  <c r="C8375" i="3"/>
  <c r="C8376" i="3"/>
  <c r="C8377" i="3"/>
  <c r="C8378" i="3"/>
  <c r="C8379" i="3"/>
  <c r="C8380" i="3"/>
  <c r="C8381" i="3"/>
  <c r="C8382" i="3"/>
  <c r="C8383" i="3"/>
  <c r="C8384" i="3"/>
  <c r="C8385" i="3"/>
  <c r="C8386" i="3"/>
  <c r="C8387" i="3"/>
  <c r="C8388" i="3"/>
  <c r="C8389" i="3"/>
  <c r="C8390" i="3"/>
  <c r="C8391" i="3"/>
  <c r="C8392" i="3"/>
  <c r="C8393" i="3"/>
  <c r="C8394" i="3"/>
  <c r="C8395" i="3"/>
  <c r="C8396" i="3"/>
  <c r="C8397" i="3"/>
  <c r="C8398" i="3"/>
  <c r="C8399" i="3"/>
  <c r="C8400" i="3"/>
  <c r="C8401" i="3"/>
  <c r="C8402" i="3"/>
  <c r="C8403" i="3"/>
  <c r="C8404" i="3"/>
  <c r="C8405" i="3"/>
  <c r="C8406" i="3"/>
  <c r="C8407" i="3"/>
  <c r="C8408" i="3"/>
  <c r="C8409" i="3"/>
  <c r="C8410" i="3"/>
  <c r="C8411" i="3"/>
  <c r="C8412" i="3"/>
  <c r="C8413" i="3"/>
  <c r="C8414" i="3"/>
  <c r="C8415" i="3"/>
  <c r="C8416" i="3"/>
  <c r="C8417" i="3"/>
  <c r="C8418" i="3"/>
  <c r="C8419" i="3"/>
  <c r="C8420" i="3"/>
  <c r="C8421" i="3"/>
  <c r="C8422" i="3"/>
  <c r="C8423" i="3"/>
  <c r="C8424" i="3"/>
  <c r="C8425" i="3"/>
  <c r="C8426" i="3"/>
  <c r="C8427" i="3"/>
  <c r="C8428" i="3"/>
  <c r="C8429" i="3"/>
  <c r="C8430" i="3"/>
  <c r="C8431" i="3"/>
  <c r="C8432" i="3"/>
  <c r="C8433" i="3"/>
  <c r="C8434" i="3"/>
  <c r="C8435" i="3"/>
  <c r="C8436" i="3"/>
  <c r="C8437" i="3"/>
  <c r="C8438" i="3"/>
  <c r="C8439" i="3"/>
  <c r="C8440" i="3"/>
  <c r="C8441" i="3"/>
  <c r="C8442" i="3"/>
  <c r="C8443" i="3"/>
  <c r="C8444" i="3"/>
  <c r="C8445" i="3"/>
  <c r="C8446" i="3"/>
  <c r="C8447" i="3"/>
  <c r="C8448" i="3"/>
  <c r="C8449" i="3"/>
  <c r="C8450" i="3"/>
  <c r="C8451" i="3"/>
  <c r="C8452" i="3"/>
  <c r="C8453" i="3"/>
  <c r="C8454" i="3"/>
  <c r="C8455" i="3"/>
  <c r="C8456" i="3"/>
  <c r="C8457" i="3"/>
  <c r="C8458" i="3"/>
  <c r="C8459" i="3"/>
  <c r="C8460" i="3"/>
  <c r="C8461" i="3"/>
  <c r="C8462" i="3"/>
  <c r="C8463" i="3"/>
  <c r="C8464" i="3"/>
  <c r="C8465" i="3"/>
  <c r="C8466" i="3"/>
  <c r="C8467" i="3"/>
  <c r="C8468" i="3"/>
  <c r="C8469" i="3"/>
  <c r="C8470" i="3"/>
  <c r="C8471" i="3"/>
  <c r="C8472" i="3"/>
  <c r="C8473" i="3"/>
  <c r="C8474" i="3"/>
  <c r="C8475" i="3"/>
  <c r="C8476" i="3"/>
  <c r="C8477" i="3"/>
  <c r="C8478" i="3"/>
  <c r="C8479" i="3"/>
  <c r="C8480" i="3"/>
  <c r="C8481" i="3"/>
  <c r="C8482" i="3"/>
  <c r="C8483" i="3"/>
  <c r="C8484" i="3"/>
  <c r="C8485" i="3"/>
  <c r="C8486" i="3"/>
  <c r="C8487" i="3"/>
  <c r="C8488" i="3"/>
  <c r="C8489" i="3"/>
  <c r="C8490" i="3"/>
  <c r="C8491" i="3"/>
  <c r="C8492" i="3"/>
  <c r="C8493" i="3"/>
  <c r="C8494" i="3"/>
  <c r="C8495" i="3"/>
  <c r="C8496" i="3"/>
  <c r="C8497" i="3"/>
  <c r="C8498" i="3"/>
  <c r="C8499" i="3"/>
  <c r="C8500" i="3"/>
  <c r="C8501" i="3"/>
  <c r="C8502" i="3"/>
  <c r="C8503" i="3"/>
  <c r="C8504" i="3"/>
  <c r="C8505" i="3"/>
  <c r="C8506" i="3"/>
  <c r="C8507" i="3"/>
  <c r="C8508" i="3"/>
  <c r="C8509" i="3"/>
  <c r="C8510" i="3"/>
  <c r="C8511" i="3"/>
  <c r="C8512" i="3"/>
  <c r="C8513" i="3"/>
  <c r="C8514" i="3"/>
  <c r="C8515" i="3"/>
  <c r="C8516" i="3"/>
  <c r="C8517" i="3"/>
  <c r="C8518" i="3"/>
  <c r="C8519" i="3"/>
  <c r="C8520" i="3"/>
  <c r="C8521" i="3"/>
  <c r="C8522" i="3"/>
  <c r="C8523" i="3"/>
  <c r="C8524" i="3"/>
  <c r="C8525" i="3"/>
  <c r="C8526" i="3"/>
  <c r="C8527" i="3"/>
  <c r="C8528" i="3"/>
  <c r="C8529" i="3"/>
  <c r="C8530" i="3"/>
  <c r="C8531" i="3"/>
  <c r="C8532" i="3"/>
  <c r="C8533" i="3"/>
  <c r="C8534" i="3"/>
  <c r="C8535" i="3"/>
  <c r="C8536" i="3"/>
  <c r="C8537" i="3"/>
  <c r="C8538" i="3"/>
  <c r="C8539" i="3"/>
  <c r="C8540" i="3"/>
  <c r="C8541" i="3"/>
  <c r="C8542" i="3"/>
  <c r="C8543" i="3"/>
  <c r="C8544" i="3"/>
  <c r="C8545" i="3"/>
  <c r="C8546" i="3"/>
  <c r="C8547" i="3"/>
  <c r="C8548" i="3"/>
  <c r="C8549" i="3"/>
  <c r="C8550" i="3"/>
  <c r="C8551" i="3"/>
  <c r="C8552" i="3"/>
  <c r="C8553" i="3"/>
  <c r="C8554" i="3"/>
  <c r="C8555" i="3"/>
  <c r="C8556" i="3"/>
  <c r="C8557" i="3"/>
  <c r="C8558" i="3"/>
  <c r="C8559" i="3"/>
  <c r="C8560" i="3"/>
  <c r="C8561" i="3"/>
  <c r="C8562" i="3"/>
  <c r="C8563" i="3"/>
  <c r="C8564" i="3"/>
  <c r="C8565" i="3"/>
  <c r="C8566" i="3"/>
  <c r="C8567" i="3"/>
  <c r="C8568" i="3"/>
  <c r="C8569" i="3"/>
  <c r="C8570" i="3"/>
  <c r="C8571" i="3"/>
  <c r="C8572" i="3"/>
  <c r="C8573" i="3"/>
  <c r="C8574" i="3"/>
  <c r="C8575" i="3"/>
  <c r="C8576" i="3"/>
  <c r="C8577" i="3"/>
  <c r="C8578" i="3"/>
  <c r="C8579" i="3"/>
  <c r="C8580" i="3"/>
  <c r="C8581" i="3"/>
  <c r="C8582" i="3"/>
  <c r="C8583" i="3"/>
  <c r="C8584" i="3"/>
  <c r="C8585" i="3"/>
  <c r="C8586" i="3"/>
  <c r="C8587" i="3"/>
  <c r="C8588" i="3"/>
  <c r="C8589" i="3"/>
  <c r="C8590" i="3"/>
  <c r="C8591" i="3"/>
  <c r="C8592" i="3"/>
  <c r="C8593" i="3"/>
  <c r="C8594" i="3"/>
  <c r="C8595" i="3"/>
  <c r="C8596" i="3"/>
  <c r="C8597" i="3"/>
  <c r="C8598" i="3"/>
  <c r="C8599" i="3"/>
  <c r="C8600" i="3"/>
  <c r="C8601" i="3"/>
  <c r="C8602" i="3"/>
  <c r="C8603" i="3"/>
  <c r="C8604" i="3"/>
  <c r="C8605" i="3"/>
  <c r="C8606" i="3"/>
  <c r="C8607" i="3"/>
  <c r="C8608" i="3"/>
  <c r="C8609" i="3"/>
  <c r="C8610" i="3"/>
  <c r="C8611" i="3"/>
  <c r="C8612" i="3"/>
  <c r="C8613" i="3"/>
  <c r="C8614" i="3"/>
  <c r="C8615" i="3"/>
  <c r="C8616" i="3"/>
  <c r="C8617" i="3"/>
  <c r="C8618" i="3"/>
  <c r="C8619" i="3"/>
  <c r="C8620" i="3"/>
  <c r="C8621" i="3"/>
  <c r="C8622" i="3"/>
  <c r="C8623" i="3"/>
  <c r="C8624" i="3"/>
  <c r="C8625" i="3"/>
  <c r="C8626" i="3"/>
  <c r="C8627" i="3"/>
  <c r="C8628" i="3"/>
  <c r="C8629" i="3"/>
  <c r="C8630" i="3"/>
  <c r="C8631" i="3"/>
  <c r="C8632" i="3"/>
  <c r="C8633" i="3"/>
  <c r="C8634" i="3"/>
  <c r="C8635" i="3"/>
  <c r="C8636" i="3"/>
  <c r="C8637" i="3"/>
  <c r="C8638" i="3"/>
  <c r="C8639" i="3"/>
  <c r="C8640" i="3"/>
  <c r="C8641" i="3"/>
  <c r="C8642" i="3"/>
  <c r="C8643" i="3"/>
  <c r="C8644" i="3"/>
  <c r="C8645" i="3"/>
  <c r="C8646" i="3"/>
  <c r="C8647" i="3"/>
  <c r="C8648" i="3"/>
  <c r="C8649" i="3"/>
  <c r="C8650" i="3"/>
  <c r="C8651" i="3"/>
  <c r="C8652" i="3"/>
  <c r="C8653" i="3"/>
  <c r="C8654" i="3"/>
  <c r="C8655" i="3"/>
  <c r="C8656" i="3"/>
  <c r="C8657" i="3"/>
  <c r="C8658" i="3"/>
  <c r="C8659" i="3"/>
  <c r="C8660" i="3"/>
  <c r="C8661" i="3"/>
  <c r="C8662" i="3"/>
  <c r="C8663" i="3"/>
  <c r="C8664" i="3"/>
  <c r="C8665" i="3"/>
  <c r="C8666" i="3"/>
  <c r="C8667" i="3"/>
  <c r="C8668" i="3"/>
  <c r="C8669" i="3"/>
  <c r="C8670" i="3"/>
  <c r="C8671" i="3"/>
  <c r="C8672" i="3"/>
  <c r="C8673" i="3"/>
  <c r="C8674" i="3"/>
  <c r="C8675" i="3"/>
  <c r="C8676" i="3"/>
  <c r="C8677" i="3"/>
  <c r="C8678" i="3"/>
  <c r="C8679" i="3"/>
  <c r="C8680" i="3"/>
  <c r="C8681" i="3"/>
  <c r="C8682" i="3"/>
  <c r="C8683" i="3"/>
  <c r="C8684" i="3"/>
  <c r="C8685" i="3"/>
  <c r="C8686" i="3"/>
  <c r="C8687" i="3"/>
  <c r="C8688" i="3"/>
  <c r="C8689" i="3"/>
  <c r="C8690" i="3"/>
  <c r="C8691" i="3"/>
  <c r="C8692" i="3"/>
  <c r="C8693" i="3"/>
  <c r="C8694" i="3"/>
  <c r="C8695" i="3"/>
  <c r="C8696" i="3"/>
  <c r="C8697" i="3"/>
  <c r="C8698" i="3"/>
  <c r="C8699" i="3"/>
  <c r="C8700" i="3"/>
  <c r="C8701" i="3"/>
  <c r="C8702" i="3"/>
  <c r="C8703" i="3"/>
  <c r="C8704" i="3"/>
  <c r="C8705" i="3"/>
  <c r="C8706" i="3"/>
  <c r="C8707" i="3"/>
  <c r="C8708" i="3"/>
  <c r="C8709" i="3"/>
  <c r="C8710" i="3"/>
  <c r="C8711" i="3"/>
  <c r="C8712" i="3"/>
  <c r="C8713" i="3"/>
  <c r="C8714" i="3"/>
  <c r="C8715" i="3"/>
  <c r="C8716" i="3"/>
  <c r="C8717" i="3"/>
  <c r="C8718" i="3"/>
  <c r="C8719" i="3"/>
  <c r="C8720" i="3"/>
  <c r="C8721" i="3"/>
  <c r="C8722" i="3"/>
  <c r="C8723" i="3"/>
  <c r="C8724" i="3"/>
  <c r="C8725" i="3"/>
  <c r="C8726" i="3"/>
  <c r="C8727" i="3"/>
  <c r="C8728" i="3"/>
  <c r="C8729" i="3"/>
  <c r="C8730" i="3"/>
  <c r="C8731" i="3"/>
  <c r="C8732" i="3"/>
  <c r="C8733" i="3"/>
  <c r="C8734" i="3"/>
  <c r="C8735" i="3"/>
  <c r="C8736" i="3"/>
  <c r="C8737" i="3"/>
  <c r="C8738" i="3"/>
  <c r="C8739" i="3"/>
  <c r="C8740" i="3"/>
  <c r="C8741" i="3"/>
  <c r="C8742" i="3"/>
  <c r="C8743" i="3"/>
  <c r="C8744" i="3"/>
  <c r="C8745" i="3"/>
  <c r="C8746" i="3"/>
  <c r="C8747" i="3"/>
  <c r="C8748" i="3"/>
  <c r="C8749" i="3"/>
  <c r="C8750" i="3"/>
  <c r="C8751" i="3"/>
  <c r="C8752" i="3"/>
  <c r="C8753" i="3"/>
  <c r="C8754" i="3"/>
  <c r="C8755" i="3"/>
  <c r="C8756" i="3"/>
  <c r="C8757" i="3"/>
  <c r="C8758" i="3"/>
  <c r="C8759" i="3"/>
  <c r="C8760" i="3"/>
  <c r="C8761" i="3"/>
  <c r="C8762" i="3"/>
  <c r="C8763" i="3"/>
  <c r="C8764" i="3"/>
  <c r="C8765" i="3"/>
  <c r="C8766" i="3"/>
  <c r="C8767" i="3"/>
  <c r="C8768" i="3"/>
  <c r="C8769" i="3"/>
  <c r="C8770" i="3"/>
  <c r="C8771" i="3"/>
  <c r="C8772" i="3"/>
  <c r="C8773" i="3"/>
  <c r="C8774" i="3"/>
  <c r="C8775" i="3"/>
  <c r="C8776" i="3"/>
  <c r="C8777" i="3"/>
  <c r="C8778" i="3"/>
  <c r="C8779" i="3"/>
  <c r="C8780" i="3"/>
  <c r="C8781" i="3"/>
  <c r="C8782" i="3"/>
  <c r="C8783" i="3"/>
  <c r="C8784" i="3"/>
  <c r="C8785" i="3"/>
  <c r="C8786" i="3"/>
  <c r="C8787" i="3"/>
  <c r="C8788" i="3"/>
  <c r="C8789" i="3"/>
  <c r="C8790" i="3"/>
  <c r="C8791" i="3"/>
  <c r="C8792" i="3"/>
  <c r="C8793" i="3"/>
  <c r="C8794" i="3"/>
  <c r="C8795" i="3"/>
  <c r="C8796" i="3"/>
  <c r="C8797" i="3"/>
  <c r="C8798" i="3"/>
  <c r="C8799" i="3"/>
  <c r="C8800" i="3"/>
  <c r="C8801" i="3"/>
  <c r="C8802" i="3"/>
  <c r="C8803" i="3"/>
  <c r="C8804" i="3"/>
  <c r="C8805" i="3"/>
  <c r="C8806" i="3"/>
  <c r="C8807" i="3"/>
  <c r="C8808" i="3"/>
  <c r="C8809" i="3"/>
  <c r="C8810" i="3"/>
  <c r="C8811" i="3"/>
  <c r="C8812" i="3"/>
  <c r="C8813" i="3"/>
  <c r="C8814" i="3"/>
  <c r="C8815" i="3"/>
  <c r="C8816" i="3"/>
  <c r="C8817" i="3"/>
  <c r="C8818" i="3"/>
  <c r="C8819" i="3"/>
  <c r="C8820" i="3"/>
  <c r="C8821" i="3"/>
  <c r="C8822" i="3"/>
  <c r="C8823" i="3"/>
  <c r="C8824" i="3"/>
  <c r="C8825" i="3"/>
  <c r="C8826" i="3"/>
  <c r="C8827" i="3"/>
  <c r="C8828" i="3"/>
  <c r="C8829" i="3"/>
  <c r="C8830" i="3"/>
  <c r="C8831" i="3"/>
  <c r="C8832" i="3"/>
  <c r="C8833" i="3"/>
  <c r="C8834" i="3"/>
  <c r="C8835" i="3"/>
  <c r="C8836" i="3"/>
  <c r="C8837" i="3"/>
  <c r="C8838" i="3"/>
  <c r="C8839" i="3"/>
  <c r="C8840" i="3"/>
  <c r="C8841" i="3"/>
  <c r="C8842" i="3"/>
  <c r="C8843" i="3"/>
  <c r="C8844" i="3"/>
  <c r="C8845" i="3"/>
  <c r="C8846" i="3"/>
  <c r="C8847" i="3"/>
  <c r="C8848" i="3"/>
  <c r="C8849" i="3"/>
  <c r="C8850" i="3"/>
  <c r="C8851" i="3"/>
  <c r="C8852" i="3"/>
  <c r="C8853" i="3"/>
  <c r="C8854" i="3"/>
  <c r="C8855" i="3"/>
  <c r="C8856" i="3"/>
  <c r="C8857" i="3"/>
  <c r="C8858" i="3"/>
  <c r="C8859" i="3"/>
  <c r="C8860" i="3"/>
  <c r="C8861" i="3"/>
  <c r="C8862" i="3"/>
  <c r="C8863" i="3"/>
  <c r="C8864" i="3"/>
  <c r="C8865" i="3"/>
  <c r="C8866" i="3"/>
  <c r="C8867" i="3"/>
  <c r="C8868" i="3"/>
  <c r="C8869" i="3"/>
  <c r="C8870" i="3"/>
  <c r="C8871" i="3"/>
  <c r="C8872" i="3"/>
  <c r="C8873" i="3"/>
  <c r="C8874" i="3"/>
  <c r="C8875" i="3"/>
  <c r="C8876" i="3"/>
  <c r="C8877" i="3"/>
  <c r="C8878" i="3"/>
  <c r="C8879" i="3"/>
  <c r="C8880" i="3"/>
  <c r="C8881" i="3"/>
  <c r="C8882" i="3"/>
  <c r="C8883" i="3"/>
  <c r="C8884" i="3"/>
  <c r="C8885" i="3"/>
  <c r="C8886" i="3"/>
  <c r="C8887" i="3"/>
  <c r="C8888" i="3"/>
  <c r="C8889" i="3"/>
  <c r="C8890" i="3"/>
  <c r="C8891" i="3"/>
  <c r="C8892" i="3"/>
  <c r="C8893" i="3"/>
  <c r="C8894" i="3"/>
  <c r="C8895" i="3"/>
  <c r="C8896" i="3"/>
  <c r="C8897" i="3"/>
  <c r="C8898" i="3"/>
  <c r="C8899" i="3"/>
  <c r="C8900" i="3"/>
  <c r="C8901" i="3"/>
  <c r="C8902" i="3"/>
  <c r="C8903" i="3"/>
  <c r="C8904" i="3"/>
  <c r="C8905" i="3"/>
  <c r="C8906" i="3"/>
  <c r="C8907" i="3"/>
  <c r="C8908" i="3"/>
  <c r="C8909" i="3"/>
  <c r="C8910" i="3"/>
  <c r="C8911" i="3"/>
  <c r="C8912" i="3"/>
  <c r="C8913" i="3"/>
  <c r="C8914" i="3"/>
  <c r="C8915" i="3"/>
  <c r="C8916" i="3"/>
  <c r="C8917" i="3"/>
  <c r="C8918" i="3"/>
  <c r="C8919" i="3"/>
  <c r="C8920" i="3"/>
  <c r="C8921" i="3"/>
  <c r="C8922" i="3"/>
  <c r="C8923" i="3"/>
  <c r="C8924" i="3"/>
  <c r="C8925" i="3"/>
  <c r="C8926" i="3"/>
  <c r="C8927" i="3"/>
  <c r="C8928" i="3"/>
  <c r="C8929" i="3"/>
  <c r="C8930" i="3"/>
  <c r="C8931" i="3"/>
  <c r="C8932" i="3"/>
  <c r="C8933" i="3"/>
  <c r="C8934" i="3"/>
  <c r="C8935" i="3"/>
  <c r="C8936" i="3"/>
  <c r="C8937" i="3"/>
  <c r="C8938" i="3"/>
  <c r="C8939" i="3"/>
  <c r="C8940" i="3"/>
  <c r="C8941" i="3"/>
  <c r="C8942" i="3"/>
  <c r="C8943" i="3"/>
  <c r="C8944" i="3"/>
  <c r="C8945" i="3"/>
  <c r="C8946" i="3"/>
  <c r="C8947" i="3"/>
  <c r="C8948" i="3"/>
  <c r="C8949" i="3"/>
  <c r="C8950" i="3"/>
  <c r="C8951" i="3"/>
  <c r="C8952" i="3"/>
  <c r="C8953" i="3"/>
  <c r="C8954" i="3"/>
  <c r="C8955" i="3"/>
  <c r="C8956" i="3"/>
  <c r="C8957" i="3"/>
  <c r="C8958" i="3"/>
  <c r="C8959" i="3"/>
  <c r="C8960" i="3"/>
  <c r="C8961" i="3"/>
  <c r="C8962" i="3"/>
  <c r="C8963" i="3"/>
  <c r="C8964" i="3"/>
  <c r="C8965" i="3"/>
  <c r="C8966" i="3"/>
  <c r="C8967" i="3"/>
  <c r="C8968" i="3"/>
  <c r="C8969" i="3"/>
  <c r="C8970" i="3"/>
  <c r="C8971" i="3"/>
  <c r="C8972" i="3"/>
  <c r="C8973" i="3"/>
  <c r="C8974" i="3"/>
  <c r="C8975" i="3"/>
  <c r="C8976" i="3"/>
  <c r="C8977" i="3"/>
  <c r="C8978" i="3"/>
  <c r="C8979" i="3"/>
  <c r="C8980" i="3"/>
  <c r="C8981" i="3"/>
  <c r="C8982" i="3"/>
  <c r="C8983" i="3"/>
  <c r="C8984" i="3"/>
  <c r="C8985" i="3"/>
  <c r="C8986" i="3"/>
  <c r="C8987" i="3"/>
  <c r="C8988" i="3"/>
  <c r="C8989" i="3"/>
  <c r="C8990" i="3"/>
  <c r="C8991" i="3"/>
  <c r="C8992" i="3"/>
  <c r="C8993" i="3"/>
  <c r="C8994" i="3"/>
  <c r="C8995" i="3"/>
  <c r="C8996" i="3"/>
  <c r="C8997" i="3"/>
  <c r="C8998" i="3"/>
  <c r="C8999" i="3"/>
  <c r="C9000" i="3"/>
  <c r="C9001" i="3"/>
  <c r="C9002" i="3"/>
  <c r="C9003" i="3"/>
  <c r="C9004" i="3"/>
  <c r="C9005" i="3"/>
  <c r="C9006" i="3"/>
  <c r="C9007" i="3"/>
  <c r="C9008" i="3"/>
  <c r="C9009" i="3"/>
  <c r="C9010" i="3"/>
  <c r="C9011" i="3"/>
  <c r="C9012" i="3"/>
  <c r="C9013" i="3"/>
  <c r="C9014" i="3"/>
  <c r="C9015" i="3"/>
  <c r="C9016" i="3"/>
  <c r="C9017" i="3"/>
  <c r="C9018" i="3"/>
  <c r="C9019" i="3"/>
  <c r="C9020" i="3"/>
  <c r="C9021" i="3"/>
  <c r="C9022" i="3"/>
  <c r="C9023" i="3"/>
  <c r="C9024" i="3"/>
  <c r="C9025" i="3"/>
  <c r="C9026" i="3"/>
  <c r="C9027" i="3"/>
  <c r="C9028" i="3"/>
  <c r="C9029" i="3"/>
  <c r="C9030" i="3"/>
  <c r="C9031" i="3"/>
  <c r="C9032" i="3"/>
  <c r="C9033" i="3"/>
  <c r="C9034" i="3"/>
  <c r="C9035" i="3"/>
  <c r="C9036" i="3"/>
  <c r="C9037" i="3"/>
  <c r="C9038" i="3"/>
  <c r="C9039" i="3"/>
  <c r="C9040" i="3"/>
  <c r="C9041" i="3"/>
  <c r="C9042" i="3"/>
  <c r="C9043" i="3"/>
  <c r="C9044" i="3"/>
  <c r="C9045" i="3"/>
  <c r="C9046" i="3"/>
  <c r="C9047" i="3"/>
  <c r="C9048" i="3"/>
  <c r="C9049" i="3"/>
  <c r="C9050" i="3"/>
  <c r="C9051" i="3"/>
  <c r="C9052" i="3"/>
  <c r="C9053" i="3"/>
  <c r="C9054" i="3"/>
  <c r="C9055" i="3"/>
  <c r="C9056" i="3"/>
  <c r="C9057" i="3"/>
  <c r="C9058" i="3"/>
  <c r="C9059" i="3"/>
  <c r="C9060" i="3"/>
  <c r="C9061" i="3"/>
  <c r="C9062" i="3"/>
  <c r="C9063" i="3"/>
  <c r="C9064" i="3"/>
  <c r="C9065" i="3"/>
  <c r="C9066" i="3"/>
  <c r="C9067" i="3"/>
  <c r="C9068" i="3"/>
  <c r="C9069" i="3"/>
  <c r="C9070" i="3"/>
  <c r="C9071" i="3"/>
  <c r="C9072" i="3"/>
  <c r="C9073" i="3"/>
  <c r="C9074" i="3"/>
  <c r="C9075" i="3"/>
  <c r="C9076" i="3"/>
  <c r="C9077" i="3"/>
  <c r="C9078" i="3"/>
  <c r="C9079" i="3"/>
  <c r="C9080" i="3"/>
  <c r="C9081" i="3"/>
  <c r="C9082" i="3"/>
  <c r="C9083" i="3"/>
  <c r="C9084" i="3"/>
  <c r="C9085" i="3"/>
  <c r="C9086" i="3"/>
  <c r="C9087" i="3"/>
  <c r="C9088" i="3"/>
  <c r="C9089" i="3"/>
  <c r="C9090" i="3"/>
  <c r="C9091" i="3"/>
  <c r="C9092" i="3"/>
  <c r="C9093" i="3"/>
  <c r="C9094" i="3"/>
  <c r="C9095" i="3"/>
  <c r="C9096" i="3"/>
  <c r="C9097" i="3"/>
  <c r="C9098" i="3"/>
  <c r="C9099" i="3"/>
  <c r="C9100" i="3"/>
  <c r="C9101" i="3"/>
  <c r="C9102" i="3"/>
  <c r="C9103" i="3"/>
  <c r="C9104" i="3"/>
  <c r="C9105" i="3"/>
  <c r="C9106" i="3"/>
  <c r="C9107" i="3"/>
  <c r="C9108" i="3"/>
  <c r="C9109" i="3"/>
  <c r="C9110" i="3"/>
  <c r="C9111" i="3"/>
  <c r="C9112" i="3"/>
  <c r="C9113" i="3"/>
  <c r="C9114" i="3"/>
  <c r="C9115" i="3"/>
  <c r="C9116" i="3"/>
  <c r="C9117" i="3"/>
  <c r="C9118" i="3"/>
  <c r="C9119" i="3"/>
  <c r="C9120" i="3"/>
  <c r="C9121" i="3"/>
  <c r="C9122" i="3"/>
  <c r="C9123" i="3"/>
  <c r="C9124" i="3"/>
  <c r="C9125" i="3"/>
  <c r="C9126" i="3"/>
  <c r="C9127" i="3"/>
  <c r="C9128" i="3"/>
  <c r="C9129" i="3"/>
  <c r="C9130" i="3"/>
  <c r="C9131" i="3"/>
  <c r="C9132" i="3"/>
  <c r="C9133" i="3"/>
  <c r="C9134" i="3"/>
  <c r="C9135" i="3"/>
  <c r="C9136" i="3"/>
  <c r="C9137" i="3"/>
  <c r="C9138" i="3"/>
  <c r="C9139" i="3"/>
  <c r="C9140" i="3"/>
  <c r="C9141" i="3"/>
  <c r="C9142" i="3"/>
  <c r="C9143" i="3"/>
  <c r="C9144" i="3"/>
  <c r="C9145" i="3"/>
  <c r="C9146" i="3"/>
  <c r="C9147" i="3"/>
  <c r="C9148" i="3"/>
  <c r="C9149" i="3"/>
  <c r="C9150" i="3"/>
  <c r="C9151" i="3"/>
  <c r="C9152" i="3"/>
  <c r="C9153" i="3"/>
  <c r="C9154" i="3"/>
  <c r="C9155" i="3"/>
  <c r="C9156" i="3"/>
  <c r="C9157" i="3"/>
  <c r="C9158" i="3"/>
  <c r="C9159" i="3"/>
  <c r="C9160" i="3"/>
  <c r="C9161" i="3"/>
  <c r="C9162" i="3"/>
  <c r="C9163" i="3"/>
  <c r="C9164" i="3"/>
  <c r="C9165" i="3"/>
  <c r="C9166" i="3"/>
  <c r="C9167" i="3"/>
  <c r="C9168" i="3"/>
  <c r="C9169" i="3"/>
  <c r="C9170" i="3"/>
  <c r="C9171" i="3"/>
  <c r="C9172" i="3"/>
  <c r="C9173" i="3"/>
  <c r="C9174" i="3"/>
  <c r="C9175" i="3"/>
  <c r="C9176" i="3"/>
  <c r="C9177" i="3"/>
  <c r="C9178" i="3"/>
  <c r="C9179" i="3"/>
  <c r="C9180" i="3"/>
  <c r="C9181" i="3"/>
  <c r="C9182" i="3"/>
  <c r="C9183" i="3"/>
  <c r="C9184" i="3"/>
  <c r="C9185" i="3"/>
  <c r="C9186" i="3"/>
  <c r="C9187" i="3"/>
  <c r="C9188" i="3"/>
  <c r="C9189" i="3"/>
  <c r="C9190" i="3"/>
  <c r="C9191" i="3"/>
  <c r="C9192" i="3"/>
  <c r="C9193" i="3"/>
  <c r="C9194" i="3"/>
  <c r="C9195" i="3"/>
  <c r="C9196" i="3"/>
  <c r="C9197" i="3"/>
  <c r="C9198" i="3"/>
  <c r="C9199" i="3"/>
  <c r="C9200" i="3"/>
  <c r="C9201" i="3"/>
  <c r="C9202" i="3"/>
  <c r="C9203" i="3"/>
  <c r="C9204" i="3"/>
  <c r="C9205" i="3"/>
  <c r="C9206" i="3"/>
  <c r="C9207" i="3"/>
  <c r="C9208" i="3"/>
  <c r="C9209" i="3"/>
  <c r="C9210" i="3"/>
  <c r="C9211" i="3"/>
  <c r="C9212" i="3"/>
  <c r="C9213" i="3"/>
  <c r="C9214" i="3"/>
  <c r="C9215" i="3"/>
  <c r="C9216" i="3"/>
  <c r="C9217" i="3"/>
  <c r="C9218" i="3"/>
  <c r="C9219" i="3"/>
  <c r="C9220" i="3"/>
  <c r="C9221" i="3"/>
  <c r="C9222" i="3"/>
  <c r="C9223" i="3"/>
  <c r="C9224" i="3"/>
  <c r="C9225" i="3"/>
  <c r="C9226" i="3"/>
  <c r="C9227" i="3"/>
  <c r="C9228" i="3"/>
  <c r="C9229" i="3"/>
  <c r="C9230" i="3"/>
  <c r="C9231" i="3"/>
  <c r="C9232" i="3"/>
  <c r="C9233" i="3"/>
  <c r="C9234" i="3"/>
  <c r="C9235" i="3"/>
  <c r="C9236" i="3"/>
  <c r="C9237" i="3"/>
  <c r="C9238" i="3"/>
  <c r="C9239" i="3"/>
  <c r="C9240" i="3"/>
  <c r="C9241" i="3"/>
  <c r="C9242" i="3"/>
  <c r="C9243" i="3"/>
  <c r="C9244" i="3"/>
  <c r="C9245" i="3"/>
  <c r="C9246" i="3"/>
  <c r="C9247" i="3"/>
  <c r="C9248" i="3"/>
  <c r="C9249" i="3"/>
  <c r="C9250" i="3"/>
  <c r="C9251" i="3"/>
  <c r="C9252" i="3"/>
  <c r="C9253" i="3"/>
  <c r="C9254" i="3"/>
  <c r="C9255" i="3"/>
  <c r="C9256" i="3"/>
  <c r="C9257" i="3"/>
  <c r="C9258" i="3"/>
  <c r="C9259" i="3"/>
  <c r="C9260" i="3"/>
  <c r="C9261" i="3"/>
  <c r="C9262" i="3"/>
  <c r="C9263" i="3"/>
  <c r="C9264" i="3"/>
  <c r="C9265" i="3"/>
  <c r="C9266" i="3"/>
  <c r="C9267" i="3"/>
  <c r="C9268" i="3"/>
  <c r="C9269" i="3"/>
  <c r="C9270" i="3"/>
  <c r="C9271" i="3"/>
  <c r="C9272" i="3"/>
  <c r="C9273" i="3"/>
  <c r="C9274" i="3"/>
  <c r="C9275" i="3"/>
  <c r="C9276" i="3"/>
  <c r="C9277" i="3"/>
  <c r="C9278" i="3"/>
  <c r="C9279" i="3"/>
  <c r="C9280" i="3"/>
  <c r="C9281" i="3"/>
  <c r="C9282" i="3"/>
  <c r="C9283" i="3"/>
  <c r="C9284" i="3"/>
  <c r="C9285" i="3"/>
  <c r="C9286" i="3"/>
  <c r="C9287" i="3"/>
  <c r="C9288" i="3"/>
  <c r="C9289" i="3"/>
  <c r="C9290" i="3"/>
  <c r="C9291" i="3"/>
  <c r="C9292" i="3"/>
  <c r="C9293" i="3"/>
  <c r="C9294" i="3"/>
  <c r="C9295" i="3"/>
  <c r="C9296" i="3"/>
  <c r="C9297" i="3"/>
  <c r="C9298" i="3"/>
  <c r="C9299" i="3"/>
  <c r="C9300" i="3"/>
  <c r="C9301" i="3"/>
  <c r="C9302" i="3"/>
  <c r="C9303" i="3"/>
  <c r="C9304" i="3"/>
  <c r="C9305" i="3"/>
  <c r="C9306" i="3"/>
  <c r="C9307" i="3"/>
  <c r="C9308" i="3"/>
  <c r="C9309" i="3"/>
  <c r="C9310" i="3"/>
  <c r="C9311" i="3"/>
  <c r="C9312" i="3"/>
  <c r="C9313" i="3"/>
  <c r="C9314" i="3"/>
  <c r="C9315" i="3"/>
  <c r="C9316" i="3"/>
  <c r="C9317" i="3"/>
  <c r="C9318" i="3"/>
  <c r="C9319" i="3"/>
  <c r="C9320" i="3"/>
  <c r="C9321" i="3"/>
  <c r="C9322" i="3"/>
  <c r="C9323" i="3"/>
  <c r="C9324" i="3"/>
  <c r="C9325" i="3"/>
  <c r="C9326" i="3"/>
  <c r="C9327" i="3"/>
  <c r="C9328" i="3"/>
  <c r="C9329" i="3"/>
  <c r="C9330" i="3"/>
  <c r="C9331" i="3"/>
  <c r="C9332" i="3"/>
  <c r="C9333" i="3"/>
  <c r="C9334" i="3"/>
  <c r="C9335" i="3"/>
  <c r="C9336" i="3"/>
  <c r="C9337" i="3"/>
  <c r="C9338" i="3"/>
  <c r="C9339" i="3"/>
  <c r="C9340" i="3"/>
  <c r="C9341" i="3"/>
  <c r="C9342" i="3"/>
  <c r="C9343" i="3"/>
  <c r="C9344" i="3"/>
  <c r="C9345" i="3"/>
  <c r="C9346" i="3"/>
  <c r="C9347" i="3"/>
  <c r="C9348" i="3"/>
  <c r="C9349" i="3"/>
  <c r="C9350" i="3"/>
  <c r="C9351" i="3"/>
  <c r="C9352" i="3"/>
  <c r="C9353" i="3"/>
  <c r="C9354" i="3"/>
  <c r="C9355" i="3"/>
  <c r="C9356" i="3"/>
  <c r="C9357" i="3"/>
  <c r="C9358" i="3"/>
  <c r="C9359" i="3"/>
  <c r="C9360" i="3"/>
  <c r="C9361" i="3"/>
  <c r="C9362" i="3"/>
  <c r="C9363" i="3"/>
  <c r="C9364" i="3"/>
  <c r="C9365" i="3"/>
  <c r="C9366" i="3"/>
  <c r="C9367" i="3"/>
  <c r="C9368" i="3"/>
  <c r="C9369" i="3"/>
  <c r="C9370" i="3"/>
  <c r="C9371" i="3"/>
  <c r="C9372" i="3"/>
  <c r="C9373" i="3"/>
  <c r="C9374" i="3"/>
  <c r="C9375" i="3"/>
  <c r="C9376" i="3"/>
  <c r="C9377" i="3"/>
  <c r="C9378" i="3"/>
  <c r="C9379" i="3"/>
  <c r="C9380" i="3"/>
  <c r="C9381" i="3"/>
  <c r="C9382" i="3"/>
  <c r="C9383" i="3"/>
  <c r="C9384" i="3"/>
  <c r="C9385" i="3"/>
  <c r="C9386" i="3"/>
  <c r="C9387" i="3"/>
  <c r="C9388" i="3"/>
  <c r="C9389" i="3"/>
  <c r="C9390" i="3"/>
  <c r="C9391" i="3"/>
  <c r="C9392" i="3"/>
  <c r="C9393" i="3"/>
  <c r="C9394" i="3"/>
  <c r="C9395" i="3"/>
  <c r="C9396" i="3"/>
  <c r="C9397" i="3"/>
  <c r="C9398" i="3"/>
  <c r="C9399" i="3"/>
  <c r="C9400" i="3"/>
  <c r="C9401" i="3"/>
  <c r="C9402" i="3"/>
  <c r="C9403" i="3"/>
  <c r="C9404" i="3"/>
  <c r="C9405" i="3"/>
  <c r="C9406" i="3"/>
  <c r="C9407" i="3"/>
  <c r="C9408" i="3"/>
  <c r="C9409" i="3"/>
  <c r="C9410" i="3"/>
  <c r="C9411" i="3"/>
  <c r="C9412" i="3"/>
  <c r="C9413" i="3"/>
  <c r="C9414" i="3"/>
  <c r="C9415" i="3"/>
  <c r="C9416" i="3"/>
  <c r="C9417" i="3"/>
  <c r="C9418" i="3"/>
  <c r="C9419" i="3"/>
  <c r="C9420" i="3"/>
  <c r="C9421" i="3"/>
  <c r="C9422" i="3"/>
  <c r="C9423" i="3"/>
  <c r="C9424" i="3"/>
  <c r="C9425" i="3"/>
  <c r="C9426" i="3"/>
  <c r="C9427" i="3"/>
  <c r="C9428" i="3"/>
  <c r="C9429" i="3"/>
  <c r="C9430" i="3"/>
  <c r="C9431" i="3"/>
  <c r="C9432" i="3"/>
  <c r="C9433" i="3"/>
  <c r="C9434" i="3"/>
  <c r="C9435" i="3"/>
  <c r="C9436" i="3"/>
  <c r="C9437" i="3"/>
  <c r="C9438" i="3"/>
  <c r="C9439" i="3"/>
  <c r="C9440" i="3"/>
  <c r="C9441" i="3"/>
  <c r="C9442" i="3"/>
  <c r="C9443" i="3"/>
  <c r="C9444" i="3"/>
  <c r="C9445" i="3"/>
  <c r="C9446" i="3"/>
  <c r="C9447" i="3"/>
  <c r="C9448" i="3"/>
  <c r="C9449" i="3"/>
  <c r="C9450" i="3"/>
  <c r="C9451" i="3"/>
  <c r="C9452" i="3"/>
  <c r="C9453" i="3"/>
  <c r="C9454" i="3"/>
  <c r="C9455" i="3"/>
  <c r="C9456" i="3"/>
  <c r="C9457" i="3"/>
  <c r="C9458" i="3"/>
  <c r="C9459" i="3"/>
  <c r="C9460" i="3"/>
  <c r="C9461" i="3"/>
  <c r="C9462" i="3"/>
  <c r="C9463" i="3"/>
  <c r="C9464" i="3"/>
  <c r="C9465" i="3"/>
  <c r="C9466" i="3"/>
  <c r="C9467" i="3"/>
  <c r="C9468" i="3"/>
  <c r="C9469" i="3"/>
  <c r="C9470" i="3"/>
  <c r="C9471" i="3"/>
  <c r="C9472" i="3"/>
  <c r="C9473" i="3"/>
  <c r="C9474" i="3"/>
  <c r="C9475" i="3"/>
  <c r="C9476" i="3"/>
  <c r="C9477" i="3"/>
  <c r="C9478" i="3"/>
  <c r="C9479" i="3"/>
  <c r="C9480" i="3"/>
  <c r="C9481" i="3"/>
  <c r="C9482" i="3"/>
  <c r="C9483" i="3"/>
  <c r="C9484" i="3"/>
  <c r="C9485" i="3"/>
  <c r="C9486" i="3"/>
  <c r="C9487" i="3"/>
  <c r="C9488" i="3"/>
  <c r="C9489" i="3"/>
  <c r="C9490" i="3"/>
  <c r="C9491" i="3"/>
  <c r="C9492" i="3"/>
  <c r="C9493" i="3"/>
  <c r="C9494" i="3"/>
  <c r="C9495" i="3"/>
  <c r="C9496" i="3"/>
  <c r="C9497" i="3"/>
  <c r="C9498" i="3"/>
  <c r="C9499" i="3"/>
  <c r="C9500" i="3"/>
  <c r="C9501" i="3"/>
  <c r="C9502" i="3"/>
  <c r="C9503" i="3"/>
  <c r="C9504" i="3"/>
  <c r="C9505" i="3"/>
  <c r="C9506" i="3"/>
  <c r="C9507" i="3"/>
  <c r="C9508" i="3"/>
  <c r="C9509" i="3"/>
  <c r="C9510" i="3"/>
  <c r="C9511" i="3"/>
  <c r="C9512" i="3"/>
  <c r="C9513" i="3"/>
  <c r="C9514" i="3"/>
  <c r="C9515" i="3"/>
  <c r="C9516" i="3"/>
  <c r="C9517" i="3"/>
  <c r="C9518" i="3"/>
  <c r="C9519" i="3"/>
  <c r="C9520" i="3"/>
  <c r="C9521" i="3"/>
  <c r="C9522" i="3"/>
  <c r="C9523" i="3"/>
  <c r="C9524" i="3"/>
  <c r="C9525" i="3"/>
  <c r="C9526" i="3"/>
  <c r="C9527" i="3"/>
  <c r="C9528" i="3"/>
  <c r="C9529" i="3"/>
  <c r="C9530" i="3"/>
  <c r="C9531" i="3"/>
  <c r="C9532" i="3"/>
  <c r="C9533" i="3"/>
  <c r="C9534" i="3"/>
  <c r="C9535" i="3"/>
  <c r="C9536" i="3"/>
  <c r="C9537" i="3"/>
  <c r="C9538" i="3"/>
  <c r="C9539" i="3"/>
  <c r="C9540" i="3"/>
  <c r="C9541" i="3"/>
  <c r="C9542" i="3"/>
  <c r="C9543" i="3"/>
  <c r="C9544" i="3"/>
  <c r="C9545" i="3"/>
  <c r="C9546" i="3"/>
  <c r="C9547" i="3"/>
  <c r="C9548" i="3"/>
  <c r="C9549" i="3"/>
  <c r="C9550" i="3"/>
  <c r="C9551" i="3"/>
  <c r="C9552" i="3"/>
  <c r="C9553" i="3"/>
  <c r="C9554" i="3"/>
  <c r="C9555" i="3"/>
  <c r="C9556" i="3"/>
  <c r="C9557" i="3"/>
  <c r="C9558" i="3"/>
  <c r="C9559" i="3"/>
  <c r="C9560" i="3"/>
  <c r="C9561" i="3"/>
  <c r="C9562" i="3"/>
  <c r="C9563" i="3"/>
  <c r="C9564" i="3"/>
  <c r="C9565" i="3"/>
  <c r="C9566" i="3"/>
  <c r="C9567" i="3"/>
  <c r="C9568" i="3"/>
  <c r="C9569" i="3"/>
  <c r="C9570" i="3"/>
  <c r="C9571" i="3"/>
  <c r="C9572" i="3"/>
  <c r="C9573" i="3"/>
  <c r="C9574" i="3"/>
  <c r="C9575" i="3"/>
  <c r="C9576" i="3"/>
  <c r="C9577" i="3"/>
  <c r="C9578" i="3"/>
  <c r="C9579" i="3"/>
  <c r="C9580" i="3"/>
  <c r="C9581" i="3"/>
  <c r="C9582" i="3"/>
  <c r="C9583" i="3"/>
  <c r="C9584" i="3"/>
  <c r="C9585" i="3"/>
  <c r="C9586" i="3"/>
  <c r="C9587" i="3"/>
  <c r="C9588" i="3"/>
  <c r="C9589" i="3"/>
  <c r="C9590" i="3"/>
  <c r="C9591" i="3"/>
  <c r="C9592" i="3"/>
  <c r="C9593" i="3"/>
  <c r="C9594" i="3"/>
  <c r="C9595" i="3"/>
  <c r="C9596" i="3"/>
  <c r="C9597" i="3"/>
  <c r="C9598" i="3"/>
  <c r="C9599" i="3"/>
  <c r="C9600" i="3"/>
  <c r="C9601" i="3"/>
  <c r="C9602" i="3"/>
  <c r="C9603" i="3"/>
  <c r="C9604" i="3"/>
  <c r="C9605" i="3"/>
  <c r="C9606" i="3"/>
  <c r="C9607" i="3"/>
  <c r="C9608" i="3"/>
  <c r="C9609" i="3"/>
  <c r="C9610" i="3"/>
  <c r="C9611" i="3"/>
  <c r="C9612" i="3"/>
  <c r="C9613" i="3"/>
  <c r="C9614" i="3"/>
  <c r="C9615" i="3"/>
  <c r="C9616" i="3"/>
  <c r="C9617" i="3"/>
  <c r="C9618" i="3"/>
  <c r="C9619" i="3"/>
  <c r="C9620" i="3"/>
  <c r="C9621" i="3"/>
  <c r="C9622" i="3"/>
  <c r="C9623" i="3"/>
  <c r="C9624" i="3"/>
  <c r="C9625" i="3"/>
  <c r="C9626" i="3"/>
  <c r="C9627" i="3"/>
  <c r="C9628" i="3"/>
  <c r="C9629" i="3"/>
  <c r="C9630" i="3"/>
  <c r="C9631" i="3"/>
  <c r="C9632" i="3"/>
  <c r="C9633" i="3"/>
  <c r="C9634" i="3"/>
  <c r="C9635" i="3"/>
  <c r="C9636" i="3"/>
  <c r="C9637" i="3"/>
  <c r="C9638" i="3"/>
  <c r="C9639" i="3"/>
  <c r="C9640" i="3"/>
  <c r="C9641" i="3"/>
  <c r="C9642" i="3"/>
  <c r="C9643" i="3"/>
  <c r="C9644" i="3"/>
  <c r="C9645" i="3"/>
  <c r="C9646" i="3"/>
  <c r="C9647" i="3"/>
  <c r="C9648" i="3"/>
  <c r="C9649" i="3"/>
  <c r="C9650" i="3"/>
  <c r="C9651" i="3"/>
  <c r="C9652" i="3"/>
  <c r="C9653" i="3"/>
  <c r="C9654" i="3"/>
  <c r="C9655" i="3"/>
  <c r="C9656" i="3"/>
  <c r="C9657" i="3"/>
  <c r="C9658" i="3"/>
  <c r="C9659" i="3"/>
  <c r="C9660" i="3"/>
  <c r="C9661" i="3"/>
  <c r="C9662" i="3"/>
  <c r="C9663" i="3"/>
  <c r="C9664" i="3"/>
  <c r="C9665" i="3"/>
  <c r="C9666" i="3"/>
  <c r="C9667" i="3"/>
  <c r="C9668" i="3"/>
  <c r="C9669" i="3"/>
  <c r="C9670" i="3"/>
  <c r="C9671" i="3"/>
  <c r="C9672" i="3"/>
  <c r="C9673" i="3"/>
  <c r="C9674" i="3"/>
  <c r="C9675" i="3"/>
  <c r="C9676" i="3"/>
  <c r="C9677" i="3"/>
  <c r="C9678" i="3"/>
  <c r="C9679" i="3"/>
  <c r="C9680" i="3"/>
  <c r="C9681" i="3"/>
  <c r="C9682" i="3"/>
  <c r="C9683" i="3"/>
  <c r="C9684" i="3"/>
  <c r="C9685" i="3"/>
  <c r="C9686" i="3"/>
  <c r="C9687" i="3"/>
  <c r="C9688" i="3"/>
  <c r="C9689" i="3"/>
  <c r="C9690" i="3"/>
  <c r="C9691" i="3"/>
  <c r="C9692" i="3"/>
  <c r="C9693" i="3"/>
  <c r="C9694" i="3"/>
  <c r="C9695" i="3"/>
  <c r="C9696" i="3"/>
  <c r="C9697" i="3"/>
  <c r="C9698" i="3"/>
  <c r="C9699" i="3"/>
  <c r="C9700" i="3"/>
  <c r="C9701" i="3"/>
  <c r="C9702" i="3"/>
  <c r="C9703" i="3"/>
  <c r="C9704" i="3"/>
  <c r="C9705" i="3"/>
  <c r="C9706" i="3"/>
  <c r="C9707" i="3"/>
  <c r="C9708" i="3"/>
  <c r="C9709" i="3"/>
  <c r="C9710" i="3"/>
  <c r="C9711" i="3"/>
  <c r="C9712" i="3"/>
  <c r="C9713" i="3"/>
  <c r="C9714" i="3"/>
  <c r="C9715" i="3"/>
  <c r="C9716" i="3"/>
  <c r="C9717" i="3"/>
  <c r="C9718" i="3"/>
  <c r="C9719" i="3"/>
  <c r="C9720" i="3"/>
  <c r="C9721" i="3"/>
  <c r="C9722" i="3"/>
  <c r="C9723" i="3"/>
  <c r="C9724" i="3"/>
  <c r="C9725" i="3"/>
  <c r="C9726" i="3"/>
  <c r="C9727" i="3"/>
  <c r="C9728" i="3"/>
  <c r="C9729" i="3"/>
  <c r="C9730" i="3"/>
  <c r="C9731" i="3"/>
  <c r="C9732" i="3"/>
  <c r="C9733" i="3"/>
  <c r="C9734" i="3"/>
  <c r="C9735" i="3"/>
  <c r="C9736" i="3"/>
  <c r="C9737" i="3"/>
  <c r="C9738" i="3"/>
  <c r="C9739" i="3"/>
  <c r="C9740" i="3"/>
  <c r="C9741" i="3"/>
  <c r="C9742" i="3"/>
  <c r="C9743" i="3"/>
  <c r="C9744" i="3"/>
  <c r="C9745" i="3"/>
  <c r="C9746" i="3"/>
  <c r="C9747" i="3"/>
  <c r="C9748" i="3"/>
  <c r="C9749" i="3"/>
  <c r="C9750" i="3"/>
  <c r="C9751" i="3"/>
  <c r="C9752" i="3"/>
  <c r="C9753" i="3"/>
  <c r="C9754" i="3"/>
  <c r="C9755" i="3"/>
  <c r="C9756" i="3"/>
  <c r="C9757" i="3"/>
  <c r="C9758" i="3"/>
  <c r="C9759" i="3"/>
  <c r="C9760" i="3"/>
  <c r="C9761" i="3"/>
  <c r="C9762" i="3"/>
  <c r="C9763" i="3"/>
  <c r="C9764" i="3"/>
  <c r="C9765" i="3"/>
  <c r="C9766" i="3"/>
  <c r="C9767" i="3"/>
  <c r="C9768" i="3"/>
  <c r="C9769" i="3"/>
  <c r="C9770" i="3"/>
  <c r="C9771" i="3"/>
  <c r="C9772" i="3"/>
  <c r="C9773" i="3"/>
  <c r="C9774" i="3"/>
  <c r="C9775" i="3"/>
  <c r="C9776" i="3"/>
  <c r="C9777" i="3"/>
  <c r="C9778" i="3"/>
  <c r="C9779" i="3"/>
  <c r="C9780" i="3"/>
  <c r="C9781" i="3"/>
  <c r="C9782" i="3"/>
  <c r="C9783" i="3"/>
  <c r="C9784" i="3"/>
  <c r="C9785" i="3"/>
  <c r="C9786" i="3"/>
  <c r="C9787" i="3"/>
  <c r="C9788" i="3"/>
  <c r="C9789" i="3"/>
  <c r="C9790" i="3"/>
  <c r="C9791" i="3"/>
  <c r="C9792" i="3"/>
  <c r="C9793" i="3"/>
  <c r="C9794" i="3"/>
  <c r="C9795" i="3"/>
  <c r="C9796" i="3"/>
  <c r="C9797" i="3"/>
  <c r="C9798" i="3"/>
  <c r="C9799" i="3"/>
  <c r="C9800" i="3"/>
  <c r="C9801" i="3"/>
  <c r="C9802" i="3"/>
  <c r="C9803" i="3"/>
  <c r="C9804" i="3"/>
  <c r="C9805" i="3"/>
  <c r="C9806" i="3"/>
  <c r="C9807" i="3"/>
  <c r="C9808" i="3"/>
  <c r="C9809" i="3"/>
  <c r="C9810" i="3"/>
  <c r="C9811" i="3"/>
  <c r="C9812" i="3"/>
  <c r="C9813" i="3"/>
  <c r="C9814" i="3"/>
  <c r="C9815" i="3"/>
  <c r="C9816" i="3"/>
  <c r="C9817" i="3"/>
  <c r="C9818" i="3"/>
  <c r="C9819" i="3"/>
  <c r="C9820" i="3"/>
  <c r="C9821" i="3"/>
  <c r="C9822" i="3"/>
  <c r="C9823" i="3"/>
  <c r="C9824" i="3"/>
  <c r="C9825" i="3"/>
  <c r="C9826" i="3"/>
  <c r="C9827" i="3"/>
  <c r="C9828" i="3"/>
  <c r="C9829" i="3"/>
  <c r="C9830" i="3"/>
  <c r="C9831" i="3"/>
  <c r="C9832" i="3"/>
  <c r="C9833" i="3"/>
  <c r="C9834" i="3"/>
  <c r="C9835" i="3"/>
  <c r="C9836" i="3"/>
  <c r="C9837" i="3"/>
  <c r="C9838" i="3"/>
  <c r="C9839" i="3"/>
  <c r="C9840" i="3"/>
  <c r="C9841" i="3"/>
  <c r="C9842" i="3"/>
  <c r="C9843" i="3"/>
  <c r="C9844" i="3"/>
  <c r="C9845" i="3"/>
  <c r="C9846" i="3"/>
  <c r="C9847" i="3"/>
  <c r="C9848" i="3"/>
  <c r="C9849" i="3"/>
  <c r="C9850" i="3"/>
  <c r="C9851" i="3"/>
  <c r="C9852" i="3"/>
  <c r="C9853" i="3"/>
  <c r="C9854" i="3"/>
  <c r="C9855" i="3"/>
  <c r="C9856" i="3"/>
  <c r="C9857" i="3"/>
  <c r="C9858" i="3"/>
  <c r="C9859" i="3"/>
  <c r="C9860" i="3"/>
  <c r="C9861" i="3"/>
  <c r="C9862" i="3"/>
  <c r="C9863" i="3"/>
  <c r="C9864" i="3"/>
  <c r="C9865" i="3"/>
  <c r="C9866" i="3"/>
  <c r="C9867" i="3"/>
  <c r="C9868" i="3"/>
  <c r="C9869" i="3"/>
  <c r="C9870" i="3"/>
  <c r="C9871" i="3"/>
  <c r="C9872" i="3"/>
  <c r="C9873" i="3"/>
  <c r="C9874" i="3"/>
  <c r="C9875" i="3"/>
  <c r="C9876" i="3"/>
  <c r="C9877" i="3"/>
  <c r="C9878" i="3"/>
  <c r="C9879" i="3"/>
  <c r="C9880" i="3"/>
  <c r="C9881" i="3"/>
  <c r="C9882" i="3"/>
  <c r="C9883" i="3"/>
  <c r="C9884" i="3"/>
  <c r="C9885" i="3"/>
  <c r="C9886" i="3"/>
  <c r="C9887" i="3"/>
  <c r="C9888" i="3"/>
  <c r="C9889" i="3"/>
  <c r="C9890" i="3"/>
  <c r="C9891" i="3"/>
  <c r="C9892" i="3"/>
  <c r="C9893" i="3"/>
  <c r="C9894" i="3"/>
  <c r="C9895" i="3"/>
  <c r="C9896" i="3"/>
  <c r="C9897" i="3"/>
  <c r="C9898" i="3"/>
  <c r="C9899" i="3"/>
  <c r="C9900" i="3"/>
  <c r="C9901" i="3"/>
  <c r="C9902" i="3"/>
  <c r="C9903" i="3"/>
  <c r="C9904" i="3"/>
  <c r="C9905" i="3"/>
  <c r="C9906" i="3"/>
  <c r="C9907" i="3"/>
  <c r="C9908" i="3"/>
  <c r="C9909" i="3"/>
  <c r="C9910" i="3"/>
  <c r="C9911" i="3"/>
  <c r="C9912" i="3"/>
  <c r="C9913" i="3"/>
  <c r="C9914" i="3"/>
  <c r="C9915" i="3"/>
  <c r="C9916" i="3"/>
  <c r="C9917" i="3"/>
  <c r="C9918" i="3"/>
  <c r="C9919" i="3"/>
  <c r="C9920" i="3"/>
  <c r="C9921" i="3"/>
  <c r="C9922" i="3"/>
  <c r="C9923" i="3"/>
  <c r="C9924" i="3"/>
  <c r="C9925" i="3"/>
  <c r="C9926" i="3"/>
  <c r="C9927" i="3"/>
  <c r="C9928" i="3"/>
  <c r="C9929" i="3"/>
  <c r="C9930" i="3"/>
  <c r="C9931" i="3"/>
  <c r="C9932" i="3"/>
  <c r="C9933" i="3"/>
  <c r="C9934" i="3"/>
  <c r="C9935" i="3"/>
  <c r="C9936" i="3"/>
  <c r="C9937" i="3"/>
  <c r="C9938" i="3"/>
  <c r="C9939" i="3"/>
  <c r="C9940" i="3"/>
  <c r="C9941" i="3"/>
  <c r="C9942" i="3"/>
  <c r="C9943" i="3"/>
  <c r="C9944" i="3"/>
  <c r="C9945" i="3"/>
  <c r="C9946" i="3"/>
  <c r="C9947" i="3"/>
  <c r="C9948" i="3"/>
  <c r="C9949" i="3"/>
  <c r="C9950" i="3"/>
  <c r="C9951" i="3"/>
  <c r="C9952" i="3"/>
  <c r="C9953" i="3"/>
  <c r="C9954" i="3"/>
  <c r="C9955" i="3"/>
  <c r="C9956" i="3"/>
  <c r="C9957" i="3"/>
  <c r="C9958" i="3"/>
  <c r="C9959" i="3"/>
  <c r="C9960" i="3"/>
  <c r="C9961" i="3"/>
  <c r="C9962" i="3"/>
  <c r="C9963" i="3"/>
  <c r="C9964" i="3"/>
  <c r="C9965" i="3"/>
  <c r="C9966" i="3"/>
  <c r="C9967" i="3"/>
  <c r="C9968" i="3"/>
  <c r="C9969" i="3"/>
  <c r="C9970" i="3"/>
  <c r="C9971" i="3"/>
  <c r="C9972" i="3"/>
  <c r="C9973" i="3"/>
  <c r="C9974" i="3"/>
  <c r="C9975" i="3"/>
  <c r="C9976" i="3"/>
  <c r="C9977" i="3"/>
  <c r="C9978" i="3"/>
  <c r="C9979" i="3"/>
  <c r="C9980" i="3"/>
  <c r="C9981" i="3"/>
  <c r="C9982" i="3"/>
  <c r="C9983" i="3"/>
  <c r="C9984" i="3"/>
  <c r="C9985" i="3"/>
  <c r="C9986" i="3"/>
  <c r="C9987" i="3"/>
  <c r="C9988" i="3"/>
  <c r="C9989" i="3"/>
  <c r="C9990" i="3"/>
  <c r="C9991" i="3"/>
  <c r="C9992" i="3"/>
  <c r="C9993" i="3"/>
  <c r="C9994" i="3"/>
  <c r="C9995" i="3"/>
  <c r="C9996" i="3"/>
  <c r="C9997" i="3"/>
  <c r="C9998" i="3"/>
  <c r="C9999" i="3"/>
  <c r="C10000" i="3"/>
  <c r="C10001" i="3"/>
  <c r="C10002" i="3"/>
  <c r="C10003" i="3"/>
  <c r="C10004" i="3"/>
  <c r="C10005" i="3"/>
  <c r="C10006" i="3"/>
  <c r="C10007" i="3"/>
  <c r="C10008" i="3"/>
  <c r="C10009" i="3"/>
  <c r="C10010" i="3"/>
  <c r="C10011" i="3"/>
  <c r="C10012" i="3"/>
  <c r="C10013" i="3"/>
  <c r="C10014" i="3"/>
  <c r="C10015" i="3"/>
  <c r="C10016" i="3"/>
  <c r="C10017" i="3"/>
  <c r="C10018" i="3"/>
  <c r="C10019" i="3"/>
  <c r="C10020" i="3"/>
  <c r="C10021" i="3"/>
  <c r="C10022" i="3"/>
  <c r="C10023" i="3"/>
  <c r="C10024" i="3"/>
  <c r="C10025" i="3"/>
  <c r="C10026" i="3"/>
  <c r="C10027" i="3"/>
  <c r="C10028" i="3"/>
  <c r="C10029" i="3"/>
  <c r="C10030" i="3"/>
  <c r="C10031" i="3"/>
  <c r="C10032" i="3"/>
  <c r="C10033" i="3"/>
  <c r="C10034" i="3"/>
  <c r="C10035" i="3"/>
  <c r="C10036" i="3"/>
  <c r="C10037" i="3"/>
  <c r="C10038" i="3"/>
  <c r="C10039" i="3"/>
  <c r="C10040" i="3"/>
  <c r="C10041" i="3"/>
  <c r="C10042" i="3"/>
  <c r="C10043" i="3"/>
  <c r="C10044" i="3"/>
  <c r="C10045" i="3"/>
  <c r="C10046" i="3"/>
  <c r="C10047" i="3"/>
  <c r="C10048" i="3"/>
  <c r="C10049" i="3"/>
  <c r="C10050" i="3"/>
  <c r="C10051" i="3"/>
  <c r="C10052" i="3"/>
  <c r="C10053" i="3"/>
  <c r="C10054" i="3"/>
  <c r="C10055" i="3"/>
  <c r="C10056" i="3"/>
  <c r="C10057" i="3"/>
  <c r="C10058" i="3"/>
  <c r="C10059" i="3"/>
  <c r="C10060" i="3"/>
  <c r="C10061" i="3"/>
  <c r="C10062" i="3"/>
  <c r="C10063" i="3"/>
  <c r="C10064" i="3"/>
  <c r="C10065" i="3"/>
  <c r="C10066" i="3"/>
  <c r="C10067" i="3"/>
  <c r="C10068" i="3"/>
  <c r="C10069" i="3"/>
  <c r="C10070" i="3"/>
  <c r="C10071" i="3"/>
  <c r="C10072" i="3"/>
  <c r="C10073" i="3"/>
  <c r="C10074" i="3"/>
  <c r="C10075" i="3"/>
  <c r="C10076" i="3"/>
  <c r="C10077" i="3"/>
  <c r="C10078" i="3"/>
  <c r="C10079" i="3"/>
  <c r="C10080" i="3"/>
  <c r="C10081" i="3"/>
  <c r="C10082" i="3"/>
  <c r="C10083" i="3"/>
  <c r="C10084" i="3"/>
  <c r="C10085" i="3"/>
  <c r="C10086" i="3"/>
  <c r="C10087" i="3"/>
  <c r="C10088" i="3"/>
  <c r="C10089" i="3"/>
  <c r="C10090" i="3"/>
  <c r="C10091" i="3"/>
  <c r="C10092" i="3"/>
  <c r="C10093" i="3"/>
  <c r="C10094" i="3"/>
  <c r="C10095" i="3"/>
  <c r="C10096" i="3"/>
  <c r="C10097" i="3"/>
  <c r="C10098" i="3"/>
  <c r="C10099" i="3"/>
  <c r="C10100" i="3"/>
  <c r="C10101" i="3"/>
  <c r="C10102" i="3"/>
  <c r="C10103" i="3"/>
  <c r="C10104" i="3"/>
  <c r="C10105" i="3"/>
  <c r="C10106" i="3"/>
  <c r="C10107" i="3"/>
  <c r="C10108" i="3"/>
  <c r="C10109" i="3"/>
  <c r="C10110" i="3"/>
  <c r="C10111" i="3"/>
  <c r="C10112" i="3"/>
  <c r="C10113" i="3"/>
  <c r="C10114" i="3"/>
  <c r="C10115" i="3"/>
  <c r="C10116" i="3"/>
  <c r="C10117" i="3"/>
  <c r="C10118" i="3"/>
  <c r="C10119" i="3"/>
  <c r="C10120" i="3"/>
  <c r="C10121" i="3"/>
  <c r="C10122" i="3"/>
  <c r="C10123" i="3"/>
  <c r="C10124" i="3"/>
  <c r="C10125" i="3"/>
  <c r="C10126" i="3"/>
  <c r="C10127" i="3"/>
  <c r="C10128" i="3"/>
  <c r="C10129" i="3"/>
  <c r="C10130" i="3"/>
  <c r="C10131" i="3"/>
  <c r="C10132" i="3"/>
  <c r="C10133" i="3"/>
  <c r="C10134" i="3"/>
  <c r="C10135" i="3"/>
  <c r="C10136" i="3"/>
  <c r="C10137" i="3"/>
  <c r="C10138" i="3"/>
  <c r="C10139" i="3"/>
  <c r="C10140" i="3"/>
  <c r="C10141" i="3"/>
  <c r="C10142" i="3"/>
  <c r="C10143" i="3"/>
  <c r="C10144" i="3"/>
  <c r="C10145" i="3"/>
  <c r="C10146" i="3"/>
  <c r="C10147" i="3"/>
  <c r="C10148" i="3"/>
  <c r="C10149" i="3"/>
  <c r="C10150" i="3"/>
  <c r="C10151" i="3"/>
  <c r="C10152" i="3"/>
  <c r="C10153" i="3"/>
  <c r="C10154" i="3"/>
  <c r="C10155" i="3"/>
  <c r="C10156" i="3"/>
  <c r="C10157" i="3"/>
  <c r="C10158" i="3"/>
  <c r="C10159" i="3"/>
  <c r="C10160" i="3"/>
  <c r="C10161" i="3"/>
  <c r="C10162" i="3"/>
  <c r="C10163" i="3"/>
  <c r="C10164" i="3"/>
  <c r="C10165" i="3"/>
  <c r="C10166" i="3"/>
  <c r="C10167" i="3"/>
  <c r="C10168" i="3"/>
  <c r="C10169" i="3"/>
  <c r="C10170" i="3"/>
  <c r="C10171" i="3"/>
  <c r="C10172" i="3"/>
  <c r="C10173" i="3"/>
  <c r="C10174" i="3"/>
  <c r="C10175" i="3"/>
  <c r="C10176" i="3"/>
  <c r="C10177" i="3"/>
  <c r="C10178" i="3"/>
  <c r="C10179" i="3"/>
  <c r="C10180" i="3"/>
  <c r="C10181" i="3"/>
  <c r="C10182" i="3"/>
  <c r="C10183" i="3"/>
  <c r="C10184" i="3"/>
  <c r="C10185" i="3"/>
  <c r="C10186" i="3"/>
  <c r="C10187" i="3"/>
  <c r="C10188" i="3"/>
  <c r="C10189" i="3"/>
  <c r="C10190" i="3"/>
  <c r="C10191" i="3"/>
  <c r="C10192" i="3"/>
  <c r="C10193" i="3"/>
  <c r="C10194" i="3"/>
  <c r="C10195" i="3"/>
  <c r="C10196" i="3"/>
  <c r="C10197" i="3"/>
  <c r="C10198" i="3"/>
  <c r="C10199" i="3"/>
  <c r="C10200" i="3"/>
  <c r="C10201" i="3"/>
  <c r="C10202" i="3"/>
  <c r="C10203" i="3"/>
  <c r="C10204" i="3"/>
  <c r="C10205" i="3"/>
  <c r="C10206" i="3"/>
  <c r="C10207" i="3"/>
  <c r="C10208" i="3"/>
  <c r="C10209" i="3"/>
  <c r="C10210" i="3"/>
  <c r="C10211" i="3"/>
  <c r="C10212" i="3"/>
  <c r="C10213" i="3"/>
  <c r="C10214" i="3"/>
  <c r="C10215" i="3"/>
  <c r="C10216" i="3"/>
  <c r="C10217" i="3"/>
  <c r="C10218" i="3"/>
  <c r="C10219" i="3"/>
  <c r="C10220" i="3"/>
  <c r="C10221" i="3"/>
  <c r="C10222" i="3"/>
  <c r="C10223" i="3"/>
  <c r="C10224" i="3"/>
  <c r="C10225" i="3"/>
  <c r="C10226" i="3"/>
  <c r="C10227" i="3"/>
  <c r="C10228" i="3"/>
  <c r="C10229" i="3"/>
  <c r="C10230" i="3"/>
  <c r="C10231" i="3"/>
  <c r="C10232" i="3"/>
  <c r="C10233" i="3"/>
  <c r="C10234" i="3"/>
  <c r="C10235" i="3"/>
  <c r="C10236" i="3"/>
  <c r="C10237" i="3"/>
  <c r="C10238" i="3"/>
  <c r="C10239" i="3"/>
  <c r="C10240" i="3"/>
  <c r="C10241" i="3"/>
  <c r="C10242" i="3"/>
  <c r="C10243" i="3"/>
  <c r="C10244" i="3"/>
  <c r="C10245" i="3"/>
  <c r="C10246" i="3"/>
  <c r="C10247" i="3"/>
  <c r="C10248" i="3"/>
  <c r="C10249" i="3"/>
  <c r="C10250" i="3"/>
  <c r="C10251" i="3"/>
  <c r="C10252" i="3"/>
  <c r="C10253" i="3"/>
  <c r="C10254" i="3"/>
  <c r="C10255" i="3"/>
  <c r="C10256" i="3"/>
  <c r="C10257" i="3"/>
  <c r="C10258" i="3"/>
  <c r="C10259" i="3"/>
  <c r="C10260" i="3"/>
  <c r="C10261" i="3"/>
  <c r="C10262" i="3"/>
  <c r="C10263" i="3"/>
  <c r="C10264" i="3"/>
  <c r="C10265" i="3"/>
  <c r="C10266" i="3"/>
  <c r="C10267" i="3"/>
  <c r="C10268" i="3"/>
  <c r="C10269" i="3"/>
  <c r="C10270" i="3"/>
  <c r="C10271" i="3"/>
  <c r="C10272" i="3"/>
  <c r="C10273" i="3"/>
  <c r="C10274" i="3"/>
  <c r="C10275" i="3"/>
  <c r="C10276" i="3"/>
  <c r="C10277" i="3"/>
  <c r="C10278" i="3"/>
  <c r="C10279" i="3"/>
  <c r="C10280" i="3"/>
  <c r="C10281" i="3"/>
  <c r="C10282" i="3"/>
  <c r="C10283" i="3"/>
  <c r="C10284" i="3"/>
  <c r="C10285" i="3"/>
  <c r="C10286" i="3"/>
  <c r="C10287" i="3"/>
  <c r="C10288" i="3"/>
  <c r="C10289" i="3"/>
  <c r="C10290" i="3"/>
  <c r="C10291" i="3"/>
  <c r="C10292" i="3"/>
  <c r="C10293" i="3"/>
  <c r="C10294" i="3"/>
  <c r="C10295" i="3"/>
  <c r="C10296" i="3"/>
  <c r="C10297" i="3"/>
  <c r="C10298" i="3"/>
  <c r="C10299" i="3"/>
  <c r="C10300" i="3"/>
  <c r="C10301" i="3"/>
  <c r="C10302" i="3"/>
  <c r="C10303" i="3"/>
  <c r="C10304" i="3"/>
  <c r="C10305" i="3"/>
  <c r="C10306" i="3"/>
  <c r="C10307" i="3"/>
  <c r="C10308" i="3"/>
  <c r="C10309" i="3"/>
  <c r="C10310" i="3"/>
  <c r="C10311" i="3"/>
  <c r="C10312" i="3"/>
  <c r="C10313" i="3"/>
  <c r="C10314" i="3"/>
  <c r="C10315" i="3"/>
  <c r="C10316" i="3"/>
  <c r="C10317" i="3"/>
  <c r="C10318" i="3"/>
  <c r="C10319" i="3"/>
  <c r="C10320" i="3"/>
  <c r="C10321" i="3"/>
  <c r="C10322" i="3"/>
  <c r="C10323" i="3"/>
  <c r="C10324" i="3"/>
  <c r="C10325" i="3"/>
  <c r="C10326" i="3"/>
  <c r="C10327" i="3"/>
  <c r="C10328" i="3"/>
  <c r="C10329" i="3"/>
  <c r="C10330" i="3"/>
  <c r="C10331" i="3"/>
  <c r="C10332" i="3"/>
  <c r="C10333" i="3"/>
  <c r="C10334" i="3"/>
  <c r="C10335" i="3"/>
  <c r="C10336" i="3"/>
  <c r="C10337" i="3"/>
  <c r="C10338" i="3"/>
  <c r="C10339" i="3"/>
  <c r="C10340" i="3"/>
  <c r="C10341" i="3"/>
  <c r="C10342" i="3"/>
  <c r="C10343" i="3"/>
  <c r="C10344" i="3"/>
  <c r="C10345" i="3"/>
  <c r="C10346" i="3"/>
  <c r="C10347" i="3"/>
  <c r="C10348" i="3"/>
  <c r="C10349" i="3"/>
  <c r="C10350" i="3"/>
  <c r="C10351" i="3"/>
  <c r="C10352" i="3"/>
  <c r="C10353" i="3"/>
  <c r="C10354" i="3"/>
  <c r="C10355" i="3"/>
  <c r="C10356" i="3"/>
  <c r="C10357" i="3"/>
  <c r="C10358" i="3"/>
  <c r="C10359" i="3"/>
  <c r="C10360" i="3"/>
  <c r="C10361" i="3"/>
  <c r="C10362" i="3"/>
  <c r="C10363" i="3"/>
  <c r="C10364" i="3"/>
  <c r="C10365" i="3"/>
  <c r="C10366" i="3"/>
  <c r="C10367" i="3"/>
  <c r="C10368" i="3"/>
  <c r="C10369" i="3"/>
  <c r="C10370" i="3"/>
  <c r="C10371" i="3"/>
  <c r="C10372" i="3"/>
  <c r="C10373" i="3"/>
  <c r="C10374" i="3"/>
  <c r="C10375" i="3"/>
  <c r="C10376" i="3"/>
  <c r="C10377" i="3"/>
  <c r="C10378" i="3"/>
  <c r="C10379" i="3"/>
  <c r="C10380" i="3"/>
  <c r="C10381" i="3"/>
  <c r="C10382" i="3"/>
  <c r="C10383" i="3"/>
  <c r="C10384" i="3"/>
  <c r="C10385" i="3"/>
  <c r="C10386" i="3"/>
  <c r="C10387" i="3"/>
  <c r="C10388" i="3"/>
  <c r="C10389" i="3"/>
  <c r="C10390" i="3"/>
  <c r="C10391" i="3"/>
  <c r="C10392" i="3"/>
  <c r="C10393" i="3"/>
  <c r="C10394" i="3"/>
  <c r="C10395" i="3"/>
  <c r="C10396" i="3"/>
  <c r="C10397" i="3"/>
  <c r="C10398" i="3"/>
  <c r="C10399" i="3"/>
  <c r="C10400" i="3"/>
  <c r="C10401" i="3"/>
  <c r="C10402" i="3"/>
  <c r="C10403" i="3"/>
  <c r="C10404" i="3"/>
  <c r="C10405" i="3"/>
  <c r="C10406" i="3"/>
  <c r="C10407" i="3"/>
  <c r="C10408" i="3"/>
  <c r="C10409" i="3"/>
  <c r="C10410" i="3"/>
  <c r="C10411" i="3"/>
  <c r="C10412" i="3"/>
  <c r="C10413" i="3"/>
  <c r="C10414" i="3"/>
  <c r="C10415" i="3"/>
  <c r="C10416" i="3"/>
  <c r="C10417" i="3"/>
  <c r="C10418" i="3"/>
  <c r="C10419" i="3"/>
  <c r="C10420" i="3"/>
  <c r="C10421" i="3"/>
  <c r="C10422" i="3"/>
  <c r="C10423" i="3"/>
  <c r="C10424" i="3"/>
  <c r="C10425" i="3"/>
  <c r="C10426" i="3"/>
  <c r="C10427" i="3"/>
  <c r="C10428" i="3"/>
  <c r="C10429" i="3"/>
  <c r="C10430" i="3"/>
  <c r="C10431" i="3"/>
  <c r="C10432" i="3"/>
  <c r="C10433" i="3"/>
  <c r="C10434" i="3"/>
  <c r="C10435" i="3"/>
  <c r="C10436" i="3"/>
  <c r="C10437" i="3"/>
  <c r="C10438" i="3"/>
  <c r="C10439" i="3"/>
  <c r="C10440" i="3"/>
  <c r="C10441" i="3"/>
  <c r="C10442" i="3"/>
  <c r="C10443" i="3"/>
  <c r="C10444" i="3"/>
  <c r="C10445" i="3"/>
  <c r="C10446" i="3"/>
  <c r="C10447" i="3"/>
  <c r="C10448" i="3"/>
  <c r="C10449" i="3"/>
  <c r="C10450" i="3"/>
  <c r="C10451" i="3"/>
  <c r="C10452" i="3"/>
  <c r="C10453" i="3"/>
  <c r="C10454" i="3"/>
  <c r="C10455" i="3"/>
  <c r="C10456" i="3"/>
  <c r="C10457" i="3"/>
  <c r="C10458" i="3"/>
  <c r="C10459" i="3"/>
  <c r="C10460" i="3"/>
  <c r="C10461" i="3"/>
  <c r="C10462" i="3"/>
  <c r="C10463" i="3"/>
  <c r="C10464" i="3"/>
  <c r="C10465" i="3"/>
  <c r="C10466" i="3"/>
  <c r="C10467" i="3"/>
  <c r="C10468" i="3"/>
  <c r="C10469" i="3"/>
  <c r="C10470" i="3"/>
  <c r="C10471" i="3"/>
  <c r="C10472" i="3"/>
  <c r="C10473" i="3"/>
  <c r="C10474" i="3"/>
  <c r="C10475" i="3"/>
  <c r="C10476" i="3"/>
  <c r="C10477" i="3"/>
  <c r="C10478" i="3"/>
  <c r="C10479" i="3"/>
  <c r="C10480" i="3"/>
  <c r="C10481" i="3"/>
  <c r="C10482" i="3"/>
  <c r="C10483" i="3"/>
  <c r="C10484" i="3"/>
  <c r="C10485" i="3"/>
  <c r="C10486" i="3"/>
  <c r="C10487" i="3"/>
  <c r="C10488" i="3"/>
  <c r="C10489" i="3"/>
  <c r="C10490" i="3"/>
  <c r="C10491" i="3"/>
  <c r="C10492" i="3"/>
  <c r="C10493" i="3"/>
  <c r="C10494" i="3"/>
  <c r="C10495" i="3"/>
  <c r="C10496" i="3"/>
  <c r="C10497" i="3"/>
  <c r="C10498" i="3"/>
  <c r="C10499" i="3"/>
  <c r="C10500" i="3"/>
  <c r="C10501" i="3"/>
  <c r="C10502" i="3"/>
  <c r="C10503" i="3"/>
  <c r="C10504" i="3"/>
  <c r="C10505" i="3"/>
  <c r="C10506" i="3"/>
  <c r="C10507" i="3"/>
  <c r="C10508" i="3"/>
  <c r="C10509" i="3"/>
  <c r="C10510" i="3"/>
  <c r="C10511" i="3"/>
  <c r="C10512" i="3"/>
  <c r="C10513" i="3"/>
  <c r="C10514" i="3"/>
  <c r="C10515" i="3"/>
  <c r="C10516" i="3"/>
  <c r="C10517" i="3"/>
  <c r="C10518" i="3"/>
  <c r="C10519" i="3"/>
  <c r="C10520" i="3"/>
  <c r="C10521" i="3"/>
  <c r="C10522" i="3"/>
  <c r="C10523" i="3"/>
  <c r="C10524" i="3"/>
  <c r="C10525" i="3"/>
  <c r="C10526" i="3"/>
  <c r="C10527" i="3"/>
  <c r="C10528" i="3"/>
  <c r="C10529" i="3"/>
  <c r="C10530" i="3"/>
  <c r="C10531" i="3"/>
  <c r="C10532" i="3"/>
  <c r="C10533" i="3"/>
  <c r="C10534" i="3"/>
  <c r="C10535" i="3"/>
  <c r="C10536" i="3"/>
  <c r="C10537" i="3"/>
  <c r="C10538" i="3"/>
  <c r="C10539" i="3"/>
  <c r="C10540" i="3"/>
  <c r="C10541" i="3"/>
  <c r="C10542" i="3"/>
  <c r="C10543" i="3"/>
  <c r="C10544" i="3"/>
  <c r="C10545" i="3"/>
  <c r="C10546" i="3"/>
  <c r="C10547" i="3"/>
  <c r="C10548" i="3"/>
  <c r="C10549" i="3"/>
  <c r="C10550" i="3"/>
  <c r="C10551" i="3"/>
  <c r="C10552" i="3"/>
  <c r="C10553" i="3"/>
  <c r="C10554" i="3"/>
  <c r="C10555" i="3"/>
  <c r="C10556" i="3"/>
  <c r="C10557" i="3"/>
  <c r="C10558" i="3"/>
  <c r="C10559" i="3"/>
  <c r="C10560" i="3"/>
  <c r="C10561" i="3"/>
  <c r="C10562" i="3"/>
  <c r="C10563" i="3"/>
  <c r="C10564" i="3"/>
  <c r="C10565" i="3"/>
  <c r="C10566" i="3"/>
  <c r="C10567" i="3"/>
  <c r="C10568" i="3"/>
  <c r="C10569" i="3"/>
  <c r="C10570" i="3"/>
  <c r="C10571" i="3"/>
  <c r="C10572" i="3"/>
  <c r="C10573" i="3"/>
  <c r="C10574" i="3"/>
  <c r="C10575" i="3"/>
  <c r="C10576" i="3"/>
  <c r="C10577" i="3"/>
  <c r="C10578" i="3"/>
  <c r="C10579" i="3"/>
  <c r="C10580" i="3"/>
  <c r="C10581" i="3"/>
  <c r="C10582" i="3"/>
  <c r="C10583" i="3"/>
  <c r="C10584" i="3"/>
  <c r="C10585" i="3"/>
  <c r="C10586" i="3"/>
  <c r="C10587" i="3"/>
  <c r="C10588" i="3"/>
  <c r="C10589" i="3"/>
  <c r="C10590" i="3"/>
  <c r="C10591" i="3"/>
  <c r="C10592" i="3"/>
  <c r="C10593" i="3"/>
  <c r="C10594" i="3"/>
  <c r="C10595" i="3"/>
  <c r="C10596" i="3"/>
  <c r="C10597" i="3"/>
  <c r="C10598" i="3"/>
  <c r="C10599" i="3"/>
  <c r="C10600" i="3"/>
  <c r="C10601" i="3"/>
  <c r="C10602" i="3"/>
  <c r="C10603" i="3"/>
  <c r="C10604" i="3"/>
  <c r="C10605" i="3"/>
  <c r="C10606" i="3"/>
  <c r="C10607" i="3"/>
  <c r="C10608" i="3"/>
  <c r="C10609" i="3"/>
  <c r="C10610" i="3"/>
  <c r="C10611" i="3"/>
  <c r="C10612" i="3"/>
  <c r="C10613" i="3"/>
  <c r="C10614" i="3"/>
  <c r="C10615" i="3"/>
  <c r="C10616" i="3"/>
  <c r="C10617" i="3"/>
  <c r="C10618" i="3"/>
  <c r="C10619" i="3"/>
  <c r="C10620" i="3"/>
  <c r="C10621" i="3"/>
  <c r="C10622" i="3"/>
  <c r="C10623" i="3"/>
  <c r="C10624" i="3"/>
  <c r="C10625" i="3"/>
  <c r="C10626" i="3"/>
  <c r="C10627" i="3"/>
  <c r="C10628" i="3"/>
  <c r="C10629" i="3"/>
  <c r="C10630" i="3"/>
  <c r="C10631" i="3"/>
  <c r="C10632" i="3"/>
  <c r="C10633" i="3"/>
  <c r="C10634" i="3"/>
  <c r="C10635" i="3"/>
  <c r="C10636" i="3"/>
  <c r="C10637" i="3"/>
  <c r="C10638" i="3"/>
  <c r="C10639" i="3"/>
  <c r="C10640" i="3"/>
  <c r="C10641" i="3"/>
  <c r="C10642" i="3"/>
  <c r="C10643" i="3"/>
  <c r="C10644" i="3"/>
  <c r="C10645" i="3"/>
  <c r="C10646" i="3"/>
  <c r="C10647" i="3"/>
  <c r="C10648" i="3"/>
  <c r="C10649" i="3"/>
  <c r="C10650" i="3"/>
  <c r="C10651" i="3"/>
  <c r="C10652" i="3"/>
  <c r="C10653" i="3"/>
  <c r="C10654" i="3"/>
  <c r="C10655" i="3"/>
  <c r="C10656" i="3"/>
  <c r="C10657" i="3"/>
  <c r="C10658" i="3"/>
  <c r="C10659" i="3"/>
  <c r="C10660" i="3"/>
  <c r="C10661" i="3"/>
  <c r="C10662" i="3"/>
  <c r="C10663" i="3"/>
  <c r="C10664" i="3"/>
  <c r="C10665" i="3"/>
  <c r="C10666" i="3"/>
  <c r="C10667" i="3"/>
  <c r="C10668" i="3"/>
  <c r="C10669" i="3"/>
  <c r="C10670" i="3"/>
  <c r="C10671" i="3"/>
  <c r="C10672" i="3"/>
  <c r="C10673" i="3"/>
  <c r="C10674" i="3"/>
  <c r="C10675" i="3"/>
  <c r="C10676" i="3"/>
  <c r="C10677" i="3"/>
  <c r="C10678" i="3"/>
  <c r="C10679" i="3"/>
  <c r="C10680" i="3"/>
  <c r="C10681" i="3"/>
  <c r="C10682" i="3"/>
  <c r="C10683" i="3"/>
  <c r="C10684" i="3"/>
  <c r="C10685" i="3"/>
  <c r="C10686" i="3"/>
  <c r="C10687" i="3"/>
  <c r="C10688" i="3"/>
  <c r="C10689" i="3"/>
  <c r="C10690" i="3"/>
  <c r="C10691" i="3"/>
  <c r="C10692" i="3"/>
  <c r="C10693" i="3"/>
  <c r="C10694" i="3"/>
  <c r="C10695" i="3"/>
  <c r="C10696" i="3"/>
  <c r="C10697" i="3"/>
  <c r="C10698" i="3"/>
  <c r="C10699" i="3"/>
  <c r="C10700" i="3"/>
  <c r="C10701" i="3"/>
  <c r="C10702" i="3"/>
  <c r="C10703" i="3"/>
  <c r="C10704" i="3"/>
  <c r="C10705" i="3"/>
  <c r="C10706" i="3"/>
  <c r="C10707" i="3"/>
  <c r="C10708" i="3"/>
  <c r="C10709" i="3"/>
  <c r="C10710" i="3"/>
  <c r="C10711" i="3"/>
  <c r="C10712" i="3"/>
  <c r="C10713" i="3"/>
  <c r="C10714" i="3"/>
  <c r="C10715" i="3"/>
  <c r="C10716" i="3"/>
  <c r="C10717" i="3"/>
  <c r="C10718" i="3"/>
  <c r="C10719" i="3"/>
  <c r="C10720" i="3"/>
  <c r="C10721" i="3"/>
  <c r="C10722" i="3"/>
  <c r="C10723" i="3"/>
  <c r="C10724" i="3"/>
  <c r="C10725" i="3"/>
  <c r="C10726" i="3"/>
  <c r="C10727" i="3"/>
  <c r="C10728" i="3"/>
  <c r="C10729" i="3"/>
  <c r="C10730" i="3"/>
  <c r="C10731" i="3"/>
  <c r="C10732" i="3"/>
  <c r="C10733" i="3"/>
  <c r="C10734" i="3"/>
  <c r="C10735" i="3"/>
  <c r="C10736" i="3"/>
  <c r="C10737" i="3"/>
  <c r="C10738" i="3"/>
  <c r="C10739" i="3"/>
  <c r="C10740" i="3"/>
  <c r="C10741" i="3"/>
  <c r="C10742" i="3"/>
  <c r="C10743" i="3"/>
  <c r="C10744" i="3"/>
  <c r="C10745" i="3"/>
  <c r="C10746" i="3"/>
  <c r="C10747" i="3"/>
  <c r="C10748" i="3"/>
  <c r="C10749" i="3"/>
  <c r="C10750" i="3"/>
  <c r="C10751" i="3"/>
  <c r="C10752" i="3"/>
  <c r="C10753" i="3"/>
  <c r="C10754" i="3"/>
  <c r="C10755" i="3"/>
  <c r="C10756" i="3"/>
  <c r="C10757" i="3"/>
  <c r="C10758" i="3"/>
  <c r="C10759" i="3"/>
  <c r="C10760" i="3"/>
  <c r="C10761" i="3"/>
  <c r="C10762" i="3"/>
  <c r="C10763" i="3"/>
  <c r="C10764" i="3"/>
  <c r="C10765" i="3"/>
  <c r="C10766" i="3"/>
  <c r="C10767" i="3"/>
  <c r="C10768" i="3"/>
  <c r="C10769" i="3"/>
  <c r="C10770" i="3"/>
  <c r="C10771" i="3"/>
  <c r="C10772" i="3"/>
  <c r="C10773" i="3"/>
  <c r="C10774" i="3"/>
  <c r="C10775" i="3"/>
  <c r="C10776" i="3"/>
  <c r="C10777" i="3"/>
  <c r="C10778" i="3"/>
  <c r="C10779" i="3"/>
  <c r="C10780" i="3"/>
  <c r="C10781" i="3"/>
  <c r="C10782" i="3"/>
  <c r="C10783" i="3"/>
  <c r="C10784" i="3"/>
  <c r="C10785" i="3"/>
  <c r="C10786" i="3"/>
  <c r="C10787" i="3"/>
  <c r="C10788" i="3"/>
  <c r="C10789" i="3"/>
  <c r="C10790" i="3"/>
  <c r="C10791" i="3"/>
  <c r="C10792" i="3"/>
  <c r="C10793" i="3"/>
  <c r="C10794" i="3"/>
  <c r="C10795" i="3"/>
  <c r="C10796" i="3"/>
  <c r="C10797" i="3"/>
  <c r="C10798" i="3"/>
  <c r="C10799" i="3"/>
  <c r="C10800" i="3"/>
  <c r="C10801" i="3"/>
  <c r="C10802" i="3"/>
  <c r="C10803" i="3"/>
  <c r="C10804" i="3"/>
  <c r="C10805" i="3"/>
  <c r="C10806" i="3"/>
  <c r="C10807" i="3"/>
  <c r="C10808" i="3"/>
  <c r="C10809" i="3"/>
  <c r="C10810" i="3"/>
  <c r="C10811" i="3"/>
  <c r="C10812" i="3"/>
  <c r="C10813" i="3"/>
  <c r="C10814" i="3"/>
  <c r="C10815" i="3"/>
  <c r="C10816" i="3"/>
  <c r="C10817" i="3"/>
  <c r="C10818" i="3"/>
  <c r="C10819" i="3"/>
  <c r="C10820" i="3"/>
  <c r="C10821" i="3"/>
  <c r="C10822" i="3"/>
  <c r="C10823" i="3"/>
  <c r="C10824" i="3"/>
  <c r="C10825" i="3"/>
  <c r="C10826" i="3"/>
  <c r="C10827" i="3"/>
  <c r="C10828" i="3"/>
  <c r="C10829" i="3"/>
  <c r="C10830" i="3"/>
  <c r="C10831" i="3"/>
  <c r="C10832" i="3"/>
  <c r="C10833" i="3"/>
  <c r="C10834" i="3"/>
  <c r="C10835" i="3"/>
  <c r="C10836" i="3"/>
  <c r="C10837" i="3"/>
  <c r="C10838" i="3"/>
  <c r="C10839" i="3"/>
  <c r="C10840" i="3"/>
  <c r="C10841" i="3"/>
  <c r="C10842" i="3"/>
  <c r="C10843" i="3"/>
  <c r="C10844" i="3"/>
  <c r="C10845" i="3"/>
  <c r="C10846" i="3"/>
  <c r="C10847" i="3"/>
  <c r="C10848" i="3"/>
  <c r="C10849" i="3"/>
  <c r="C10850" i="3"/>
  <c r="C10851" i="3"/>
  <c r="C10852" i="3"/>
  <c r="C10853" i="3"/>
  <c r="C10854" i="3"/>
  <c r="C10855" i="3"/>
  <c r="C10856" i="3"/>
  <c r="C10857" i="3"/>
  <c r="C10858" i="3"/>
  <c r="C10859" i="3"/>
  <c r="C10860" i="3"/>
  <c r="C10861" i="3"/>
  <c r="C10862" i="3"/>
  <c r="C10863" i="3"/>
  <c r="C10864" i="3"/>
  <c r="C10865" i="3"/>
  <c r="C10866" i="3"/>
  <c r="C10867" i="3"/>
  <c r="C10868" i="3"/>
  <c r="C10869" i="3"/>
  <c r="C10870" i="3"/>
  <c r="C10871" i="3"/>
  <c r="C10872" i="3"/>
  <c r="C10873" i="3"/>
  <c r="C10874" i="3"/>
  <c r="C10875" i="3"/>
  <c r="C10876" i="3"/>
  <c r="C10877" i="3"/>
  <c r="C10878" i="3"/>
  <c r="C10879" i="3"/>
  <c r="C10880" i="3"/>
  <c r="C10881" i="3"/>
  <c r="C10882" i="3"/>
  <c r="C10883" i="3"/>
  <c r="C10884" i="3"/>
  <c r="C10885" i="3"/>
  <c r="C10886" i="3"/>
  <c r="C10887" i="3"/>
  <c r="C10888" i="3"/>
  <c r="C10889" i="3"/>
  <c r="C10890" i="3"/>
  <c r="C10891" i="3"/>
  <c r="C10892" i="3"/>
  <c r="C10893" i="3"/>
  <c r="C10894" i="3"/>
  <c r="C10895" i="3"/>
  <c r="C10896" i="3"/>
  <c r="C10897" i="3"/>
  <c r="C10898" i="3"/>
  <c r="C10899" i="3"/>
  <c r="C10900" i="3"/>
  <c r="C10901" i="3"/>
  <c r="C10902" i="3"/>
  <c r="C10903" i="3"/>
  <c r="C10904" i="3"/>
  <c r="C10905" i="3"/>
  <c r="C10906" i="3"/>
  <c r="C10907" i="3"/>
  <c r="C10908" i="3"/>
  <c r="C10909" i="3"/>
  <c r="C10910" i="3"/>
  <c r="C10911" i="3"/>
  <c r="C10912" i="3"/>
  <c r="C10913" i="3"/>
  <c r="C10914" i="3"/>
  <c r="C10915" i="3"/>
  <c r="C10916" i="3"/>
  <c r="C10917" i="3"/>
  <c r="C10918" i="3"/>
  <c r="C10919" i="3"/>
  <c r="C10920" i="3"/>
  <c r="C10921" i="3"/>
  <c r="C10922" i="3"/>
  <c r="C10923" i="3"/>
  <c r="C10924" i="3"/>
  <c r="C10925" i="3"/>
  <c r="C10926" i="3"/>
  <c r="C10927" i="3"/>
  <c r="C10928" i="3"/>
  <c r="C10929" i="3"/>
  <c r="C10930" i="3"/>
  <c r="C10931" i="3"/>
  <c r="C10932" i="3"/>
  <c r="C10933" i="3"/>
  <c r="C10934" i="3"/>
  <c r="C10935" i="3"/>
  <c r="C10936" i="3"/>
  <c r="C10937" i="3"/>
  <c r="C10938" i="3"/>
  <c r="C10939" i="3"/>
  <c r="C10940" i="3"/>
  <c r="C10941" i="3"/>
  <c r="C10942" i="3"/>
  <c r="C10943" i="3"/>
  <c r="C10944" i="3"/>
  <c r="C10945" i="3"/>
  <c r="C10946" i="3"/>
  <c r="C10947" i="3"/>
  <c r="C10948" i="3"/>
  <c r="C10949" i="3"/>
  <c r="C10950" i="3"/>
  <c r="C10951" i="3"/>
  <c r="C10952" i="3"/>
  <c r="C10953" i="3"/>
  <c r="C10954" i="3"/>
  <c r="C10955" i="3"/>
  <c r="C10956" i="3"/>
  <c r="C10957" i="3"/>
  <c r="C10958" i="3"/>
  <c r="C10959" i="3"/>
  <c r="C10960" i="3"/>
  <c r="C10961" i="3"/>
  <c r="C10962" i="3"/>
  <c r="C10963" i="3"/>
  <c r="C10964" i="3"/>
  <c r="C10965" i="3"/>
  <c r="C10966" i="3"/>
  <c r="C10967" i="3"/>
  <c r="C10968" i="3"/>
  <c r="C10969" i="3"/>
  <c r="C10970" i="3"/>
  <c r="C10971" i="3"/>
  <c r="C10972" i="3"/>
  <c r="C10973" i="3"/>
  <c r="C10974" i="3"/>
  <c r="C10975" i="3"/>
  <c r="C10976" i="3"/>
  <c r="C10977" i="3"/>
  <c r="C10978" i="3"/>
  <c r="C10979" i="3"/>
  <c r="C10980" i="3"/>
  <c r="C10981" i="3"/>
  <c r="C10982" i="3"/>
  <c r="C10983" i="3"/>
  <c r="C10984" i="3"/>
  <c r="C10985" i="3"/>
  <c r="C10986" i="3"/>
  <c r="C10987" i="3"/>
  <c r="C10988" i="3"/>
  <c r="C10989" i="3"/>
  <c r="C10990" i="3"/>
  <c r="C10991" i="3"/>
  <c r="C10992" i="3"/>
  <c r="C10993" i="3"/>
  <c r="C10994" i="3"/>
  <c r="C10995" i="3"/>
  <c r="C10996" i="3"/>
  <c r="C10997" i="3"/>
  <c r="C10998" i="3"/>
  <c r="C10999" i="3"/>
  <c r="C11000" i="3"/>
  <c r="C11001" i="3"/>
  <c r="C11002" i="3"/>
  <c r="C11003" i="3"/>
  <c r="C11004" i="3"/>
  <c r="C11005" i="3"/>
  <c r="C11006" i="3"/>
  <c r="C11007" i="3"/>
  <c r="C11008" i="3"/>
  <c r="C11009" i="3"/>
  <c r="C11010" i="3"/>
  <c r="C11011" i="3"/>
  <c r="C11012" i="3"/>
  <c r="C11013" i="3"/>
  <c r="C11014" i="3"/>
  <c r="C11015" i="3"/>
  <c r="C11016" i="3"/>
  <c r="C11017" i="3"/>
  <c r="C11018" i="3"/>
  <c r="C11019" i="3"/>
  <c r="C11020" i="3"/>
  <c r="C11021" i="3"/>
  <c r="C11022" i="3"/>
  <c r="C11023" i="3"/>
  <c r="C11024" i="3"/>
  <c r="C11025" i="3"/>
  <c r="C11026" i="3"/>
  <c r="C11027" i="3"/>
  <c r="C11028" i="3"/>
  <c r="C11029" i="3"/>
  <c r="C11030" i="3"/>
  <c r="C11031" i="3"/>
  <c r="C11032" i="3"/>
  <c r="C11033" i="3"/>
  <c r="C11034" i="3"/>
  <c r="C11035" i="3"/>
  <c r="C11036" i="3"/>
  <c r="C11037" i="3"/>
  <c r="C11038" i="3"/>
  <c r="C11039" i="3"/>
  <c r="C11040" i="3"/>
  <c r="C11041" i="3"/>
  <c r="C11042" i="3"/>
  <c r="C11043" i="3"/>
  <c r="C11044" i="3"/>
  <c r="C11045" i="3"/>
  <c r="C11046" i="3"/>
  <c r="C11047" i="3"/>
  <c r="C11048" i="3"/>
  <c r="C11049" i="3"/>
  <c r="C11050" i="3"/>
  <c r="C11051" i="3"/>
  <c r="C11052" i="3"/>
  <c r="C11053" i="3"/>
  <c r="C11054" i="3"/>
  <c r="C11055" i="3"/>
  <c r="C11056" i="3"/>
  <c r="C11057" i="3"/>
  <c r="C11058" i="3"/>
  <c r="C11059" i="3"/>
  <c r="C11060" i="3"/>
  <c r="C11061" i="3"/>
  <c r="C11062" i="3"/>
  <c r="C11063" i="3"/>
  <c r="C11064" i="3"/>
  <c r="C11065" i="3"/>
  <c r="C11066" i="3"/>
  <c r="C11067" i="3"/>
  <c r="C11068" i="3"/>
  <c r="C11069" i="3"/>
  <c r="C11070" i="3"/>
  <c r="C11071" i="3"/>
  <c r="C11072" i="3"/>
  <c r="C11073" i="3"/>
  <c r="C11074" i="3"/>
  <c r="C11075" i="3"/>
  <c r="C11076" i="3"/>
  <c r="C11077" i="3"/>
  <c r="C11078" i="3"/>
  <c r="C11079" i="3"/>
  <c r="C11080" i="3"/>
  <c r="C11081" i="3"/>
  <c r="C11082" i="3"/>
  <c r="C11083" i="3"/>
  <c r="C11084" i="3"/>
  <c r="C11085" i="3"/>
  <c r="C11086" i="3"/>
  <c r="C11087" i="3"/>
  <c r="C11088" i="3"/>
  <c r="C11089" i="3"/>
  <c r="C11090" i="3"/>
  <c r="C11091" i="3"/>
  <c r="C11092" i="3"/>
  <c r="C11093" i="3"/>
  <c r="C11094" i="3"/>
  <c r="C11095" i="3"/>
  <c r="C11096" i="3"/>
  <c r="C11097" i="3"/>
  <c r="C11098" i="3"/>
  <c r="C11099" i="3"/>
  <c r="C11100" i="3"/>
  <c r="C11101" i="3"/>
  <c r="C11102" i="3"/>
  <c r="C11103" i="3"/>
  <c r="C11104" i="3"/>
  <c r="C11105" i="3"/>
  <c r="C11106" i="3"/>
  <c r="C11107" i="3"/>
  <c r="C11108" i="3"/>
  <c r="C11109" i="3"/>
  <c r="C11110" i="3"/>
  <c r="C11111" i="3"/>
  <c r="C11112" i="3"/>
  <c r="C11113" i="3"/>
  <c r="C11114" i="3"/>
  <c r="C11115" i="3"/>
  <c r="C11116" i="3"/>
  <c r="C11117" i="3"/>
  <c r="C11118" i="3"/>
  <c r="C11119" i="3"/>
  <c r="C11120" i="3"/>
  <c r="C11121" i="3"/>
  <c r="C11122" i="3"/>
  <c r="C11123" i="3"/>
  <c r="C11124" i="3"/>
  <c r="C11125" i="3"/>
  <c r="C11126" i="3"/>
  <c r="C11127" i="3"/>
  <c r="C11128" i="3"/>
  <c r="C11129" i="3"/>
  <c r="C11130" i="3"/>
  <c r="C11131" i="3"/>
  <c r="C11132" i="3"/>
  <c r="C11133" i="3"/>
  <c r="C11134" i="3"/>
  <c r="C11135" i="3"/>
  <c r="C11136" i="3"/>
  <c r="C11137" i="3"/>
  <c r="C11138" i="3"/>
  <c r="C11139" i="3"/>
  <c r="C11140" i="3"/>
  <c r="C11141" i="3"/>
  <c r="C11142" i="3"/>
  <c r="C11143" i="3"/>
  <c r="C11144" i="3"/>
  <c r="C11145" i="3"/>
  <c r="C11146" i="3"/>
  <c r="C11147" i="3"/>
  <c r="C11148" i="3"/>
  <c r="C11149" i="3"/>
  <c r="C11150" i="3"/>
  <c r="C11151" i="3"/>
  <c r="C11152" i="3"/>
  <c r="C11153" i="3"/>
  <c r="C11154" i="3"/>
  <c r="C11155" i="3"/>
  <c r="C11156" i="3"/>
  <c r="C11157" i="3"/>
  <c r="C11158" i="3"/>
  <c r="C11159" i="3"/>
  <c r="C11160" i="3"/>
  <c r="C11161" i="3"/>
  <c r="C11162" i="3"/>
  <c r="C11163" i="3"/>
  <c r="C11164" i="3"/>
  <c r="C11165" i="3"/>
  <c r="C11166" i="3"/>
  <c r="C11167" i="3"/>
  <c r="C11168" i="3"/>
  <c r="C11169" i="3"/>
  <c r="C11170" i="3"/>
  <c r="C11171" i="3"/>
  <c r="C11172" i="3"/>
  <c r="C11173" i="3"/>
  <c r="C11174" i="3"/>
  <c r="C11175" i="3"/>
  <c r="C11176" i="3"/>
  <c r="C11177" i="3"/>
  <c r="C11178" i="3"/>
  <c r="C11179" i="3"/>
  <c r="C11180" i="3"/>
  <c r="C11181" i="3"/>
  <c r="C11182" i="3"/>
  <c r="C11183" i="3"/>
  <c r="C11184" i="3"/>
  <c r="C11185" i="3"/>
  <c r="C11186" i="3"/>
  <c r="C11187" i="3"/>
  <c r="C11188" i="3"/>
  <c r="C11189" i="3"/>
  <c r="C11190" i="3"/>
  <c r="C11191" i="3"/>
  <c r="C11192" i="3"/>
  <c r="C11193" i="3"/>
  <c r="C11194" i="3"/>
  <c r="C11195" i="3"/>
  <c r="C11196" i="3"/>
  <c r="C11197" i="3"/>
  <c r="C11198" i="3"/>
  <c r="C11199" i="3"/>
  <c r="C11200" i="3"/>
  <c r="C11201" i="3"/>
  <c r="C11202" i="3"/>
  <c r="C11203" i="3"/>
  <c r="C11204" i="3"/>
  <c r="C11205" i="3"/>
  <c r="C11206" i="3"/>
  <c r="C11207" i="3"/>
  <c r="C11208" i="3"/>
  <c r="C11209" i="3"/>
  <c r="C11210" i="3"/>
  <c r="C11211" i="3"/>
  <c r="C11212" i="3"/>
  <c r="C11213" i="3"/>
  <c r="C11214" i="3"/>
  <c r="C11215" i="3"/>
  <c r="C11216" i="3"/>
  <c r="C11217" i="3"/>
  <c r="C11218" i="3"/>
  <c r="C11219" i="3"/>
  <c r="C11220" i="3"/>
  <c r="C11221" i="3"/>
  <c r="C11222" i="3"/>
  <c r="C11223" i="3"/>
  <c r="C11224" i="3"/>
  <c r="C11225" i="3"/>
  <c r="C11226" i="3"/>
  <c r="C11227" i="3"/>
  <c r="C11228" i="3"/>
  <c r="C11229" i="3"/>
  <c r="C11230" i="3"/>
  <c r="C11231" i="3"/>
  <c r="C11232" i="3"/>
  <c r="C11233" i="3"/>
  <c r="C11234" i="3"/>
  <c r="C11235" i="3"/>
  <c r="C11236" i="3"/>
  <c r="C11237" i="3"/>
  <c r="C11238" i="3"/>
  <c r="C11239" i="3"/>
  <c r="C11240" i="3"/>
  <c r="C11241" i="3"/>
  <c r="C11242" i="3"/>
  <c r="C11243" i="3"/>
  <c r="C11244" i="3"/>
  <c r="C11245" i="3"/>
  <c r="C11246" i="3"/>
  <c r="C11247" i="3"/>
  <c r="C11248" i="3"/>
  <c r="C11249" i="3"/>
  <c r="C11250" i="3"/>
  <c r="C11251" i="3"/>
  <c r="C11252" i="3"/>
  <c r="C11253" i="3"/>
  <c r="C11254" i="3"/>
  <c r="C11255" i="3"/>
  <c r="C11256" i="3"/>
  <c r="C11257" i="3"/>
  <c r="C11258" i="3"/>
  <c r="C11259" i="3"/>
  <c r="C11260" i="3"/>
  <c r="C11261" i="3"/>
  <c r="C11262" i="3"/>
  <c r="C11263" i="3"/>
  <c r="C11264" i="3"/>
  <c r="C11265" i="3"/>
  <c r="C11266" i="3"/>
  <c r="C11267" i="3"/>
  <c r="C11268" i="3"/>
  <c r="C11269" i="3"/>
  <c r="C11270" i="3"/>
  <c r="C11271" i="3"/>
  <c r="C11272" i="3"/>
  <c r="C11273" i="3"/>
  <c r="C11274" i="3"/>
  <c r="C11275" i="3"/>
  <c r="C11276" i="3"/>
  <c r="C11277" i="3"/>
  <c r="C11278" i="3"/>
  <c r="C11279" i="3"/>
  <c r="C11280" i="3"/>
  <c r="C11281" i="3"/>
  <c r="C11282" i="3"/>
  <c r="C11283" i="3"/>
  <c r="C11284" i="3"/>
  <c r="C11285" i="3"/>
  <c r="C11286" i="3"/>
  <c r="C11287" i="3"/>
  <c r="C11288" i="3"/>
  <c r="C11289" i="3"/>
  <c r="C11290" i="3"/>
  <c r="C11291" i="3"/>
  <c r="C11292" i="3"/>
  <c r="C11293" i="3"/>
  <c r="C11294" i="3"/>
  <c r="C11295" i="3"/>
  <c r="C11296" i="3"/>
  <c r="C11297" i="3"/>
  <c r="C11298" i="3"/>
  <c r="C11299" i="3"/>
  <c r="C11300" i="3"/>
  <c r="C11301" i="3"/>
  <c r="C11302" i="3"/>
  <c r="C11303" i="3"/>
  <c r="C11304" i="3"/>
  <c r="C11305" i="3"/>
  <c r="C11306" i="3"/>
  <c r="C11307" i="3"/>
  <c r="C11308" i="3"/>
  <c r="C11309" i="3"/>
  <c r="C11310" i="3"/>
  <c r="C11311" i="3"/>
  <c r="C11312" i="3"/>
  <c r="C11313" i="3"/>
  <c r="C11314" i="3"/>
  <c r="C11315" i="3"/>
  <c r="C11316" i="3"/>
  <c r="C11317" i="3"/>
  <c r="C11318" i="3"/>
  <c r="C11319" i="3"/>
  <c r="C11320" i="3"/>
  <c r="C11321" i="3"/>
  <c r="C11322" i="3"/>
  <c r="C11323" i="3"/>
  <c r="C11324" i="3"/>
  <c r="C11325" i="3"/>
  <c r="C11326" i="3"/>
  <c r="C11327" i="3"/>
  <c r="C11328" i="3"/>
  <c r="C11329" i="3"/>
  <c r="C11330" i="3"/>
  <c r="C11331" i="3"/>
  <c r="C11332" i="3"/>
  <c r="C11333" i="3"/>
  <c r="C11334" i="3"/>
  <c r="C11335" i="3"/>
  <c r="C11336" i="3"/>
  <c r="C11337" i="3"/>
  <c r="C11338" i="3"/>
  <c r="C11339" i="3"/>
  <c r="C11340" i="3"/>
  <c r="C11341" i="3"/>
  <c r="C11342" i="3"/>
  <c r="C11343" i="3"/>
  <c r="C11344" i="3"/>
  <c r="C11345" i="3"/>
  <c r="C11346" i="3"/>
  <c r="C11347" i="3"/>
  <c r="C11348" i="3"/>
  <c r="C11349" i="3"/>
  <c r="C11350" i="3"/>
  <c r="C11351" i="3"/>
  <c r="C11352" i="3"/>
  <c r="C11353" i="3"/>
  <c r="C11354" i="3"/>
  <c r="C11355" i="3"/>
  <c r="C11356" i="3"/>
  <c r="C11357" i="3"/>
  <c r="C11358" i="3"/>
  <c r="C11359" i="3"/>
  <c r="C11360" i="3"/>
  <c r="C11361" i="3"/>
  <c r="C11362" i="3"/>
  <c r="C11363" i="3"/>
  <c r="C11364" i="3"/>
  <c r="C11365" i="3"/>
  <c r="C11366" i="3"/>
  <c r="C11367" i="3"/>
  <c r="C11368" i="3"/>
  <c r="C11369" i="3"/>
  <c r="C11370" i="3"/>
  <c r="C11371" i="3"/>
  <c r="C11372" i="3"/>
  <c r="C11373" i="3"/>
  <c r="C11374" i="3"/>
  <c r="C11375" i="3"/>
  <c r="C11376" i="3"/>
  <c r="C11377" i="3"/>
  <c r="C11378" i="3"/>
  <c r="C11379" i="3"/>
  <c r="C11380" i="3"/>
  <c r="C11381" i="3"/>
  <c r="C11382" i="3"/>
  <c r="C11383" i="3"/>
  <c r="C11384" i="3"/>
  <c r="C11385" i="3"/>
  <c r="C11386" i="3"/>
  <c r="C11387" i="3"/>
  <c r="C11388" i="3"/>
  <c r="C11389" i="3"/>
  <c r="C11390" i="3"/>
  <c r="C11391" i="3"/>
  <c r="C11392" i="3"/>
  <c r="C11393" i="3"/>
  <c r="C11394" i="3"/>
  <c r="C11395" i="3"/>
  <c r="C11396" i="3"/>
  <c r="C11397" i="3"/>
  <c r="C11398" i="3"/>
  <c r="C11399" i="3"/>
  <c r="C11400" i="3"/>
  <c r="C11401" i="3"/>
  <c r="C11402" i="3"/>
  <c r="C11403" i="3"/>
  <c r="C11404" i="3"/>
  <c r="C11405" i="3"/>
  <c r="C11406" i="3"/>
  <c r="C11407" i="3"/>
  <c r="C11408" i="3"/>
  <c r="C11409" i="3"/>
  <c r="C11410" i="3"/>
  <c r="C11411" i="3"/>
  <c r="C11412" i="3"/>
  <c r="C11413" i="3"/>
  <c r="C11414" i="3"/>
  <c r="C11415" i="3"/>
  <c r="C11416" i="3"/>
  <c r="C11417" i="3"/>
  <c r="C11418" i="3"/>
  <c r="C11419" i="3"/>
  <c r="C11420" i="3"/>
  <c r="C11421" i="3"/>
  <c r="C11422" i="3"/>
  <c r="C11423" i="3"/>
  <c r="C11424" i="3"/>
  <c r="C11425" i="3"/>
  <c r="C11426" i="3"/>
  <c r="C11427" i="3"/>
  <c r="C11428" i="3"/>
  <c r="C11429" i="3"/>
  <c r="C11430" i="3"/>
  <c r="C11431" i="3"/>
  <c r="C11432" i="3"/>
  <c r="C11433" i="3"/>
  <c r="C11434" i="3"/>
  <c r="C11435" i="3"/>
  <c r="C11436" i="3"/>
  <c r="C11437" i="3"/>
  <c r="C11438" i="3"/>
  <c r="C11439" i="3"/>
  <c r="C11440" i="3"/>
  <c r="C11441" i="3"/>
  <c r="C11442" i="3"/>
  <c r="C11443" i="3"/>
  <c r="C11444" i="3"/>
  <c r="C11445" i="3"/>
  <c r="C11446" i="3"/>
  <c r="C11447" i="3"/>
  <c r="C11448" i="3"/>
  <c r="C11449" i="3"/>
  <c r="C11450" i="3"/>
  <c r="C11451" i="3"/>
  <c r="C11452" i="3"/>
  <c r="C11453" i="3"/>
  <c r="C11454" i="3"/>
  <c r="C11455" i="3"/>
  <c r="C11456" i="3"/>
  <c r="C11457" i="3"/>
  <c r="C11458" i="3"/>
  <c r="C11459" i="3"/>
  <c r="C11460" i="3"/>
  <c r="C11461" i="3"/>
  <c r="C11462" i="3"/>
  <c r="C11463" i="3"/>
  <c r="C11464" i="3"/>
  <c r="C11465" i="3"/>
  <c r="C11466" i="3"/>
  <c r="C11467" i="3"/>
  <c r="C11468" i="3"/>
  <c r="C11469" i="3"/>
  <c r="C11470" i="3"/>
  <c r="C11471" i="3"/>
  <c r="C11472" i="3"/>
  <c r="C11473" i="3"/>
  <c r="C11474" i="3"/>
  <c r="C11475" i="3"/>
  <c r="C11476" i="3"/>
  <c r="C11477" i="3"/>
  <c r="C11478" i="3"/>
  <c r="C11479" i="3"/>
  <c r="C11480" i="3"/>
  <c r="C11481" i="3"/>
  <c r="C11482" i="3"/>
  <c r="C11483" i="3"/>
  <c r="C11484" i="3"/>
  <c r="C11485" i="3"/>
  <c r="C11486" i="3"/>
  <c r="C11487" i="3"/>
  <c r="C11488" i="3"/>
  <c r="C11489" i="3"/>
  <c r="C11490" i="3"/>
  <c r="C11491" i="3"/>
  <c r="C11492" i="3"/>
  <c r="C11493" i="3"/>
  <c r="C11494" i="3"/>
  <c r="C11495" i="3"/>
  <c r="C11496" i="3"/>
  <c r="C11497" i="3"/>
  <c r="C11498" i="3"/>
  <c r="C11499" i="3"/>
  <c r="C11500" i="3"/>
  <c r="C11501" i="3"/>
  <c r="C11502" i="3"/>
  <c r="C11503" i="3"/>
  <c r="C11504" i="3"/>
  <c r="C11505" i="3"/>
  <c r="C11506" i="3"/>
  <c r="C11507" i="3"/>
  <c r="C11508" i="3"/>
  <c r="C11509" i="3"/>
  <c r="C11510" i="3"/>
  <c r="C11511" i="3"/>
  <c r="C11512" i="3"/>
  <c r="C11513" i="3"/>
  <c r="C11514" i="3"/>
  <c r="C11515" i="3"/>
  <c r="C11516" i="3"/>
  <c r="C11517" i="3"/>
  <c r="C11518" i="3"/>
  <c r="C11519" i="3"/>
  <c r="C11520" i="3"/>
  <c r="C11521" i="3"/>
  <c r="C11522" i="3"/>
  <c r="C11523" i="3"/>
  <c r="C11524" i="3"/>
  <c r="C11525" i="3"/>
  <c r="C11526" i="3"/>
  <c r="C11527" i="3"/>
  <c r="C11528" i="3"/>
  <c r="C11529" i="3"/>
  <c r="C11530" i="3"/>
  <c r="C11531" i="3"/>
  <c r="C11532" i="3"/>
  <c r="C11533" i="3"/>
  <c r="C11534" i="3"/>
  <c r="C11535" i="3"/>
  <c r="C11536" i="3"/>
  <c r="C11537" i="3"/>
  <c r="C11538" i="3"/>
  <c r="C11539" i="3"/>
  <c r="C11540" i="3"/>
  <c r="C11541" i="3"/>
  <c r="C11542" i="3"/>
  <c r="C11543" i="3"/>
  <c r="C11544" i="3"/>
  <c r="C11545" i="3"/>
  <c r="C11546" i="3"/>
  <c r="C11547" i="3"/>
  <c r="C11548" i="3"/>
  <c r="C11549" i="3"/>
  <c r="C11550" i="3"/>
  <c r="C11551" i="3"/>
  <c r="C11552" i="3"/>
  <c r="C11553" i="3"/>
  <c r="C11554" i="3"/>
  <c r="C11555" i="3"/>
  <c r="C11556" i="3"/>
  <c r="C11557" i="3"/>
  <c r="C11558" i="3"/>
  <c r="C11559" i="3"/>
  <c r="C11560" i="3"/>
  <c r="C11561" i="3"/>
  <c r="C11562" i="3"/>
  <c r="C11563" i="3"/>
  <c r="C11564" i="3"/>
  <c r="C11565" i="3"/>
  <c r="C11566" i="3"/>
  <c r="C11567" i="3"/>
  <c r="C11568" i="3"/>
  <c r="C11569" i="3"/>
  <c r="C11570" i="3"/>
  <c r="C11571" i="3"/>
  <c r="C11572" i="3"/>
  <c r="C11573" i="3"/>
  <c r="C11574" i="3"/>
  <c r="C11575" i="3"/>
  <c r="C11576" i="3"/>
  <c r="C11577" i="3"/>
  <c r="C11578" i="3"/>
  <c r="C11579" i="3"/>
  <c r="C11580" i="3"/>
  <c r="C11581" i="3"/>
  <c r="C11582" i="3"/>
  <c r="C11583" i="3"/>
  <c r="C11584" i="3"/>
  <c r="C11585" i="3"/>
  <c r="C11586" i="3"/>
  <c r="C11587" i="3"/>
  <c r="C11588" i="3"/>
  <c r="C11589" i="3"/>
  <c r="C11590" i="3"/>
  <c r="C11591" i="3"/>
  <c r="C11592" i="3"/>
  <c r="C11593" i="3"/>
  <c r="C11594" i="3"/>
  <c r="C11595" i="3"/>
  <c r="C11596" i="3"/>
  <c r="C11597" i="3"/>
  <c r="C11598" i="3"/>
  <c r="C11599" i="3"/>
  <c r="C11600" i="3"/>
  <c r="C11601" i="3"/>
  <c r="C11602" i="3"/>
  <c r="C11603" i="3"/>
  <c r="C11604" i="3"/>
  <c r="C11605" i="3"/>
  <c r="C11606" i="3"/>
  <c r="C11607" i="3"/>
  <c r="C11608" i="3"/>
  <c r="C11609" i="3"/>
  <c r="C11610" i="3"/>
  <c r="C11611" i="3"/>
  <c r="C11612" i="3"/>
  <c r="C11613" i="3"/>
  <c r="C11614" i="3"/>
  <c r="C11615" i="3"/>
  <c r="C11616" i="3"/>
  <c r="C11617" i="3"/>
  <c r="C11618" i="3"/>
  <c r="C11619" i="3"/>
  <c r="C11620" i="3"/>
  <c r="C11621" i="3"/>
  <c r="C11622" i="3"/>
  <c r="C11623" i="3"/>
  <c r="C11624" i="3"/>
  <c r="C11625" i="3"/>
  <c r="C11626" i="3"/>
  <c r="C11627" i="3"/>
  <c r="C11628" i="3"/>
  <c r="C11629" i="3"/>
  <c r="C11630" i="3"/>
  <c r="C11631" i="3"/>
  <c r="C11632" i="3"/>
  <c r="C11633" i="3"/>
  <c r="C11634" i="3"/>
  <c r="C11635" i="3"/>
  <c r="C11636" i="3"/>
  <c r="C11637" i="3"/>
  <c r="C11638" i="3"/>
  <c r="C11639" i="3"/>
  <c r="C11640" i="3"/>
  <c r="C11641" i="3"/>
  <c r="C11642" i="3"/>
  <c r="C11643" i="3"/>
  <c r="C11644" i="3"/>
  <c r="C11645" i="3"/>
  <c r="C11646" i="3"/>
  <c r="C11647" i="3"/>
  <c r="C11648" i="3"/>
  <c r="C11649" i="3"/>
  <c r="C11650" i="3"/>
  <c r="C11651" i="3"/>
  <c r="C11652" i="3"/>
  <c r="C11653" i="3"/>
  <c r="C11654" i="3"/>
  <c r="C11655" i="3"/>
  <c r="C11656" i="3"/>
  <c r="C11657" i="3"/>
  <c r="C11658" i="3"/>
  <c r="C11659" i="3"/>
  <c r="C11660" i="3"/>
  <c r="C11661" i="3"/>
  <c r="C11662" i="3"/>
  <c r="C11663" i="3"/>
  <c r="C11664" i="3"/>
  <c r="C11665" i="3"/>
  <c r="C11666" i="3"/>
  <c r="C11667" i="3"/>
  <c r="C11668" i="3"/>
  <c r="C11669" i="3"/>
  <c r="C11670" i="3"/>
  <c r="C11671" i="3"/>
  <c r="C11672" i="3"/>
  <c r="C11673" i="3"/>
  <c r="C11674" i="3"/>
  <c r="C11675" i="3"/>
  <c r="C11676" i="3"/>
  <c r="C11677" i="3"/>
  <c r="C11678" i="3"/>
  <c r="C11679" i="3"/>
  <c r="C11680" i="3"/>
  <c r="C11681" i="3"/>
  <c r="C11682" i="3"/>
  <c r="C11683" i="3"/>
  <c r="C11684" i="3"/>
  <c r="C11685" i="3"/>
  <c r="C11686" i="3"/>
  <c r="C11687" i="3"/>
  <c r="C11688" i="3"/>
  <c r="C11689" i="3"/>
  <c r="C11690" i="3"/>
  <c r="C11691" i="3"/>
  <c r="C11692" i="3"/>
  <c r="C11693" i="3"/>
  <c r="C11694" i="3"/>
  <c r="C11695" i="3"/>
  <c r="C11696" i="3"/>
  <c r="C11697" i="3"/>
  <c r="C11698" i="3"/>
  <c r="C11699" i="3"/>
  <c r="C11700" i="3"/>
  <c r="C11701" i="3"/>
  <c r="C11702" i="3"/>
  <c r="C11703" i="3"/>
  <c r="C11704" i="3"/>
  <c r="C11705" i="3"/>
  <c r="C11706" i="3"/>
  <c r="C11707" i="3"/>
  <c r="C11708" i="3"/>
  <c r="C11709" i="3"/>
  <c r="C11710" i="3"/>
  <c r="C11711" i="3"/>
  <c r="C11712" i="3"/>
  <c r="C11713" i="3"/>
  <c r="C11714" i="3"/>
  <c r="C11715" i="3"/>
  <c r="C11716" i="3"/>
  <c r="C11717" i="3"/>
  <c r="C11718" i="3"/>
  <c r="C11719" i="3"/>
  <c r="C11720" i="3"/>
  <c r="C11721" i="3"/>
  <c r="C11722" i="3"/>
  <c r="C11723" i="3"/>
  <c r="C11724" i="3"/>
  <c r="C11725" i="3"/>
  <c r="C11726" i="3"/>
  <c r="C11727" i="3"/>
  <c r="C11728" i="3"/>
  <c r="C11729" i="3"/>
  <c r="C11730" i="3"/>
  <c r="C11731" i="3"/>
  <c r="C11732" i="3"/>
  <c r="C11733" i="3"/>
  <c r="C11734" i="3"/>
  <c r="C11735" i="3"/>
  <c r="C11736" i="3"/>
  <c r="C11737" i="3"/>
  <c r="C11738" i="3"/>
  <c r="C11739" i="3"/>
  <c r="C11740" i="3"/>
  <c r="C11741" i="3"/>
  <c r="C11742" i="3"/>
  <c r="C11743" i="3"/>
  <c r="C11744" i="3"/>
  <c r="C11745" i="3"/>
  <c r="C11746" i="3"/>
  <c r="C11747" i="3"/>
  <c r="C11748" i="3"/>
  <c r="C11749" i="3"/>
  <c r="C11750" i="3"/>
  <c r="C11751" i="3"/>
  <c r="C11752" i="3"/>
  <c r="C11753" i="3"/>
  <c r="C11754" i="3"/>
  <c r="C11755" i="3"/>
  <c r="C11756" i="3"/>
  <c r="C11757" i="3"/>
  <c r="C11758" i="3"/>
  <c r="C11759" i="3"/>
  <c r="C11760" i="3"/>
  <c r="C11761" i="3"/>
  <c r="C11762" i="3"/>
  <c r="C11763" i="3"/>
  <c r="C11764" i="3"/>
  <c r="C11765" i="3"/>
  <c r="C11766" i="3"/>
  <c r="C11767" i="3"/>
  <c r="C11768" i="3"/>
  <c r="C11769" i="3"/>
  <c r="C11770" i="3"/>
  <c r="C11771" i="3"/>
  <c r="C11772" i="3"/>
  <c r="C11773" i="3"/>
  <c r="C11774" i="3"/>
  <c r="C11775" i="3"/>
  <c r="C11776" i="3"/>
  <c r="C11777" i="3"/>
  <c r="C11778" i="3"/>
  <c r="C11779" i="3"/>
  <c r="C11780" i="3"/>
  <c r="C11781" i="3"/>
  <c r="C11782" i="3"/>
  <c r="C11783" i="3"/>
  <c r="C11784" i="3"/>
  <c r="C11785" i="3"/>
  <c r="C11786" i="3"/>
  <c r="C11787" i="3"/>
  <c r="C11788" i="3"/>
  <c r="C11789" i="3"/>
  <c r="C11790" i="3"/>
  <c r="C11791" i="3"/>
  <c r="C11792" i="3"/>
  <c r="C11793" i="3"/>
  <c r="C11794" i="3"/>
  <c r="C11795" i="3"/>
  <c r="C11796" i="3"/>
  <c r="C11797" i="3"/>
  <c r="C11798" i="3"/>
  <c r="C11799" i="3"/>
  <c r="C11800" i="3"/>
  <c r="C11801" i="3"/>
  <c r="C11802" i="3"/>
  <c r="C11803" i="3"/>
  <c r="C11804" i="3"/>
  <c r="C11805" i="3"/>
  <c r="C11806" i="3"/>
  <c r="C11807" i="3"/>
  <c r="C11808" i="3"/>
  <c r="C11809" i="3"/>
  <c r="C11810" i="3"/>
  <c r="C11811" i="3"/>
  <c r="C11812" i="3"/>
  <c r="C11813" i="3"/>
  <c r="C11814" i="3"/>
  <c r="C11815" i="3"/>
  <c r="C11816" i="3"/>
  <c r="C11817" i="3"/>
  <c r="C11818" i="3"/>
  <c r="C11819" i="3"/>
  <c r="C11820" i="3"/>
  <c r="C11821" i="3"/>
  <c r="C11822" i="3"/>
  <c r="C11823" i="3"/>
  <c r="C11824" i="3"/>
  <c r="C11825" i="3"/>
  <c r="C11826" i="3"/>
  <c r="C11827" i="3"/>
  <c r="C11828" i="3"/>
  <c r="C11829" i="3"/>
  <c r="C11830" i="3"/>
  <c r="C11831" i="3"/>
  <c r="C11832" i="3"/>
  <c r="C11833" i="3"/>
  <c r="C11834" i="3"/>
  <c r="C11835" i="3"/>
  <c r="C11836" i="3"/>
  <c r="C11837" i="3"/>
  <c r="C11838" i="3"/>
  <c r="C11839" i="3"/>
  <c r="C11840" i="3"/>
  <c r="C11841" i="3"/>
  <c r="C11842" i="3"/>
  <c r="C11843" i="3"/>
  <c r="C11844" i="3"/>
  <c r="C11845" i="3"/>
  <c r="C11846" i="3"/>
  <c r="C11847" i="3"/>
  <c r="C11848" i="3"/>
  <c r="C11849" i="3"/>
  <c r="C11850" i="3"/>
  <c r="C11851" i="3"/>
  <c r="C11852" i="3"/>
  <c r="C11853" i="3"/>
  <c r="C11854" i="3"/>
  <c r="C11855" i="3"/>
  <c r="C11856" i="3"/>
  <c r="C11857" i="3"/>
  <c r="C11858" i="3"/>
  <c r="C11859" i="3"/>
  <c r="C11860" i="3"/>
  <c r="C11861" i="3"/>
  <c r="C11862" i="3"/>
  <c r="C11863" i="3"/>
  <c r="C11864" i="3"/>
  <c r="C11865" i="3"/>
  <c r="C11866" i="3"/>
  <c r="C11867" i="3"/>
  <c r="C11868" i="3"/>
  <c r="C11869" i="3"/>
  <c r="C11870" i="3"/>
  <c r="C11871" i="3"/>
  <c r="C11872" i="3"/>
  <c r="C11873" i="3"/>
  <c r="C11874" i="3"/>
  <c r="C11875" i="3"/>
  <c r="C11876" i="3"/>
  <c r="C11877" i="3"/>
  <c r="C11878" i="3"/>
  <c r="C11879" i="3"/>
  <c r="C11880" i="3"/>
  <c r="C11881" i="3"/>
  <c r="C11882" i="3"/>
  <c r="C11883" i="3"/>
  <c r="C11884" i="3"/>
  <c r="C11885" i="3"/>
  <c r="C11886" i="3"/>
  <c r="C11887" i="3"/>
  <c r="C11888" i="3"/>
  <c r="C11889" i="3"/>
  <c r="C11890" i="3"/>
  <c r="C11891" i="3"/>
  <c r="C11892" i="3"/>
  <c r="C11893" i="3"/>
  <c r="C11894" i="3"/>
  <c r="C11895" i="3"/>
  <c r="C11896" i="3"/>
  <c r="C11897" i="3"/>
  <c r="C11898" i="3"/>
  <c r="C11899" i="3"/>
  <c r="C11900" i="3"/>
  <c r="C11901" i="3"/>
  <c r="C11902" i="3"/>
  <c r="C11903" i="3"/>
  <c r="C11904" i="3"/>
  <c r="C11905" i="3"/>
  <c r="C11906" i="3"/>
  <c r="C11907" i="3"/>
  <c r="C11908" i="3"/>
  <c r="C11909" i="3"/>
  <c r="C11910" i="3"/>
  <c r="C11911" i="3"/>
  <c r="C11912" i="3"/>
  <c r="C11913" i="3"/>
  <c r="C11914" i="3"/>
  <c r="C11915" i="3"/>
  <c r="C11916" i="3"/>
  <c r="C11917" i="3"/>
  <c r="C11918" i="3"/>
  <c r="C11919" i="3"/>
  <c r="C11920" i="3"/>
  <c r="C11921" i="3"/>
  <c r="C11922" i="3"/>
  <c r="C11923" i="3"/>
  <c r="C11924" i="3"/>
  <c r="C11925" i="3"/>
  <c r="C11926" i="3"/>
  <c r="C11927" i="3"/>
  <c r="C11928" i="3"/>
  <c r="C11929" i="3"/>
  <c r="C11930" i="3"/>
  <c r="C11931" i="3"/>
  <c r="C11932" i="3"/>
  <c r="C11933" i="3"/>
  <c r="C11934" i="3"/>
  <c r="C11935" i="3"/>
  <c r="C11936" i="3"/>
  <c r="C11937" i="3"/>
  <c r="C11938" i="3"/>
  <c r="C11939" i="3"/>
  <c r="C11940" i="3"/>
  <c r="C11941" i="3"/>
  <c r="C11942" i="3"/>
  <c r="C11943" i="3"/>
  <c r="C11944" i="3"/>
  <c r="C11945" i="3"/>
  <c r="C11946" i="3"/>
  <c r="C11947" i="3"/>
  <c r="C11948" i="3"/>
  <c r="C11949" i="3"/>
  <c r="C11950" i="3"/>
  <c r="C11951" i="3"/>
  <c r="C11952" i="3"/>
  <c r="C11953" i="3"/>
  <c r="C11954" i="3"/>
  <c r="C11955" i="3"/>
  <c r="C11956" i="3"/>
  <c r="C11957" i="3"/>
  <c r="C11958" i="3"/>
  <c r="C11959" i="3"/>
  <c r="C11960" i="3"/>
  <c r="C11961" i="3"/>
  <c r="C11962" i="3"/>
  <c r="C11963" i="3"/>
  <c r="C11964" i="3"/>
  <c r="C11965" i="3"/>
  <c r="C11966" i="3"/>
  <c r="C11967" i="3"/>
  <c r="C11968" i="3"/>
  <c r="C11969" i="3"/>
  <c r="C11970" i="3"/>
  <c r="C11971" i="3"/>
  <c r="C11972" i="3"/>
  <c r="C11973" i="3"/>
  <c r="C11974" i="3"/>
  <c r="C11975" i="3"/>
  <c r="C11976" i="3"/>
  <c r="C11977" i="3"/>
  <c r="C11978" i="3"/>
  <c r="C11979" i="3"/>
  <c r="C11980" i="3"/>
  <c r="C11981" i="3"/>
  <c r="C11982" i="3"/>
  <c r="C11983" i="3"/>
  <c r="C11984" i="3"/>
  <c r="C11985" i="3"/>
  <c r="C11986" i="3"/>
  <c r="C11987" i="3"/>
  <c r="C11988" i="3"/>
  <c r="C11989" i="3"/>
  <c r="C11990" i="3"/>
  <c r="C11991" i="3"/>
  <c r="C11992" i="3"/>
  <c r="C11993" i="3"/>
  <c r="C11994" i="3"/>
  <c r="C11995" i="3"/>
  <c r="C11996" i="3"/>
  <c r="C11997" i="3"/>
  <c r="C11998" i="3"/>
  <c r="C11999" i="3"/>
  <c r="C12000" i="3"/>
  <c r="C12001" i="3"/>
  <c r="C12002" i="3"/>
  <c r="C12003" i="3"/>
  <c r="C12004" i="3"/>
  <c r="C12005" i="3"/>
  <c r="C12006" i="3"/>
  <c r="C12007" i="3"/>
  <c r="C12008" i="3"/>
  <c r="C12009" i="3"/>
  <c r="C12010" i="3"/>
  <c r="C12011" i="3"/>
  <c r="C12012" i="3"/>
  <c r="C12013" i="3"/>
  <c r="C12014" i="3"/>
  <c r="C12015" i="3"/>
  <c r="C12016" i="3"/>
  <c r="C12017" i="3"/>
  <c r="C12018" i="3"/>
  <c r="C12019" i="3"/>
  <c r="C12020" i="3"/>
  <c r="C12021" i="3"/>
  <c r="C12022" i="3"/>
  <c r="C12023" i="3"/>
  <c r="C12024" i="3"/>
  <c r="C12025" i="3"/>
  <c r="C12026" i="3"/>
  <c r="C12027" i="3"/>
  <c r="C12028" i="3"/>
  <c r="C12029" i="3"/>
  <c r="C12030" i="3"/>
  <c r="C12031" i="3"/>
  <c r="C12032" i="3"/>
  <c r="C12033" i="3"/>
  <c r="C12034" i="3"/>
  <c r="C12035" i="3"/>
  <c r="C12036" i="3"/>
  <c r="C12037" i="3"/>
  <c r="C12038" i="3"/>
  <c r="C12039" i="3"/>
  <c r="C12040" i="3"/>
  <c r="C12041" i="3"/>
  <c r="C12042" i="3"/>
  <c r="C12043" i="3"/>
  <c r="C12044" i="3"/>
  <c r="C12045" i="3"/>
  <c r="C12046" i="3"/>
  <c r="C12047" i="3"/>
  <c r="C12048" i="3"/>
  <c r="C12049" i="3"/>
  <c r="C12050" i="3"/>
  <c r="C12051" i="3"/>
  <c r="C12052" i="3"/>
  <c r="C12053" i="3"/>
  <c r="C12054" i="3"/>
  <c r="C12055" i="3"/>
  <c r="C12056" i="3"/>
  <c r="C12057" i="3"/>
  <c r="C12058" i="3"/>
  <c r="C12059" i="3"/>
  <c r="C12060" i="3"/>
  <c r="C12061" i="3"/>
  <c r="C12062" i="3"/>
  <c r="C12063" i="3"/>
  <c r="C12064" i="3"/>
  <c r="C12065" i="3"/>
  <c r="C12066" i="3"/>
  <c r="C12067" i="3"/>
  <c r="C12068" i="3"/>
  <c r="C12069" i="3"/>
  <c r="C12070" i="3"/>
  <c r="C12071" i="3"/>
  <c r="C12072" i="3"/>
  <c r="C12073" i="3"/>
  <c r="C12074" i="3"/>
  <c r="C12075" i="3"/>
  <c r="C12076" i="3"/>
  <c r="C12077" i="3"/>
  <c r="C12078" i="3"/>
  <c r="C12079" i="3"/>
  <c r="C12080" i="3"/>
  <c r="C12081" i="3"/>
  <c r="C12082" i="3"/>
  <c r="C12083" i="3"/>
  <c r="C12084" i="3"/>
  <c r="C12085" i="3"/>
  <c r="C12086" i="3"/>
  <c r="C12087" i="3"/>
  <c r="C12088" i="3"/>
  <c r="C12089" i="3"/>
  <c r="C12090" i="3"/>
  <c r="C12091" i="3"/>
  <c r="C12092" i="3"/>
  <c r="C12093" i="3"/>
  <c r="C12094" i="3"/>
  <c r="C12095" i="3"/>
  <c r="C12096" i="3"/>
  <c r="C12097" i="3"/>
  <c r="C12098" i="3"/>
  <c r="C12099" i="3"/>
  <c r="C12100" i="3"/>
  <c r="C12101" i="3"/>
  <c r="C12102" i="3"/>
  <c r="C12103" i="3"/>
  <c r="C12104" i="3"/>
  <c r="C12105" i="3"/>
  <c r="C12106" i="3"/>
  <c r="C12107" i="3"/>
  <c r="C12108" i="3"/>
  <c r="C12109" i="3"/>
  <c r="C12110" i="3"/>
  <c r="C12111" i="3"/>
  <c r="C12112" i="3"/>
  <c r="C12113" i="3"/>
  <c r="C12114" i="3"/>
  <c r="C12115" i="3"/>
  <c r="C12116" i="3"/>
  <c r="C12117" i="3"/>
  <c r="C12118" i="3"/>
  <c r="C12119" i="3"/>
  <c r="C12120" i="3"/>
  <c r="C12121" i="3"/>
  <c r="C12122" i="3"/>
  <c r="C12123" i="3"/>
  <c r="C12124" i="3"/>
  <c r="C12125" i="3"/>
  <c r="C12126" i="3"/>
  <c r="C12127" i="3"/>
  <c r="C12128" i="3"/>
  <c r="C12129" i="3"/>
  <c r="C12130" i="3"/>
  <c r="C12131" i="3"/>
  <c r="C12132" i="3"/>
  <c r="C12133" i="3"/>
  <c r="C12134" i="3"/>
  <c r="C12135" i="3"/>
  <c r="C12136" i="3"/>
  <c r="C12137" i="3"/>
  <c r="C12138" i="3"/>
  <c r="C12139" i="3"/>
  <c r="C12140" i="3"/>
  <c r="C12141" i="3"/>
  <c r="C12142" i="3"/>
  <c r="C12143" i="3"/>
  <c r="C12144" i="3"/>
  <c r="C12145" i="3"/>
  <c r="C12146" i="3"/>
  <c r="C12147" i="3"/>
  <c r="C12148" i="3"/>
  <c r="C12149" i="3"/>
  <c r="C12150" i="3"/>
  <c r="C12151" i="3"/>
  <c r="C12152" i="3"/>
  <c r="C12153" i="3"/>
  <c r="C12154" i="3"/>
  <c r="C12155" i="3"/>
  <c r="C12156" i="3"/>
  <c r="C12157" i="3"/>
  <c r="C12158" i="3"/>
  <c r="C12159" i="3"/>
  <c r="C12160" i="3"/>
  <c r="C12161" i="3"/>
  <c r="C12162" i="3"/>
  <c r="C12163" i="3"/>
  <c r="C12164" i="3"/>
  <c r="C12165" i="3"/>
  <c r="C12166" i="3"/>
  <c r="C12167" i="3"/>
  <c r="C12168" i="3"/>
  <c r="C12169" i="3"/>
  <c r="C12170" i="3"/>
  <c r="C12171" i="3"/>
  <c r="C12172" i="3"/>
  <c r="C12173" i="3"/>
  <c r="C12174" i="3"/>
  <c r="C12175" i="3"/>
  <c r="C12176" i="3"/>
  <c r="C12177" i="3"/>
  <c r="C12178" i="3"/>
  <c r="C12179" i="3"/>
  <c r="C12180" i="3"/>
  <c r="C12181" i="3"/>
  <c r="C12182" i="3"/>
  <c r="C12183" i="3"/>
  <c r="C12184" i="3"/>
  <c r="C12185" i="3"/>
  <c r="C12186" i="3"/>
  <c r="C12187" i="3"/>
  <c r="C12188" i="3"/>
  <c r="C12189" i="3"/>
  <c r="C12190" i="3"/>
  <c r="C12191" i="3"/>
  <c r="C12192" i="3"/>
  <c r="C12193" i="3"/>
  <c r="C12194" i="3"/>
  <c r="C12195" i="3"/>
  <c r="C12196" i="3"/>
  <c r="C12197" i="3"/>
  <c r="C12198" i="3"/>
  <c r="C12199" i="3"/>
  <c r="C12200" i="3"/>
  <c r="C12201" i="3"/>
  <c r="C12202" i="3"/>
  <c r="C12203" i="3"/>
  <c r="C12204" i="3"/>
  <c r="C12205" i="3"/>
  <c r="C12206" i="3"/>
  <c r="C12207" i="3"/>
  <c r="C12208" i="3"/>
  <c r="C12209" i="3"/>
  <c r="C12210" i="3"/>
  <c r="C12211" i="3"/>
  <c r="C12212" i="3"/>
  <c r="C12213" i="3"/>
  <c r="C12214" i="3"/>
  <c r="C12215" i="3"/>
  <c r="C12216" i="3"/>
  <c r="C12217" i="3"/>
  <c r="C12218" i="3"/>
  <c r="C12219" i="3"/>
  <c r="C12220" i="3"/>
  <c r="C12221" i="3"/>
  <c r="C12222" i="3"/>
  <c r="C12223" i="3"/>
  <c r="C12224" i="3"/>
  <c r="C12225" i="3"/>
  <c r="C12226" i="3"/>
  <c r="C12227" i="3"/>
  <c r="C12228" i="3"/>
  <c r="C12229" i="3"/>
  <c r="C12230" i="3"/>
  <c r="C12231" i="3"/>
  <c r="C12232" i="3"/>
  <c r="C12233" i="3"/>
  <c r="C12234" i="3"/>
  <c r="C12235" i="3"/>
  <c r="C12236" i="3"/>
  <c r="C12237" i="3"/>
  <c r="C12238" i="3"/>
  <c r="C12239" i="3"/>
  <c r="C12240" i="3"/>
  <c r="C12241" i="3"/>
  <c r="C12242" i="3"/>
  <c r="C12243" i="3"/>
  <c r="C12244" i="3"/>
  <c r="C12245" i="3"/>
  <c r="C12246" i="3"/>
  <c r="C12247" i="3"/>
  <c r="C12248" i="3"/>
  <c r="C12249" i="3"/>
  <c r="C12250" i="3"/>
  <c r="C12251" i="3"/>
  <c r="C12252" i="3"/>
  <c r="C12253" i="3"/>
  <c r="C12254" i="3"/>
  <c r="C12255" i="3"/>
  <c r="C12256" i="3"/>
  <c r="C12257" i="3"/>
  <c r="C12258" i="3"/>
  <c r="C12259" i="3"/>
  <c r="C12260" i="3"/>
  <c r="C12261" i="3"/>
  <c r="C12262" i="3"/>
  <c r="C12263" i="3"/>
  <c r="C12264" i="3"/>
  <c r="C12265" i="3"/>
  <c r="C12266" i="3"/>
  <c r="C12267" i="3"/>
  <c r="C12268" i="3"/>
  <c r="C12269" i="3"/>
  <c r="C12270" i="3"/>
  <c r="C12271" i="3"/>
  <c r="C12272" i="3"/>
  <c r="C12273" i="3"/>
  <c r="C12274" i="3"/>
  <c r="C12275" i="3"/>
  <c r="C12276" i="3"/>
  <c r="C12277" i="3"/>
  <c r="C12278" i="3"/>
  <c r="C12279" i="3"/>
  <c r="C12280" i="3"/>
  <c r="C12281" i="3"/>
  <c r="C12282" i="3"/>
  <c r="C12283" i="3"/>
  <c r="C12284" i="3"/>
  <c r="C12285" i="3"/>
  <c r="C12286" i="3"/>
  <c r="C12287" i="3"/>
  <c r="C12288" i="3"/>
  <c r="C12289" i="3"/>
  <c r="C12290" i="3"/>
  <c r="C12291" i="3"/>
  <c r="C12292" i="3"/>
  <c r="C12293" i="3"/>
  <c r="C12294" i="3"/>
  <c r="C12295" i="3"/>
  <c r="C12296" i="3"/>
  <c r="C12297" i="3"/>
  <c r="C12298" i="3"/>
  <c r="C12299" i="3"/>
  <c r="C12300" i="3"/>
  <c r="C12301" i="3"/>
  <c r="C12302" i="3"/>
  <c r="C12303" i="3"/>
  <c r="C12304" i="3"/>
  <c r="C12305" i="3"/>
  <c r="C12306" i="3"/>
  <c r="C12307" i="3"/>
  <c r="C12308" i="3"/>
  <c r="C12309" i="3"/>
  <c r="C12310" i="3"/>
  <c r="C12311" i="3"/>
  <c r="C12312" i="3"/>
  <c r="C12313" i="3"/>
  <c r="C12314" i="3"/>
  <c r="C12315" i="3"/>
  <c r="C12316" i="3"/>
  <c r="C12317" i="3"/>
  <c r="C12318" i="3"/>
  <c r="C12319" i="3"/>
  <c r="C12320" i="3"/>
  <c r="C12321" i="3"/>
  <c r="C12322" i="3"/>
  <c r="C12323" i="3"/>
  <c r="C12324" i="3"/>
  <c r="C12325" i="3"/>
  <c r="C12326" i="3"/>
  <c r="C12327" i="3"/>
  <c r="C12328" i="3"/>
  <c r="C12329" i="3"/>
  <c r="C12330" i="3"/>
  <c r="C12331" i="3"/>
  <c r="C12332" i="3"/>
  <c r="C12333" i="3"/>
  <c r="C12334" i="3"/>
  <c r="C12335" i="3"/>
  <c r="C12336" i="3"/>
  <c r="C12337" i="3"/>
  <c r="C12338" i="3"/>
  <c r="C12339" i="3"/>
  <c r="C12340" i="3"/>
  <c r="C12341" i="3"/>
  <c r="C12342" i="3"/>
  <c r="C12343" i="3"/>
  <c r="C12344" i="3"/>
  <c r="C12345" i="3"/>
  <c r="C12346" i="3"/>
  <c r="C12347" i="3"/>
  <c r="C12348" i="3"/>
  <c r="C12349" i="3"/>
  <c r="C12350" i="3"/>
  <c r="C12351" i="3"/>
  <c r="C12352" i="3"/>
  <c r="C12353" i="3"/>
  <c r="C12354" i="3"/>
  <c r="C12355" i="3"/>
  <c r="C12356" i="3"/>
  <c r="C12357" i="3"/>
  <c r="C12358" i="3"/>
  <c r="C12359" i="3"/>
  <c r="C12360" i="3"/>
  <c r="C12361" i="3"/>
  <c r="C12362" i="3"/>
  <c r="C12363" i="3"/>
  <c r="C12364" i="3"/>
  <c r="C12365" i="3"/>
  <c r="C12366" i="3"/>
  <c r="C12367" i="3"/>
  <c r="C12368" i="3"/>
  <c r="C12369" i="3"/>
  <c r="C12370" i="3"/>
  <c r="C12371" i="3"/>
  <c r="C12372" i="3"/>
  <c r="C12373" i="3"/>
  <c r="C12374" i="3"/>
  <c r="C12375" i="3"/>
  <c r="C12376" i="3"/>
  <c r="C12377" i="3"/>
  <c r="C12378" i="3"/>
  <c r="C12379" i="3"/>
  <c r="C12380" i="3"/>
  <c r="C12381" i="3"/>
  <c r="C12382" i="3"/>
  <c r="C12383" i="3"/>
  <c r="C12384" i="3"/>
  <c r="C12385" i="3"/>
  <c r="C12386" i="3"/>
  <c r="C12387" i="3"/>
  <c r="C12388" i="3"/>
  <c r="C12389" i="3"/>
  <c r="C12390" i="3"/>
  <c r="C12391" i="3"/>
  <c r="C12392" i="3"/>
  <c r="C12393" i="3"/>
  <c r="C12394" i="3"/>
  <c r="C12395" i="3"/>
  <c r="C12396" i="3"/>
  <c r="C12397" i="3"/>
  <c r="C12398" i="3"/>
  <c r="C12399" i="3"/>
  <c r="C12400" i="3"/>
  <c r="C12401" i="3"/>
  <c r="C12402" i="3"/>
  <c r="C12403" i="3"/>
  <c r="C12404" i="3"/>
  <c r="C12405" i="3"/>
  <c r="C12406" i="3"/>
  <c r="C12407" i="3"/>
  <c r="C12408" i="3"/>
  <c r="C12409" i="3"/>
  <c r="C12410" i="3"/>
  <c r="C12411" i="3"/>
  <c r="C12412" i="3"/>
  <c r="C12413" i="3"/>
  <c r="C12414" i="3"/>
  <c r="C12415" i="3"/>
  <c r="C12416" i="3"/>
  <c r="C12417" i="3"/>
  <c r="C12418" i="3"/>
  <c r="C12419" i="3"/>
  <c r="C12420" i="3"/>
  <c r="C12421" i="3"/>
  <c r="C12422" i="3"/>
  <c r="C12423" i="3"/>
  <c r="C12424" i="3"/>
  <c r="C12425" i="3"/>
  <c r="C12426" i="3"/>
  <c r="C12427" i="3"/>
  <c r="C12428" i="3"/>
  <c r="C12429" i="3"/>
  <c r="C12430" i="3"/>
  <c r="C12431" i="3"/>
  <c r="C12432" i="3"/>
  <c r="C12433" i="3"/>
  <c r="C12434" i="3"/>
  <c r="C12435" i="3"/>
  <c r="C12436" i="3"/>
  <c r="C12437" i="3"/>
  <c r="C12438" i="3"/>
  <c r="C12439" i="3"/>
  <c r="C12440" i="3"/>
  <c r="C12441" i="3"/>
  <c r="C12442" i="3"/>
  <c r="C12443" i="3"/>
  <c r="C12444" i="3"/>
  <c r="C12445" i="3"/>
  <c r="C12446" i="3"/>
  <c r="C12447" i="3"/>
  <c r="C12448" i="3"/>
  <c r="C12449" i="3"/>
  <c r="C12450" i="3"/>
  <c r="C12451" i="3"/>
  <c r="C12452" i="3"/>
  <c r="C12453" i="3"/>
  <c r="C12454" i="3"/>
  <c r="C12455" i="3"/>
  <c r="C12456" i="3"/>
  <c r="C12457" i="3"/>
  <c r="C12458" i="3"/>
  <c r="C12459" i="3"/>
  <c r="C12460" i="3"/>
  <c r="C12461" i="3"/>
  <c r="C12462" i="3"/>
  <c r="C12463" i="3"/>
  <c r="C12464" i="3"/>
  <c r="C12465" i="3"/>
  <c r="C12466" i="3"/>
  <c r="C12467" i="3"/>
  <c r="C12468" i="3"/>
  <c r="C12469" i="3"/>
  <c r="C12470" i="3"/>
  <c r="C12471" i="3"/>
  <c r="C12472" i="3"/>
  <c r="C12473" i="3"/>
  <c r="C12474" i="3"/>
  <c r="C12475" i="3"/>
  <c r="C12476" i="3"/>
  <c r="C12477" i="3"/>
  <c r="C12478" i="3"/>
  <c r="C12479" i="3"/>
  <c r="C12480" i="3"/>
  <c r="C12481" i="3"/>
  <c r="C12482" i="3"/>
  <c r="C12483" i="3"/>
  <c r="C12484" i="3"/>
  <c r="C12485" i="3"/>
  <c r="C12486" i="3"/>
  <c r="C12487" i="3"/>
  <c r="C12488" i="3"/>
  <c r="C12489" i="3"/>
  <c r="C12490" i="3"/>
  <c r="C12491" i="3"/>
  <c r="C12492" i="3"/>
  <c r="C12493" i="3"/>
  <c r="C12494" i="3"/>
  <c r="C12495" i="3"/>
  <c r="C12496" i="3"/>
  <c r="C12497" i="3"/>
  <c r="C12498" i="3"/>
  <c r="C12499" i="3"/>
  <c r="C12500" i="3"/>
  <c r="C12501" i="3"/>
  <c r="C12502" i="3"/>
  <c r="C12503" i="3"/>
  <c r="C12504" i="3"/>
  <c r="C12505" i="3"/>
  <c r="C12506" i="3"/>
  <c r="C12507" i="3"/>
  <c r="C12508" i="3"/>
  <c r="C12509" i="3"/>
  <c r="C12510" i="3"/>
  <c r="C12511" i="3"/>
  <c r="C12512" i="3"/>
  <c r="C12513" i="3"/>
  <c r="C12514" i="3"/>
  <c r="C12515" i="3"/>
  <c r="C12516" i="3"/>
  <c r="C12517" i="3"/>
  <c r="C12518" i="3"/>
  <c r="C12519" i="3"/>
  <c r="C12520" i="3"/>
  <c r="C12521" i="3"/>
  <c r="C12522" i="3"/>
  <c r="C12523" i="3"/>
  <c r="C12524" i="3"/>
  <c r="C12525" i="3"/>
  <c r="C12526" i="3"/>
  <c r="C12527" i="3"/>
  <c r="C12528" i="3"/>
  <c r="C12529" i="3"/>
  <c r="C12530" i="3"/>
  <c r="C12531" i="3"/>
  <c r="C12532" i="3"/>
  <c r="C12533" i="3"/>
  <c r="C12534" i="3"/>
  <c r="C12535" i="3"/>
  <c r="C12536" i="3"/>
  <c r="C12537" i="3"/>
  <c r="C12538" i="3"/>
  <c r="C12539" i="3"/>
  <c r="C12540" i="3"/>
  <c r="C12541" i="3"/>
  <c r="C12542" i="3"/>
  <c r="C12543" i="3"/>
  <c r="C12544" i="3"/>
  <c r="C12545" i="3"/>
  <c r="C12546" i="3"/>
  <c r="C12547" i="3"/>
  <c r="C12548" i="3"/>
  <c r="C12549" i="3"/>
  <c r="C12550" i="3"/>
  <c r="C12551" i="3"/>
  <c r="C12552" i="3"/>
  <c r="C12553" i="3"/>
  <c r="C12554" i="3"/>
  <c r="C12555" i="3"/>
  <c r="C12556" i="3"/>
  <c r="C12557" i="3"/>
  <c r="C12558" i="3"/>
  <c r="C12559" i="3"/>
  <c r="C12560" i="3"/>
  <c r="C12561" i="3"/>
  <c r="C12562" i="3"/>
  <c r="C12563" i="3"/>
  <c r="C12564" i="3"/>
  <c r="C12565" i="3"/>
  <c r="C12566" i="3"/>
  <c r="C12567" i="3"/>
  <c r="C12568" i="3"/>
  <c r="C12569" i="3"/>
  <c r="C12570" i="3"/>
  <c r="C12571" i="3"/>
  <c r="C12572" i="3"/>
  <c r="C12573" i="3"/>
  <c r="C12574" i="3"/>
  <c r="C12575" i="3"/>
  <c r="C12576" i="3"/>
  <c r="C12577" i="3"/>
  <c r="C12578" i="3"/>
  <c r="C12579" i="3"/>
  <c r="C12580" i="3"/>
  <c r="C12581" i="3"/>
  <c r="C12582" i="3"/>
  <c r="C12583" i="3"/>
  <c r="C12584" i="3"/>
  <c r="C12585" i="3"/>
  <c r="C12586" i="3"/>
  <c r="C12587" i="3"/>
  <c r="C12588" i="3"/>
  <c r="C12589" i="3"/>
  <c r="C12590" i="3"/>
  <c r="C12591" i="3"/>
  <c r="C12592" i="3"/>
  <c r="C12593" i="3"/>
  <c r="C12594" i="3"/>
  <c r="C12595" i="3"/>
  <c r="C12596" i="3"/>
  <c r="C12597" i="3"/>
  <c r="C12598" i="3"/>
  <c r="C12599" i="3"/>
  <c r="C12600" i="3"/>
  <c r="C12601" i="3"/>
  <c r="C12602" i="3"/>
  <c r="C12603" i="3"/>
  <c r="C12604" i="3"/>
  <c r="C12605" i="3"/>
  <c r="C12606" i="3"/>
  <c r="C12607" i="3"/>
  <c r="C12608" i="3"/>
  <c r="C12609" i="3"/>
  <c r="C12610" i="3"/>
  <c r="C12611" i="3"/>
  <c r="C12612" i="3"/>
  <c r="C12613" i="3"/>
  <c r="C12614" i="3"/>
  <c r="C12615" i="3"/>
  <c r="C12616" i="3"/>
  <c r="C12617" i="3"/>
  <c r="C12618" i="3"/>
  <c r="C12619" i="3"/>
  <c r="C12620" i="3"/>
  <c r="C12621" i="3"/>
  <c r="C12622" i="3"/>
  <c r="C12623" i="3"/>
  <c r="C12624" i="3"/>
  <c r="C12625" i="3"/>
  <c r="C12626" i="3"/>
  <c r="C12627" i="3"/>
  <c r="C12628" i="3"/>
  <c r="C12629" i="3"/>
  <c r="C12630" i="3"/>
  <c r="C12631" i="3"/>
  <c r="C12632" i="3"/>
  <c r="C12633" i="3"/>
  <c r="C12634" i="3"/>
  <c r="C12635" i="3"/>
  <c r="C12636" i="3"/>
  <c r="C12637" i="3"/>
  <c r="C12638" i="3"/>
  <c r="C12639" i="3"/>
  <c r="C12640" i="3"/>
  <c r="C12641" i="3"/>
  <c r="C12642" i="3"/>
  <c r="C12643" i="3"/>
  <c r="C12644" i="3"/>
  <c r="C12645" i="3"/>
  <c r="C12646" i="3"/>
  <c r="C12647" i="3"/>
  <c r="C12648" i="3"/>
  <c r="C12649" i="3"/>
  <c r="C12650" i="3"/>
  <c r="C12651" i="3"/>
  <c r="C12652" i="3"/>
  <c r="C12653" i="3"/>
  <c r="C12654" i="3"/>
  <c r="C12655" i="3"/>
  <c r="C12656" i="3"/>
  <c r="C12657" i="3"/>
  <c r="C12658" i="3"/>
  <c r="C12659" i="3"/>
  <c r="C12660" i="3"/>
  <c r="C12661" i="3"/>
  <c r="C12662" i="3"/>
  <c r="C12663" i="3"/>
  <c r="C12664" i="3"/>
  <c r="C12665" i="3"/>
  <c r="C12666" i="3"/>
  <c r="C12667" i="3"/>
  <c r="C12668" i="3"/>
  <c r="C12669" i="3"/>
  <c r="C12670" i="3"/>
  <c r="C12671" i="3"/>
  <c r="C12672" i="3"/>
  <c r="C12673" i="3"/>
  <c r="C12674" i="3"/>
  <c r="C12675" i="3"/>
  <c r="C12676" i="3"/>
  <c r="C12677" i="3"/>
  <c r="C12678" i="3"/>
  <c r="C12679" i="3"/>
  <c r="C12680" i="3"/>
  <c r="C12681" i="3"/>
  <c r="C12682" i="3"/>
  <c r="C12683" i="3"/>
  <c r="C12684" i="3"/>
  <c r="C12685" i="3"/>
  <c r="C12686" i="3"/>
  <c r="C12687" i="3"/>
  <c r="C12688" i="3"/>
  <c r="C12689" i="3"/>
  <c r="C12690" i="3"/>
  <c r="C12691" i="3"/>
  <c r="C12692" i="3"/>
  <c r="C12693" i="3"/>
  <c r="C12694" i="3"/>
  <c r="C12695" i="3"/>
  <c r="C12696" i="3"/>
  <c r="C12697" i="3"/>
  <c r="C12698" i="3"/>
  <c r="C12699" i="3"/>
  <c r="C12700" i="3"/>
  <c r="C12701" i="3"/>
  <c r="C12702" i="3"/>
  <c r="C12703" i="3"/>
  <c r="C12704" i="3"/>
  <c r="C12705" i="3"/>
  <c r="C12706" i="3"/>
  <c r="C12707" i="3"/>
  <c r="C12708" i="3"/>
  <c r="C12709" i="3"/>
  <c r="C12710" i="3"/>
  <c r="C12711" i="3"/>
  <c r="C12712" i="3"/>
  <c r="C12713" i="3"/>
  <c r="C12714" i="3"/>
  <c r="C12715" i="3"/>
  <c r="C12716" i="3"/>
  <c r="C12717" i="3"/>
  <c r="C12718" i="3"/>
  <c r="C12719" i="3"/>
  <c r="C12720" i="3"/>
  <c r="C12721" i="3"/>
  <c r="C12722" i="3"/>
  <c r="C12723" i="3"/>
  <c r="C12724" i="3"/>
  <c r="C12725" i="3"/>
  <c r="C12726" i="3"/>
  <c r="C12727" i="3"/>
  <c r="C12728" i="3"/>
  <c r="C12729" i="3"/>
  <c r="C12730" i="3"/>
  <c r="C12731" i="3"/>
  <c r="C12732" i="3"/>
  <c r="C12733" i="3"/>
  <c r="C12734" i="3"/>
  <c r="C12735" i="3"/>
  <c r="C12736" i="3"/>
  <c r="C12737" i="3"/>
  <c r="C12738" i="3"/>
  <c r="C12739" i="3"/>
  <c r="C12740" i="3"/>
  <c r="C12741" i="3"/>
  <c r="C12742" i="3"/>
  <c r="C12743" i="3"/>
  <c r="C12744" i="3"/>
  <c r="C12745" i="3"/>
  <c r="C12746" i="3"/>
  <c r="C12747" i="3"/>
  <c r="C12748" i="3"/>
  <c r="C12749" i="3"/>
  <c r="C12750" i="3"/>
  <c r="C12751" i="3"/>
  <c r="C12752" i="3"/>
  <c r="C12753" i="3"/>
  <c r="C12754" i="3"/>
  <c r="C12755" i="3"/>
  <c r="C12756" i="3"/>
  <c r="C12757" i="3"/>
  <c r="C12758" i="3"/>
  <c r="C12759" i="3"/>
  <c r="C12760" i="3"/>
  <c r="C12761" i="3"/>
  <c r="C12762" i="3"/>
  <c r="C12763" i="3"/>
  <c r="C12764" i="3"/>
  <c r="C12765" i="3"/>
  <c r="C12766" i="3"/>
  <c r="C12767" i="3"/>
  <c r="C12768" i="3"/>
  <c r="C12769" i="3"/>
  <c r="C12770" i="3"/>
  <c r="C12771" i="3"/>
  <c r="C12772" i="3"/>
  <c r="C12773" i="3"/>
  <c r="C12774" i="3"/>
  <c r="C12775" i="3"/>
  <c r="C12776" i="3"/>
  <c r="C12777" i="3"/>
  <c r="C12778" i="3"/>
  <c r="C12779" i="3"/>
  <c r="C12780" i="3"/>
  <c r="C12781" i="3"/>
  <c r="C12782" i="3"/>
  <c r="C12783" i="3"/>
  <c r="C12784" i="3"/>
  <c r="C12785" i="3"/>
  <c r="C12786" i="3"/>
  <c r="C12787" i="3"/>
  <c r="C12788" i="3"/>
  <c r="C12789" i="3"/>
  <c r="C12790" i="3"/>
  <c r="C12791" i="3"/>
  <c r="C12792" i="3"/>
  <c r="C12793" i="3"/>
  <c r="C12794" i="3"/>
  <c r="C12795" i="3"/>
  <c r="C12796" i="3"/>
  <c r="C12797" i="3"/>
  <c r="C12798" i="3"/>
  <c r="C12799" i="3"/>
  <c r="C12800" i="3"/>
  <c r="C12801" i="3"/>
  <c r="C12802" i="3"/>
  <c r="C12803" i="3"/>
  <c r="C12804" i="3"/>
  <c r="C12805" i="3"/>
  <c r="C12806" i="3"/>
  <c r="C12807" i="3"/>
  <c r="C12808" i="3"/>
  <c r="C12809" i="3"/>
  <c r="C12810" i="3"/>
  <c r="C12811" i="3"/>
  <c r="C12812" i="3"/>
  <c r="C12813" i="3"/>
  <c r="C12814" i="3"/>
  <c r="C12815" i="3"/>
  <c r="C12816" i="3"/>
  <c r="C12817" i="3"/>
  <c r="C12818" i="3"/>
  <c r="C12819" i="3"/>
  <c r="C12820" i="3"/>
  <c r="C12821" i="3"/>
  <c r="C12822" i="3"/>
  <c r="C12823" i="3"/>
  <c r="C12824" i="3"/>
  <c r="C12825" i="3"/>
  <c r="C12826" i="3"/>
  <c r="C12827" i="3"/>
  <c r="C12828" i="3"/>
  <c r="C12829" i="3"/>
  <c r="C12830" i="3"/>
  <c r="C12831" i="3"/>
  <c r="C12832" i="3"/>
  <c r="C12833" i="3"/>
  <c r="C12834" i="3"/>
  <c r="C12835" i="3"/>
  <c r="C12836" i="3"/>
  <c r="C12837" i="3"/>
  <c r="C12838" i="3"/>
  <c r="C12839" i="3"/>
  <c r="C12840" i="3"/>
  <c r="C12841" i="3"/>
  <c r="C12842" i="3"/>
  <c r="C12843" i="3"/>
  <c r="C12844" i="3"/>
  <c r="C12845" i="3"/>
  <c r="C12846" i="3"/>
  <c r="C12847" i="3"/>
  <c r="C12848" i="3"/>
  <c r="C12849" i="3"/>
  <c r="C12850" i="3"/>
  <c r="C12851" i="3"/>
  <c r="C12852" i="3"/>
  <c r="C12853" i="3"/>
  <c r="C12854" i="3"/>
  <c r="C12855" i="3"/>
  <c r="C12856" i="3"/>
  <c r="C12857" i="3"/>
  <c r="C12858" i="3"/>
  <c r="C12859" i="3"/>
  <c r="C12860" i="3"/>
  <c r="C12861" i="3"/>
  <c r="C12862" i="3"/>
  <c r="C12863" i="3"/>
  <c r="C12864" i="3"/>
  <c r="C12865" i="3"/>
  <c r="C12866" i="3"/>
  <c r="C12867" i="3"/>
  <c r="C12868" i="3"/>
  <c r="C12869" i="3"/>
  <c r="C12870" i="3"/>
  <c r="C12871" i="3"/>
  <c r="C12872" i="3"/>
  <c r="C12873" i="3"/>
  <c r="C12874" i="3"/>
  <c r="C12875" i="3"/>
  <c r="C12876" i="3"/>
  <c r="C12877" i="3"/>
  <c r="C12878" i="3"/>
  <c r="C12879" i="3"/>
  <c r="C12880" i="3"/>
  <c r="C12881" i="3"/>
  <c r="C12882" i="3"/>
  <c r="C12883" i="3"/>
  <c r="C12884" i="3"/>
  <c r="C12885" i="3"/>
  <c r="C12886" i="3"/>
  <c r="C12887" i="3"/>
  <c r="C12888" i="3"/>
  <c r="C12889" i="3"/>
  <c r="C12890" i="3"/>
  <c r="C12891" i="3"/>
  <c r="C12892" i="3"/>
  <c r="C12893" i="3"/>
  <c r="C12894" i="3"/>
  <c r="C12895" i="3"/>
  <c r="C12896" i="3"/>
  <c r="C12897" i="3"/>
  <c r="C12898" i="3"/>
  <c r="C12899" i="3"/>
  <c r="C12900" i="3"/>
  <c r="C12901" i="3"/>
  <c r="C12902" i="3"/>
  <c r="C12903" i="3"/>
  <c r="C12904" i="3"/>
  <c r="C12905" i="3"/>
  <c r="C12906" i="3"/>
  <c r="C12907" i="3"/>
  <c r="C12908" i="3"/>
  <c r="C12909" i="3"/>
  <c r="C12910" i="3"/>
  <c r="C12911" i="3"/>
  <c r="C12912" i="3"/>
  <c r="C12913" i="3"/>
  <c r="C12914" i="3"/>
  <c r="C12915" i="3"/>
  <c r="C12916" i="3"/>
  <c r="C12917" i="3"/>
  <c r="C12918" i="3"/>
  <c r="C12919" i="3"/>
  <c r="C12920" i="3"/>
  <c r="C12921" i="3"/>
  <c r="C12922" i="3"/>
  <c r="C12923" i="3"/>
  <c r="C12924" i="3"/>
  <c r="C12925" i="3"/>
  <c r="C12926" i="3"/>
  <c r="C12927" i="3"/>
  <c r="C12928" i="3"/>
  <c r="C12929" i="3"/>
  <c r="C12930" i="3"/>
  <c r="C12931" i="3"/>
  <c r="C12932" i="3"/>
  <c r="C12933" i="3"/>
  <c r="C12934" i="3"/>
  <c r="C12935" i="3"/>
  <c r="C12936" i="3"/>
  <c r="C12937" i="3"/>
  <c r="C12938" i="3"/>
  <c r="C12939" i="3"/>
  <c r="C12940" i="3"/>
  <c r="C12941" i="3"/>
  <c r="C12942" i="3"/>
  <c r="C12943" i="3"/>
  <c r="C12944" i="3"/>
  <c r="C12945" i="3"/>
  <c r="C12946" i="3"/>
  <c r="C12947" i="3"/>
  <c r="C12948" i="3"/>
  <c r="C12949" i="3"/>
  <c r="C12950" i="3"/>
  <c r="C12951" i="3"/>
  <c r="C12952" i="3"/>
  <c r="C12953" i="3"/>
  <c r="C12954" i="3"/>
  <c r="C12955" i="3"/>
  <c r="C12956" i="3"/>
  <c r="C12957" i="3"/>
  <c r="C12958" i="3"/>
  <c r="C12959" i="3"/>
  <c r="C12960" i="3"/>
  <c r="C12961" i="3"/>
  <c r="C12962" i="3"/>
  <c r="C12963" i="3"/>
  <c r="C12964" i="3"/>
  <c r="C12965" i="3"/>
  <c r="C12966" i="3"/>
  <c r="C12967" i="3"/>
  <c r="C12968" i="3"/>
  <c r="C12969" i="3"/>
  <c r="C12970" i="3"/>
  <c r="C12971" i="3"/>
  <c r="C12972" i="3"/>
  <c r="C12973" i="3"/>
  <c r="C12974" i="3"/>
  <c r="C12975" i="3"/>
  <c r="C12976" i="3"/>
  <c r="C12977" i="3"/>
  <c r="C12978" i="3"/>
  <c r="C12979" i="3"/>
  <c r="C12980" i="3"/>
  <c r="C12981" i="3"/>
  <c r="C12982" i="3"/>
  <c r="C12983" i="3"/>
  <c r="C12984" i="3"/>
  <c r="C12985" i="3"/>
  <c r="C12986" i="3"/>
  <c r="C12987" i="3"/>
  <c r="C12988" i="3"/>
  <c r="C12989" i="3"/>
  <c r="C12990" i="3"/>
  <c r="C12991" i="3"/>
  <c r="C12992" i="3"/>
  <c r="C12993" i="3"/>
  <c r="C12994" i="3"/>
  <c r="C12995" i="3"/>
  <c r="C12996" i="3"/>
  <c r="C12997" i="3"/>
  <c r="C12998" i="3"/>
  <c r="C12999" i="3"/>
  <c r="C13000" i="3"/>
  <c r="C13001" i="3"/>
  <c r="C13002" i="3"/>
  <c r="C13003" i="3"/>
  <c r="C13004" i="3"/>
  <c r="C13005" i="3"/>
  <c r="C13006" i="3"/>
  <c r="C13007" i="3"/>
  <c r="C13008" i="3"/>
  <c r="C13009" i="3"/>
  <c r="C13010" i="3"/>
  <c r="C13011" i="3"/>
  <c r="C13012" i="3"/>
  <c r="C13013" i="3"/>
  <c r="C13014" i="3"/>
  <c r="C13015" i="3"/>
  <c r="C13016" i="3"/>
  <c r="C13017" i="3"/>
  <c r="C13018" i="3"/>
  <c r="C13019" i="3"/>
  <c r="C13020" i="3"/>
  <c r="C13021" i="3"/>
  <c r="C13022" i="3"/>
  <c r="C13023" i="3"/>
  <c r="C13024" i="3"/>
  <c r="C13025" i="3"/>
  <c r="C13026" i="3"/>
  <c r="C13027" i="3"/>
  <c r="C13028" i="3"/>
  <c r="C13029" i="3"/>
  <c r="C13030" i="3"/>
  <c r="C13031" i="3"/>
  <c r="C13032" i="3"/>
  <c r="C13033" i="3"/>
  <c r="C13034" i="3"/>
  <c r="C13035" i="3"/>
  <c r="C13036" i="3"/>
  <c r="C13037" i="3"/>
  <c r="C13038" i="3"/>
  <c r="C13039" i="3"/>
  <c r="C13040" i="3"/>
  <c r="C13041" i="3"/>
  <c r="C13042" i="3"/>
  <c r="C13043" i="3"/>
  <c r="C13044" i="3"/>
  <c r="C13045" i="3"/>
  <c r="C13046" i="3"/>
  <c r="C13047" i="3"/>
  <c r="C13048" i="3"/>
  <c r="C13049" i="3"/>
  <c r="C13050" i="3"/>
  <c r="C13051" i="3"/>
  <c r="C13052" i="3"/>
  <c r="C13053" i="3"/>
  <c r="C13054" i="3"/>
  <c r="C13055" i="3"/>
  <c r="C13056" i="3"/>
  <c r="C13057" i="3"/>
  <c r="C13058" i="3"/>
  <c r="C13059" i="3"/>
  <c r="C13060" i="3"/>
  <c r="C13061" i="3"/>
  <c r="C13062" i="3"/>
  <c r="C13063" i="3"/>
  <c r="C13064" i="3"/>
  <c r="C13065" i="3"/>
  <c r="C13066" i="3"/>
  <c r="C13067" i="3"/>
  <c r="C13068" i="3"/>
  <c r="C13069" i="3"/>
  <c r="C13070" i="3"/>
  <c r="C13071" i="3"/>
  <c r="C13072" i="3"/>
  <c r="C13073" i="3"/>
  <c r="C13074" i="3"/>
  <c r="C13075" i="3"/>
  <c r="C13076" i="3"/>
  <c r="C13077" i="3"/>
  <c r="C13078" i="3"/>
  <c r="C13079" i="3"/>
  <c r="C13080" i="3"/>
  <c r="C13081" i="3"/>
  <c r="C13082" i="3"/>
  <c r="C13083" i="3"/>
  <c r="C13084" i="3"/>
  <c r="C13085" i="3"/>
  <c r="C13086" i="3"/>
  <c r="C13087" i="3"/>
  <c r="C13088" i="3"/>
  <c r="C13089" i="3"/>
  <c r="C13090" i="3"/>
  <c r="C13091" i="3"/>
  <c r="C13092" i="3"/>
  <c r="C13093" i="3"/>
  <c r="C13094" i="3"/>
  <c r="C13095" i="3"/>
  <c r="C13096" i="3"/>
  <c r="C13097" i="3"/>
  <c r="C13098" i="3"/>
  <c r="C13099" i="3"/>
  <c r="C13100" i="3"/>
  <c r="C13101" i="3"/>
  <c r="C13102" i="3"/>
  <c r="C13103" i="3"/>
  <c r="C13104" i="3"/>
  <c r="C13105" i="3"/>
  <c r="C13106" i="3"/>
  <c r="C13107" i="3"/>
  <c r="C13108" i="3"/>
  <c r="C13109" i="3"/>
  <c r="C13110" i="3"/>
  <c r="C13111" i="3"/>
  <c r="C13112" i="3"/>
  <c r="C13113" i="3"/>
  <c r="C13114" i="3"/>
  <c r="C13115" i="3"/>
  <c r="C13116" i="3"/>
  <c r="C13117" i="3"/>
  <c r="C13118" i="3"/>
  <c r="C13119" i="3"/>
  <c r="C13120" i="3"/>
  <c r="C13121" i="3"/>
  <c r="C13122" i="3"/>
  <c r="C13123" i="3"/>
  <c r="C13124" i="3"/>
  <c r="C13125" i="3"/>
  <c r="C13126" i="3"/>
  <c r="C13127" i="3"/>
  <c r="C13128" i="3"/>
  <c r="C13129" i="3"/>
  <c r="C13130" i="3"/>
  <c r="C13131" i="3"/>
  <c r="C13132" i="3"/>
  <c r="C13133" i="3"/>
  <c r="C13134" i="3"/>
  <c r="C13135" i="3"/>
  <c r="C13136" i="3"/>
  <c r="C13137" i="3"/>
  <c r="C13138" i="3"/>
  <c r="C13139" i="3"/>
  <c r="C13140" i="3"/>
  <c r="C13141" i="3"/>
  <c r="C13142" i="3"/>
  <c r="C13143" i="3"/>
  <c r="C13144" i="3"/>
  <c r="C13145" i="3"/>
  <c r="C13146" i="3"/>
  <c r="C13147" i="3"/>
  <c r="C13148" i="3"/>
  <c r="C13149" i="3"/>
  <c r="C13150" i="3"/>
  <c r="C13151" i="3"/>
  <c r="C13152" i="3"/>
  <c r="C13153" i="3"/>
  <c r="C13154" i="3"/>
  <c r="C13155" i="3"/>
  <c r="C13156" i="3"/>
  <c r="C13157" i="3"/>
  <c r="C13158" i="3"/>
  <c r="C13159" i="3"/>
  <c r="C13160" i="3"/>
  <c r="C13161" i="3"/>
  <c r="C13162" i="3"/>
  <c r="C13163" i="3"/>
  <c r="C13164" i="3"/>
  <c r="C13165" i="3"/>
  <c r="C13166" i="3"/>
  <c r="C13167" i="3"/>
  <c r="C13168" i="3"/>
  <c r="C13169" i="3"/>
  <c r="C13170" i="3"/>
  <c r="C13171" i="3"/>
  <c r="C13172" i="3"/>
  <c r="C13173" i="3"/>
  <c r="C13174" i="3"/>
  <c r="C13175" i="3"/>
  <c r="C13176" i="3"/>
  <c r="C13177" i="3"/>
  <c r="C13178" i="3"/>
  <c r="C13179" i="3"/>
  <c r="C13180" i="3"/>
  <c r="C13181" i="3"/>
  <c r="C13182" i="3"/>
  <c r="C13183" i="3"/>
  <c r="C13184" i="3"/>
  <c r="C13185" i="3"/>
  <c r="C13186" i="3"/>
  <c r="C13187" i="3"/>
  <c r="C13188" i="3"/>
  <c r="C13189" i="3"/>
  <c r="C13190" i="3"/>
  <c r="C13191" i="3"/>
  <c r="C13192" i="3"/>
  <c r="C13193" i="3"/>
  <c r="C13194" i="3"/>
  <c r="C13195" i="3"/>
  <c r="C13196" i="3"/>
  <c r="C13197" i="3"/>
  <c r="C13198" i="3"/>
  <c r="C13199" i="3"/>
  <c r="C13200" i="3"/>
  <c r="C13201" i="3"/>
  <c r="C13202" i="3"/>
  <c r="C13203" i="3"/>
  <c r="C13204" i="3"/>
  <c r="C13205" i="3"/>
  <c r="C13206" i="3"/>
  <c r="C13207" i="3"/>
  <c r="C13208" i="3"/>
  <c r="C13209" i="3"/>
  <c r="C13210" i="3"/>
  <c r="C13211" i="3"/>
  <c r="C13212" i="3"/>
  <c r="C13213" i="3"/>
  <c r="C13214" i="3"/>
  <c r="C13215" i="3"/>
  <c r="C13216" i="3"/>
  <c r="C13217" i="3"/>
  <c r="C13218" i="3"/>
  <c r="C13219" i="3"/>
  <c r="C13220" i="3"/>
  <c r="C13221" i="3"/>
  <c r="C13222" i="3"/>
  <c r="C13223" i="3"/>
  <c r="C13224" i="3"/>
  <c r="C13225" i="3"/>
  <c r="C13226" i="3"/>
  <c r="C13227" i="3"/>
  <c r="C13228" i="3"/>
  <c r="C13229" i="3"/>
  <c r="C13230" i="3"/>
  <c r="C13231" i="3"/>
  <c r="C13232" i="3"/>
  <c r="C13233" i="3"/>
  <c r="C13234" i="3"/>
  <c r="C13235" i="3"/>
  <c r="C13236" i="3"/>
  <c r="C13237" i="3"/>
  <c r="C13238" i="3"/>
  <c r="C13239" i="3"/>
  <c r="C13240" i="3"/>
  <c r="C13241" i="3"/>
  <c r="C13242" i="3"/>
  <c r="C13243" i="3"/>
  <c r="C13244" i="3"/>
  <c r="C13245" i="3"/>
  <c r="C13246" i="3"/>
  <c r="C13247" i="3"/>
  <c r="C13248" i="3"/>
  <c r="C13249" i="3"/>
  <c r="C13250" i="3"/>
  <c r="C13251" i="3"/>
  <c r="C13252" i="3"/>
  <c r="C13253" i="3"/>
  <c r="C13254" i="3"/>
  <c r="C13255" i="3"/>
  <c r="C13256" i="3"/>
  <c r="C13257" i="3"/>
  <c r="C13258" i="3"/>
  <c r="C13259" i="3"/>
  <c r="C13260" i="3"/>
  <c r="C13261" i="3"/>
  <c r="C13262" i="3"/>
  <c r="C13263" i="3"/>
  <c r="C13264" i="3"/>
  <c r="C13265" i="3"/>
  <c r="C13266" i="3"/>
  <c r="C13267" i="3"/>
  <c r="C13268" i="3"/>
  <c r="C13269" i="3"/>
  <c r="C13270" i="3"/>
  <c r="C13271" i="3"/>
  <c r="C13272" i="3"/>
  <c r="C13273" i="3"/>
  <c r="C13274" i="3"/>
  <c r="C13275" i="3"/>
  <c r="C13276" i="3"/>
  <c r="C13277" i="3"/>
  <c r="C13278" i="3"/>
  <c r="C13279" i="3"/>
  <c r="C13280" i="3"/>
  <c r="C13281" i="3"/>
  <c r="C13282" i="3"/>
  <c r="C13283" i="3"/>
  <c r="C13284" i="3"/>
  <c r="C13285" i="3"/>
  <c r="C13286" i="3"/>
  <c r="C13287" i="3"/>
  <c r="C13288" i="3"/>
  <c r="C13289" i="3"/>
  <c r="C13290" i="3"/>
  <c r="C13291" i="3"/>
  <c r="C13292" i="3"/>
  <c r="C13293" i="3"/>
  <c r="C13294" i="3"/>
  <c r="C13295" i="3"/>
  <c r="C13296" i="3"/>
  <c r="C13297" i="3"/>
  <c r="C13298" i="3"/>
  <c r="C13299" i="3"/>
  <c r="C13300" i="3"/>
  <c r="C13301" i="3"/>
  <c r="C13302" i="3"/>
  <c r="C13303" i="3"/>
  <c r="C13304" i="3"/>
  <c r="C13305" i="3"/>
  <c r="C13306" i="3"/>
  <c r="C13307" i="3"/>
  <c r="C13308" i="3"/>
  <c r="C13309" i="3"/>
  <c r="C13310" i="3"/>
  <c r="C13311" i="3"/>
  <c r="C13312" i="3"/>
  <c r="C13313" i="3"/>
  <c r="C13314" i="3"/>
  <c r="C13315" i="3"/>
  <c r="C13316" i="3"/>
  <c r="C13317" i="3"/>
  <c r="C13318" i="3"/>
  <c r="C13319" i="3"/>
  <c r="C13320" i="3"/>
  <c r="C13321" i="3"/>
  <c r="C13322" i="3"/>
  <c r="C13323" i="3"/>
  <c r="C13324" i="3"/>
  <c r="C13325" i="3"/>
  <c r="C13326" i="3"/>
  <c r="C13327" i="3"/>
  <c r="C13328" i="3"/>
  <c r="C13329" i="3"/>
  <c r="C13330" i="3"/>
  <c r="C13331" i="3"/>
  <c r="C13332" i="3"/>
  <c r="C13333" i="3"/>
  <c r="C13334" i="3"/>
  <c r="C13335" i="3"/>
  <c r="C13336" i="3"/>
  <c r="C13337" i="3"/>
  <c r="C13338" i="3"/>
  <c r="C13339" i="3"/>
  <c r="C13340" i="3"/>
  <c r="C13341" i="3"/>
  <c r="C13342" i="3"/>
  <c r="C13343" i="3"/>
  <c r="C13344" i="3"/>
  <c r="C13345" i="3"/>
  <c r="C13346" i="3"/>
  <c r="C13347" i="3"/>
  <c r="C13348" i="3"/>
  <c r="C13349" i="3"/>
  <c r="C13350" i="3"/>
  <c r="C13351" i="3"/>
  <c r="C13352" i="3"/>
  <c r="C13353" i="3"/>
  <c r="C13354" i="3"/>
  <c r="C13355" i="3"/>
  <c r="C13356" i="3"/>
  <c r="C13357" i="3"/>
  <c r="C13358" i="3"/>
  <c r="C13359" i="3"/>
  <c r="C13360" i="3"/>
  <c r="C13361" i="3"/>
  <c r="C13362" i="3"/>
  <c r="C13363" i="3"/>
  <c r="C13364" i="3"/>
  <c r="C13365" i="3"/>
  <c r="C13366" i="3"/>
  <c r="C13367" i="3"/>
  <c r="C13368" i="3"/>
  <c r="C13369" i="3"/>
  <c r="C13370" i="3"/>
  <c r="C13371" i="3"/>
  <c r="C13372" i="3"/>
  <c r="C13373" i="3"/>
  <c r="C13374" i="3"/>
  <c r="C13375" i="3"/>
  <c r="C13376" i="3"/>
  <c r="C13377" i="3"/>
  <c r="C13378" i="3"/>
  <c r="C13379" i="3"/>
  <c r="C13380" i="3"/>
  <c r="C13381" i="3"/>
  <c r="C13382" i="3"/>
  <c r="C13383" i="3"/>
  <c r="C13384" i="3"/>
  <c r="C13385" i="3"/>
  <c r="C13386" i="3"/>
  <c r="C13387" i="3"/>
  <c r="C13388" i="3"/>
  <c r="C13389" i="3"/>
  <c r="C13390" i="3"/>
  <c r="C13391" i="3"/>
  <c r="C13392" i="3"/>
  <c r="C13393" i="3"/>
  <c r="C13394" i="3"/>
  <c r="C13395" i="3"/>
  <c r="C13396" i="3"/>
  <c r="C13397" i="3"/>
  <c r="C13398" i="3"/>
  <c r="C13399" i="3"/>
  <c r="C13400" i="3"/>
  <c r="C13401" i="3"/>
  <c r="C13402" i="3"/>
  <c r="C13403" i="3"/>
  <c r="C13404" i="3"/>
  <c r="C13405" i="3"/>
  <c r="C13406" i="3"/>
  <c r="C13407" i="3"/>
  <c r="C13408" i="3"/>
  <c r="C13409" i="3"/>
  <c r="C13410" i="3"/>
  <c r="C13411" i="3"/>
  <c r="C13412" i="3"/>
  <c r="C13413" i="3"/>
  <c r="C13414" i="3"/>
  <c r="C13415" i="3"/>
  <c r="C13416" i="3"/>
  <c r="C13417" i="3"/>
  <c r="C13418" i="3"/>
  <c r="C13419" i="3"/>
  <c r="C13420" i="3"/>
  <c r="C13421" i="3"/>
  <c r="C13422" i="3"/>
  <c r="C13423" i="3"/>
  <c r="C13424" i="3"/>
  <c r="C13425" i="3"/>
  <c r="C13426" i="3"/>
  <c r="C13427" i="3"/>
  <c r="C13428" i="3"/>
  <c r="C13429" i="3"/>
  <c r="C13430" i="3"/>
  <c r="C13431" i="3"/>
  <c r="C13432" i="3"/>
  <c r="C13433" i="3"/>
  <c r="C13434" i="3"/>
  <c r="C13435" i="3"/>
  <c r="C13436" i="3"/>
  <c r="C13437" i="3"/>
  <c r="C13438" i="3"/>
  <c r="C13439" i="3"/>
  <c r="C13440" i="3"/>
  <c r="C13441" i="3"/>
  <c r="C13442" i="3"/>
  <c r="C13443" i="3"/>
  <c r="C13444" i="3"/>
  <c r="C13445" i="3"/>
  <c r="C13446" i="3"/>
  <c r="C13447" i="3"/>
  <c r="C13448" i="3"/>
  <c r="C13449" i="3"/>
  <c r="C13450" i="3"/>
  <c r="C13451" i="3"/>
  <c r="C13452" i="3"/>
  <c r="C13453" i="3"/>
  <c r="C13454" i="3"/>
  <c r="C13455" i="3"/>
  <c r="C13456" i="3"/>
  <c r="C13457" i="3"/>
  <c r="C13458" i="3"/>
  <c r="C13459" i="3"/>
  <c r="C13460" i="3"/>
  <c r="C13461" i="3"/>
  <c r="C13462" i="3"/>
  <c r="C13463" i="3"/>
  <c r="C13464" i="3"/>
  <c r="C13465" i="3"/>
  <c r="C13466" i="3"/>
  <c r="C13467" i="3"/>
  <c r="C13468" i="3"/>
  <c r="C13469" i="3"/>
  <c r="C13470" i="3"/>
  <c r="C13471" i="3"/>
  <c r="C13472" i="3"/>
  <c r="C13473" i="3"/>
  <c r="C13474" i="3"/>
  <c r="C13475" i="3"/>
  <c r="C13476" i="3"/>
  <c r="C13477" i="3"/>
  <c r="C13478" i="3"/>
  <c r="C13479" i="3"/>
  <c r="C13480" i="3"/>
  <c r="C13481" i="3"/>
  <c r="C13482" i="3"/>
  <c r="C13483" i="3"/>
  <c r="C13484" i="3"/>
  <c r="C13485" i="3"/>
  <c r="C13486" i="3"/>
  <c r="C13487" i="3"/>
  <c r="C13488" i="3"/>
  <c r="C13489" i="3"/>
  <c r="C13490" i="3"/>
  <c r="C13491" i="3"/>
  <c r="C13492" i="3"/>
  <c r="C13493" i="3"/>
  <c r="C13494" i="3"/>
  <c r="C13495" i="3"/>
  <c r="C13496" i="3"/>
  <c r="C13497" i="3"/>
  <c r="C13498" i="3"/>
  <c r="C13499" i="3"/>
  <c r="C13500" i="3"/>
  <c r="C13501" i="3"/>
  <c r="C13502" i="3"/>
  <c r="C13503" i="3"/>
  <c r="C13504" i="3"/>
  <c r="C13505" i="3"/>
  <c r="C13506" i="3"/>
  <c r="C13507" i="3"/>
  <c r="C13508" i="3"/>
  <c r="C13509" i="3"/>
  <c r="C13510" i="3"/>
  <c r="C13511" i="3"/>
  <c r="C13512" i="3"/>
  <c r="C13513" i="3"/>
  <c r="C13514" i="3"/>
  <c r="C13515" i="3"/>
  <c r="C13516" i="3"/>
  <c r="C13517" i="3"/>
  <c r="C13518" i="3"/>
  <c r="C13519" i="3"/>
  <c r="C13520" i="3"/>
  <c r="C13521" i="3"/>
  <c r="C13522" i="3"/>
  <c r="C13523" i="3"/>
  <c r="C13524" i="3"/>
  <c r="C13525" i="3"/>
  <c r="C13526" i="3"/>
  <c r="C13527" i="3"/>
  <c r="C13528" i="3"/>
  <c r="C13529" i="3"/>
  <c r="C13530" i="3"/>
  <c r="C13531" i="3"/>
  <c r="C13532" i="3"/>
  <c r="C13533" i="3"/>
  <c r="C13534" i="3"/>
  <c r="C13535" i="3"/>
  <c r="C13536" i="3"/>
  <c r="C13537" i="3"/>
  <c r="C13538" i="3"/>
  <c r="C13539" i="3"/>
  <c r="C13540" i="3"/>
  <c r="C13541" i="3"/>
  <c r="C13542" i="3"/>
  <c r="C13543" i="3"/>
  <c r="C13544" i="3"/>
  <c r="C13545" i="3"/>
  <c r="C13546" i="3"/>
  <c r="C13547" i="3"/>
  <c r="C13548" i="3"/>
  <c r="C13549" i="3"/>
  <c r="C13550" i="3"/>
  <c r="C13551" i="3"/>
  <c r="C13552" i="3"/>
  <c r="C13553" i="3"/>
  <c r="C13554" i="3"/>
  <c r="C13555" i="3"/>
  <c r="C13556" i="3"/>
  <c r="C13557" i="3"/>
  <c r="C13558" i="3"/>
  <c r="C13559" i="3"/>
  <c r="C13560" i="3"/>
  <c r="C13561" i="3"/>
  <c r="C13562" i="3"/>
  <c r="C13563" i="3"/>
  <c r="C13564" i="3"/>
  <c r="C13565" i="3"/>
  <c r="C13566" i="3"/>
  <c r="C13567" i="3"/>
  <c r="C13568" i="3"/>
  <c r="C13569" i="3"/>
  <c r="C13570" i="3"/>
  <c r="C13571" i="3"/>
  <c r="C13572" i="3"/>
  <c r="C13573" i="3"/>
  <c r="C13574" i="3"/>
  <c r="C13575" i="3"/>
  <c r="C13576" i="3"/>
  <c r="C13577" i="3"/>
  <c r="C13578" i="3"/>
  <c r="C13579" i="3"/>
  <c r="C13580" i="3"/>
  <c r="C13581" i="3"/>
  <c r="C13582" i="3"/>
  <c r="C13583" i="3"/>
  <c r="C13584" i="3"/>
  <c r="C13585" i="3"/>
  <c r="C13586" i="3"/>
  <c r="C13587" i="3"/>
  <c r="C13588" i="3"/>
  <c r="C13589" i="3"/>
  <c r="C13590" i="3"/>
  <c r="C13591" i="3"/>
  <c r="C13592" i="3"/>
  <c r="C13593" i="3"/>
  <c r="C13594" i="3"/>
  <c r="C13595" i="3"/>
  <c r="C13596" i="3"/>
  <c r="C13597" i="3"/>
  <c r="C13598" i="3"/>
  <c r="C13599" i="3"/>
  <c r="C13600" i="3"/>
  <c r="C13601" i="3"/>
  <c r="C13602" i="3"/>
  <c r="C13603" i="3"/>
  <c r="C13604" i="3"/>
  <c r="C13605" i="3"/>
  <c r="C13606" i="3"/>
  <c r="C13607" i="3"/>
  <c r="C13608" i="3"/>
  <c r="C13609" i="3"/>
  <c r="C13610" i="3"/>
  <c r="C13611" i="3"/>
  <c r="C13612" i="3"/>
  <c r="C13613" i="3"/>
  <c r="C13614" i="3"/>
  <c r="C13615" i="3"/>
  <c r="C13616" i="3"/>
  <c r="C13617" i="3"/>
  <c r="C13618" i="3"/>
  <c r="C13619" i="3"/>
  <c r="C13620" i="3"/>
  <c r="C13621" i="3"/>
  <c r="C13622" i="3"/>
  <c r="C13623" i="3"/>
  <c r="C13624" i="3"/>
  <c r="C13625" i="3"/>
  <c r="C13626" i="3"/>
  <c r="C13627" i="3"/>
  <c r="C13628" i="3"/>
  <c r="C13629" i="3"/>
  <c r="C13630" i="3"/>
  <c r="C13631" i="3"/>
  <c r="C13632" i="3"/>
  <c r="C13633" i="3"/>
  <c r="C13634" i="3"/>
  <c r="C13635" i="3"/>
  <c r="C13636" i="3"/>
  <c r="C13637" i="3"/>
  <c r="C13638" i="3"/>
  <c r="C13639" i="3"/>
  <c r="C13640" i="3"/>
  <c r="C13641" i="3"/>
  <c r="C13642" i="3"/>
  <c r="C13643" i="3"/>
  <c r="C13644" i="3"/>
  <c r="C13645" i="3"/>
  <c r="C13646" i="3"/>
  <c r="C13647" i="3"/>
  <c r="C13648" i="3"/>
  <c r="C13649" i="3"/>
  <c r="C13650" i="3"/>
  <c r="C13651" i="3"/>
  <c r="C13652" i="3"/>
  <c r="C13653" i="3"/>
  <c r="C13654" i="3"/>
  <c r="C13655" i="3"/>
  <c r="C13656" i="3"/>
  <c r="C13657" i="3"/>
  <c r="C13658" i="3"/>
  <c r="C13659" i="3"/>
  <c r="C13660" i="3"/>
  <c r="C13661" i="3"/>
  <c r="C13662" i="3"/>
  <c r="C13663" i="3"/>
  <c r="C13664" i="3"/>
  <c r="C13665" i="3"/>
  <c r="C13666" i="3"/>
  <c r="C13667" i="3"/>
  <c r="C13668" i="3"/>
  <c r="C13669" i="3"/>
  <c r="C13670" i="3"/>
  <c r="C13671" i="3"/>
  <c r="C13672" i="3"/>
  <c r="C13673" i="3"/>
  <c r="C13674" i="3"/>
  <c r="C13675" i="3"/>
  <c r="C13676" i="3"/>
  <c r="C13677" i="3"/>
  <c r="C13678" i="3"/>
  <c r="C13679" i="3"/>
  <c r="C13680" i="3"/>
  <c r="C13681" i="3"/>
  <c r="C13682" i="3"/>
  <c r="C13683" i="3"/>
  <c r="C13684" i="3"/>
  <c r="C13685" i="3"/>
  <c r="C13686" i="3"/>
  <c r="C13687" i="3"/>
  <c r="C13688" i="3"/>
  <c r="C13689" i="3"/>
  <c r="C13690" i="3"/>
  <c r="C13691" i="3"/>
  <c r="C13692" i="3"/>
  <c r="C13693" i="3"/>
  <c r="C13694" i="3"/>
  <c r="C13695" i="3"/>
  <c r="C13696" i="3"/>
  <c r="C13697" i="3"/>
  <c r="C13698" i="3"/>
  <c r="C13699" i="3"/>
  <c r="C13700" i="3"/>
  <c r="C13701" i="3"/>
  <c r="C13702" i="3"/>
  <c r="C13703" i="3"/>
  <c r="C13704" i="3"/>
  <c r="C13705" i="3"/>
  <c r="C13706" i="3"/>
  <c r="C13707" i="3"/>
  <c r="C13708" i="3"/>
  <c r="C13709" i="3"/>
  <c r="C13710" i="3"/>
  <c r="C13711" i="3"/>
  <c r="C13712" i="3"/>
  <c r="C13713" i="3"/>
  <c r="C13714" i="3"/>
  <c r="C13715" i="3"/>
  <c r="C13716" i="3"/>
  <c r="C13717" i="3"/>
  <c r="C13718" i="3"/>
  <c r="C13719" i="3"/>
  <c r="C13720" i="3"/>
  <c r="C13721" i="3"/>
  <c r="C13722" i="3"/>
  <c r="C13723" i="3"/>
  <c r="C13724" i="3"/>
  <c r="C13725" i="3"/>
  <c r="C13726" i="3"/>
  <c r="C13727" i="3"/>
  <c r="C13728" i="3"/>
  <c r="C13729" i="3"/>
  <c r="C13730" i="3"/>
  <c r="C13731" i="3"/>
  <c r="C13732" i="3"/>
  <c r="C13733" i="3"/>
  <c r="C13734" i="3"/>
  <c r="C13735" i="3"/>
  <c r="C13736" i="3"/>
  <c r="C13737" i="3"/>
  <c r="C13738" i="3"/>
  <c r="C13739" i="3"/>
  <c r="C13740" i="3"/>
  <c r="C13741" i="3"/>
  <c r="C13742" i="3"/>
  <c r="C13743" i="3"/>
  <c r="C13744" i="3"/>
  <c r="C13745" i="3"/>
  <c r="C13746" i="3"/>
  <c r="C13747" i="3"/>
  <c r="C13748" i="3"/>
  <c r="C13749" i="3"/>
  <c r="C13750" i="3"/>
  <c r="C13751" i="3"/>
  <c r="C13752" i="3"/>
  <c r="C13753" i="3"/>
  <c r="C13754" i="3"/>
  <c r="C13755" i="3"/>
  <c r="C13756" i="3"/>
  <c r="C13757" i="3"/>
  <c r="C13758" i="3"/>
  <c r="C13759" i="3"/>
  <c r="C13760" i="3"/>
  <c r="C13761" i="3"/>
  <c r="C13762" i="3"/>
  <c r="C13763" i="3"/>
  <c r="C13764" i="3"/>
  <c r="C13765" i="3"/>
  <c r="C13766" i="3"/>
  <c r="C13767" i="3"/>
  <c r="C13768" i="3"/>
  <c r="C13769" i="3"/>
  <c r="C13770" i="3"/>
  <c r="C13771" i="3"/>
  <c r="C13772" i="3"/>
  <c r="C13773" i="3"/>
  <c r="C13774" i="3"/>
  <c r="C13775" i="3"/>
  <c r="C13776" i="3"/>
  <c r="C13777" i="3"/>
  <c r="C13778" i="3"/>
  <c r="C13779" i="3"/>
  <c r="C13780" i="3"/>
  <c r="C13781" i="3"/>
  <c r="C13782" i="3"/>
  <c r="C13783" i="3"/>
  <c r="C13784" i="3"/>
  <c r="C13785" i="3"/>
  <c r="C13786" i="3"/>
  <c r="C13787" i="3"/>
  <c r="C13788" i="3"/>
  <c r="C13789" i="3"/>
  <c r="C13790" i="3"/>
  <c r="C13791" i="3"/>
  <c r="C13792" i="3"/>
  <c r="C13793" i="3"/>
  <c r="C13794" i="3"/>
  <c r="C13795" i="3"/>
  <c r="C13796" i="3"/>
  <c r="C13797" i="3"/>
  <c r="C13798" i="3"/>
  <c r="C13799" i="3"/>
  <c r="C13800" i="3"/>
  <c r="C13801" i="3"/>
  <c r="C13802" i="3"/>
  <c r="C13803" i="3"/>
  <c r="C13804" i="3"/>
  <c r="C13805" i="3"/>
  <c r="C13806" i="3"/>
  <c r="C13807" i="3"/>
  <c r="C13808" i="3"/>
  <c r="C13809" i="3"/>
  <c r="C13810" i="3"/>
  <c r="C13811" i="3"/>
  <c r="C13812" i="3"/>
  <c r="C13813" i="3"/>
  <c r="C13814" i="3"/>
  <c r="C13815" i="3"/>
  <c r="C13816" i="3"/>
  <c r="C13817" i="3"/>
  <c r="C13818" i="3"/>
  <c r="C13819" i="3"/>
  <c r="C13820" i="3"/>
  <c r="C13821" i="3"/>
  <c r="C13822" i="3"/>
  <c r="C13823" i="3"/>
  <c r="C13824" i="3"/>
  <c r="C13825" i="3"/>
  <c r="C13826" i="3"/>
  <c r="C13827" i="3"/>
  <c r="C13828" i="3"/>
  <c r="C13829" i="3"/>
  <c r="C13830" i="3"/>
  <c r="C13831" i="3"/>
  <c r="C13832" i="3"/>
  <c r="C13833" i="3"/>
  <c r="C13834" i="3"/>
  <c r="C13835" i="3"/>
  <c r="C13836" i="3"/>
  <c r="C13837" i="3"/>
  <c r="C13838" i="3"/>
  <c r="C13839" i="3"/>
  <c r="C13840" i="3"/>
  <c r="C13841" i="3"/>
  <c r="C13842" i="3"/>
  <c r="C13843" i="3"/>
  <c r="C13844" i="3"/>
  <c r="C13845" i="3"/>
  <c r="C13846" i="3"/>
  <c r="C13847" i="3"/>
  <c r="C13848" i="3"/>
  <c r="C13849" i="3"/>
  <c r="C13850" i="3"/>
  <c r="C13851" i="3"/>
  <c r="C13852" i="3"/>
  <c r="C13853" i="3"/>
  <c r="C13854" i="3"/>
  <c r="C13855" i="3"/>
  <c r="C13856" i="3"/>
  <c r="C13857" i="3"/>
  <c r="C13858" i="3"/>
  <c r="C13859" i="3"/>
  <c r="C13860" i="3"/>
  <c r="C13861" i="3"/>
  <c r="C13862" i="3"/>
  <c r="C13863" i="3"/>
  <c r="C13864" i="3"/>
  <c r="C13865" i="3"/>
  <c r="C13866" i="3"/>
  <c r="C13867" i="3"/>
  <c r="C13868" i="3"/>
  <c r="C13869" i="3"/>
  <c r="C13870" i="3"/>
  <c r="C13871" i="3"/>
  <c r="C13872" i="3"/>
  <c r="C13873" i="3"/>
  <c r="C13874" i="3"/>
  <c r="C13875" i="3"/>
  <c r="C13876" i="3"/>
  <c r="C13877" i="3"/>
  <c r="C13878" i="3"/>
  <c r="C13879" i="3"/>
  <c r="C13880" i="3"/>
  <c r="C13881" i="3"/>
  <c r="C13882" i="3"/>
  <c r="C13883" i="3"/>
  <c r="C13884" i="3"/>
  <c r="C13885" i="3"/>
  <c r="C13886" i="3"/>
  <c r="C13887" i="3"/>
  <c r="C13888" i="3"/>
  <c r="C13889" i="3"/>
  <c r="C13890" i="3"/>
  <c r="C13891" i="3"/>
  <c r="C13892" i="3"/>
  <c r="C13893" i="3"/>
  <c r="C13894" i="3"/>
  <c r="C13895" i="3"/>
  <c r="C13896" i="3"/>
  <c r="C13897" i="3"/>
  <c r="C13898" i="3"/>
  <c r="C13899" i="3"/>
  <c r="C13900" i="3"/>
  <c r="C13901" i="3"/>
  <c r="C13902" i="3"/>
  <c r="C13903" i="3"/>
  <c r="C13904" i="3"/>
  <c r="C13905" i="3"/>
  <c r="C13906" i="3"/>
  <c r="C13907" i="3"/>
  <c r="C13908" i="3"/>
  <c r="C13909" i="3"/>
  <c r="C13910" i="3"/>
  <c r="C13911" i="3"/>
  <c r="C13912" i="3"/>
  <c r="C13913" i="3"/>
  <c r="C13914" i="3"/>
  <c r="C13915" i="3"/>
  <c r="C13916" i="3"/>
  <c r="C13917" i="3"/>
  <c r="C13918" i="3"/>
  <c r="C13919" i="3"/>
  <c r="C13920" i="3"/>
  <c r="C13921" i="3"/>
  <c r="C13922" i="3"/>
  <c r="C13923" i="3"/>
  <c r="C13924" i="3"/>
  <c r="C13925" i="3"/>
  <c r="C13926" i="3"/>
  <c r="C13927" i="3"/>
  <c r="C13928" i="3"/>
  <c r="C13929" i="3"/>
  <c r="C13930" i="3"/>
  <c r="C13931" i="3"/>
  <c r="C13932" i="3"/>
  <c r="C13933" i="3"/>
  <c r="C13934" i="3"/>
  <c r="C13935" i="3"/>
  <c r="C13936" i="3"/>
  <c r="C13937" i="3"/>
  <c r="C13938" i="3"/>
  <c r="C13939" i="3"/>
  <c r="C13940" i="3"/>
  <c r="C13941" i="3"/>
  <c r="C13942" i="3"/>
  <c r="C13943" i="3"/>
  <c r="C13944" i="3"/>
  <c r="C13945" i="3"/>
  <c r="C13946" i="3"/>
  <c r="C13947" i="3"/>
  <c r="C13948" i="3"/>
  <c r="C13949" i="3"/>
  <c r="C13950" i="3"/>
  <c r="C13951" i="3"/>
  <c r="C13952" i="3"/>
  <c r="C13953" i="3"/>
  <c r="C13954" i="3"/>
  <c r="C13955" i="3"/>
  <c r="C13956" i="3"/>
  <c r="C13957" i="3"/>
  <c r="C13958" i="3"/>
  <c r="C13959" i="3"/>
  <c r="C13960" i="3"/>
  <c r="C13961" i="3"/>
  <c r="C13962" i="3"/>
  <c r="C13963" i="3"/>
  <c r="C13964" i="3"/>
  <c r="C13965" i="3"/>
  <c r="C13966" i="3"/>
  <c r="C13967" i="3"/>
  <c r="C13968" i="3"/>
  <c r="C13969" i="3"/>
  <c r="C13970" i="3"/>
  <c r="C13971" i="3"/>
  <c r="C13972" i="3"/>
  <c r="C13973" i="3"/>
  <c r="C13974" i="3"/>
  <c r="C13975" i="3"/>
  <c r="C13976" i="3"/>
  <c r="C13977" i="3"/>
  <c r="C13978" i="3"/>
  <c r="C13979" i="3"/>
  <c r="C13980" i="3"/>
  <c r="C13981" i="3"/>
  <c r="C13982" i="3"/>
  <c r="C13983" i="3"/>
  <c r="C13984" i="3"/>
  <c r="C13985" i="3"/>
  <c r="C13986" i="3"/>
  <c r="C13987" i="3"/>
  <c r="C13988" i="3"/>
  <c r="C13989" i="3"/>
  <c r="C13990" i="3"/>
  <c r="C13991" i="3"/>
  <c r="C13992" i="3"/>
  <c r="C13993" i="3"/>
  <c r="C13994" i="3"/>
  <c r="C13995" i="3"/>
  <c r="C13996" i="3"/>
  <c r="C13997" i="3"/>
  <c r="C13998" i="3"/>
  <c r="C13999" i="3"/>
  <c r="C14000" i="3"/>
  <c r="C14001" i="3"/>
  <c r="C14002" i="3"/>
  <c r="C14003" i="3"/>
  <c r="C14004" i="3"/>
  <c r="C14005" i="3"/>
  <c r="C14006" i="3"/>
  <c r="C14007" i="3"/>
  <c r="C14008" i="3"/>
  <c r="C14009" i="3"/>
  <c r="C14010" i="3"/>
  <c r="C14011" i="3"/>
  <c r="C14012" i="3"/>
  <c r="C14013" i="3"/>
  <c r="C14014" i="3"/>
  <c r="C14015" i="3"/>
  <c r="C14016" i="3"/>
  <c r="C14017" i="3"/>
  <c r="C14018" i="3"/>
  <c r="C14019" i="3"/>
  <c r="C14020" i="3"/>
  <c r="C14021" i="3"/>
  <c r="C14022" i="3"/>
  <c r="C14023" i="3"/>
  <c r="C14024" i="3"/>
  <c r="C14025" i="3"/>
  <c r="C14026" i="3"/>
  <c r="C14027" i="3"/>
  <c r="C14028" i="3"/>
  <c r="C14029" i="3"/>
  <c r="C14030" i="3"/>
  <c r="C14031" i="3"/>
  <c r="C14032" i="3"/>
  <c r="C14033" i="3"/>
  <c r="C14034" i="3"/>
  <c r="C14035" i="3"/>
  <c r="C14036" i="3"/>
  <c r="C14037" i="3"/>
  <c r="C14038" i="3"/>
  <c r="C14039" i="3"/>
  <c r="C14040" i="3"/>
  <c r="C14041" i="3"/>
  <c r="C14042" i="3"/>
  <c r="C14043" i="3"/>
  <c r="C14044" i="3"/>
  <c r="C14045" i="3"/>
  <c r="C14046" i="3"/>
  <c r="C14047" i="3"/>
  <c r="C14048" i="3"/>
  <c r="C14049" i="3"/>
  <c r="C14050" i="3"/>
  <c r="C14051" i="3"/>
  <c r="C14052" i="3"/>
  <c r="C14053" i="3"/>
  <c r="C14054" i="3"/>
  <c r="C14055" i="3"/>
  <c r="C14056" i="3"/>
  <c r="C14057" i="3"/>
  <c r="C14058" i="3"/>
  <c r="C14059" i="3"/>
  <c r="C14060" i="3"/>
  <c r="C14061" i="3"/>
  <c r="C14062" i="3"/>
  <c r="C14063" i="3"/>
  <c r="C14064" i="3"/>
  <c r="C14065" i="3"/>
  <c r="C14066" i="3"/>
  <c r="C14067" i="3"/>
  <c r="C14068" i="3"/>
  <c r="C14069" i="3"/>
  <c r="C14070" i="3"/>
  <c r="C14071" i="3"/>
  <c r="C14072" i="3"/>
  <c r="C14073" i="3"/>
  <c r="C14074" i="3"/>
  <c r="C14075" i="3"/>
  <c r="C14076" i="3"/>
  <c r="C14077" i="3"/>
  <c r="C14078" i="3"/>
  <c r="C14079" i="3"/>
  <c r="C14080" i="3"/>
  <c r="C14081" i="3"/>
  <c r="C14082" i="3"/>
  <c r="C14083" i="3"/>
  <c r="C14084" i="3"/>
  <c r="C14085" i="3"/>
  <c r="C14086" i="3"/>
  <c r="C14087" i="3"/>
  <c r="C14088" i="3"/>
  <c r="C14089" i="3"/>
  <c r="C14090" i="3"/>
  <c r="C14091" i="3"/>
  <c r="C14092" i="3"/>
  <c r="C14093" i="3"/>
  <c r="C14094" i="3"/>
  <c r="C14095" i="3"/>
  <c r="C14096" i="3"/>
  <c r="C14097" i="3"/>
  <c r="C14098" i="3"/>
  <c r="C14099" i="3"/>
  <c r="C14100" i="3"/>
  <c r="C14101" i="3"/>
  <c r="C14102" i="3"/>
  <c r="C14103" i="3"/>
  <c r="C14104" i="3"/>
  <c r="C14105" i="3"/>
  <c r="C14106" i="3"/>
  <c r="C14107" i="3"/>
  <c r="C14108" i="3"/>
  <c r="C14109" i="3"/>
  <c r="C14110" i="3"/>
  <c r="C14111" i="3"/>
  <c r="C14112" i="3"/>
  <c r="C14113" i="3"/>
  <c r="C14114" i="3"/>
  <c r="C14115" i="3"/>
  <c r="C14116" i="3"/>
  <c r="C14117" i="3"/>
  <c r="C14118" i="3"/>
  <c r="C14119" i="3"/>
  <c r="C14120" i="3"/>
  <c r="C14121" i="3"/>
  <c r="C14122" i="3"/>
  <c r="C14123" i="3"/>
  <c r="C14124" i="3"/>
  <c r="C14125" i="3"/>
  <c r="C14126" i="3"/>
  <c r="C14127" i="3"/>
  <c r="C14128" i="3"/>
  <c r="C14129" i="3"/>
  <c r="C14130" i="3"/>
  <c r="C14131" i="3"/>
  <c r="C14132" i="3"/>
  <c r="C14133" i="3"/>
  <c r="C14134" i="3"/>
  <c r="C14135" i="3"/>
  <c r="C14136" i="3"/>
  <c r="C14137" i="3"/>
  <c r="C14138" i="3"/>
  <c r="C14139" i="3"/>
  <c r="C14140" i="3"/>
  <c r="C14141" i="3"/>
  <c r="C14142" i="3"/>
  <c r="C14143" i="3"/>
  <c r="C14144" i="3"/>
  <c r="C14145" i="3"/>
  <c r="C14146" i="3"/>
  <c r="C14147" i="3"/>
  <c r="C14148" i="3"/>
  <c r="C14149" i="3"/>
  <c r="C14150" i="3"/>
  <c r="C14151" i="3"/>
  <c r="C14152" i="3"/>
  <c r="C14153" i="3"/>
  <c r="C14154" i="3"/>
  <c r="C14155" i="3"/>
  <c r="C14156" i="3"/>
  <c r="C14157" i="3"/>
  <c r="C14158" i="3"/>
  <c r="C14159" i="3"/>
  <c r="C14160" i="3"/>
  <c r="C14161" i="3"/>
  <c r="C14162" i="3"/>
  <c r="C14163" i="3"/>
  <c r="C14164" i="3"/>
  <c r="C14165" i="3"/>
  <c r="C14166" i="3"/>
  <c r="C14167" i="3"/>
  <c r="C14168" i="3"/>
  <c r="C14169" i="3"/>
  <c r="C14170" i="3"/>
  <c r="C14171" i="3"/>
  <c r="C14172" i="3"/>
  <c r="C14173" i="3"/>
  <c r="C14174" i="3"/>
  <c r="C14175" i="3"/>
  <c r="C14176" i="3"/>
  <c r="C14177" i="3"/>
  <c r="C14178" i="3"/>
  <c r="C14179" i="3"/>
  <c r="C14180" i="3"/>
  <c r="C14181" i="3"/>
  <c r="C14182" i="3"/>
  <c r="C14183" i="3"/>
  <c r="C14184" i="3"/>
  <c r="C14185" i="3"/>
  <c r="C14186" i="3"/>
  <c r="C14187" i="3"/>
  <c r="C14188" i="3"/>
  <c r="C14189" i="3"/>
  <c r="C14190" i="3"/>
  <c r="C14191" i="3"/>
  <c r="C14192" i="3"/>
  <c r="C14193" i="3"/>
  <c r="C14194" i="3"/>
  <c r="C14195" i="3"/>
  <c r="C14196" i="3"/>
  <c r="C14197" i="3"/>
  <c r="C14198" i="3"/>
  <c r="C14199" i="3"/>
  <c r="C14200" i="3"/>
  <c r="C14201" i="3"/>
  <c r="C14202" i="3"/>
  <c r="C14203" i="3"/>
  <c r="C14204" i="3"/>
  <c r="C14205" i="3"/>
  <c r="C14206" i="3"/>
  <c r="C14207" i="3"/>
  <c r="C14208" i="3"/>
  <c r="C14209" i="3"/>
  <c r="C14210" i="3"/>
  <c r="C14211" i="3"/>
  <c r="C14212" i="3"/>
  <c r="C14213" i="3"/>
  <c r="C14214" i="3"/>
  <c r="C14215" i="3"/>
  <c r="C14216" i="3"/>
  <c r="C14217" i="3"/>
  <c r="C14218" i="3"/>
  <c r="C14219" i="3"/>
  <c r="C14220" i="3"/>
  <c r="C14221" i="3"/>
  <c r="C14222" i="3"/>
  <c r="C14223" i="3"/>
  <c r="C14224" i="3"/>
  <c r="C14225" i="3"/>
  <c r="C14226" i="3"/>
  <c r="C14227" i="3"/>
  <c r="C14228" i="3"/>
  <c r="C14229" i="3"/>
  <c r="C14230" i="3"/>
  <c r="C14231" i="3"/>
  <c r="C14232" i="3"/>
  <c r="C14233" i="3"/>
  <c r="C14234" i="3"/>
  <c r="C14235" i="3"/>
  <c r="C14236" i="3"/>
  <c r="C14237" i="3"/>
  <c r="C14238" i="3"/>
  <c r="C14239" i="3"/>
  <c r="C14240" i="3"/>
  <c r="C14241" i="3"/>
  <c r="C14242" i="3"/>
  <c r="C14243" i="3"/>
  <c r="C14244" i="3"/>
  <c r="C14245" i="3"/>
  <c r="C14246" i="3"/>
  <c r="C14247" i="3"/>
  <c r="C14248" i="3"/>
  <c r="C14249" i="3"/>
  <c r="C14250" i="3"/>
  <c r="C14251" i="3"/>
  <c r="C14252" i="3"/>
  <c r="C14253" i="3"/>
  <c r="C14254" i="3"/>
  <c r="C14255" i="3"/>
  <c r="C14256" i="3"/>
  <c r="C14257" i="3"/>
  <c r="C14258" i="3"/>
  <c r="C14259" i="3"/>
  <c r="C14260" i="3"/>
  <c r="C14261" i="3"/>
  <c r="C14262" i="3"/>
  <c r="C14263" i="3"/>
  <c r="C14264" i="3"/>
  <c r="C14265" i="3"/>
  <c r="C14266" i="3"/>
  <c r="C14267" i="3"/>
  <c r="C14268" i="3"/>
  <c r="C14269" i="3"/>
  <c r="C14270" i="3"/>
  <c r="C14271" i="3"/>
  <c r="C14272" i="3"/>
  <c r="C14273" i="3"/>
  <c r="C14274" i="3"/>
  <c r="C14275" i="3"/>
  <c r="C14276" i="3"/>
  <c r="C14277" i="3"/>
  <c r="C14278" i="3"/>
  <c r="C14279" i="3"/>
  <c r="C14280" i="3"/>
  <c r="C14281" i="3"/>
  <c r="C14282" i="3"/>
  <c r="C14283" i="3"/>
  <c r="C14284" i="3"/>
  <c r="C14285" i="3"/>
  <c r="C14286" i="3"/>
  <c r="C14287" i="3"/>
  <c r="C14288" i="3"/>
  <c r="C14289" i="3"/>
  <c r="C14290" i="3"/>
  <c r="C14291" i="3"/>
  <c r="C14292" i="3"/>
  <c r="C14293" i="3"/>
  <c r="C14294" i="3"/>
  <c r="C14295" i="3"/>
  <c r="C14296" i="3"/>
  <c r="C14297" i="3"/>
  <c r="C14298" i="3"/>
  <c r="C14299" i="3"/>
  <c r="C14300" i="3"/>
  <c r="C14301" i="3"/>
  <c r="C14302" i="3"/>
  <c r="C14303" i="3"/>
  <c r="C14304" i="3"/>
  <c r="C14305" i="3"/>
  <c r="C14306" i="3"/>
  <c r="C14307" i="3"/>
  <c r="C14308" i="3"/>
  <c r="C14309" i="3"/>
  <c r="C14310" i="3"/>
  <c r="C14311" i="3"/>
  <c r="C14312" i="3"/>
  <c r="C14313" i="3"/>
  <c r="C14314" i="3"/>
  <c r="C14315" i="3"/>
  <c r="C14316" i="3"/>
  <c r="C14317" i="3"/>
  <c r="C14318" i="3"/>
  <c r="C14319" i="3"/>
  <c r="C14320" i="3"/>
  <c r="C14321" i="3"/>
  <c r="C14322" i="3"/>
  <c r="C14323" i="3"/>
  <c r="C14324" i="3"/>
  <c r="C14325" i="3"/>
  <c r="C14326" i="3"/>
  <c r="C14327" i="3"/>
  <c r="C14328" i="3"/>
  <c r="C14329" i="3"/>
  <c r="C14330" i="3"/>
  <c r="C14331" i="3"/>
  <c r="C14332" i="3"/>
  <c r="C14333" i="3"/>
  <c r="C14334" i="3"/>
  <c r="C14335" i="3"/>
  <c r="C14336" i="3"/>
  <c r="C14337" i="3"/>
  <c r="C14338" i="3"/>
  <c r="C14339" i="3"/>
  <c r="C14340" i="3"/>
  <c r="C14341" i="3"/>
  <c r="C14342" i="3"/>
  <c r="C14343" i="3"/>
  <c r="C14344" i="3"/>
  <c r="C14345" i="3"/>
  <c r="C14346" i="3"/>
  <c r="C14347" i="3"/>
  <c r="C14348" i="3"/>
  <c r="C14349" i="3"/>
  <c r="C14350" i="3"/>
  <c r="C14351" i="3"/>
  <c r="C14352" i="3"/>
  <c r="C14353" i="3"/>
  <c r="C14354" i="3"/>
  <c r="C14355" i="3"/>
  <c r="C14356" i="3"/>
  <c r="C14357" i="3"/>
  <c r="C14358" i="3"/>
  <c r="C14359" i="3"/>
  <c r="C14360" i="3"/>
  <c r="C14361" i="3"/>
  <c r="C14362" i="3"/>
  <c r="C14363" i="3"/>
  <c r="C14364" i="3"/>
  <c r="C14365" i="3"/>
  <c r="C14366" i="3"/>
  <c r="C14367" i="3"/>
  <c r="C14368" i="3"/>
  <c r="C14369" i="3"/>
  <c r="C14370" i="3"/>
  <c r="C14371" i="3"/>
  <c r="C14372" i="3"/>
  <c r="C14373" i="3"/>
  <c r="C14374" i="3"/>
  <c r="C14375" i="3"/>
  <c r="C14376" i="3"/>
  <c r="C14377" i="3"/>
  <c r="C14378" i="3"/>
  <c r="C14379" i="3"/>
  <c r="C14380" i="3"/>
  <c r="C14381" i="3"/>
  <c r="C14382" i="3"/>
  <c r="C14383" i="3"/>
  <c r="C14384" i="3"/>
  <c r="C14385" i="3"/>
  <c r="C14386" i="3"/>
  <c r="C14387" i="3"/>
  <c r="C14388" i="3"/>
  <c r="C14389" i="3"/>
  <c r="C14390" i="3"/>
  <c r="C14391" i="3"/>
  <c r="C14392" i="3"/>
  <c r="C14393" i="3"/>
  <c r="C14394" i="3"/>
  <c r="C14395" i="3"/>
  <c r="C14396" i="3"/>
  <c r="C14397" i="3"/>
  <c r="C14398" i="3"/>
  <c r="C14399" i="3"/>
  <c r="C14400" i="3"/>
  <c r="C14401" i="3"/>
  <c r="C14402" i="3"/>
  <c r="C14403" i="3"/>
  <c r="C14404" i="3"/>
  <c r="C14405" i="3"/>
  <c r="C14406" i="3"/>
  <c r="C14407" i="3"/>
  <c r="C14408" i="3"/>
  <c r="C14409" i="3"/>
  <c r="C14410" i="3"/>
  <c r="C14411" i="3"/>
  <c r="C14412" i="3"/>
  <c r="C14413" i="3"/>
  <c r="C14414" i="3"/>
  <c r="C14415" i="3"/>
  <c r="C14416" i="3"/>
  <c r="C14417" i="3"/>
  <c r="C14418" i="3"/>
  <c r="C14419" i="3"/>
  <c r="C14420" i="3"/>
  <c r="C14421" i="3"/>
  <c r="C14422" i="3"/>
  <c r="C14423" i="3"/>
  <c r="C14424" i="3"/>
  <c r="C14425" i="3"/>
  <c r="C14426" i="3"/>
  <c r="C14427" i="3"/>
  <c r="C14428" i="3"/>
  <c r="C14429" i="3"/>
  <c r="C14430" i="3"/>
  <c r="C14431" i="3"/>
  <c r="C14432" i="3"/>
  <c r="C14433" i="3"/>
  <c r="C14434" i="3"/>
  <c r="C14435" i="3"/>
  <c r="C14436" i="3"/>
  <c r="C14437" i="3"/>
  <c r="C14438" i="3"/>
  <c r="C14439" i="3"/>
  <c r="C14440" i="3"/>
  <c r="C14441" i="3"/>
  <c r="C14442" i="3"/>
  <c r="C14443" i="3"/>
  <c r="C14444" i="3"/>
  <c r="C14445" i="3"/>
  <c r="C14446" i="3"/>
  <c r="C14447" i="3"/>
  <c r="C14448" i="3"/>
  <c r="C14449" i="3"/>
  <c r="C14450" i="3"/>
  <c r="C14451" i="3"/>
  <c r="C14452" i="3"/>
  <c r="C14453" i="3"/>
  <c r="C14454" i="3"/>
  <c r="C14455" i="3"/>
  <c r="C14456" i="3"/>
  <c r="C14457" i="3"/>
  <c r="C14458" i="3"/>
  <c r="C14459" i="3"/>
  <c r="C14460" i="3"/>
  <c r="C14461" i="3"/>
  <c r="C14462" i="3"/>
  <c r="C14463" i="3"/>
  <c r="C14464" i="3"/>
  <c r="C14465" i="3"/>
  <c r="C14466" i="3"/>
  <c r="C14467" i="3"/>
  <c r="C14468" i="3"/>
  <c r="C14469" i="3"/>
  <c r="C14470" i="3"/>
  <c r="C14471" i="3"/>
  <c r="C14472" i="3"/>
  <c r="C14473" i="3"/>
  <c r="C14474" i="3"/>
  <c r="C14475" i="3"/>
  <c r="C14476" i="3"/>
  <c r="C14477" i="3"/>
  <c r="C14478" i="3"/>
  <c r="C14479" i="3"/>
  <c r="C14480" i="3"/>
  <c r="C14481" i="3"/>
  <c r="C14482" i="3"/>
  <c r="C14483" i="3"/>
  <c r="C14484" i="3"/>
  <c r="C14485" i="3"/>
  <c r="C14486" i="3"/>
  <c r="C14487" i="3"/>
  <c r="C14488" i="3"/>
  <c r="C14489" i="3"/>
  <c r="C14490" i="3"/>
  <c r="C14491" i="3"/>
  <c r="C14492" i="3"/>
  <c r="C14493" i="3"/>
  <c r="C14494" i="3"/>
  <c r="C14495" i="3"/>
  <c r="C14496" i="3"/>
  <c r="C14497" i="3"/>
  <c r="C14498" i="3"/>
  <c r="C14499" i="3"/>
  <c r="C14500" i="3"/>
  <c r="C14501" i="3"/>
  <c r="C14502" i="3"/>
  <c r="C14503" i="3"/>
  <c r="C14504" i="3"/>
  <c r="C14505" i="3"/>
  <c r="C14506" i="3"/>
  <c r="C14507" i="3"/>
  <c r="C14508" i="3"/>
  <c r="C14509" i="3"/>
  <c r="C14510" i="3"/>
  <c r="C14511" i="3"/>
  <c r="C14512" i="3"/>
  <c r="C14513" i="3"/>
  <c r="C14514" i="3"/>
  <c r="C14515" i="3"/>
  <c r="C14516" i="3"/>
  <c r="C14517" i="3"/>
  <c r="C14518" i="3"/>
  <c r="C14519" i="3"/>
  <c r="C14520" i="3"/>
  <c r="C14521" i="3"/>
  <c r="C14522" i="3"/>
  <c r="C14523" i="3"/>
  <c r="C14524" i="3"/>
  <c r="C14525" i="3"/>
  <c r="C14526" i="3"/>
  <c r="C14527" i="3"/>
  <c r="C14528" i="3"/>
  <c r="C14529" i="3"/>
  <c r="C14530" i="3"/>
  <c r="C14531" i="3"/>
  <c r="C14532" i="3"/>
  <c r="C14533" i="3"/>
  <c r="C14534" i="3"/>
  <c r="C14535" i="3"/>
  <c r="C14536" i="3"/>
  <c r="C14537" i="3"/>
  <c r="C14538" i="3"/>
  <c r="C14539" i="3"/>
  <c r="C14540" i="3"/>
  <c r="C14541" i="3"/>
  <c r="C14542" i="3"/>
  <c r="C14543" i="3"/>
  <c r="C14544" i="3"/>
  <c r="C14545" i="3"/>
  <c r="C14546" i="3"/>
  <c r="C14547" i="3"/>
  <c r="C14548" i="3"/>
  <c r="C14549" i="3"/>
  <c r="C14550" i="3"/>
  <c r="C14551" i="3"/>
  <c r="C14552" i="3"/>
  <c r="C14553" i="3"/>
  <c r="C14554" i="3"/>
  <c r="C14555" i="3"/>
  <c r="C14556" i="3"/>
  <c r="C14557" i="3"/>
  <c r="C14558" i="3"/>
  <c r="C14559" i="3"/>
  <c r="C14560" i="3"/>
  <c r="C14561" i="3"/>
  <c r="C14562" i="3"/>
  <c r="C14563" i="3"/>
  <c r="C14564" i="3"/>
  <c r="C14565" i="3"/>
  <c r="C14566" i="3"/>
  <c r="C14567" i="3"/>
  <c r="C14568" i="3"/>
  <c r="C14569" i="3"/>
  <c r="C14570" i="3"/>
  <c r="C14571" i="3"/>
  <c r="C14572" i="3"/>
  <c r="C14573" i="3"/>
  <c r="C14574" i="3"/>
  <c r="C14575" i="3"/>
  <c r="C14576" i="3"/>
  <c r="C14577" i="3"/>
  <c r="C14578" i="3"/>
  <c r="C14579" i="3"/>
  <c r="C14580" i="3"/>
  <c r="C14581" i="3"/>
  <c r="C14582" i="3"/>
  <c r="C14583" i="3"/>
  <c r="C14584" i="3"/>
  <c r="C14585" i="3"/>
  <c r="C14586" i="3"/>
  <c r="C14587" i="3"/>
  <c r="C14588" i="3"/>
  <c r="C14589" i="3"/>
  <c r="C14590" i="3"/>
  <c r="C14591" i="3"/>
  <c r="C14592" i="3"/>
  <c r="C14593" i="3"/>
  <c r="C14594" i="3"/>
  <c r="C14595" i="3"/>
  <c r="C14596" i="3"/>
  <c r="C14597" i="3"/>
  <c r="C14598" i="3"/>
  <c r="C14599" i="3"/>
  <c r="C14600" i="3"/>
  <c r="C14601" i="3"/>
  <c r="C14602" i="3"/>
  <c r="C14603" i="3"/>
  <c r="C14604" i="3"/>
  <c r="C14605" i="3"/>
  <c r="C14606" i="3"/>
  <c r="C14607" i="3"/>
  <c r="C14608" i="3"/>
  <c r="C14609" i="3"/>
  <c r="C14610" i="3"/>
  <c r="C14611" i="3"/>
  <c r="C14612" i="3"/>
  <c r="C14613" i="3"/>
  <c r="C14614" i="3"/>
  <c r="C14615" i="3"/>
  <c r="C14616" i="3"/>
  <c r="C14617" i="3"/>
  <c r="C14618" i="3"/>
  <c r="C14619" i="3"/>
  <c r="C14620" i="3"/>
  <c r="C14621" i="3"/>
  <c r="C14622" i="3"/>
  <c r="C14623" i="3"/>
  <c r="C14624" i="3"/>
  <c r="C14625" i="3"/>
  <c r="C14626" i="3"/>
  <c r="C14627" i="3"/>
  <c r="C14628" i="3"/>
  <c r="C14629" i="3"/>
  <c r="C14630" i="3"/>
  <c r="C14631" i="3"/>
  <c r="C14632" i="3"/>
  <c r="C14633" i="3"/>
  <c r="C14634" i="3"/>
  <c r="C14635" i="3"/>
  <c r="C14636" i="3"/>
  <c r="C14637" i="3"/>
  <c r="C14638" i="3"/>
  <c r="C14639" i="3"/>
  <c r="C14640" i="3"/>
  <c r="C14641" i="3"/>
  <c r="C14642" i="3"/>
  <c r="C14643" i="3"/>
  <c r="C14644" i="3"/>
  <c r="C14645" i="3"/>
  <c r="C14646" i="3"/>
  <c r="C14647" i="3"/>
  <c r="C14648" i="3"/>
  <c r="C14649" i="3"/>
  <c r="C14650" i="3"/>
  <c r="C14651" i="3"/>
  <c r="C14652" i="3"/>
  <c r="C14653" i="3"/>
  <c r="C14654" i="3"/>
  <c r="C14655" i="3"/>
  <c r="C14656" i="3"/>
  <c r="C14657" i="3"/>
  <c r="C14658" i="3"/>
  <c r="C14659" i="3"/>
  <c r="C14660" i="3"/>
  <c r="C14661" i="3"/>
  <c r="C14662" i="3"/>
  <c r="C14663" i="3"/>
  <c r="C14664" i="3"/>
  <c r="C14665" i="3"/>
  <c r="C14666" i="3"/>
  <c r="C14667" i="3"/>
  <c r="C14668" i="3"/>
  <c r="C14669" i="3"/>
  <c r="C14670" i="3"/>
  <c r="C14671" i="3"/>
  <c r="C14672" i="3"/>
  <c r="C14673" i="3"/>
  <c r="C14674" i="3"/>
  <c r="C14675" i="3"/>
  <c r="C14676" i="3"/>
  <c r="C14677" i="3"/>
  <c r="C14678" i="3"/>
  <c r="C14679" i="3"/>
  <c r="C14680" i="3"/>
  <c r="C14681" i="3"/>
  <c r="C14682" i="3"/>
  <c r="C14683" i="3"/>
  <c r="C14684" i="3"/>
  <c r="C14685" i="3"/>
  <c r="C14686" i="3"/>
  <c r="C14687" i="3"/>
  <c r="C14688" i="3"/>
  <c r="C14689" i="3"/>
  <c r="C14690" i="3"/>
  <c r="C14691" i="3"/>
  <c r="C14692" i="3"/>
  <c r="C14693" i="3"/>
  <c r="C14694" i="3"/>
  <c r="C14695" i="3"/>
  <c r="C14696" i="3"/>
  <c r="C14697" i="3"/>
  <c r="C14698" i="3"/>
  <c r="C14699" i="3"/>
  <c r="C14700" i="3"/>
  <c r="C14701" i="3"/>
  <c r="C14702" i="3"/>
  <c r="C14703" i="3"/>
  <c r="C14704" i="3"/>
  <c r="C14705" i="3"/>
  <c r="C14706" i="3"/>
  <c r="C14707" i="3"/>
  <c r="C14708" i="3"/>
  <c r="C14709" i="3"/>
  <c r="C14710" i="3"/>
  <c r="C14711" i="3"/>
  <c r="C14712" i="3"/>
  <c r="C14713" i="3"/>
  <c r="C14714" i="3"/>
  <c r="C14715" i="3"/>
  <c r="C14716" i="3"/>
  <c r="C14717" i="3"/>
  <c r="C14718" i="3"/>
  <c r="C14719" i="3"/>
  <c r="C14720" i="3"/>
  <c r="C14721" i="3"/>
  <c r="C14722" i="3"/>
  <c r="C14723" i="3"/>
  <c r="C14724" i="3"/>
  <c r="C14725" i="3"/>
  <c r="C14726" i="3"/>
  <c r="C14727" i="3"/>
  <c r="C14728" i="3"/>
  <c r="C14729" i="3"/>
  <c r="C14730" i="3"/>
  <c r="C14731" i="3"/>
  <c r="C14732" i="3"/>
  <c r="C14733" i="3"/>
  <c r="C14734" i="3"/>
  <c r="C14735" i="3"/>
  <c r="C14736" i="3"/>
  <c r="C14737" i="3"/>
  <c r="C14738" i="3"/>
  <c r="C14739" i="3"/>
  <c r="C14740" i="3"/>
  <c r="C14741" i="3"/>
  <c r="C14742" i="3"/>
  <c r="C14743" i="3"/>
  <c r="C14744" i="3"/>
  <c r="C14745" i="3"/>
  <c r="C14746" i="3"/>
  <c r="C14747" i="3"/>
  <c r="C14748" i="3"/>
  <c r="C14749" i="3"/>
  <c r="C14750" i="3"/>
  <c r="C14751" i="3"/>
  <c r="C14752" i="3"/>
  <c r="C14753" i="3"/>
  <c r="C14754" i="3"/>
  <c r="C14755" i="3"/>
  <c r="C14756" i="3"/>
  <c r="C14757" i="3"/>
  <c r="C14758" i="3"/>
  <c r="C14759" i="3"/>
  <c r="C14760" i="3"/>
  <c r="C14761" i="3"/>
  <c r="C14762" i="3"/>
  <c r="C14763" i="3"/>
  <c r="C14764" i="3"/>
  <c r="C14765" i="3"/>
  <c r="C14766" i="3"/>
  <c r="C14767" i="3"/>
  <c r="C14768" i="3"/>
  <c r="C14769" i="3"/>
  <c r="C14770" i="3"/>
  <c r="C14771" i="3"/>
  <c r="C14772" i="3"/>
  <c r="C14773" i="3"/>
  <c r="C14774" i="3"/>
  <c r="C14775" i="3"/>
  <c r="C14776" i="3"/>
  <c r="C14777" i="3"/>
  <c r="C14778" i="3"/>
  <c r="C14779" i="3"/>
  <c r="C14780" i="3"/>
  <c r="C14781" i="3"/>
  <c r="C14782" i="3"/>
  <c r="C14783" i="3"/>
  <c r="C14784" i="3"/>
  <c r="C14785" i="3"/>
  <c r="C14786" i="3"/>
  <c r="C14787" i="3"/>
  <c r="C14788" i="3"/>
  <c r="C14789" i="3"/>
  <c r="C14790" i="3"/>
  <c r="C14791" i="3"/>
  <c r="C14792" i="3"/>
  <c r="C14793" i="3"/>
  <c r="C14794" i="3"/>
  <c r="C14795" i="3"/>
  <c r="C14796" i="3"/>
  <c r="C14797" i="3"/>
  <c r="C14798" i="3"/>
  <c r="C14799" i="3"/>
  <c r="C14800" i="3"/>
  <c r="C14801" i="3"/>
  <c r="C14802" i="3"/>
  <c r="C14803" i="3"/>
  <c r="C14804" i="3"/>
  <c r="C14805" i="3"/>
  <c r="C14806" i="3"/>
  <c r="C14807" i="3"/>
  <c r="C14808" i="3"/>
  <c r="C14809" i="3"/>
  <c r="C14810" i="3"/>
  <c r="C14811" i="3"/>
  <c r="C14812" i="3"/>
  <c r="C14813" i="3"/>
  <c r="C14814" i="3"/>
  <c r="C14815" i="3"/>
  <c r="C14816" i="3"/>
  <c r="C14817" i="3"/>
  <c r="C14818" i="3"/>
  <c r="C14819" i="3"/>
  <c r="C14820" i="3"/>
  <c r="C14821" i="3"/>
  <c r="C14822" i="3"/>
  <c r="C14823" i="3"/>
  <c r="C14824" i="3"/>
  <c r="C14825" i="3"/>
  <c r="C14826" i="3"/>
  <c r="C14827" i="3"/>
  <c r="C14828" i="3"/>
  <c r="C14829" i="3"/>
  <c r="C14830" i="3"/>
  <c r="C14831" i="3"/>
  <c r="C14832" i="3"/>
  <c r="C14833" i="3"/>
  <c r="C14834" i="3"/>
  <c r="C14835" i="3"/>
  <c r="C14836" i="3"/>
  <c r="C14837" i="3"/>
  <c r="C14838" i="3"/>
  <c r="C14839" i="3"/>
  <c r="C14840" i="3"/>
  <c r="C14841" i="3"/>
  <c r="C14842" i="3"/>
  <c r="C14843" i="3"/>
  <c r="C14844" i="3"/>
  <c r="C14845" i="3"/>
  <c r="C14846" i="3"/>
  <c r="C14847" i="3"/>
  <c r="C14848" i="3"/>
  <c r="C14849" i="3"/>
  <c r="C14850" i="3"/>
  <c r="C14851" i="3"/>
  <c r="C14852" i="3"/>
  <c r="C14853" i="3"/>
  <c r="C14854" i="3"/>
  <c r="C14855" i="3"/>
  <c r="C14856" i="3"/>
  <c r="C14857" i="3"/>
  <c r="C14858" i="3"/>
  <c r="C14859" i="3"/>
  <c r="C14860" i="3"/>
  <c r="C14861" i="3"/>
  <c r="C14862" i="3"/>
  <c r="C14863" i="3"/>
  <c r="C14864" i="3"/>
  <c r="C14865" i="3"/>
  <c r="C14866" i="3"/>
  <c r="C14867" i="3"/>
  <c r="C14868" i="3"/>
  <c r="C14869" i="3"/>
  <c r="C14870" i="3"/>
  <c r="C14871" i="3"/>
  <c r="C14872" i="3"/>
  <c r="C14873" i="3"/>
  <c r="C14874" i="3"/>
  <c r="C14875" i="3"/>
  <c r="C14876" i="3"/>
  <c r="C14877" i="3"/>
  <c r="C14878" i="3"/>
  <c r="C14879" i="3"/>
  <c r="C14880" i="3"/>
  <c r="C14881" i="3"/>
  <c r="C14882" i="3"/>
  <c r="C14883" i="3"/>
  <c r="C14884" i="3"/>
  <c r="C14885" i="3"/>
  <c r="C14886" i="3"/>
  <c r="C14887" i="3"/>
  <c r="C14888" i="3"/>
  <c r="C14889" i="3"/>
  <c r="C14890" i="3"/>
  <c r="C14891" i="3"/>
  <c r="C14892" i="3"/>
  <c r="C14893" i="3"/>
  <c r="C14894" i="3"/>
  <c r="C14895" i="3"/>
  <c r="C14896" i="3"/>
  <c r="C14897" i="3"/>
  <c r="C14898" i="3"/>
  <c r="C14899" i="3"/>
  <c r="C14900" i="3"/>
  <c r="C14901" i="3"/>
  <c r="C14902" i="3"/>
  <c r="C14903" i="3"/>
  <c r="C14904" i="3"/>
  <c r="C14905" i="3"/>
  <c r="C14906" i="3"/>
  <c r="C14907" i="3"/>
  <c r="C14908" i="3"/>
  <c r="C14909" i="3"/>
  <c r="C14910" i="3"/>
  <c r="C14911" i="3"/>
  <c r="C14912" i="3"/>
  <c r="C14913" i="3"/>
  <c r="C14914" i="3"/>
  <c r="C14915" i="3"/>
  <c r="C14916" i="3"/>
  <c r="C14917" i="3"/>
  <c r="C14918" i="3"/>
  <c r="C14919" i="3"/>
  <c r="C14920" i="3"/>
  <c r="C14921" i="3"/>
  <c r="C14922" i="3"/>
  <c r="C14923" i="3"/>
  <c r="C14924" i="3"/>
  <c r="C14925" i="3"/>
  <c r="C14926" i="3"/>
  <c r="C14927" i="3"/>
  <c r="C14928" i="3"/>
  <c r="C14929" i="3"/>
  <c r="C14930" i="3"/>
  <c r="C14931" i="3"/>
  <c r="C14932" i="3"/>
  <c r="C14933" i="3"/>
  <c r="C14934" i="3"/>
  <c r="C14935" i="3"/>
  <c r="C14936" i="3"/>
  <c r="C14937" i="3"/>
  <c r="C14938" i="3"/>
  <c r="C14939" i="3"/>
  <c r="C14940" i="3"/>
  <c r="C14941" i="3"/>
  <c r="C14942" i="3"/>
  <c r="C14943" i="3"/>
  <c r="C14944" i="3"/>
  <c r="C14945" i="3"/>
  <c r="C14946" i="3"/>
  <c r="C14947" i="3"/>
  <c r="C14948" i="3"/>
  <c r="C14949" i="3"/>
  <c r="C14950" i="3"/>
  <c r="C14951" i="3"/>
  <c r="C14952" i="3"/>
  <c r="C14953" i="3"/>
  <c r="C14954" i="3"/>
  <c r="C14955" i="3"/>
  <c r="C14956" i="3"/>
  <c r="C14957" i="3"/>
  <c r="C14958" i="3"/>
  <c r="C14959" i="3"/>
  <c r="C14960" i="3"/>
  <c r="C14961" i="3"/>
  <c r="C14962" i="3"/>
  <c r="C14963" i="3"/>
  <c r="C14964" i="3"/>
  <c r="C14965" i="3"/>
  <c r="C14966" i="3"/>
  <c r="C14967" i="3"/>
  <c r="C14968" i="3"/>
  <c r="C14969" i="3"/>
  <c r="C14970" i="3"/>
  <c r="C14971" i="3"/>
  <c r="C14972" i="3"/>
  <c r="C14973" i="3"/>
  <c r="C14974" i="3"/>
  <c r="C14975" i="3"/>
  <c r="C14976" i="3"/>
  <c r="C14977" i="3"/>
  <c r="C14978" i="3"/>
  <c r="C14979" i="3"/>
  <c r="C14980" i="3"/>
  <c r="C14981" i="3"/>
  <c r="C14982" i="3"/>
  <c r="C14983" i="3"/>
  <c r="C14984" i="3"/>
  <c r="C14985" i="3"/>
  <c r="C14986" i="3"/>
  <c r="C14987" i="3"/>
  <c r="C14988" i="3"/>
  <c r="C14989" i="3"/>
  <c r="C14990" i="3"/>
  <c r="C14991" i="3"/>
  <c r="C14992" i="3"/>
  <c r="C14993" i="3"/>
  <c r="C14994" i="3"/>
  <c r="C14995" i="3"/>
  <c r="C14996" i="3"/>
  <c r="C14997" i="3"/>
  <c r="C14998" i="3"/>
  <c r="C14999" i="3"/>
  <c r="C15000" i="3"/>
  <c r="C15001" i="3"/>
  <c r="C15002" i="3"/>
  <c r="C15003" i="3"/>
  <c r="C15004" i="3"/>
  <c r="C15005" i="3"/>
  <c r="C15006" i="3"/>
  <c r="C15007" i="3"/>
  <c r="C15008" i="3"/>
  <c r="C15009" i="3"/>
  <c r="C15010" i="3"/>
  <c r="C15011" i="3"/>
  <c r="C15012" i="3"/>
  <c r="C15013" i="3"/>
  <c r="C15014" i="3"/>
  <c r="C15015" i="3"/>
  <c r="C15016" i="3"/>
  <c r="C15017" i="3"/>
  <c r="C15018" i="3"/>
  <c r="C15019" i="3"/>
  <c r="C15020" i="3"/>
  <c r="C15021" i="3"/>
  <c r="C15022" i="3"/>
  <c r="C15023" i="3"/>
  <c r="C15024" i="3"/>
  <c r="C15025" i="3"/>
  <c r="C15026" i="3"/>
  <c r="C15027" i="3"/>
  <c r="C15028" i="3"/>
  <c r="C15029" i="3"/>
  <c r="C15030" i="3"/>
  <c r="C15031" i="3"/>
  <c r="C15032" i="3"/>
  <c r="C15033" i="3"/>
  <c r="C15034" i="3"/>
  <c r="C15035" i="3"/>
  <c r="C15036" i="3"/>
  <c r="C15037" i="3"/>
  <c r="C15038" i="3"/>
  <c r="C15039" i="3"/>
  <c r="C15040" i="3"/>
  <c r="C15041" i="3"/>
  <c r="C15042" i="3"/>
  <c r="C15043" i="3"/>
  <c r="C15044" i="3"/>
  <c r="C15045" i="3"/>
  <c r="C15046" i="3"/>
  <c r="C15047" i="3"/>
  <c r="C15048" i="3"/>
  <c r="C15049" i="3"/>
  <c r="C15050" i="3"/>
  <c r="C15051" i="3"/>
  <c r="C15052" i="3"/>
  <c r="C15053" i="3"/>
  <c r="C15054" i="3"/>
  <c r="C15055" i="3"/>
  <c r="C15056" i="3"/>
  <c r="C15057" i="3"/>
  <c r="C15058" i="3"/>
  <c r="C15059" i="3"/>
  <c r="C15060" i="3"/>
  <c r="C15061" i="3"/>
  <c r="C15062" i="3"/>
  <c r="C15063" i="3"/>
  <c r="C15064" i="3"/>
  <c r="C15065" i="3"/>
  <c r="C15066" i="3"/>
  <c r="C15067" i="3"/>
  <c r="C15068" i="3"/>
  <c r="C15069" i="3"/>
  <c r="C15070" i="3"/>
  <c r="C15071" i="3"/>
  <c r="C15072" i="3"/>
  <c r="C15073" i="3"/>
  <c r="C15074" i="3"/>
  <c r="C15075" i="3"/>
  <c r="C15076" i="3"/>
  <c r="C15077" i="3"/>
  <c r="C15078" i="3"/>
  <c r="C15079" i="3"/>
  <c r="C15080" i="3"/>
  <c r="C15081" i="3"/>
  <c r="C15082" i="3"/>
  <c r="C15083" i="3"/>
  <c r="C15084" i="3"/>
  <c r="C15085" i="3"/>
  <c r="C15086" i="3"/>
  <c r="C15087" i="3"/>
  <c r="C15088" i="3"/>
  <c r="C15089" i="3"/>
  <c r="C15090" i="3"/>
  <c r="C15091" i="3"/>
  <c r="C15092" i="3"/>
  <c r="C15093" i="3"/>
  <c r="C15094" i="3"/>
  <c r="C15095" i="3"/>
  <c r="C15096" i="3"/>
  <c r="C15097" i="3"/>
  <c r="C15098" i="3"/>
  <c r="C15099" i="3"/>
  <c r="C15100" i="3"/>
  <c r="C15101" i="3"/>
  <c r="C15102" i="3"/>
  <c r="C15103" i="3"/>
  <c r="C15104" i="3"/>
  <c r="C15105" i="3"/>
  <c r="C15106" i="3"/>
  <c r="C15107" i="3"/>
  <c r="C15108" i="3"/>
  <c r="C15109" i="3"/>
  <c r="C15110" i="3"/>
  <c r="C15111" i="3"/>
  <c r="C15112" i="3"/>
  <c r="C15113" i="3"/>
  <c r="C15114" i="3"/>
  <c r="C15115" i="3"/>
  <c r="C15116" i="3"/>
  <c r="C15117" i="3"/>
  <c r="C15118" i="3"/>
  <c r="C15119" i="3"/>
  <c r="C15120" i="3"/>
  <c r="C15121" i="3"/>
  <c r="C15122" i="3"/>
  <c r="C15123" i="3"/>
  <c r="C15124" i="3"/>
  <c r="C15125" i="3"/>
  <c r="C15126" i="3"/>
  <c r="C15127" i="3"/>
  <c r="C15128" i="3"/>
  <c r="C15129" i="3"/>
  <c r="C15130" i="3"/>
  <c r="C15131" i="3"/>
  <c r="C15132" i="3"/>
  <c r="C15133" i="3"/>
  <c r="C15134" i="3"/>
  <c r="C15135" i="3"/>
  <c r="C15136" i="3"/>
  <c r="C15137" i="3"/>
  <c r="C15138" i="3"/>
  <c r="C15139" i="3"/>
  <c r="C15140" i="3"/>
  <c r="C15141" i="3"/>
  <c r="C15142" i="3"/>
  <c r="C15143" i="3"/>
  <c r="C15144" i="3"/>
  <c r="C15145" i="3"/>
  <c r="C15146" i="3"/>
  <c r="C15147" i="3"/>
  <c r="C15148" i="3"/>
  <c r="C15149" i="3"/>
  <c r="C15150" i="3"/>
  <c r="C15151" i="3"/>
  <c r="C15152" i="3"/>
  <c r="C15153" i="3"/>
  <c r="C15154" i="3"/>
  <c r="C15155" i="3"/>
  <c r="C15156" i="3"/>
  <c r="C15157" i="3"/>
  <c r="C15158" i="3"/>
  <c r="C15159" i="3"/>
  <c r="C15160" i="3"/>
  <c r="C15161" i="3"/>
  <c r="C15162" i="3"/>
  <c r="C15163" i="3"/>
  <c r="C15164" i="3"/>
  <c r="C15165" i="3"/>
  <c r="C15166" i="3"/>
  <c r="C15167" i="3"/>
  <c r="C15168" i="3"/>
  <c r="C15169" i="3"/>
  <c r="C15170" i="3"/>
  <c r="C15171" i="3"/>
  <c r="C15172" i="3"/>
  <c r="C15173" i="3"/>
  <c r="C15174" i="3"/>
  <c r="C15175" i="3"/>
  <c r="C15176" i="3"/>
  <c r="C15177" i="3"/>
  <c r="C15178" i="3"/>
  <c r="C15179" i="3"/>
  <c r="C15180" i="3"/>
  <c r="C15181" i="3"/>
  <c r="C15182" i="3"/>
  <c r="C15183" i="3"/>
  <c r="C15184" i="3"/>
  <c r="C15185" i="3"/>
  <c r="C15186" i="3"/>
  <c r="C15187" i="3"/>
  <c r="C15188" i="3"/>
  <c r="C15189" i="3"/>
  <c r="C15190" i="3"/>
  <c r="C15191" i="3"/>
  <c r="C15192" i="3"/>
  <c r="C15193" i="3"/>
  <c r="C15194" i="3"/>
  <c r="C15195" i="3"/>
  <c r="C15196" i="3"/>
  <c r="C15197" i="3"/>
  <c r="C15198" i="3"/>
  <c r="C15199" i="3"/>
  <c r="C15200" i="3"/>
  <c r="C15201" i="3"/>
  <c r="C15202" i="3"/>
  <c r="C15203" i="3"/>
  <c r="C15204" i="3"/>
  <c r="C15205" i="3"/>
  <c r="C15206" i="3"/>
  <c r="C15207" i="3"/>
  <c r="C15208" i="3"/>
  <c r="C15209" i="3"/>
  <c r="C15210" i="3"/>
  <c r="C15211" i="3"/>
  <c r="C15212" i="3"/>
  <c r="C15213" i="3"/>
  <c r="C15214" i="3"/>
  <c r="C15215" i="3"/>
  <c r="C15216" i="3"/>
  <c r="C15217" i="3"/>
  <c r="C15218" i="3"/>
  <c r="C15219" i="3"/>
  <c r="C15220" i="3"/>
  <c r="C15221" i="3"/>
  <c r="C15222" i="3"/>
  <c r="C15223" i="3"/>
  <c r="C15224" i="3"/>
  <c r="C15225" i="3"/>
  <c r="C15226" i="3"/>
  <c r="C15227" i="3"/>
  <c r="C15228" i="3"/>
  <c r="C15229" i="3"/>
  <c r="C15230" i="3"/>
  <c r="C15231" i="3"/>
  <c r="C15232" i="3"/>
  <c r="C15233" i="3"/>
  <c r="C15234" i="3"/>
  <c r="C15235" i="3"/>
  <c r="C15236" i="3"/>
  <c r="C15237" i="3"/>
  <c r="C15238" i="3"/>
  <c r="C15239" i="3"/>
  <c r="C15240" i="3"/>
  <c r="C15241" i="3"/>
  <c r="C15242" i="3"/>
  <c r="C15243" i="3"/>
  <c r="C15244" i="3"/>
  <c r="C15245" i="3"/>
  <c r="C15246" i="3"/>
  <c r="C15247" i="3"/>
  <c r="C15248" i="3"/>
  <c r="C15249" i="3"/>
  <c r="C15250" i="3"/>
  <c r="C15251" i="3"/>
  <c r="C15252" i="3"/>
  <c r="C15253" i="3"/>
  <c r="C15254" i="3"/>
  <c r="C15255" i="3"/>
  <c r="C15256" i="3"/>
  <c r="C15257" i="3"/>
  <c r="C15258" i="3"/>
  <c r="C15259" i="3"/>
  <c r="C15260" i="3"/>
  <c r="C15261" i="3"/>
  <c r="C15262" i="3"/>
  <c r="C15263" i="3"/>
  <c r="C15264" i="3"/>
  <c r="C15265" i="3"/>
  <c r="C15266" i="3"/>
  <c r="C15267" i="3"/>
  <c r="C15268" i="3"/>
  <c r="C15269" i="3"/>
  <c r="C15270" i="3"/>
  <c r="C15271" i="3"/>
  <c r="C15272" i="3"/>
  <c r="C15273" i="3"/>
  <c r="C15274" i="3"/>
  <c r="C15275" i="3"/>
  <c r="C15276" i="3"/>
  <c r="C15277" i="3"/>
  <c r="C15278" i="3"/>
  <c r="C15279" i="3"/>
  <c r="C15280" i="3"/>
  <c r="C15281" i="3"/>
  <c r="C15282" i="3"/>
  <c r="C15283" i="3"/>
  <c r="C15284" i="3"/>
  <c r="C15285" i="3"/>
  <c r="C15286" i="3"/>
  <c r="C15287" i="3"/>
  <c r="C15288" i="3"/>
  <c r="C15289" i="3"/>
  <c r="C15290" i="3"/>
  <c r="C15291" i="3"/>
  <c r="C15292" i="3"/>
  <c r="C15293" i="3"/>
  <c r="C15294" i="3"/>
  <c r="C15295" i="3"/>
  <c r="C15296" i="3"/>
  <c r="C15297" i="3"/>
  <c r="C15298" i="3"/>
  <c r="C15299" i="3"/>
  <c r="C15300" i="3"/>
  <c r="C15301" i="3"/>
  <c r="C15302" i="3"/>
  <c r="C15303" i="3"/>
  <c r="C15304" i="3"/>
  <c r="C15305" i="3"/>
  <c r="C15306" i="3"/>
  <c r="C15307" i="3"/>
  <c r="C15308" i="3"/>
  <c r="C15309" i="3"/>
  <c r="C15310" i="3"/>
  <c r="C15311" i="3"/>
  <c r="C15312" i="3"/>
  <c r="C15313" i="3"/>
  <c r="C15314" i="3"/>
  <c r="C15315" i="3"/>
  <c r="C15316" i="3"/>
  <c r="C15317" i="3"/>
  <c r="C15318" i="3"/>
  <c r="C15319" i="3"/>
  <c r="C15320" i="3"/>
  <c r="C15321" i="3"/>
  <c r="C15322" i="3"/>
  <c r="C15323" i="3"/>
  <c r="C15324" i="3"/>
  <c r="C15325" i="3"/>
  <c r="C15326" i="3"/>
  <c r="C15327" i="3"/>
  <c r="C15328" i="3"/>
  <c r="C15329" i="3"/>
  <c r="C15330" i="3"/>
  <c r="C15331" i="3"/>
  <c r="C15332" i="3"/>
  <c r="C15333" i="3"/>
  <c r="C15334" i="3"/>
  <c r="C15335" i="3"/>
  <c r="C15336" i="3"/>
  <c r="C15337" i="3"/>
  <c r="C15338" i="3"/>
  <c r="C15339" i="3"/>
  <c r="C15340" i="3"/>
  <c r="C15341" i="3"/>
  <c r="C15342" i="3"/>
  <c r="C15343" i="3"/>
  <c r="C15344" i="3"/>
  <c r="C15345" i="3"/>
  <c r="C15346" i="3"/>
  <c r="C15347" i="3"/>
  <c r="C15348" i="3"/>
  <c r="C15349" i="3"/>
  <c r="C15350" i="3"/>
  <c r="C15351" i="3"/>
  <c r="C15352" i="3"/>
  <c r="C15353" i="3"/>
  <c r="C15354" i="3"/>
  <c r="C15355" i="3"/>
  <c r="C15356" i="3"/>
  <c r="C15357" i="3"/>
  <c r="C15358" i="3"/>
  <c r="C15359" i="3"/>
  <c r="C15360" i="3"/>
  <c r="C15361" i="3"/>
  <c r="C15362" i="3"/>
  <c r="C15363" i="3"/>
  <c r="C15364" i="3"/>
  <c r="C15365" i="3"/>
  <c r="C15366" i="3"/>
  <c r="C15367" i="3"/>
  <c r="C15368" i="3"/>
  <c r="C15369" i="3"/>
  <c r="C15370" i="3"/>
  <c r="C15371" i="3"/>
  <c r="C15372" i="3"/>
  <c r="C15373" i="3"/>
  <c r="C15374" i="3"/>
  <c r="C15375" i="3"/>
  <c r="C15376" i="3"/>
  <c r="C15377" i="3"/>
  <c r="C15378" i="3"/>
  <c r="C15379" i="3"/>
  <c r="C15380" i="3"/>
  <c r="C15381" i="3"/>
  <c r="C15382" i="3"/>
  <c r="C15383" i="3"/>
  <c r="C15384" i="3"/>
  <c r="C15385" i="3"/>
  <c r="C15386" i="3"/>
  <c r="C15387" i="3"/>
  <c r="C15388" i="3"/>
  <c r="C15389" i="3"/>
  <c r="C15390" i="3"/>
  <c r="C15391" i="3"/>
  <c r="C15392" i="3"/>
  <c r="C15393" i="3"/>
  <c r="C15394" i="3"/>
  <c r="C15395" i="3"/>
  <c r="C15396" i="3"/>
  <c r="C15397" i="3"/>
  <c r="C15398" i="3"/>
  <c r="C15399" i="3"/>
  <c r="C15400" i="3"/>
  <c r="C15401" i="3"/>
  <c r="C15402" i="3"/>
  <c r="C15403" i="3"/>
  <c r="C15404" i="3"/>
  <c r="C15405" i="3"/>
  <c r="C15406" i="3"/>
  <c r="C15407" i="3"/>
  <c r="C15408" i="3"/>
  <c r="C15409" i="3"/>
  <c r="C15410" i="3"/>
  <c r="C15411" i="3"/>
  <c r="C15412" i="3"/>
  <c r="C15413" i="3"/>
  <c r="C15414" i="3"/>
  <c r="C15415" i="3"/>
  <c r="C15416" i="3"/>
  <c r="C15417" i="3"/>
  <c r="C15418" i="3"/>
  <c r="C15419" i="3"/>
  <c r="C15420" i="3"/>
  <c r="C15421" i="3"/>
  <c r="C15422" i="3"/>
  <c r="C15423" i="3"/>
  <c r="C15424" i="3"/>
  <c r="C15425" i="3"/>
  <c r="C15426" i="3"/>
  <c r="C15427" i="3"/>
  <c r="C15428" i="3"/>
  <c r="C15429" i="3"/>
  <c r="C15430" i="3"/>
  <c r="C15431" i="3"/>
  <c r="C15432" i="3"/>
  <c r="C15433" i="3"/>
  <c r="C15434" i="3"/>
  <c r="C15435" i="3"/>
  <c r="C15436" i="3"/>
  <c r="C15437" i="3"/>
  <c r="C15438" i="3"/>
  <c r="C15439" i="3"/>
  <c r="C15440" i="3"/>
  <c r="C15441" i="3"/>
  <c r="C15442" i="3"/>
  <c r="C15443" i="3"/>
  <c r="C15444" i="3"/>
  <c r="C15445" i="3"/>
  <c r="C15446" i="3"/>
  <c r="C15447" i="3"/>
  <c r="C15448" i="3"/>
  <c r="C15449" i="3"/>
  <c r="C15450" i="3"/>
  <c r="C15451" i="3"/>
  <c r="C15452" i="3"/>
  <c r="C15453" i="3"/>
  <c r="C15454" i="3"/>
  <c r="C15455" i="3"/>
  <c r="C15456" i="3"/>
  <c r="C15457" i="3"/>
  <c r="C15458" i="3"/>
  <c r="C15459" i="3"/>
  <c r="C15460" i="3"/>
  <c r="C15461" i="3"/>
  <c r="C15462" i="3"/>
  <c r="C15463" i="3"/>
  <c r="C15464" i="3"/>
  <c r="C15465" i="3"/>
  <c r="C15466" i="3"/>
  <c r="C15467" i="3"/>
  <c r="C15468" i="3"/>
  <c r="C15469" i="3"/>
  <c r="C15470" i="3"/>
  <c r="C15471" i="3"/>
  <c r="C15472" i="3"/>
  <c r="C15473" i="3"/>
  <c r="C15474" i="3"/>
  <c r="C15475" i="3"/>
  <c r="C15476" i="3"/>
  <c r="C15477" i="3"/>
  <c r="C15478" i="3"/>
  <c r="C15479" i="3"/>
  <c r="C15480" i="3"/>
  <c r="C15481" i="3"/>
  <c r="C15482" i="3"/>
  <c r="C15483" i="3"/>
  <c r="C15484" i="3"/>
  <c r="C15485" i="3"/>
  <c r="C15486" i="3"/>
  <c r="C15487" i="3"/>
  <c r="C15488" i="3"/>
  <c r="C15489" i="3"/>
  <c r="C15490" i="3"/>
  <c r="C15491" i="3"/>
  <c r="C15492" i="3"/>
  <c r="C15493" i="3"/>
  <c r="C15494" i="3"/>
  <c r="C15495" i="3"/>
  <c r="C15496" i="3"/>
  <c r="C15497" i="3"/>
  <c r="C15498" i="3"/>
  <c r="C15499" i="3"/>
  <c r="C15500" i="3"/>
  <c r="C15501" i="3"/>
  <c r="C15502" i="3"/>
  <c r="C15503" i="3"/>
  <c r="C15504" i="3"/>
  <c r="C15505" i="3"/>
  <c r="C15506" i="3"/>
  <c r="C15507" i="3"/>
  <c r="C15508" i="3"/>
  <c r="C15509" i="3"/>
  <c r="C15510" i="3"/>
  <c r="C15511" i="3"/>
  <c r="C15512" i="3"/>
  <c r="C15513" i="3"/>
  <c r="C15514" i="3"/>
  <c r="C15515" i="3"/>
  <c r="C15516" i="3"/>
  <c r="C15517" i="3"/>
  <c r="C15518" i="3"/>
  <c r="C15519" i="3"/>
  <c r="C15520" i="3"/>
  <c r="C15521" i="3"/>
  <c r="C15522" i="3"/>
  <c r="C15523" i="3"/>
  <c r="C15524" i="3"/>
  <c r="C15525" i="3"/>
  <c r="C15526" i="3"/>
  <c r="C15527" i="3"/>
  <c r="C15528" i="3"/>
  <c r="C15529" i="3"/>
  <c r="C15530" i="3"/>
  <c r="C15531" i="3"/>
  <c r="C15532" i="3"/>
  <c r="C15533" i="3"/>
  <c r="C15534" i="3"/>
  <c r="C15535" i="3"/>
  <c r="C15536" i="3"/>
  <c r="C15537" i="3"/>
  <c r="C15538" i="3"/>
  <c r="C15539" i="3"/>
  <c r="C15540" i="3"/>
  <c r="C15541" i="3"/>
  <c r="C15542" i="3"/>
  <c r="C15543" i="3"/>
  <c r="C15544" i="3"/>
  <c r="C15545" i="3"/>
  <c r="C15546" i="3"/>
  <c r="C15547" i="3"/>
  <c r="C15548" i="3"/>
  <c r="C15549" i="3"/>
  <c r="C15550" i="3"/>
  <c r="C15551" i="3"/>
  <c r="C15552" i="3"/>
  <c r="C15553" i="3"/>
  <c r="C15554" i="3"/>
  <c r="C15555" i="3"/>
  <c r="C15556" i="3"/>
  <c r="C15557" i="3"/>
  <c r="C15558" i="3"/>
  <c r="C15559" i="3"/>
  <c r="C15560" i="3"/>
  <c r="C15561" i="3"/>
  <c r="C15562" i="3"/>
  <c r="C15563" i="3"/>
  <c r="C15564" i="3"/>
  <c r="C15565" i="3"/>
  <c r="C15566" i="3"/>
  <c r="C15567" i="3"/>
  <c r="C15568" i="3"/>
  <c r="C15569" i="3"/>
  <c r="C15570" i="3"/>
  <c r="C15571" i="3"/>
  <c r="C15572" i="3"/>
  <c r="C15573" i="3"/>
  <c r="C15574" i="3"/>
  <c r="C15575" i="3"/>
  <c r="C15576" i="3"/>
  <c r="C15577" i="3"/>
  <c r="C15578" i="3"/>
  <c r="C15579" i="3"/>
  <c r="C15580" i="3"/>
  <c r="C15581" i="3"/>
  <c r="C15582" i="3"/>
  <c r="C15583" i="3"/>
  <c r="C15584" i="3"/>
  <c r="C15585" i="3"/>
  <c r="C15586" i="3"/>
  <c r="C15587" i="3"/>
  <c r="C15588" i="3"/>
  <c r="C15589" i="3"/>
  <c r="C15590" i="3"/>
  <c r="C15591" i="3"/>
  <c r="C15592" i="3"/>
  <c r="C15593" i="3"/>
  <c r="C15594" i="3"/>
  <c r="C15595" i="3"/>
  <c r="C15596" i="3"/>
  <c r="C15597" i="3"/>
  <c r="C15598" i="3"/>
  <c r="C15599" i="3"/>
  <c r="C15600" i="3"/>
  <c r="C15601" i="3"/>
  <c r="C15602" i="3"/>
  <c r="C15603" i="3"/>
  <c r="C15604" i="3"/>
  <c r="C15605" i="3"/>
  <c r="C15606" i="3"/>
  <c r="C15607" i="3"/>
  <c r="C15608" i="3"/>
  <c r="C15609" i="3"/>
  <c r="C15610" i="3"/>
  <c r="C15611" i="3"/>
  <c r="C15612" i="3"/>
  <c r="C15613" i="3"/>
  <c r="C15614" i="3"/>
  <c r="C15615" i="3"/>
  <c r="C15616" i="3"/>
  <c r="C15617" i="3"/>
  <c r="C15618" i="3"/>
  <c r="C15619" i="3"/>
  <c r="C15620" i="3"/>
  <c r="C15621" i="3"/>
  <c r="C15622" i="3"/>
  <c r="C15623" i="3"/>
  <c r="C15624" i="3"/>
  <c r="C15625" i="3"/>
  <c r="C15626" i="3"/>
  <c r="C15627" i="3"/>
  <c r="C15628" i="3"/>
  <c r="C15629" i="3"/>
  <c r="C15630" i="3"/>
  <c r="C15631" i="3"/>
  <c r="C15632" i="3"/>
  <c r="C15633" i="3"/>
  <c r="C15634" i="3"/>
  <c r="C15635" i="3"/>
  <c r="C15636" i="3"/>
  <c r="C15637" i="3"/>
  <c r="C15638" i="3"/>
  <c r="C15639" i="3"/>
  <c r="C15640" i="3"/>
  <c r="C15641" i="3"/>
  <c r="C15642" i="3"/>
  <c r="C15643" i="3"/>
  <c r="C15644" i="3"/>
  <c r="C15645" i="3"/>
  <c r="C15646" i="3"/>
  <c r="C15647" i="3"/>
  <c r="C15648" i="3"/>
  <c r="C15649" i="3"/>
  <c r="C15650" i="3"/>
  <c r="C15651" i="3"/>
  <c r="C15652" i="3"/>
  <c r="C15653" i="3"/>
  <c r="C15654" i="3"/>
  <c r="C15655" i="3"/>
  <c r="C15656" i="3"/>
  <c r="C15657" i="3"/>
  <c r="C15658" i="3"/>
  <c r="C15659" i="3"/>
  <c r="C15660" i="3"/>
  <c r="C15661" i="3"/>
  <c r="C15662" i="3"/>
  <c r="C15663" i="3"/>
  <c r="C15664" i="3"/>
  <c r="C15665" i="3"/>
  <c r="C15666" i="3"/>
  <c r="C15667" i="3"/>
  <c r="C15668" i="3"/>
  <c r="C15669" i="3"/>
  <c r="C15670" i="3"/>
  <c r="C15671" i="3"/>
  <c r="C15672" i="3"/>
  <c r="C15673" i="3"/>
  <c r="C15674" i="3"/>
  <c r="C15675" i="3"/>
  <c r="C15676" i="3"/>
  <c r="C15677" i="3"/>
  <c r="C15678" i="3"/>
  <c r="C15679" i="3"/>
  <c r="C15680" i="3"/>
  <c r="C15681" i="3"/>
  <c r="C15682" i="3"/>
  <c r="C15683" i="3"/>
  <c r="C15684" i="3"/>
  <c r="C15685" i="3"/>
  <c r="C15686" i="3"/>
  <c r="C15687" i="3"/>
  <c r="C15688" i="3"/>
  <c r="C15689" i="3"/>
  <c r="C15690" i="3"/>
  <c r="C15691" i="3"/>
  <c r="C15692" i="3"/>
  <c r="C15693" i="3"/>
  <c r="C15694" i="3"/>
  <c r="C15695" i="3"/>
  <c r="C15696" i="3"/>
  <c r="C15697" i="3"/>
  <c r="C15698" i="3"/>
  <c r="C15699" i="3"/>
  <c r="C15700" i="3"/>
  <c r="C15701" i="3"/>
  <c r="C15702" i="3"/>
  <c r="C15703" i="3"/>
  <c r="C15704" i="3"/>
  <c r="C15705" i="3"/>
  <c r="C15706" i="3"/>
  <c r="C15707" i="3"/>
  <c r="C15708" i="3"/>
  <c r="C15709" i="3"/>
  <c r="C15710" i="3"/>
  <c r="C15711" i="3"/>
  <c r="C15712" i="3"/>
  <c r="C15713" i="3"/>
  <c r="C15714" i="3"/>
  <c r="C15715" i="3"/>
  <c r="C15716" i="3"/>
  <c r="C15717" i="3"/>
  <c r="C15718" i="3"/>
  <c r="C15719" i="3"/>
  <c r="C15720" i="3"/>
  <c r="C15721" i="3"/>
  <c r="C15722" i="3"/>
  <c r="C15723" i="3"/>
  <c r="C15724" i="3"/>
  <c r="C15725" i="3"/>
  <c r="C15726" i="3"/>
  <c r="C15727" i="3"/>
  <c r="C15728" i="3"/>
  <c r="C15729" i="3"/>
  <c r="C15730" i="3"/>
  <c r="C15731" i="3"/>
  <c r="C15732" i="3"/>
  <c r="C15733" i="3"/>
  <c r="C15734" i="3"/>
  <c r="C15735" i="3"/>
  <c r="C15736" i="3"/>
  <c r="C15737" i="3"/>
  <c r="C15738" i="3"/>
  <c r="C15739" i="3"/>
  <c r="C15740" i="3"/>
  <c r="C15741" i="3"/>
  <c r="C15742" i="3"/>
  <c r="C15743" i="3"/>
  <c r="C15744" i="3"/>
  <c r="C15745" i="3"/>
  <c r="C15746" i="3"/>
  <c r="C15747" i="3"/>
  <c r="C15748" i="3"/>
  <c r="C15749" i="3"/>
  <c r="C15750" i="3"/>
  <c r="C15751" i="3"/>
  <c r="C15752" i="3"/>
  <c r="C15753" i="3"/>
  <c r="C15754" i="3"/>
  <c r="C15755" i="3"/>
  <c r="C15756" i="3"/>
  <c r="C15757" i="3"/>
  <c r="C15758" i="3"/>
  <c r="C15759" i="3"/>
  <c r="C15760" i="3"/>
  <c r="C15761" i="3"/>
  <c r="C15762" i="3"/>
  <c r="C15763" i="3"/>
  <c r="C15764" i="3"/>
  <c r="C15765" i="3"/>
  <c r="C15766" i="3"/>
  <c r="C15767" i="3"/>
  <c r="C15768" i="3"/>
  <c r="C15769" i="3"/>
  <c r="C15770" i="3"/>
  <c r="C15771" i="3"/>
  <c r="C15772" i="3"/>
  <c r="C15773" i="3"/>
  <c r="C15774" i="3"/>
  <c r="C15775" i="3"/>
  <c r="C15776" i="3"/>
  <c r="C15777" i="3"/>
  <c r="C15778" i="3"/>
  <c r="C15779" i="3"/>
  <c r="C15780" i="3"/>
  <c r="C15781" i="3"/>
  <c r="C15782" i="3"/>
  <c r="C15783" i="3"/>
  <c r="C15784" i="3"/>
  <c r="C15785" i="3"/>
  <c r="C15786" i="3"/>
  <c r="C15787" i="3"/>
  <c r="C15788" i="3"/>
  <c r="C15789" i="3"/>
  <c r="C15790" i="3"/>
  <c r="C15791" i="3"/>
  <c r="C15792" i="3"/>
  <c r="C15793" i="3"/>
  <c r="C15794" i="3"/>
  <c r="C15795" i="3"/>
  <c r="C15796" i="3"/>
  <c r="C15797" i="3"/>
  <c r="C15798" i="3"/>
  <c r="C15799" i="3"/>
  <c r="C15800" i="3"/>
  <c r="C15801" i="3"/>
  <c r="C15802" i="3"/>
  <c r="C15803" i="3"/>
  <c r="C15804" i="3"/>
  <c r="C15805" i="3"/>
  <c r="C15806" i="3"/>
  <c r="C15807" i="3"/>
  <c r="C15808" i="3"/>
  <c r="C15809" i="3"/>
  <c r="C15810" i="3"/>
  <c r="C15811" i="3"/>
  <c r="C15812" i="3"/>
  <c r="C15813" i="3"/>
  <c r="C15814" i="3"/>
  <c r="C15815" i="3"/>
  <c r="C15816" i="3"/>
  <c r="C15817" i="3"/>
  <c r="C15818" i="3"/>
  <c r="C15819" i="3"/>
  <c r="C15820" i="3"/>
  <c r="C15821" i="3"/>
  <c r="C15822" i="3"/>
  <c r="C15823" i="3"/>
  <c r="C15824" i="3"/>
  <c r="C15825" i="3"/>
  <c r="C15826" i="3"/>
  <c r="C15827" i="3"/>
  <c r="C15828" i="3"/>
  <c r="C15829" i="3"/>
  <c r="C15830" i="3"/>
  <c r="C15831" i="3"/>
  <c r="C15832" i="3"/>
  <c r="C15833" i="3"/>
  <c r="C15834" i="3"/>
  <c r="C15835" i="3"/>
  <c r="C15836" i="3"/>
  <c r="C15837" i="3"/>
  <c r="C15838" i="3"/>
  <c r="C15839" i="3"/>
  <c r="C15840" i="3"/>
  <c r="C15841" i="3"/>
  <c r="C15842" i="3"/>
  <c r="C15843" i="3"/>
  <c r="C15844" i="3"/>
  <c r="C15845" i="3"/>
  <c r="C15846" i="3"/>
  <c r="C15847" i="3"/>
  <c r="C15848" i="3"/>
  <c r="C15849" i="3"/>
  <c r="C15850" i="3"/>
  <c r="C15851" i="3"/>
  <c r="C15852" i="3"/>
  <c r="C15853" i="3"/>
  <c r="C15854" i="3"/>
  <c r="C15855" i="3"/>
  <c r="C15856" i="3"/>
  <c r="C15857" i="3"/>
  <c r="C15858" i="3"/>
  <c r="C15859" i="3"/>
  <c r="C15860" i="3"/>
  <c r="C15861" i="3"/>
  <c r="C15862" i="3"/>
  <c r="C15863" i="3"/>
  <c r="C15864" i="3"/>
  <c r="C15865" i="3"/>
  <c r="C15866" i="3"/>
  <c r="C15867" i="3"/>
  <c r="C15868" i="3"/>
  <c r="C15869" i="3"/>
  <c r="C15870" i="3"/>
  <c r="C15871" i="3"/>
  <c r="C15872" i="3"/>
  <c r="C15873" i="3"/>
  <c r="C15874" i="3"/>
  <c r="C15875" i="3"/>
  <c r="C15876" i="3"/>
  <c r="C15877" i="3"/>
  <c r="C15878" i="3"/>
  <c r="C15879" i="3"/>
  <c r="C15880" i="3"/>
  <c r="C15881" i="3"/>
  <c r="C15882" i="3"/>
  <c r="C15883" i="3"/>
  <c r="C15884" i="3"/>
  <c r="C15885" i="3"/>
  <c r="C15886" i="3"/>
  <c r="C15887" i="3"/>
  <c r="C15888" i="3"/>
  <c r="C15889" i="3"/>
  <c r="C15890" i="3"/>
  <c r="C15891" i="3"/>
  <c r="C15892" i="3"/>
  <c r="C15893" i="3"/>
  <c r="C15894" i="3"/>
  <c r="C15895" i="3"/>
  <c r="C15896" i="3"/>
  <c r="C15897" i="3"/>
  <c r="C15898" i="3"/>
  <c r="C15899" i="3"/>
  <c r="C15900" i="3"/>
  <c r="C15901" i="3"/>
  <c r="C15902" i="3"/>
  <c r="C15903" i="3"/>
  <c r="C15904" i="3"/>
  <c r="C15905" i="3"/>
  <c r="C15906" i="3"/>
  <c r="C15907" i="3"/>
  <c r="C15908" i="3"/>
  <c r="C15909" i="3"/>
  <c r="C15910" i="3"/>
  <c r="C15911" i="3"/>
  <c r="C15912" i="3"/>
  <c r="C15913" i="3"/>
  <c r="C15914" i="3"/>
  <c r="C15915" i="3"/>
  <c r="C15916" i="3"/>
  <c r="C15917" i="3"/>
  <c r="C15918" i="3"/>
  <c r="C15919" i="3"/>
  <c r="C15920" i="3"/>
  <c r="C15921" i="3"/>
  <c r="C15922" i="3"/>
  <c r="C15923" i="3"/>
  <c r="C15924" i="3"/>
  <c r="C15925" i="3"/>
  <c r="C15926" i="3"/>
  <c r="C15927" i="3"/>
  <c r="C15928" i="3"/>
  <c r="C15929" i="3"/>
  <c r="C15930" i="3"/>
  <c r="C15931" i="3"/>
  <c r="C15932" i="3"/>
  <c r="C15933" i="3"/>
  <c r="C15934" i="3"/>
  <c r="C15935" i="3"/>
  <c r="C15936" i="3"/>
  <c r="C15937" i="3"/>
  <c r="C15938" i="3"/>
  <c r="C15939" i="3"/>
  <c r="C15940" i="3"/>
  <c r="C15941" i="3"/>
  <c r="C15942" i="3"/>
  <c r="C15943" i="3"/>
  <c r="C15944" i="3"/>
  <c r="C15945" i="3"/>
  <c r="C15946" i="3"/>
  <c r="C15947" i="3"/>
  <c r="C15948" i="3"/>
  <c r="C15949" i="3"/>
  <c r="C15950" i="3"/>
  <c r="C15951" i="3"/>
  <c r="C15952" i="3"/>
  <c r="C15953" i="3"/>
  <c r="C15954" i="3"/>
  <c r="C15955" i="3"/>
  <c r="C15956" i="3"/>
  <c r="C15957" i="3"/>
  <c r="C15958" i="3"/>
  <c r="C15959" i="3"/>
  <c r="C15960" i="3"/>
  <c r="C15961" i="3"/>
  <c r="C15962" i="3"/>
  <c r="C15963" i="3"/>
  <c r="C15964" i="3"/>
  <c r="C15965" i="3"/>
  <c r="C15966" i="3"/>
  <c r="C15967" i="3"/>
  <c r="C15968" i="3"/>
  <c r="C15969" i="3"/>
  <c r="C15970" i="3"/>
  <c r="C15971" i="3"/>
  <c r="C15972" i="3"/>
  <c r="C15973" i="3"/>
  <c r="C15974" i="3"/>
  <c r="C15975" i="3"/>
  <c r="C15976" i="3"/>
  <c r="C15977" i="3"/>
  <c r="C15978" i="3"/>
  <c r="C15979" i="3"/>
  <c r="C15980" i="3"/>
  <c r="C15981" i="3"/>
  <c r="C15982" i="3"/>
  <c r="C15983" i="3"/>
  <c r="C15984" i="3"/>
  <c r="C15985" i="3"/>
  <c r="C15986" i="3"/>
  <c r="C15987" i="3"/>
  <c r="C15988" i="3"/>
  <c r="C15989" i="3"/>
  <c r="C15990" i="3"/>
  <c r="C15991" i="3"/>
  <c r="C15992" i="3"/>
  <c r="C15993" i="3"/>
  <c r="C15994" i="3"/>
  <c r="C15995" i="3"/>
  <c r="C15996" i="3"/>
  <c r="C15997" i="3"/>
  <c r="C15998" i="3"/>
  <c r="C15999" i="3"/>
  <c r="C16000" i="3"/>
  <c r="C16001" i="3"/>
  <c r="C16002" i="3"/>
  <c r="C16003" i="3"/>
  <c r="C16004" i="3"/>
  <c r="C16005" i="3"/>
  <c r="C16006" i="3"/>
  <c r="C16007" i="3"/>
  <c r="C16008" i="3"/>
  <c r="C16009" i="3"/>
  <c r="C16010" i="3"/>
  <c r="C16011" i="3"/>
  <c r="C16012" i="3"/>
  <c r="C16013" i="3"/>
  <c r="C16014" i="3"/>
  <c r="C16015" i="3"/>
  <c r="C16016" i="3"/>
  <c r="C16017" i="3"/>
  <c r="C16018" i="3"/>
  <c r="C16019" i="3"/>
  <c r="C16020" i="3"/>
  <c r="C16021" i="3"/>
  <c r="C16022" i="3"/>
  <c r="C16023" i="3"/>
  <c r="C16024" i="3"/>
  <c r="C16025" i="3"/>
  <c r="C16026" i="3"/>
  <c r="C16027" i="3"/>
  <c r="C16028" i="3"/>
  <c r="C16029" i="3"/>
  <c r="C16030" i="3"/>
  <c r="C16031" i="3"/>
  <c r="C16032" i="3"/>
  <c r="C16033" i="3"/>
  <c r="C16034" i="3"/>
  <c r="C16035" i="3"/>
  <c r="C16036" i="3"/>
  <c r="C16037" i="3"/>
  <c r="C16038" i="3"/>
  <c r="C16039" i="3"/>
  <c r="C16040" i="3"/>
  <c r="C16041" i="3"/>
  <c r="C16042" i="3"/>
  <c r="C16043" i="3"/>
  <c r="C16044" i="3"/>
  <c r="C16045" i="3"/>
  <c r="C16046" i="3"/>
  <c r="C16047" i="3"/>
  <c r="C16048" i="3"/>
  <c r="C16049" i="3"/>
  <c r="C16050" i="3"/>
  <c r="C16051" i="3"/>
  <c r="C16052" i="3"/>
  <c r="C16053" i="3"/>
  <c r="C16054" i="3"/>
  <c r="C16055" i="3"/>
  <c r="C16056" i="3"/>
  <c r="C16057" i="3"/>
  <c r="C16058" i="3"/>
  <c r="C16059" i="3"/>
  <c r="C16060" i="3"/>
  <c r="C16061" i="3"/>
  <c r="C16062" i="3"/>
  <c r="C16063" i="3"/>
  <c r="C16064" i="3"/>
  <c r="C16065" i="3"/>
  <c r="C16066" i="3"/>
  <c r="C16067" i="3"/>
  <c r="C16068" i="3"/>
  <c r="C16069" i="3"/>
  <c r="C16070" i="3"/>
  <c r="C16071" i="3"/>
  <c r="C16072" i="3"/>
  <c r="C16073" i="3"/>
  <c r="C16074" i="3"/>
  <c r="C16075" i="3"/>
  <c r="C16076" i="3"/>
  <c r="C16077" i="3"/>
  <c r="C16078" i="3"/>
  <c r="C16079" i="3"/>
  <c r="C16080" i="3"/>
  <c r="C16081" i="3"/>
  <c r="C16082" i="3"/>
  <c r="C16083" i="3"/>
  <c r="C16084" i="3"/>
  <c r="C16085" i="3"/>
  <c r="C16086" i="3"/>
  <c r="C16087" i="3"/>
  <c r="C16088" i="3"/>
  <c r="C16089" i="3"/>
  <c r="C16090" i="3"/>
  <c r="C16091" i="3"/>
  <c r="C16092" i="3"/>
  <c r="C16093" i="3"/>
  <c r="C16094" i="3"/>
  <c r="C16095" i="3"/>
  <c r="C16096" i="3"/>
  <c r="C16097" i="3"/>
  <c r="C16098" i="3"/>
  <c r="C16099" i="3"/>
  <c r="C16100" i="3"/>
  <c r="C16101" i="3"/>
  <c r="C16102" i="3"/>
  <c r="C16103" i="3"/>
  <c r="C16104" i="3"/>
  <c r="C16105" i="3"/>
  <c r="C16106" i="3"/>
  <c r="C16107" i="3"/>
  <c r="C16108" i="3"/>
  <c r="C16109" i="3"/>
  <c r="C16110" i="3"/>
  <c r="C16111" i="3"/>
  <c r="C16112" i="3"/>
  <c r="C16113" i="3"/>
  <c r="C16114" i="3"/>
  <c r="C16115" i="3"/>
  <c r="C16116" i="3"/>
  <c r="C16117" i="3"/>
  <c r="C16118" i="3"/>
  <c r="C16119" i="3"/>
  <c r="C16120" i="3"/>
  <c r="C16121" i="3"/>
  <c r="C16122" i="3"/>
  <c r="C16123" i="3"/>
  <c r="C16124" i="3"/>
  <c r="C16125" i="3"/>
  <c r="C16126" i="3"/>
  <c r="C16127" i="3"/>
  <c r="C16128" i="3"/>
  <c r="C16129" i="3"/>
  <c r="C16130" i="3"/>
  <c r="C16131" i="3"/>
  <c r="C16132" i="3"/>
  <c r="C16133" i="3"/>
  <c r="C16134" i="3"/>
  <c r="C16135" i="3"/>
  <c r="C16136" i="3"/>
  <c r="C16137" i="3"/>
  <c r="C16138" i="3"/>
  <c r="C16139" i="3"/>
  <c r="C16140" i="3"/>
  <c r="C16141" i="3"/>
  <c r="C16142" i="3"/>
  <c r="C16143" i="3"/>
  <c r="C16144" i="3"/>
  <c r="C16145" i="3"/>
  <c r="C16146" i="3"/>
  <c r="C16147" i="3"/>
  <c r="C16148" i="3"/>
  <c r="C16149" i="3"/>
  <c r="C16150" i="3"/>
  <c r="C16151" i="3"/>
  <c r="C16152" i="3"/>
  <c r="C16153" i="3"/>
  <c r="C16154" i="3"/>
  <c r="C16155" i="3"/>
  <c r="C16156" i="3"/>
  <c r="C16157" i="3"/>
  <c r="C16158" i="3"/>
  <c r="C16159" i="3"/>
  <c r="C16160" i="3"/>
  <c r="C16161" i="3"/>
  <c r="C16162" i="3"/>
  <c r="C16163" i="3"/>
  <c r="C16164" i="3"/>
  <c r="C16165" i="3"/>
  <c r="C16166" i="3"/>
  <c r="C16167" i="3"/>
  <c r="C16168" i="3"/>
  <c r="C16169" i="3"/>
  <c r="C16170" i="3"/>
  <c r="C16171" i="3"/>
  <c r="C16172" i="3"/>
  <c r="C16173" i="3"/>
  <c r="C16174" i="3"/>
  <c r="C16175" i="3"/>
  <c r="C16176" i="3"/>
  <c r="C16177" i="3"/>
  <c r="C16178" i="3"/>
  <c r="C16179" i="3"/>
  <c r="C16180" i="3"/>
  <c r="C16181" i="3"/>
  <c r="C16182" i="3"/>
  <c r="C16183" i="3"/>
  <c r="C16184" i="3"/>
  <c r="C16185" i="3"/>
  <c r="C16186" i="3"/>
  <c r="C16187" i="3"/>
  <c r="C16188" i="3"/>
  <c r="C16189" i="3"/>
  <c r="C16190" i="3"/>
  <c r="C16191" i="3"/>
  <c r="C16192" i="3"/>
  <c r="C16193" i="3"/>
  <c r="C16194" i="3"/>
  <c r="C16195" i="3"/>
  <c r="C16196" i="3"/>
  <c r="C16197" i="3"/>
  <c r="C16198" i="3"/>
  <c r="C16199" i="3"/>
  <c r="C16200" i="3"/>
  <c r="C16201" i="3"/>
  <c r="C16202" i="3"/>
  <c r="C16203" i="3"/>
  <c r="C16204" i="3"/>
  <c r="C16205" i="3"/>
  <c r="C16206" i="3"/>
  <c r="C16207" i="3"/>
  <c r="C16208" i="3"/>
  <c r="C16209" i="3"/>
  <c r="C16210" i="3"/>
  <c r="C16211" i="3"/>
  <c r="C16212" i="3"/>
  <c r="C16213" i="3"/>
  <c r="C16214" i="3"/>
  <c r="C16215" i="3"/>
  <c r="C16216" i="3"/>
  <c r="C16217" i="3"/>
  <c r="C16218" i="3"/>
  <c r="C16219" i="3"/>
  <c r="C16220" i="3"/>
  <c r="C16221" i="3"/>
  <c r="C16222" i="3"/>
  <c r="C16223" i="3"/>
  <c r="C16224" i="3"/>
  <c r="C16225" i="3"/>
  <c r="C16226" i="3"/>
  <c r="C16227" i="3"/>
  <c r="C16228" i="3"/>
  <c r="C16229" i="3"/>
  <c r="C16230" i="3"/>
  <c r="C16231" i="3"/>
  <c r="C16232" i="3"/>
  <c r="C16233" i="3"/>
  <c r="C16234" i="3"/>
  <c r="C16235" i="3"/>
  <c r="C16236" i="3"/>
  <c r="C16237" i="3"/>
  <c r="C16238" i="3"/>
  <c r="C16239" i="3"/>
  <c r="C16240" i="3"/>
  <c r="C16241" i="3"/>
  <c r="C16242" i="3"/>
  <c r="C16243" i="3"/>
  <c r="C16244" i="3"/>
  <c r="C16245" i="3"/>
  <c r="C16246" i="3"/>
  <c r="C16247" i="3"/>
  <c r="C16248" i="3"/>
  <c r="C16249" i="3"/>
  <c r="C16250" i="3"/>
  <c r="C16251" i="3"/>
  <c r="C16252" i="3"/>
  <c r="C16253" i="3"/>
  <c r="C16254" i="3"/>
  <c r="C16255" i="3"/>
  <c r="C16256" i="3"/>
  <c r="C16257" i="3"/>
  <c r="C16258" i="3"/>
  <c r="C16259" i="3"/>
  <c r="C16260" i="3"/>
  <c r="C16261" i="3"/>
  <c r="C16262" i="3"/>
  <c r="C16263" i="3"/>
  <c r="C16264" i="3"/>
  <c r="C16265" i="3"/>
  <c r="C16266" i="3"/>
  <c r="C16267" i="3"/>
  <c r="C16268" i="3"/>
  <c r="C16269" i="3"/>
  <c r="C16270" i="3"/>
  <c r="C16271" i="3"/>
  <c r="C16272" i="3"/>
  <c r="C16273" i="3"/>
  <c r="C16274" i="3"/>
  <c r="C16275" i="3"/>
  <c r="C16276" i="3"/>
  <c r="C16277" i="3"/>
  <c r="C16278" i="3"/>
  <c r="C16279" i="3"/>
  <c r="C16280" i="3"/>
  <c r="C16281" i="3"/>
  <c r="C16282" i="3"/>
  <c r="C16283" i="3"/>
  <c r="C16284" i="3"/>
  <c r="C16285" i="3"/>
  <c r="C16286" i="3"/>
  <c r="C16287" i="3"/>
  <c r="C16288" i="3"/>
  <c r="C16289" i="3"/>
  <c r="C16290" i="3"/>
  <c r="C16291" i="3"/>
  <c r="C16292" i="3"/>
  <c r="C16293" i="3"/>
  <c r="C16294" i="3"/>
  <c r="C16295" i="3"/>
  <c r="C16296" i="3"/>
  <c r="C16297" i="3"/>
  <c r="C16298" i="3"/>
  <c r="C16299" i="3"/>
  <c r="C16300" i="3"/>
  <c r="C16301" i="3"/>
  <c r="C16302" i="3"/>
  <c r="C16303" i="3"/>
  <c r="C16304" i="3"/>
  <c r="C16305" i="3"/>
  <c r="C16306" i="3"/>
  <c r="C16307" i="3"/>
  <c r="C16308" i="3"/>
  <c r="C16309" i="3"/>
  <c r="C16310" i="3"/>
  <c r="C16311" i="3"/>
  <c r="C16312" i="3"/>
  <c r="C16313" i="3"/>
  <c r="C16314" i="3"/>
  <c r="C16315" i="3"/>
  <c r="C16316" i="3"/>
  <c r="C16317" i="3"/>
  <c r="C16318" i="3"/>
  <c r="C16319" i="3"/>
  <c r="C16320" i="3"/>
  <c r="C16321" i="3"/>
  <c r="C16322" i="3"/>
  <c r="C16323" i="3"/>
  <c r="C16324" i="3"/>
  <c r="C16325" i="3"/>
  <c r="C16326" i="3"/>
  <c r="C16327" i="3"/>
  <c r="C16328" i="3"/>
  <c r="C16329" i="3"/>
  <c r="C16330" i="3"/>
  <c r="C16331" i="3"/>
  <c r="C16332" i="3"/>
  <c r="C16333" i="3"/>
  <c r="C16334" i="3"/>
  <c r="C16335" i="3"/>
  <c r="C16336" i="3"/>
  <c r="C16337" i="3"/>
  <c r="C16338" i="3"/>
  <c r="C16339" i="3"/>
  <c r="C16340" i="3"/>
  <c r="C16341" i="3"/>
  <c r="C16342" i="3"/>
  <c r="C16343" i="3"/>
  <c r="C16344" i="3"/>
  <c r="C16345" i="3"/>
  <c r="C16346" i="3"/>
  <c r="C16347" i="3"/>
  <c r="C16348" i="3"/>
  <c r="C16349" i="3"/>
  <c r="C16350" i="3"/>
  <c r="C16351" i="3"/>
  <c r="C16352" i="3"/>
  <c r="C16353" i="3"/>
  <c r="C16354" i="3"/>
  <c r="C16355" i="3"/>
  <c r="C16356" i="3"/>
  <c r="C16357" i="3"/>
  <c r="C16358" i="3"/>
  <c r="C16359" i="3"/>
  <c r="C16360" i="3"/>
  <c r="C16361" i="3"/>
  <c r="C16362" i="3"/>
  <c r="C16363" i="3"/>
  <c r="C16364" i="3"/>
  <c r="C16365" i="3"/>
  <c r="C16366" i="3"/>
  <c r="C16367" i="3"/>
  <c r="C16368" i="3"/>
  <c r="C16369" i="3"/>
  <c r="C16370" i="3"/>
  <c r="C16371" i="3"/>
  <c r="C16372" i="3"/>
  <c r="C16373" i="3"/>
  <c r="C16374" i="3"/>
  <c r="C16375" i="3"/>
  <c r="C16376" i="3"/>
  <c r="C16377" i="3"/>
  <c r="C16378" i="3"/>
  <c r="C16379" i="3"/>
  <c r="C16380" i="3"/>
  <c r="C16381" i="3"/>
  <c r="C16382" i="3"/>
  <c r="C16383" i="3"/>
  <c r="C16384" i="3"/>
  <c r="C16385" i="3"/>
  <c r="C16386" i="3"/>
  <c r="C16387" i="3"/>
  <c r="C16388" i="3"/>
  <c r="C16389" i="3"/>
  <c r="C16390" i="3"/>
  <c r="C16391" i="3"/>
  <c r="C16392" i="3"/>
  <c r="C16393" i="3"/>
  <c r="C16394" i="3"/>
  <c r="C16395" i="3"/>
  <c r="C16396" i="3"/>
  <c r="C16397" i="3"/>
  <c r="C16398" i="3"/>
  <c r="C16399" i="3"/>
  <c r="C16400" i="3"/>
  <c r="C16401" i="3"/>
  <c r="C16402" i="3"/>
  <c r="C16403" i="3"/>
  <c r="C16404" i="3"/>
  <c r="C16405" i="3"/>
  <c r="C16406" i="3"/>
  <c r="C16407" i="3"/>
  <c r="C16408" i="3"/>
  <c r="C16409" i="3"/>
  <c r="C16410" i="3"/>
  <c r="C16411" i="3"/>
  <c r="C16412" i="3"/>
  <c r="C16413" i="3"/>
  <c r="C16414" i="3"/>
  <c r="C16415" i="3"/>
  <c r="C16416" i="3"/>
  <c r="C16417" i="3"/>
  <c r="C16418" i="3"/>
  <c r="C16419" i="3"/>
  <c r="C16420" i="3"/>
  <c r="C16421" i="3"/>
  <c r="C16422" i="3"/>
  <c r="C16423" i="3"/>
  <c r="C16424" i="3"/>
  <c r="C16425" i="3"/>
  <c r="C16426" i="3"/>
  <c r="C16427" i="3"/>
  <c r="C16428" i="3"/>
  <c r="C16429" i="3"/>
  <c r="C16430" i="3"/>
  <c r="C16431" i="3"/>
  <c r="C16432" i="3"/>
  <c r="C16433" i="3"/>
  <c r="C16434" i="3"/>
  <c r="C16435" i="3"/>
  <c r="C16436" i="3"/>
  <c r="C16437" i="3"/>
  <c r="C16438" i="3"/>
  <c r="C16439" i="3"/>
  <c r="C16440" i="3"/>
  <c r="C16441" i="3"/>
  <c r="C16442" i="3"/>
  <c r="C16443" i="3"/>
  <c r="C16444" i="3"/>
  <c r="C16445" i="3"/>
  <c r="C16446" i="3"/>
  <c r="C16447" i="3"/>
  <c r="C16448" i="3"/>
  <c r="C16449" i="3"/>
  <c r="C16450" i="3"/>
  <c r="C16451" i="3"/>
  <c r="C16452" i="3"/>
  <c r="C16453" i="3"/>
  <c r="C16454" i="3"/>
  <c r="C16455" i="3"/>
  <c r="C16456" i="3"/>
  <c r="C16457" i="3"/>
  <c r="C16458" i="3"/>
  <c r="C16459" i="3"/>
  <c r="C16460" i="3"/>
  <c r="C16461" i="3"/>
  <c r="C16462" i="3"/>
  <c r="C16463" i="3"/>
  <c r="C16464" i="3"/>
  <c r="C16465" i="3"/>
  <c r="C16466" i="3"/>
  <c r="C16467" i="3"/>
  <c r="C16468" i="3"/>
  <c r="C16469" i="3"/>
  <c r="C16470" i="3"/>
  <c r="C16471" i="3"/>
  <c r="C16472" i="3"/>
  <c r="C16473" i="3"/>
  <c r="C16474" i="3"/>
  <c r="C16475" i="3"/>
  <c r="C16476" i="3"/>
  <c r="C16477" i="3"/>
  <c r="C16478" i="3"/>
  <c r="C16479" i="3"/>
  <c r="C16480" i="3"/>
  <c r="C16481" i="3"/>
  <c r="C16482" i="3"/>
  <c r="C16483" i="3"/>
  <c r="C16484" i="3"/>
  <c r="C16485" i="3"/>
  <c r="C16486" i="3"/>
  <c r="C16487" i="3"/>
  <c r="C16488" i="3"/>
  <c r="C16489" i="3"/>
  <c r="C16490" i="3"/>
  <c r="C16491" i="3"/>
  <c r="C16492" i="3"/>
  <c r="C16493" i="3"/>
  <c r="C16494" i="3"/>
  <c r="C16495" i="3"/>
  <c r="C16496" i="3"/>
  <c r="C16497" i="3"/>
  <c r="C16498" i="3"/>
  <c r="C16499" i="3"/>
  <c r="C16500" i="3"/>
  <c r="C16501" i="3"/>
  <c r="C16502" i="3"/>
  <c r="C16503" i="3"/>
  <c r="C16504" i="3"/>
  <c r="C16505" i="3"/>
  <c r="C16506" i="3"/>
  <c r="C16507" i="3"/>
  <c r="C16508" i="3"/>
  <c r="C16509" i="3"/>
  <c r="C16510" i="3"/>
  <c r="C16511" i="3"/>
  <c r="C16512" i="3"/>
  <c r="C16513" i="3"/>
  <c r="C16514" i="3"/>
  <c r="C16515" i="3"/>
  <c r="C16516" i="3"/>
  <c r="C16517" i="3"/>
  <c r="C16518" i="3"/>
  <c r="C16519" i="3"/>
  <c r="C16520" i="3"/>
  <c r="C16521" i="3"/>
  <c r="C16522" i="3"/>
  <c r="C16523" i="3"/>
  <c r="C16524" i="3"/>
  <c r="C16525" i="3"/>
  <c r="C16526" i="3"/>
  <c r="C16527" i="3"/>
  <c r="C16528" i="3"/>
  <c r="C16529" i="3"/>
  <c r="C16530" i="3"/>
  <c r="C16531" i="3"/>
  <c r="C16532" i="3"/>
  <c r="C16533" i="3"/>
  <c r="C16534" i="3"/>
  <c r="C16535" i="3"/>
  <c r="C16536" i="3"/>
  <c r="C16537" i="3"/>
  <c r="C16538" i="3"/>
  <c r="C16539" i="3"/>
  <c r="C16540" i="3"/>
  <c r="C16541" i="3"/>
  <c r="C16542" i="3"/>
  <c r="C16543" i="3"/>
  <c r="C16544" i="3"/>
  <c r="C16545" i="3"/>
  <c r="C16546" i="3"/>
  <c r="C16547" i="3"/>
  <c r="C16548" i="3"/>
  <c r="C16549" i="3"/>
  <c r="C16550" i="3"/>
  <c r="C16551" i="3"/>
  <c r="C16552" i="3"/>
  <c r="C16553" i="3"/>
  <c r="C16554" i="3"/>
  <c r="C16555" i="3"/>
  <c r="C16556" i="3"/>
  <c r="C16557" i="3"/>
  <c r="C16558" i="3"/>
  <c r="C16559" i="3"/>
  <c r="C16560" i="3"/>
  <c r="C16561" i="3"/>
  <c r="C16562" i="3"/>
  <c r="C16563" i="3"/>
  <c r="C16564" i="3"/>
  <c r="C16565" i="3"/>
  <c r="C16566" i="3"/>
  <c r="C16567" i="3"/>
  <c r="C16568" i="3"/>
  <c r="C16569" i="3"/>
  <c r="C16570" i="3"/>
  <c r="C16571" i="3"/>
  <c r="C16572" i="3"/>
  <c r="C16573" i="3"/>
  <c r="C16574" i="3"/>
  <c r="C16575" i="3"/>
  <c r="C16576" i="3"/>
  <c r="C16577" i="3"/>
  <c r="C16578" i="3"/>
  <c r="C16579" i="3"/>
  <c r="C16580" i="3"/>
  <c r="C16581" i="3"/>
  <c r="C16582" i="3"/>
  <c r="C16583" i="3"/>
  <c r="C16584" i="3"/>
  <c r="C16585" i="3"/>
  <c r="C16586" i="3"/>
  <c r="C16587" i="3"/>
  <c r="C16588" i="3"/>
  <c r="C16589" i="3"/>
  <c r="C16590" i="3"/>
  <c r="C16591" i="3"/>
  <c r="C16592" i="3"/>
  <c r="C16593" i="3"/>
  <c r="C16594" i="3"/>
  <c r="C16595" i="3"/>
  <c r="C16596" i="3"/>
  <c r="C16597" i="3"/>
  <c r="C16598" i="3"/>
  <c r="C16599" i="3"/>
  <c r="C16600" i="3"/>
  <c r="C16601" i="3"/>
  <c r="C16602" i="3"/>
  <c r="C16603" i="3"/>
  <c r="C16604" i="3"/>
  <c r="C16605" i="3"/>
  <c r="C16606" i="3"/>
  <c r="C16607" i="3"/>
  <c r="C16608" i="3"/>
  <c r="C16609" i="3"/>
  <c r="C16610" i="3"/>
  <c r="C16611" i="3"/>
  <c r="C16612" i="3"/>
  <c r="C16613" i="3"/>
  <c r="C16614" i="3"/>
  <c r="C16615" i="3"/>
  <c r="C16616" i="3"/>
  <c r="C16617" i="3"/>
  <c r="C16618" i="3"/>
  <c r="C16619" i="3"/>
  <c r="C16620" i="3"/>
  <c r="C16621" i="3"/>
  <c r="C16622" i="3"/>
  <c r="C16623" i="3"/>
  <c r="C16624" i="3"/>
  <c r="C16625" i="3"/>
  <c r="C16626" i="3"/>
  <c r="C16627" i="3"/>
  <c r="C16628" i="3"/>
  <c r="C16629" i="3"/>
  <c r="C16630" i="3"/>
  <c r="C16631" i="3"/>
  <c r="C16632" i="3"/>
  <c r="C16633" i="3"/>
  <c r="C16634" i="3"/>
  <c r="C16635" i="3"/>
  <c r="C16636" i="3"/>
  <c r="C16637" i="3"/>
  <c r="C16638" i="3"/>
  <c r="C16639" i="3"/>
  <c r="C16640" i="3"/>
  <c r="C16641" i="3"/>
  <c r="C16642" i="3"/>
  <c r="C16643" i="3"/>
  <c r="C16644" i="3"/>
  <c r="C16645" i="3"/>
  <c r="C16646" i="3"/>
  <c r="C16647" i="3"/>
  <c r="C16648" i="3"/>
  <c r="C16649" i="3"/>
  <c r="C16650" i="3"/>
  <c r="C16651" i="3"/>
  <c r="C16652" i="3"/>
  <c r="C16653" i="3"/>
  <c r="C16654" i="3"/>
  <c r="C16655" i="3"/>
  <c r="C16656" i="3"/>
  <c r="C16657" i="3"/>
  <c r="C16658" i="3"/>
  <c r="C16659" i="3"/>
  <c r="C16660" i="3"/>
  <c r="C16661" i="3"/>
  <c r="C16662" i="3"/>
  <c r="C16663" i="3"/>
  <c r="C16664" i="3"/>
  <c r="C16665" i="3"/>
  <c r="C16666" i="3"/>
  <c r="C16667" i="3"/>
  <c r="C16668" i="3"/>
  <c r="C16669" i="3"/>
  <c r="C16670" i="3"/>
  <c r="C16671" i="3"/>
  <c r="C16672" i="3"/>
  <c r="C16673" i="3"/>
  <c r="C16674" i="3"/>
  <c r="C16675" i="3"/>
  <c r="C16676" i="3"/>
  <c r="C16677" i="3"/>
  <c r="C16678" i="3"/>
  <c r="C16679" i="3"/>
  <c r="C16680" i="3"/>
  <c r="C16681" i="3"/>
  <c r="C16682" i="3"/>
  <c r="C16683" i="3"/>
  <c r="C16684" i="3"/>
  <c r="C16685" i="3"/>
  <c r="C16686" i="3"/>
  <c r="C16687" i="3"/>
  <c r="C16688" i="3"/>
  <c r="C16689" i="3"/>
  <c r="C16690" i="3"/>
  <c r="C16691" i="3"/>
  <c r="C16692" i="3"/>
  <c r="C16693" i="3"/>
  <c r="C16694" i="3"/>
  <c r="C16695" i="3"/>
  <c r="C16696" i="3"/>
  <c r="C16697" i="3"/>
  <c r="C16698" i="3"/>
  <c r="C16699" i="3"/>
  <c r="C16700" i="3"/>
  <c r="C16701" i="3"/>
  <c r="C16702" i="3"/>
  <c r="C16703" i="3"/>
  <c r="C16704" i="3"/>
  <c r="C16705" i="3"/>
  <c r="C16706" i="3"/>
  <c r="C16707" i="3"/>
  <c r="C16708" i="3"/>
  <c r="C16709" i="3"/>
  <c r="C16710" i="3"/>
  <c r="C16711" i="3"/>
  <c r="C16712" i="3"/>
  <c r="C16713" i="3"/>
  <c r="C16714" i="3"/>
  <c r="C16715" i="3"/>
  <c r="C16716" i="3"/>
  <c r="C16717" i="3"/>
  <c r="C16718" i="3"/>
  <c r="C16719" i="3"/>
  <c r="C16720" i="3"/>
  <c r="C16721" i="3"/>
  <c r="C16722" i="3"/>
  <c r="C16723" i="3"/>
  <c r="C16724" i="3"/>
  <c r="C16725" i="3"/>
  <c r="C16726" i="3"/>
  <c r="C16727" i="3"/>
  <c r="C16728" i="3"/>
  <c r="C16729" i="3"/>
  <c r="C16730" i="3"/>
  <c r="C16731" i="3"/>
  <c r="C16732" i="3"/>
  <c r="C16733" i="3"/>
  <c r="C16734" i="3"/>
  <c r="C16735" i="3"/>
  <c r="C16736" i="3"/>
  <c r="C16737" i="3"/>
  <c r="C16738" i="3"/>
  <c r="C16739" i="3"/>
  <c r="C16740" i="3"/>
  <c r="C16741" i="3"/>
  <c r="C16742" i="3"/>
  <c r="C16743" i="3"/>
  <c r="C16744" i="3"/>
  <c r="C16745" i="3"/>
  <c r="C16746" i="3"/>
  <c r="C16747" i="3"/>
  <c r="C16748" i="3"/>
  <c r="C16749" i="3"/>
  <c r="C16750" i="3"/>
  <c r="C16751" i="3"/>
  <c r="C16752" i="3"/>
  <c r="C16753" i="3"/>
  <c r="C16754" i="3"/>
  <c r="C16755" i="3"/>
  <c r="C16756" i="3"/>
  <c r="C16757" i="3"/>
  <c r="C16758" i="3"/>
  <c r="C16759" i="3"/>
  <c r="C16760" i="3"/>
  <c r="C16761" i="3"/>
  <c r="C16762" i="3"/>
  <c r="C16763" i="3"/>
  <c r="C16764" i="3"/>
  <c r="C16765" i="3"/>
  <c r="C16766" i="3"/>
  <c r="C16767" i="3"/>
  <c r="C16768" i="3"/>
  <c r="C16769" i="3"/>
  <c r="C16770" i="3"/>
  <c r="C16771" i="3"/>
  <c r="C16772" i="3"/>
  <c r="C16773" i="3"/>
  <c r="C16774" i="3"/>
  <c r="C16775" i="3"/>
  <c r="C16776" i="3"/>
  <c r="C16777" i="3"/>
  <c r="C16778" i="3"/>
  <c r="C16779" i="3"/>
  <c r="C16780" i="3"/>
  <c r="C16781" i="3"/>
  <c r="C16782" i="3"/>
  <c r="C16783" i="3"/>
  <c r="C16784" i="3"/>
  <c r="C16785" i="3"/>
  <c r="C16786" i="3"/>
  <c r="C16787" i="3"/>
  <c r="C16788" i="3"/>
  <c r="C16789" i="3"/>
  <c r="C16790" i="3"/>
  <c r="C16791" i="3"/>
  <c r="C16792" i="3"/>
  <c r="C16793" i="3"/>
  <c r="C16794" i="3"/>
  <c r="C16795" i="3"/>
  <c r="C16796" i="3"/>
  <c r="C16797" i="3"/>
  <c r="C16798" i="3"/>
  <c r="C16799" i="3"/>
  <c r="C16800" i="3"/>
  <c r="C16801" i="3"/>
  <c r="C16802" i="3"/>
  <c r="C16803" i="3"/>
  <c r="C16804" i="3"/>
  <c r="C16805" i="3"/>
  <c r="C16806" i="3"/>
  <c r="C16807" i="3"/>
  <c r="C16808" i="3"/>
  <c r="C16809" i="3"/>
  <c r="C16810" i="3"/>
  <c r="C16811" i="3"/>
  <c r="C16812" i="3"/>
  <c r="C16813" i="3"/>
  <c r="C16814" i="3"/>
  <c r="C16815" i="3"/>
  <c r="C16816" i="3"/>
  <c r="C16817" i="3"/>
  <c r="C16818" i="3"/>
  <c r="C16819" i="3"/>
  <c r="C16820" i="3"/>
  <c r="C16821" i="3"/>
  <c r="C16822" i="3"/>
  <c r="C16823" i="3"/>
  <c r="C16824" i="3"/>
  <c r="C16825" i="3"/>
  <c r="C16826" i="3"/>
  <c r="C16827" i="3"/>
  <c r="C16828" i="3"/>
  <c r="C16829" i="3"/>
  <c r="C16830" i="3"/>
  <c r="C16831" i="3"/>
  <c r="C16832" i="3"/>
  <c r="C16833" i="3"/>
  <c r="C16834" i="3"/>
  <c r="C16835" i="3"/>
  <c r="C16836" i="3"/>
  <c r="C16837" i="3"/>
  <c r="C16838" i="3"/>
  <c r="C16839" i="3"/>
  <c r="C16840" i="3"/>
  <c r="C16841" i="3"/>
  <c r="C16842" i="3"/>
  <c r="C16843" i="3"/>
  <c r="C16844" i="3"/>
  <c r="C16845" i="3"/>
  <c r="C16846" i="3"/>
  <c r="C16847" i="3"/>
  <c r="C16848" i="3"/>
  <c r="C16849" i="3"/>
  <c r="C16850" i="3"/>
  <c r="C16851" i="3"/>
  <c r="C16852" i="3"/>
  <c r="C16853" i="3"/>
  <c r="C16854" i="3"/>
  <c r="C16855" i="3"/>
  <c r="C16856" i="3"/>
  <c r="C16857" i="3"/>
  <c r="C16858" i="3"/>
  <c r="C16859" i="3"/>
  <c r="C16860" i="3"/>
  <c r="C16861" i="3"/>
  <c r="C16862" i="3"/>
  <c r="C16863" i="3"/>
  <c r="C16864" i="3"/>
  <c r="C16865" i="3"/>
  <c r="C16866" i="3"/>
  <c r="C16867" i="3"/>
  <c r="C16868" i="3"/>
  <c r="C16869" i="3"/>
  <c r="C16870" i="3"/>
  <c r="C16871" i="3"/>
  <c r="C16872" i="3"/>
  <c r="C16873" i="3"/>
  <c r="C16874" i="3"/>
  <c r="C16875" i="3"/>
  <c r="C16876" i="3"/>
  <c r="C16877" i="3"/>
  <c r="C16878" i="3"/>
  <c r="C16879" i="3"/>
  <c r="C16880" i="3"/>
  <c r="C16881" i="3"/>
  <c r="C16882" i="3"/>
  <c r="C16883" i="3"/>
  <c r="C16884" i="3"/>
  <c r="C16885" i="3"/>
  <c r="C16886" i="3"/>
  <c r="C16887" i="3"/>
  <c r="C16888" i="3"/>
  <c r="C16889" i="3"/>
  <c r="C16890" i="3"/>
  <c r="C16891" i="3"/>
  <c r="C16892" i="3"/>
  <c r="C16893" i="3"/>
  <c r="C16894" i="3"/>
  <c r="C16895" i="3"/>
  <c r="C16896" i="3"/>
  <c r="C16897" i="3"/>
  <c r="C16898" i="3"/>
  <c r="C16899" i="3"/>
  <c r="C16900" i="3"/>
  <c r="C16901" i="3"/>
  <c r="C16902" i="3"/>
  <c r="C16903" i="3"/>
  <c r="C16904" i="3"/>
  <c r="C16905" i="3"/>
  <c r="C16906" i="3"/>
  <c r="C16907" i="3"/>
  <c r="C16908" i="3"/>
  <c r="C16909" i="3"/>
  <c r="C16910" i="3"/>
  <c r="C16911" i="3"/>
  <c r="C16912" i="3"/>
  <c r="C16913" i="3"/>
  <c r="C16914" i="3"/>
  <c r="C16915" i="3"/>
  <c r="C16916" i="3"/>
  <c r="C16917" i="3"/>
  <c r="C16918" i="3"/>
  <c r="C16919" i="3"/>
  <c r="C16920" i="3"/>
  <c r="C16921" i="3"/>
  <c r="C16922" i="3"/>
  <c r="C16923" i="3"/>
  <c r="C16924" i="3"/>
  <c r="C16925" i="3"/>
  <c r="C16926" i="3"/>
  <c r="C16927" i="3"/>
  <c r="C16928" i="3"/>
  <c r="C16929" i="3"/>
  <c r="C16930" i="3"/>
  <c r="C16931" i="3"/>
  <c r="C16932" i="3"/>
  <c r="C16933" i="3"/>
  <c r="C16934" i="3"/>
  <c r="C16935" i="3"/>
  <c r="C16936" i="3"/>
  <c r="C16937" i="3"/>
  <c r="C16938" i="3"/>
  <c r="C16939" i="3"/>
  <c r="C16940" i="3"/>
  <c r="C16941" i="3"/>
  <c r="C16942" i="3"/>
  <c r="C16943" i="3"/>
  <c r="C16944" i="3"/>
  <c r="C16945" i="3"/>
  <c r="C16946" i="3"/>
  <c r="C16947" i="3"/>
  <c r="C16948" i="3"/>
  <c r="C16949" i="3"/>
  <c r="C16950" i="3"/>
  <c r="C16951" i="3"/>
  <c r="C16952" i="3"/>
  <c r="C16953" i="3"/>
  <c r="C16954" i="3"/>
  <c r="C16955" i="3"/>
  <c r="C16956" i="3"/>
  <c r="C16957" i="3"/>
  <c r="C16958" i="3"/>
  <c r="C16959" i="3"/>
  <c r="C16960" i="3"/>
  <c r="C16961" i="3"/>
  <c r="C16962" i="3"/>
  <c r="C16963" i="3"/>
  <c r="C16964" i="3"/>
  <c r="C16965" i="3"/>
  <c r="C16966" i="3"/>
  <c r="C16967" i="3"/>
  <c r="C16968" i="3"/>
  <c r="C16969" i="3"/>
  <c r="C16970" i="3"/>
  <c r="C16971" i="3"/>
  <c r="C16972" i="3"/>
  <c r="C16973" i="3"/>
  <c r="C16974" i="3"/>
  <c r="C16975" i="3"/>
  <c r="C16976" i="3"/>
  <c r="C16977" i="3"/>
  <c r="C16978" i="3"/>
  <c r="C16979" i="3"/>
  <c r="C16980" i="3"/>
  <c r="C16981" i="3"/>
  <c r="C16982" i="3"/>
  <c r="C16983" i="3"/>
  <c r="C16984" i="3"/>
  <c r="C16985" i="3"/>
  <c r="C16986" i="3"/>
  <c r="C16987" i="3"/>
  <c r="C16988" i="3"/>
  <c r="C16989" i="3"/>
  <c r="C16990" i="3"/>
  <c r="C16991" i="3"/>
  <c r="C16992" i="3"/>
  <c r="C16993" i="3"/>
  <c r="C16994" i="3"/>
  <c r="C16995" i="3"/>
  <c r="C16996" i="3"/>
  <c r="C16997" i="3"/>
  <c r="C16998" i="3"/>
  <c r="C16999" i="3"/>
  <c r="C17000" i="3"/>
  <c r="C17001" i="3"/>
  <c r="C17002" i="3"/>
  <c r="C17003" i="3"/>
  <c r="C17004" i="3"/>
  <c r="C17005" i="3"/>
  <c r="C17006" i="3"/>
  <c r="C17007" i="3"/>
  <c r="C17008" i="3"/>
  <c r="C17009" i="3"/>
  <c r="C17010" i="3"/>
  <c r="C17011" i="3"/>
  <c r="C17012" i="3"/>
  <c r="C17013" i="3"/>
  <c r="C17014" i="3"/>
  <c r="C17015" i="3"/>
  <c r="C17016" i="3"/>
  <c r="C17017" i="3"/>
  <c r="C17018" i="3"/>
  <c r="C17019" i="3"/>
  <c r="C17020" i="3"/>
  <c r="C17021" i="3"/>
  <c r="C17022" i="3"/>
  <c r="C17023" i="3"/>
  <c r="C17024" i="3"/>
  <c r="C17025" i="3"/>
  <c r="C17026" i="3"/>
  <c r="C17027" i="3"/>
  <c r="C17028" i="3"/>
  <c r="C17029" i="3"/>
  <c r="C17030" i="3"/>
  <c r="C17031" i="3"/>
  <c r="C17032" i="3"/>
  <c r="C17033" i="3"/>
  <c r="C17034" i="3"/>
  <c r="C17035" i="3"/>
  <c r="C17036" i="3"/>
  <c r="C17037" i="3"/>
  <c r="C17038" i="3"/>
  <c r="C17039" i="3"/>
  <c r="C17040" i="3"/>
  <c r="C17041" i="3"/>
  <c r="C17042" i="3"/>
  <c r="C17043" i="3"/>
  <c r="C17044" i="3"/>
  <c r="C17045" i="3"/>
  <c r="C17046" i="3"/>
  <c r="C17047" i="3"/>
  <c r="C17048" i="3"/>
  <c r="C17049" i="3"/>
  <c r="C17050" i="3"/>
  <c r="C17051" i="3"/>
  <c r="C17052" i="3"/>
  <c r="C17053" i="3"/>
  <c r="C17054" i="3"/>
  <c r="C17055" i="3"/>
  <c r="C17056" i="3"/>
  <c r="C17057" i="3"/>
  <c r="C17058" i="3"/>
  <c r="C17059" i="3"/>
  <c r="C17060" i="3"/>
  <c r="C17061" i="3"/>
  <c r="C17062" i="3"/>
  <c r="C17063" i="3"/>
  <c r="C17064" i="3"/>
  <c r="C17065" i="3"/>
  <c r="C17066" i="3"/>
  <c r="C17067" i="3"/>
  <c r="C17068" i="3"/>
  <c r="C17069" i="3"/>
  <c r="C17070" i="3"/>
  <c r="C17071" i="3"/>
  <c r="C17072" i="3"/>
  <c r="C17073" i="3"/>
  <c r="C17074" i="3"/>
  <c r="C17075" i="3"/>
  <c r="C17076" i="3"/>
  <c r="C17077" i="3"/>
  <c r="C17078" i="3"/>
  <c r="C17079" i="3"/>
  <c r="C17080" i="3"/>
  <c r="C17081" i="3"/>
  <c r="C17082" i="3"/>
  <c r="C17083" i="3"/>
  <c r="C17084" i="3"/>
  <c r="C17085" i="3"/>
  <c r="C17086" i="3"/>
  <c r="C17087" i="3"/>
  <c r="C17088" i="3"/>
  <c r="C17089" i="3"/>
  <c r="C17090" i="3"/>
  <c r="C17091" i="3"/>
  <c r="C17092" i="3"/>
  <c r="C17093" i="3"/>
  <c r="C17094" i="3"/>
  <c r="C17095" i="3"/>
  <c r="C17096" i="3"/>
  <c r="C17097" i="3"/>
  <c r="C17098" i="3"/>
  <c r="C17099" i="3"/>
  <c r="C17100" i="3"/>
  <c r="C17101" i="3"/>
  <c r="C17102" i="3"/>
  <c r="C17103" i="3"/>
  <c r="C17104" i="3"/>
  <c r="C17105" i="3"/>
  <c r="C17106" i="3"/>
  <c r="C17107" i="3"/>
  <c r="C17108" i="3"/>
  <c r="C17109" i="3"/>
  <c r="C17110" i="3"/>
  <c r="C17111" i="3"/>
  <c r="C17112" i="3"/>
  <c r="C17113" i="3"/>
  <c r="C17114" i="3"/>
  <c r="C17115" i="3"/>
  <c r="C17116" i="3"/>
  <c r="C17117" i="3"/>
  <c r="C17118" i="3"/>
  <c r="C17119" i="3"/>
  <c r="C17120" i="3"/>
  <c r="C17121" i="3"/>
  <c r="C17122" i="3"/>
  <c r="C17123" i="3"/>
  <c r="C17124" i="3"/>
  <c r="C17125" i="3"/>
  <c r="C17126" i="3"/>
  <c r="C17127" i="3"/>
  <c r="C17128" i="3"/>
  <c r="C17129" i="3"/>
  <c r="C17130" i="3"/>
  <c r="C17131" i="3"/>
  <c r="C17132" i="3"/>
  <c r="C17133" i="3"/>
  <c r="C17134" i="3"/>
  <c r="C17135" i="3"/>
  <c r="C17136" i="3"/>
  <c r="C17137" i="3"/>
  <c r="C17138" i="3"/>
  <c r="C17139" i="3"/>
  <c r="C17140" i="3"/>
  <c r="C17141" i="3"/>
  <c r="C17142" i="3"/>
  <c r="C17143" i="3"/>
  <c r="C17144" i="3"/>
  <c r="C17145" i="3"/>
  <c r="C17146" i="3"/>
  <c r="C17147" i="3"/>
  <c r="C17148" i="3"/>
  <c r="C17149" i="3"/>
  <c r="C17150" i="3"/>
  <c r="C17151" i="3"/>
  <c r="C17152" i="3"/>
  <c r="C17153" i="3"/>
  <c r="C17154" i="3"/>
  <c r="C17155" i="3"/>
  <c r="C17156" i="3"/>
  <c r="C17157" i="3"/>
  <c r="C17158" i="3"/>
  <c r="C17159" i="3"/>
  <c r="C17160" i="3"/>
  <c r="C17161" i="3"/>
  <c r="C17162" i="3"/>
  <c r="C17163" i="3"/>
  <c r="C17164" i="3"/>
  <c r="C17165" i="3"/>
  <c r="C17166" i="3"/>
  <c r="C17167" i="3"/>
  <c r="C17168" i="3"/>
  <c r="C17169" i="3"/>
  <c r="C17170" i="3"/>
  <c r="C17171" i="3"/>
  <c r="C17172" i="3"/>
  <c r="C17173" i="3"/>
  <c r="C17174" i="3"/>
  <c r="C17175" i="3"/>
  <c r="C17176" i="3"/>
  <c r="C17177" i="3"/>
  <c r="C17178" i="3"/>
  <c r="C17179" i="3"/>
  <c r="C17180" i="3"/>
  <c r="C17181" i="3"/>
  <c r="C17182" i="3"/>
  <c r="C17183" i="3"/>
  <c r="C17184" i="3"/>
  <c r="C17185" i="3"/>
  <c r="C17186" i="3"/>
  <c r="C17187" i="3"/>
  <c r="C17188" i="3"/>
  <c r="C17189" i="3"/>
  <c r="C17190" i="3"/>
  <c r="C17191" i="3"/>
  <c r="C17192" i="3"/>
  <c r="C17193" i="3"/>
  <c r="C17194" i="3"/>
  <c r="C17195" i="3"/>
  <c r="C17196" i="3"/>
  <c r="C17197" i="3"/>
  <c r="C17198" i="3"/>
  <c r="C17199" i="3"/>
  <c r="C17200" i="3"/>
  <c r="C17201" i="3"/>
  <c r="C17202" i="3"/>
  <c r="C17203" i="3"/>
  <c r="C17204" i="3"/>
  <c r="C17205" i="3"/>
  <c r="C17206" i="3"/>
  <c r="C17207" i="3"/>
  <c r="C17208" i="3"/>
  <c r="C17209" i="3"/>
  <c r="C17210" i="3"/>
  <c r="C17211" i="3"/>
  <c r="C17212" i="3"/>
  <c r="C17213" i="3"/>
  <c r="C17214" i="3"/>
  <c r="C17215" i="3"/>
  <c r="C17216" i="3"/>
  <c r="C17217" i="3"/>
  <c r="C17218" i="3"/>
  <c r="C17219" i="3"/>
  <c r="C17220" i="3"/>
  <c r="C17221" i="3"/>
  <c r="C17222" i="3"/>
  <c r="C17223" i="3"/>
  <c r="C17224" i="3"/>
  <c r="C17225" i="3"/>
  <c r="C17226" i="3"/>
  <c r="C17227" i="3"/>
  <c r="C17228" i="3"/>
  <c r="C17229" i="3"/>
  <c r="C17230" i="3"/>
  <c r="C17231" i="3"/>
  <c r="C17232" i="3"/>
  <c r="C17233" i="3"/>
  <c r="C17234" i="3"/>
  <c r="C17235" i="3"/>
  <c r="C17236" i="3"/>
  <c r="C17237" i="3"/>
  <c r="C17238" i="3"/>
  <c r="C17239" i="3"/>
  <c r="C17240" i="3"/>
  <c r="C17241" i="3"/>
  <c r="C17242" i="3"/>
  <c r="C17243" i="3"/>
  <c r="C17244" i="3"/>
  <c r="C17245" i="3"/>
  <c r="C17246" i="3"/>
  <c r="C17247" i="3"/>
  <c r="C17248" i="3"/>
  <c r="C17249" i="3"/>
  <c r="C17250" i="3"/>
  <c r="C17251" i="3"/>
  <c r="C17252" i="3"/>
  <c r="C17253" i="3"/>
  <c r="C17254" i="3"/>
  <c r="C17255" i="3"/>
  <c r="C17256" i="3"/>
  <c r="C17257" i="3"/>
  <c r="C17258" i="3"/>
  <c r="C17259" i="3"/>
  <c r="C17260" i="3"/>
  <c r="C17261" i="3"/>
  <c r="C17262" i="3"/>
  <c r="C17263" i="3"/>
  <c r="C17264" i="3"/>
  <c r="C17265" i="3"/>
  <c r="C17266" i="3"/>
  <c r="C17267" i="3"/>
  <c r="C17268" i="3"/>
  <c r="C17269" i="3"/>
  <c r="C17270" i="3"/>
  <c r="C17271" i="3"/>
  <c r="C17272" i="3"/>
  <c r="C17273" i="3"/>
  <c r="C17274" i="3"/>
  <c r="C17275" i="3"/>
  <c r="C17276" i="3"/>
  <c r="C17277" i="3"/>
  <c r="C17278" i="3"/>
  <c r="C17279" i="3"/>
  <c r="C17280" i="3"/>
  <c r="C17281" i="3"/>
  <c r="C17282" i="3"/>
  <c r="C17283" i="3"/>
  <c r="C17284" i="3"/>
  <c r="C17285" i="3"/>
  <c r="C17286" i="3"/>
  <c r="C17287" i="3"/>
  <c r="C17288" i="3"/>
  <c r="C17289" i="3"/>
  <c r="C17290" i="3"/>
  <c r="C17291" i="3"/>
  <c r="C17292" i="3"/>
  <c r="C17293" i="3"/>
  <c r="C17294" i="3"/>
  <c r="C17295" i="3"/>
  <c r="C17296" i="3"/>
  <c r="C17297" i="3"/>
  <c r="C17298" i="3"/>
  <c r="C17299" i="3"/>
  <c r="C17300" i="3"/>
  <c r="C17301" i="3"/>
  <c r="C17302" i="3"/>
  <c r="C17303" i="3"/>
  <c r="C17304" i="3"/>
  <c r="C17305" i="3"/>
  <c r="C17306" i="3"/>
  <c r="C17307" i="3"/>
  <c r="C17308" i="3"/>
  <c r="C17309" i="3"/>
  <c r="C17310" i="3"/>
  <c r="C17311" i="3"/>
  <c r="C17312" i="3"/>
  <c r="C17313" i="3"/>
  <c r="C17314" i="3"/>
  <c r="C17315" i="3"/>
  <c r="C17316" i="3"/>
  <c r="C17317" i="3"/>
  <c r="C17318" i="3"/>
  <c r="C17319" i="3"/>
  <c r="C17320" i="3"/>
  <c r="C17321" i="3"/>
  <c r="C17322" i="3"/>
  <c r="C17323" i="3"/>
  <c r="C17324" i="3"/>
  <c r="C17325" i="3"/>
  <c r="C17326" i="3"/>
  <c r="C17327" i="3"/>
  <c r="C17328" i="3"/>
  <c r="C17329" i="3"/>
  <c r="C17330" i="3"/>
  <c r="C17331" i="3"/>
  <c r="C17332" i="3"/>
  <c r="C17333" i="3"/>
  <c r="C17334" i="3"/>
  <c r="C17335" i="3"/>
  <c r="C17336" i="3"/>
  <c r="C17337" i="3"/>
  <c r="C17338" i="3"/>
  <c r="C17339" i="3"/>
  <c r="C17340" i="3"/>
  <c r="C17341" i="3"/>
  <c r="C17342" i="3"/>
  <c r="C17343" i="3"/>
  <c r="C17344" i="3"/>
  <c r="C17345" i="3"/>
  <c r="C17346" i="3"/>
  <c r="C17347" i="3"/>
  <c r="C17348" i="3"/>
  <c r="C17349" i="3"/>
  <c r="C17350" i="3"/>
  <c r="C17351" i="3"/>
  <c r="C17352" i="3"/>
  <c r="C17353" i="3"/>
  <c r="C17354" i="3"/>
  <c r="C17355" i="3"/>
  <c r="C17356" i="3"/>
  <c r="C17357" i="3"/>
  <c r="C17358" i="3"/>
  <c r="C17359" i="3"/>
  <c r="C17360" i="3"/>
  <c r="C17361" i="3"/>
  <c r="C17362" i="3"/>
  <c r="C17363" i="3"/>
  <c r="C17364" i="3"/>
  <c r="C17365" i="3"/>
  <c r="C17366" i="3"/>
  <c r="C17367" i="3"/>
  <c r="C17368" i="3"/>
  <c r="C17369" i="3"/>
  <c r="C17370" i="3"/>
  <c r="C17371" i="3"/>
  <c r="C17372" i="3"/>
  <c r="C17373" i="3"/>
  <c r="C17374" i="3"/>
  <c r="C17375" i="3"/>
  <c r="C17376" i="3"/>
  <c r="C17377" i="3"/>
  <c r="C17378" i="3"/>
  <c r="C17379" i="3"/>
  <c r="C17380" i="3"/>
  <c r="C17381" i="3"/>
  <c r="C17382" i="3"/>
  <c r="C17383" i="3"/>
  <c r="C17384" i="3"/>
  <c r="C17385" i="3"/>
  <c r="C17386" i="3"/>
  <c r="C17387" i="3"/>
  <c r="C17388" i="3"/>
  <c r="C17389" i="3"/>
  <c r="C17390" i="3"/>
  <c r="C17391" i="3"/>
  <c r="C17392" i="3"/>
  <c r="C17393" i="3"/>
  <c r="C17394" i="3"/>
  <c r="C17395" i="3"/>
  <c r="C17396" i="3"/>
  <c r="C17397" i="3"/>
  <c r="C17398" i="3"/>
  <c r="C17399" i="3"/>
  <c r="C17400" i="3"/>
  <c r="C17401" i="3"/>
  <c r="C17402" i="3"/>
  <c r="C17403" i="3"/>
  <c r="C17404" i="3"/>
  <c r="C17405" i="3"/>
  <c r="C17406" i="3"/>
  <c r="C17407" i="3"/>
  <c r="C17408" i="3"/>
  <c r="C17409" i="3"/>
  <c r="C17410" i="3"/>
  <c r="C17411" i="3"/>
  <c r="C17412" i="3"/>
  <c r="C17413" i="3"/>
  <c r="C17414" i="3"/>
  <c r="C17415" i="3"/>
  <c r="C17416" i="3"/>
  <c r="C17417" i="3"/>
  <c r="C17418" i="3"/>
  <c r="C17419" i="3"/>
  <c r="C17420" i="3"/>
  <c r="C17421" i="3"/>
  <c r="C17422" i="3"/>
  <c r="C17423" i="3"/>
  <c r="C17424" i="3"/>
  <c r="C17425" i="3"/>
  <c r="C17426" i="3"/>
  <c r="C17427" i="3"/>
  <c r="C17428" i="3"/>
  <c r="C17429" i="3"/>
  <c r="C17430" i="3"/>
  <c r="C17431" i="3"/>
  <c r="C17432" i="3"/>
  <c r="C17433" i="3"/>
  <c r="C17434" i="3"/>
  <c r="C17435" i="3"/>
  <c r="C17436" i="3"/>
  <c r="C17437" i="3"/>
  <c r="C17438" i="3"/>
  <c r="C17439" i="3"/>
  <c r="C17440" i="3"/>
  <c r="C17441" i="3"/>
  <c r="C17442" i="3"/>
  <c r="C17443" i="3"/>
  <c r="C17444" i="3"/>
  <c r="C17445" i="3"/>
  <c r="C17446" i="3"/>
  <c r="C17447" i="3"/>
  <c r="C17448" i="3"/>
  <c r="C17449" i="3"/>
  <c r="C17450" i="3"/>
  <c r="C17451" i="3"/>
  <c r="C17452" i="3"/>
  <c r="C17453" i="3"/>
  <c r="C17454" i="3"/>
  <c r="C17455" i="3"/>
  <c r="C17456" i="3"/>
  <c r="C17457" i="3"/>
  <c r="C17458" i="3"/>
  <c r="C17459" i="3"/>
  <c r="C17460" i="3"/>
  <c r="C17461" i="3"/>
  <c r="C17462" i="3"/>
  <c r="C17463" i="3"/>
  <c r="C17464" i="3"/>
  <c r="C17465" i="3"/>
  <c r="C17466" i="3"/>
  <c r="C17467" i="3"/>
  <c r="C17468" i="3"/>
  <c r="C17469" i="3"/>
  <c r="C17470" i="3"/>
  <c r="C17471" i="3"/>
  <c r="C17472" i="3"/>
  <c r="C17473" i="3"/>
  <c r="C17474" i="3"/>
  <c r="C17475" i="3"/>
  <c r="C17476" i="3"/>
  <c r="C17477" i="3"/>
  <c r="C17478" i="3"/>
  <c r="C17479" i="3"/>
  <c r="C17480" i="3"/>
  <c r="C17481" i="3"/>
  <c r="C17482" i="3"/>
  <c r="C17483" i="3"/>
  <c r="C17484" i="3"/>
  <c r="C17485" i="3"/>
  <c r="C17486" i="3"/>
  <c r="C17487" i="3"/>
  <c r="C17488" i="3"/>
  <c r="C17489" i="3"/>
  <c r="C17490" i="3"/>
  <c r="C17491" i="3"/>
  <c r="C17492" i="3"/>
  <c r="C17493" i="3"/>
  <c r="C17494" i="3"/>
  <c r="C17495" i="3"/>
  <c r="C17496" i="3"/>
  <c r="C17497" i="3"/>
  <c r="C17498" i="3"/>
  <c r="C17499" i="3"/>
  <c r="C17500" i="3"/>
  <c r="C17501" i="3"/>
  <c r="C17502" i="3"/>
  <c r="C17503" i="3"/>
  <c r="C17504" i="3"/>
  <c r="C17505" i="3"/>
  <c r="C17506" i="3"/>
  <c r="C17507" i="3"/>
  <c r="C17508" i="3"/>
  <c r="C17509" i="3"/>
  <c r="C17510" i="3"/>
  <c r="C17511" i="3"/>
  <c r="C17512" i="3"/>
  <c r="C17513" i="3"/>
  <c r="C17514" i="3"/>
  <c r="C17515" i="3"/>
  <c r="C17516" i="3"/>
  <c r="C17517" i="3"/>
  <c r="C17518" i="3"/>
  <c r="C17519" i="3"/>
  <c r="C17520" i="3"/>
  <c r="C17521" i="3"/>
  <c r="C17522" i="3"/>
  <c r="C17523" i="3"/>
  <c r="C17524" i="3"/>
  <c r="C17525" i="3"/>
  <c r="C17526" i="3"/>
  <c r="C17527" i="3"/>
  <c r="C17528" i="3"/>
  <c r="C17529" i="3"/>
  <c r="C17530" i="3"/>
  <c r="C17531" i="3"/>
  <c r="C17532" i="3"/>
  <c r="C17533" i="3"/>
  <c r="C17534" i="3"/>
  <c r="C17535" i="3"/>
  <c r="C17536" i="3"/>
  <c r="C17537" i="3"/>
  <c r="C17538" i="3"/>
  <c r="C17539" i="3"/>
  <c r="C17540" i="3"/>
  <c r="C17541" i="3"/>
  <c r="C17542" i="3"/>
  <c r="C17543" i="3"/>
  <c r="C17544" i="3"/>
  <c r="C17545" i="3"/>
  <c r="C17546" i="3"/>
  <c r="C17547" i="3"/>
  <c r="C17548" i="3"/>
  <c r="C17549" i="3"/>
  <c r="C17550" i="3"/>
  <c r="C17551" i="3"/>
  <c r="C17552" i="3"/>
  <c r="C17553" i="3"/>
  <c r="C17554" i="3"/>
  <c r="C17555" i="3"/>
  <c r="C17556" i="3"/>
  <c r="C17557" i="3"/>
  <c r="C17558" i="3"/>
  <c r="C17559" i="3"/>
  <c r="C17560" i="3"/>
  <c r="C17561" i="3"/>
  <c r="C17562" i="3"/>
  <c r="C17563" i="3"/>
  <c r="C17564" i="3"/>
  <c r="C17565" i="3"/>
  <c r="C17566" i="3"/>
  <c r="C17567" i="3"/>
  <c r="C17568" i="3"/>
  <c r="C17569" i="3"/>
  <c r="C17570" i="3"/>
  <c r="C17571" i="3"/>
  <c r="C17572" i="3"/>
  <c r="C17573" i="3"/>
  <c r="C17574" i="3"/>
  <c r="C17575" i="3"/>
  <c r="C17576" i="3"/>
  <c r="C17577" i="3"/>
  <c r="C17578" i="3"/>
  <c r="C17579" i="3"/>
  <c r="C17580" i="3"/>
  <c r="C17581" i="3"/>
  <c r="C17582" i="3"/>
  <c r="C17583" i="3"/>
  <c r="C17584" i="3"/>
  <c r="C17585" i="3"/>
  <c r="C17586" i="3"/>
  <c r="C17587" i="3"/>
  <c r="C17588" i="3"/>
  <c r="C17589" i="3"/>
  <c r="C17590" i="3"/>
  <c r="C17591" i="3"/>
  <c r="C17592" i="3"/>
  <c r="C17593" i="3"/>
  <c r="C17594" i="3"/>
  <c r="C17595" i="3"/>
  <c r="C17596" i="3"/>
  <c r="C17597" i="3"/>
  <c r="C17598" i="3"/>
  <c r="C17599" i="3"/>
  <c r="C17600" i="3"/>
  <c r="C17601" i="3"/>
  <c r="C17602" i="3"/>
  <c r="C17603" i="3"/>
  <c r="C17604" i="3"/>
  <c r="C17605" i="3"/>
  <c r="C17606" i="3"/>
  <c r="C17607" i="3"/>
  <c r="C17608" i="3"/>
  <c r="C17609" i="3"/>
  <c r="C17610" i="3"/>
  <c r="C17611" i="3"/>
  <c r="C17612" i="3"/>
  <c r="C17613" i="3"/>
  <c r="C17614" i="3"/>
  <c r="C17615" i="3"/>
  <c r="C17616" i="3"/>
  <c r="C17617" i="3"/>
  <c r="C17618" i="3"/>
  <c r="C17619" i="3"/>
  <c r="C17620" i="3"/>
  <c r="C17621" i="3"/>
  <c r="C17622" i="3"/>
  <c r="C17623" i="3"/>
  <c r="C17624" i="3"/>
  <c r="C17625" i="3"/>
  <c r="C17626" i="3"/>
  <c r="C17627" i="3"/>
  <c r="C17628" i="3"/>
  <c r="C17629" i="3"/>
  <c r="C17630" i="3"/>
  <c r="C17631" i="3"/>
  <c r="C17632" i="3"/>
  <c r="C17633" i="3"/>
  <c r="C17634" i="3"/>
  <c r="C17635" i="3"/>
  <c r="C17636" i="3"/>
  <c r="C17637" i="3"/>
  <c r="C17638" i="3"/>
  <c r="C17639" i="3"/>
  <c r="C17640" i="3"/>
  <c r="C17641" i="3"/>
  <c r="C17642" i="3"/>
  <c r="C17643" i="3"/>
  <c r="C17644" i="3"/>
  <c r="C17645" i="3"/>
  <c r="C17646" i="3"/>
  <c r="C17647" i="3"/>
  <c r="C17648" i="3"/>
  <c r="C17649" i="3"/>
  <c r="C17650" i="3"/>
  <c r="C17651" i="3"/>
  <c r="C17652" i="3"/>
  <c r="C17653" i="3"/>
  <c r="C17654" i="3"/>
  <c r="C17655" i="3"/>
  <c r="C17656" i="3"/>
  <c r="C17657" i="3"/>
  <c r="C17658" i="3"/>
  <c r="C17659" i="3"/>
  <c r="C17660" i="3"/>
  <c r="C17661" i="3"/>
  <c r="C17662" i="3"/>
  <c r="C17663" i="3"/>
  <c r="C17664" i="3"/>
  <c r="C17665" i="3"/>
  <c r="C17666" i="3"/>
  <c r="C17667" i="3"/>
  <c r="C17668" i="3"/>
  <c r="C17669" i="3"/>
  <c r="C17670" i="3"/>
  <c r="C17671" i="3"/>
  <c r="C17672" i="3"/>
  <c r="C17673" i="3"/>
  <c r="C17674" i="3"/>
  <c r="C17675" i="3"/>
  <c r="C17676" i="3"/>
  <c r="C17677" i="3"/>
  <c r="C17678" i="3"/>
  <c r="C17679" i="3"/>
  <c r="C17680" i="3"/>
  <c r="C17681" i="3"/>
  <c r="C17682" i="3"/>
  <c r="C17683" i="3"/>
  <c r="C17684" i="3"/>
  <c r="C17685" i="3"/>
  <c r="C17686" i="3"/>
  <c r="C17687" i="3"/>
  <c r="C17688" i="3"/>
  <c r="C17689" i="3"/>
  <c r="C17690" i="3"/>
  <c r="C17691" i="3"/>
  <c r="C17692" i="3"/>
  <c r="C17693" i="3"/>
  <c r="C17694" i="3"/>
  <c r="C17695" i="3"/>
  <c r="C17696" i="3"/>
  <c r="C17697" i="3"/>
  <c r="C17698" i="3"/>
  <c r="C17699" i="3"/>
  <c r="C17700" i="3"/>
  <c r="C17701" i="3"/>
  <c r="C17702" i="3"/>
  <c r="C17703" i="3"/>
  <c r="C17704" i="3"/>
  <c r="C17705" i="3"/>
  <c r="C17706" i="3"/>
  <c r="C17707" i="3"/>
  <c r="C17708" i="3"/>
  <c r="C17709" i="3"/>
  <c r="C17710" i="3"/>
  <c r="C17711" i="3"/>
  <c r="C17712" i="3"/>
  <c r="C17713" i="3"/>
  <c r="C17714" i="3"/>
  <c r="C17715" i="3"/>
  <c r="C17716" i="3"/>
  <c r="C17717" i="3"/>
  <c r="C17718" i="3"/>
  <c r="C17719" i="3"/>
  <c r="C17720" i="3"/>
  <c r="C17721" i="3"/>
  <c r="C17722" i="3"/>
  <c r="C17723" i="3"/>
  <c r="C17724" i="3"/>
  <c r="C17725" i="3"/>
  <c r="C17726" i="3"/>
  <c r="C17727" i="3"/>
  <c r="C17728" i="3"/>
  <c r="C17729" i="3"/>
  <c r="C17730" i="3"/>
  <c r="C17731" i="3"/>
  <c r="C17732" i="3"/>
  <c r="C17733" i="3"/>
  <c r="C17734" i="3"/>
  <c r="C17735" i="3"/>
  <c r="C17736" i="3"/>
  <c r="C17737" i="3"/>
  <c r="C17738" i="3"/>
  <c r="C17739" i="3"/>
  <c r="C17740" i="3"/>
  <c r="C17741" i="3"/>
  <c r="C17742" i="3"/>
  <c r="C17743" i="3"/>
  <c r="C17744" i="3"/>
  <c r="C17745" i="3"/>
  <c r="C17746" i="3"/>
  <c r="C17747" i="3"/>
  <c r="C17748" i="3"/>
  <c r="C17749" i="3"/>
  <c r="C17750" i="3"/>
  <c r="C17751" i="3"/>
  <c r="C17752" i="3"/>
  <c r="C17753" i="3"/>
  <c r="C17754" i="3"/>
  <c r="C17755" i="3"/>
  <c r="C17756" i="3"/>
  <c r="C17757" i="3"/>
  <c r="C17758" i="3"/>
  <c r="C17759" i="3"/>
  <c r="C17760" i="3"/>
  <c r="C17761" i="3"/>
  <c r="C17762" i="3"/>
  <c r="C17763" i="3"/>
  <c r="C17764" i="3"/>
  <c r="C17765" i="3"/>
  <c r="C17766" i="3"/>
  <c r="C17767" i="3"/>
  <c r="C17768" i="3"/>
  <c r="C17769" i="3"/>
  <c r="C17770" i="3"/>
  <c r="C17771" i="3"/>
  <c r="C17772" i="3"/>
  <c r="C17773" i="3"/>
  <c r="C17774" i="3"/>
  <c r="C17775" i="3"/>
  <c r="C17776" i="3"/>
  <c r="C17777" i="3"/>
  <c r="C17778" i="3"/>
  <c r="C17779" i="3"/>
  <c r="C17780" i="3"/>
  <c r="C17781" i="3"/>
  <c r="C17782" i="3"/>
  <c r="C17783" i="3"/>
  <c r="C17784" i="3"/>
  <c r="C17785" i="3"/>
  <c r="C17786" i="3"/>
  <c r="C17787" i="3"/>
  <c r="C17788" i="3"/>
  <c r="C17789" i="3"/>
  <c r="C17790" i="3"/>
  <c r="C17791" i="3"/>
  <c r="C17792" i="3"/>
  <c r="C17793" i="3"/>
  <c r="C17794" i="3"/>
  <c r="C17795" i="3"/>
  <c r="C17796" i="3"/>
  <c r="C17797" i="3"/>
  <c r="C17798" i="3"/>
  <c r="C17799" i="3"/>
  <c r="C17800" i="3"/>
  <c r="C17801" i="3"/>
  <c r="C17802" i="3"/>
  <c r="C17803" i="3"/>
  <c r="C17804" i="3"/>
  <c r="C17805" i="3"/>
  <c r="C17806" i="3"/>
  <c r="C17807" i="3"/>
  <c r="C17808" i="3"/>
  <c r="C17809" i="3"/>
  <c r="C17810" i="3"/>
  <c r="C17811" i="3"/>
  <c r="C17812" i="3"/>
  <c r="C17813" i="3"/>
  <c r="C17814" i="3"/>
  <c r="C17815" i="3"/>
  <c r="C17816" i="3"/>
  <c r="C17817" i="3"/>
  <c r="C17818" i="3"/>
  <c r="C17819" i="3"/>
  <c r="C17820" i="3"/>
  <c r="C17821" i="3"/>
  <c r="C17822" i="3"/>
  <c r="C17823" i="3"/>
  <c r="C17824" i="3"/>
  <c r="C17825" i="3"/>
  <c r="C17826" i="3"/>
  <c r="C17827" i="3"/>
  <c r="C17828" i="3"/>
  <c r="C17829" i="3"/>
  <c r="C17830" i="3"/>
  <c r="C17831" i="3"/>
  <c r="C17832" i="3"/>
  <c r="C17833" i="3"/>
  <c r="C17834" i="3"/>
  <c r="C17835" i="3"/>
  <c r="C17836" i="3"/>
  <c r="C17837" i="3"/>
  <c r="C17838" i="3"/>
  <c r="C17839" i="3"/>
  <c r="C17840" i="3"/>
  <c r="C17841" i="3"/>
  <c r="C17842" i="3"/>
  <c r="C17843" i="3"/>
  <c r="C17844" i="3"/>
  <c r="C17845" i="3"/>
  <c r="C17846" i="3"/>
  <c r="C17847" i="3"/>
  <c r="C17848" i="3"/>
  <c r="C17849" i="3"/>
  <c r="C17850" i="3"/>
  <c r="C17851" i="3"/>
  <c r="C17852" i="3"/>
  <c r="C17853" i="3"/>
  <c r="C17854" i="3"/>
  <c r="C17855" i="3"/>
  <c r="C17856" i="3"/>
  <c r="C17857" i="3"/>
  <c r="C17858" i="3"/>
  <c r="C17859" i="3"/>
  <c r="C17860" i="3"/>
  <c r="C17861" i="3"/>
  <c r="C17862" i="3"/>
  <c r="C17863" i="3"/>
  <c r="C17864" i="3"/>
  <c r="C17865" i="3"/>
  <c r="C17866" i="3"/>
  <c r="C17867" i="3"/>
  <c r="C17868" i="3"/>
  <c r="C17869" i="3"/>
  <c r="C17870" i="3"/>
  <c r="C17871" i="3"/>
  <c r="C17872" i="3"/>
  <c r="C17873" i="3"/>
  <c r="C17874" i="3"/>
  <c r="C17875" i="3"/>
  <c r="C17876" i="3"/>
  <c r="C17877" i="3"/>
  <c r="C17878" i="3"/>
  <c r="C17879" i="3"/>
  <c r="C17880" i="3"/>
  <c r="C17881" i="3"/>
  <c r="C17882" i="3"/>
  <c r="C17883" i="3"/>
  <c r="C17884" i="3"/>
  <c r="C17885" i="3"/>
  <c r="C17886" i="3"/>
  <c r="C17887" i="3"/>
  <c r="C17888" i="3"/>
  <c r="C17889" i="3"/>
  <c r="C17890" i="3"/>
  <c r="C17891" i="3"/>
  <c r="C17892" i="3"/>
  <c r="C17893" i="3"/>
  <c r="C17894" i="3"/>
  <c r="C17895" i="3"/>
  <c r="C17896" i="3"/>
  <c r="C17897" i="3"/>
  <c r="C17898" i="3"/>
  <c r="C17899" i="3"/>
  <c r="C17900" i="3"/>
  <c r="C17901" i="3"/>
  <c r="C17902" i="3"/>
  <c r="C17903" i="3"/>
  <c r="C17904" i="3"/>
  <c r="C17905" i="3"/>
  <c r="C17906" i="3"/>
  <c r="C17907" i="3"/>
  <c r="C17908" i="3"/>
  <c r="C17909" i="3"/>
  <c r="C17910" i="3"/>
  <c r="C17911" i="3"/>
  <c r="C17912" i="3"/>
  <c r="C17913" i="3"/>
  <c r="C17914" i="3"/>
  <c r="C17915" i="3"/>
  <c r="C17916" i="3"/>
  <c r="C17917" i="3"/>
  <c r="C17918" i="3"/>
  <c r="C17919" i="3"/>
  <c r="C17920" i="3"/>
  <c r="C17921" i="3"/>
  <c r="C17922" i="3"/>
  <c r="C17923" i="3"/>
  <c r="C17924" i="3"/>
  <c r="C17925" i="3"/>
  <c r="C17926" i="3"/>
  <c r="C17927" i="3"/>
  <c r="C17928" i="3"/>
  <c r="C17929" i="3"/>
  <c r="C17930" i="3"/>
  <c r="C17931" i="3"/>
  <c r="C17932" i="3"/>
  <c r="C17933" i="3"/>
  <c r="C17934" i="3"/>
  <c r="C17935" i="3"/>
  <c r="C17936" i="3"/>
  <c r="C17937" i="3"/>
  <c r="C17938" i="3"/>
  <c r="C17939" i="3"/>
  <c r="C17940" i="3"/>
  <c r="C17941" i="3"/>
  <c r="C17942" i="3"/>
  <c r="C17943" i="3"/>
  <c r="C17944" i="3"/>
  <c r="C17945" i="3"/>
  <c r="C17946" i="3"/>
  <c r="C17947" i="3"/>
  <c r="C17948" i="3"/>
  <c r="C17949" i="3"/>
  <c r="C17950" i="3"/>
  <c r="C17951" i="3"/>
  <c r="C17952" i="3"/>
  <c r="C17953" i="3"/>
  <c r="C17954" i="3"/>
  <c r="C17955" i="3"/>
  <c r="C17956" i="3"/>
  <c r="C17957" i="3"/>
  <c r="C17958" i="3"/>
  <c r="C17959" i="3"/>
  <c r="C17960" i="3"/>
  <c r="C17961" i="3"/>
  <c r="C17962" i="3"/>
  <c r="C17963" i="3"/>
  <c r="C17964" i="3"/>
  <c r="C17965" i="3"/>
  <c r="C17966" i="3"/>
  <c r="C17967" i="3"/>
  <c r="C17968" i="3"/>
  <c r="C17969" i="3"/>
  <c r="C17970" i="3"/>
  <c r="C17971" i="3"/>
  <c r="C17972" i="3"/>
  <c r="C17973" i="3"/>
  <c r="C17974" i="3"/>
  <c r="C17975" i="3"/>
  <c r="C17976" i="3"/>
  <c r="C17977" i="3"/>
  <c r="C17978" i="3"/>
  <c r="C17979" i="3"/>
  <c r="C17980" i="3"/>
  <c r="C17981" i="3"/>
  <c r="C17982" i="3"/>
  <c r="C17983" i="3"/>
  <c r="C17984" i="3"/>
  <c r="C17985" i="3"/>
  <c r="C17986" i="3"/>
  <c r="C17987" i="3"/>
  <c r="C17988" i="3"/>
  <c r="C17989" i="3"/>
  <c r="C17990" i="3"/>
  <c r="C17991" i="3"/>
  <c r="C17992" i="3"/>
  <c r="C17993" i="3"/>
  <c r="C17994" i="3"/>
  <c r="C17995" i="3"/>
  <c r="C17996" i="3"/>
  <c r="C17997" i="3"/>
  <c r="C17998" i="3"/>
  <c r="C17999" i="3"/>
  <c r="C18000" i="3"/>
  <c r="C18001" i="3"/>
  <c r="C18002" i="3"/>
  <c r="C18003" i="3"/>
  <c r="C18004" i="3"/>
  <c r="C18005" i="3"/>
  <c r="C18006" i="3"/>
  <c r="C18007" i="3"/>
  <c r="C18008" i="3"/>
  <c r="C18009" i="3"/>
  <c r="C18010" i="3"/>
  <c r="C18011" i="3"/>
  <c r="C18012" i="3"/>
  <c r="C18013" i="3"/>
  <c r="C18014" i="3"/>
  <c r="C18015" i="3"/>
  <c r="C18016" i="3"/>
  <c r="C18017" i="3"/>
  <c r="C18018" i="3"/>
  <c r="C18019" i="3"/>
  <c r="C18020" i="3"/>
  <c r="C18021" i="3"/>
  <c r="C18022" i="3"/>
  <c r="C18023" i="3"/>
  <c r="C18024" i="3"/>
  <c r="C18025" i="3"/>
  <c r="C18026" i="3"/>
  <c r="C18027" i="3"/>
  <c r="C18028" i="3"/>
  <c r="C18029" i="3"/>
  <c r="C18030" i="3"/>
  <c r="C18031" i="3"/>
  <c r="C18032" i="3"/>
  <c r="C18033" i="3"/>
  <c r="C18034" i="3"/>
  <c r="C18035" i="3"/>
  <c r="C18036" i="3"/>
  <c r="C18037" i="3"/>
  <c r="C18038" i="3"/>
  <c r="C18039" i="3"/>
  <c r="C18040" i="3"/>
  <c r="C18041" i="3"/>
  <c r="C18042" i="3"/>
  <c r="C18043" i="3"/>
  <c r="C18044" i="3"/>
  <c r="C18045" i="3"/>
  <c r="C18046" i="3"/>
  <c r="C18047" i="3"/>
  <c r="C18048" i="3"/>
  <c r="C18049" i="3"/>
  <c r="C18050" i="3"/>
  <c r="C18051" i="3"/>
  <c r="C18052" i="3"/>
  <c r="C18053" i="3"/>
  <c r="C18054" i="3"/>
  <c r="C18055" i="3"/>
  <c r="C18056" i="3"/>
  <c r="C18057" i="3"/>
  <c r="C18058" i="3"/>
  <c r="C18059" i="3"/>
  <c r="C18060" i="3"/>
  <c r="C18061" i="3"/>
  <c r="C18062" i="3"/>
  <c r="C18063" i="3"/>
  <c r="C18064" i="3"/>
  <c r="C18065" i="3"/>
  <c r="C18066" i="3"/>
  <c r="C18067" i="3"/>
  <c r="C18068" i="3"/>
  <c r="C18069" i="3"/>
  <c r="C18070" i="3"/>
  <c r="C18071" i="3"/>
  <c r="C18072" i="3"/>
  <c r="C18073" i="3"/>
  <c r="C18074" i="3"/>
  <c r="C18075" i="3"/>
  <c r="C18076" i="3"/>
  <c r="C18077" i="3"/>
  <c r="C18078" i="3"/>
  <c r="C18079" i="3"/>
  <c r="C18080" i="3"/>
  <c r="C18081" i="3"/>
  <c r="C18082" i="3"/>
  <c r="C18083" i="3"/>
  <c r="C18084" i="3"/>
  <c r="C18085" i="3"/>
  <c r="C18086" i="3"/>
  <c r="C18087" i="3"/>
  <c r="C18088" i="3"/>
  <c r="C18089" i="3"/>
  <c r="C18090" i="3"/>
  <c r="C18091" i="3"/>
  <c r="C18092" i="3"/>
  <c r="C18093" i="3"/>
  <c r="C18094" i="3"/>
  <c r="C18095" i="3"/>
  <c r="C18096" i="3"/>
  <c r="C18097" i="3"/>
  <c r="C18098" i="3"/>
  <c r="C18099" i="3"/>
  <c r="C18100" i="3"/>
  <c r="C18101" i="3"/>
  <c r="C18102" i="3"/>
  <c r="C18103" i="3"/>
  <c r="C18104" i="3"/>
  <c r="C18105" i="3"/>
  <c r="C18106" i="3"/>
  <c r="C18107" i="3"/>
  <c r="C18108" i="3"/>
  <c r="C18109" i="3"/>
  <c r="C18110" i="3"/>
  <c r="C18111" i="3"/>
  <c r="C18112" i="3"/>
  <c r="C18113" i="3"/>
  <c r="C18114" i="3"/>
  <c r="C18115" i="3"/>
  <c r="C18116" i="3"/>
  <c r="C18117" i="3"/>
  <c r="C18118" i="3"/>
  <c r="C18119" i="3"/>
  <c r="C18120" i="3"/>
  <c r="C18121" i="3"/>
  <c r="C18122" i="3"/>
  <c r="C18123" i="3"/>
  <c r="C18124" i="3"/>
  <c r="C18125" i="3"/>
  <c r="C18126" i="3"/>
  <c r="C18127" i="3"/>
  <c r="C18128" i="3"/>
  <c r="C18129" i="3"/>
  <c r="C18130" i="3"/>
  <c r="C18131" i="3"/>
  <c r="C18132" i="3"/>
  <c r="C18133" i="3"/>
  <c r="C18134" i="3"/>
  <c r="C18135" i="3"/>
  <c r="C18136" i="3"/>
  <c r="C18137" i="3"/>
  <c r="C18138" i="3"/>
  <c r="C18139" i="3"/>
  <c r="C18140" i="3"/>
  <c r="C18141" i="3"/>
  <c r="C18142" i="3"/>
  <c r="C18143" i="3"/>
  <c r="C18144" i="3"/>
  <c r="C18145" i="3"/>
  <c r="C18146" i="3"/>
  <c r="C18147" i="3"/>
  <c r="C18148" i="3"/>
  <c r="C18149" i="3"/>
  <c r="C18150" i="3"/>
  <c r="C18151" i="3"/>
  <c r="C18152" i="3"/>
  <c r="C18153" i="3"/>
  <c r="C18154" i="3"/>
  <c r="C18155" i="3"/>
  <c r="C18156" i="3"/>
  <c r="C18157" i="3"/>
  <c r="C18158" i="3"/>
  <c r="C18159" i="3"/>
  <c r="C18160" i="3"/>
  <c r="C18161" i="3"/>
  <c r="C18162" i="3"/>
  <c r="C18163" i="3"/>
  <c r="C18164" i="3"/>
  <c r="C18165" i="3"/>
  <c r="C18166" i="3"/>
  <c r="C18167" i="3"/>
  <c r="C18168" i="3"/>
  <c r="C18169" i="3"/>
  <c r="C18170" i="3"/>
  <c r="C18171" i="3"/>
  <c r="C18172" i="3"/>
  <c r="C18173" i="3"/>
  <c r="C18174" i="3"/>
  <c r="C18175" i="3"/>
  <c r="C18176" i="3"/>
  <c r="C18177" i="3"/>
  <c r="C18178" i="3"/>
  <c r="C18179" i="3"/>
  <c r="C18180" i="3"/>
  <c r="C18181" i="3"/>
  <c r="C18182" i="3"/>
  <c r="C18183" i="3"/>
  <c r="C18184" i="3"/>
  <c r="C18185" i="3"/>
  <c r="C18186" i="3"/>
  <c r="C18187" i="3"/>
  <c r="C18188" i="3"/>
  <c r="C18189" i="3"/>
  <c r="C18190" i="3"/>
  <c r="C18191" i="3"/>
  <c r="C18192" i="3"/>
  <c r="C18193" i="3"/>
  <c r="C18194" i="3"/>
  <c r="C18195" i="3"/>
  <c r="C18196" i="3"/>
  <c r="C18197" i="3"/>
  <c r="C18198" i="3"/>
  <c r="C18199" i="3"/>
  <c r="C18200" i="3"/>
  <c r="C18201" i="3"/>
  <c r="C18202" i="3"/>
  <c r="C18203" i="3"/>
  <c r="C18204" i="3"/>
  <c r="C18205" i="3"/>
  <c r="C18206" i="3"/>
  <c r="C18207" i="3"/>
  <c r="C18208" i="3"/>
  <c r="C18209" i="3"/>
  <c r="C18210" i="3"/>
  <c r="C18211" i="3"/>
  <c r="C18212" i="3"/>
  <c r="C18213" i="3"/>
  <c r="C18214" i="3"/>
  <c r="C18215" i="3"/>
  <c r="C18216" i="3"/>
  <c r="C18217" i="3"/>
  <c r="C18218" i="3"/>
  <c r="C18219" i="3"/>
  <c r="C18220" i="3"/>
  <c r="C18221" i="3"/>
  <c r="C18222" i="3"/>
  <c r="C18223" i="3"/>
  <c r="C18224" i="3"/>
  <c r="C18225" i="3"/>
  <c r="C18226" i="3"/>
  <c r="C18227" i="3"/>
  <c r="C18228" i="3"/>
  <c r="C18229" i="3"/>
  <c r="C18230" i="3"/>
  <c r="C18231" i="3"/>
  <c r="C18232" i="3"/>
  <c r="C18233" i="3"/>
  <c r="C18234" i="3"/>
  <c r="C18235" i="3"/>
  <c r="C18236" i="3"/>
  <c r="C18237" i="3"/>
  <c r="C18238" i="3"/>
  <c r="C18239" i="3"/>
  <c r="C18240" i="3"/>
  <c r="C18241" i="3"/>
  <c r="C18242" i="3"/>
  <c r="C18243" i="3"/>
  <c r="C18244" i="3"/>
  <c r="C18245" i="3"/>
  <c r="C18246" i="3"/>
  <c r="C18247" i="3"/>
  <c r="C18248" i="3"/>
  <c r="C18249" i="3"/>
  <c r="C18250" i="3"/>
  <c r="C18251" i="3"/>
  <c r="C18252" i="3"/>
  <c r="C18253" i="3"/>
  <c r="C18254" i="3"/>
  <c r="C18255" i="3"/>
  <c r="C18256" i="3"/>
  <c r="C18257" i="3"/>
  <c r="C18258" i="3"/>
  <c r="C18259" i="3"/>
  <c r="C18260" i="3"/>
  <c r="C18261" i="3"/>
  <c r="C18262" i="3"/>
  <c r="C18263" i="3"/>
  <c r="C18264" i="3"/>
  <c r="C18265" i="3"/>
  <c r="C18266" i="3"/>
  <c r="C18267" i="3"/>
  <c r="C18268" i="3"/>
  <c r="C18269" i="3"/>
  <c r="C18270" i="3"/>
  <c r="C18271" i="3"/>
  <c r="C18272" i="3"/>
  <c r="C18273" i="3"/>
  <c r="C18274" i="3"/>
  <c r="C18275" i="3"/>
  <c r="C18276" i="3"/>
  <c r="C18277" i="3"/>
  <c r="C18278" i="3"/>
  <c r="C18279" i="3"/>
  <c r="C18280" i="3"/>
  <c r="C18281" i="3"/>
  <c r="C18282" i="3"/>
  <c r="C18283" i="3"/>
  <c r="C18284" i="3"/>
  <c r="C18285" i="3"/>
  <c r="C18286" i="3"/>
  <c r="C18287" i="3"/>
  <c r="C18288" i="3"/>
  <c r="C18289" i="3"/>
  <c r="C18290" i="3"/>
  <c r="C18291" i="3"/>
  <c r="C18292" i="3"/>
  <c r="C18293" i="3"/>
  <c r="C18294" i="3"/>
  <c r="C18295" i="3"/>
  <c r="C18296" i="3"/>
  <c r="C18297" i="3"/>
  <c r="C18298" i="3"/>
  <c r="C18299" i="3"/>
  <c r="C18300" i="3"/>
  <c r="C18301" i="3"/>
  <c r="C18302" i="3"/>
  <c r="C18303" i="3"/>
  <c r="C18304" i="3"/>
  <c r="C18305" i="3"/>
  <c r="C18306" i="3"/>
  <c r="C18307" i="3"/>
  <c r="C18308" i="3"/>
  <c r="C18309" i="3"/>
  <c r="C18310" i="3"/>
  <c r="C18311" i="3"/>
  <c r="C18312" i="3"/>
  <c r="C18313" i="3"/>
  <c r="C18314" i="3"/>
  <c r="C18315" i="3"/>
  <c r="C18316" i="3"/>
  <c r="C18317" i="3"/>
  <c r="C18318" i="3"/>
  <c r="C18319" i="3"/>
  <c r="C18320" i="3"/>
  <c r="C18321" i="3"/>
  <c r="C18322" i="3"/>
  <c r="C18323" i="3"/>
  <c r="C18324" i="3"/>
  <c r="C18325" i="3"/>
  <c r="C18326" i="3"/>
  <c r="C18327" i="3"/>
  <c r="C18328" i="3"/>
  <c r="C18329" i="3"/>
  <c r="C18330" i="3"/>
  <c r="C18331" i="3"/>
  <c r="C18332" i="3"/>
  <c r="C18333" i="3"/>
  <c r="C18334" i="3"/>
  <c r="C18335" i="3"/>
  <c r="C18336" i="3"/>
  <c r="C18337" i="3"/>
  <c r="C18338" i="3"/>
  <c r="C18339" i="3"/>
  <c r="C18340" i="3"/>
  <c r="C18341" i="3"/>
  <c r="C18342" i="3"/>
  <c r="C18343" i="3"/>
  <c r="C18344" i="3"/>
  <c r="C18345" i="3"/>
  <c r="C18346" i="3"/>
  <c r="C18347" i="3"/>
  <c r="C18348" i="3"/>
  <c r="C18349" i="3"/>
  <c r="C18350" i="3"/>
  <c r="C18351" i="3"/>
  <c r="C18352" i="3"/>
  <c r="C18353" i="3"/>
  <c r="C18354" i="3"/>
  <c r="C18355" i="3"/>
  <c r="C18356" i="3"/>
  <c r="C18357" i="3"/>
  <c r="C18358" i="3"/>
  <c r="C18359" i="3"/>
  <c r="C18360" i="3"/>
  <c r="C18361" i="3"/>
  <c r="C18362" i="3"/>
  <c r="C18363" i="3"/>
  <c r="C18364" i="3"/>
  <c r="C18365" i="3"/>
  <c r="C18366" i="3"/>
  <c r="C18367" i="3"/>
  <c r="C18368" i="3"/>
  <c r="C18369" i="3"/>
  <c r="C18370" i="3"/>
  <c r="C18371" i="3"/>
  <c r="C18372" i="3"/>
  <c r="C18373" i="3"/>
  <c r="C18374" i="3"/>
  <c r="C18375" i="3"/>
  <c r="C18376" i="3"/>
  <c r="C18377" i="3"/>
  <c r="C18378" i="3"/>
  <c r="C18379" i="3"/>
  <c r="C18380" i="3"/>
  <c r="C18381" i="3"/>
  <c r="C18382" i="3"/>
  <c r="C18383" i="3"/>
  <c r="C18384" i="3"/>
  <c r="C18385" i="3"/>
  <c r="C18386" i="3"/>
  <c r="C18387" i="3"/>
  <c r="C18388" i="3"/>
  <c r="C18389" i="3"/>
  <c r="C18390" i="3"/>
  <c r="C18391" i="3"/>
  <c r="C18392" i="3"/>
  <c r="C18393" i="3"/>
  <c r="C18394" i="3"/>
  <c r="C18395" i="3"/>
  <c r="C18396" i="3"/>
  <c r="C18397" i="3"/>
  <c r="C18398" i="3"/>
  <c r="C18399" i="3"/>
  <c r="C18400" i="3"/>
  <c r="C18401" i="3"/>
  <c r="C18402" i="3"/>
  <c r="C18403" i="3"/>
  <c r="C18404" i="3"/>
  <c r="C18405" i="3"/>
  <c r="C18406" i="3"/>
  <c r="C18407" i="3"/>
  <c r="C18408" i="3"/>
  <c r="C18409" i="3"/>
  <c r="C18410" i="3"/>
  <c r="C18411" i="3"/>
  <c r="C18412" i="3"/>
  <c r="C18413" i="3"/>
  <c r="C18414" i="3"/>
  <c r="C18415" i="3"/>
  <c r="C18416" i="3"/>
  <c r="C18417" i="3"/>
  <c r="C18418" i="3"/>
  <c r="C18419" i="3"/>
  <c r="C18420" i="3"/>
  <c r="C18421" i="3"/>
  <c r="C18422" i="3"/>
  <c r="C18423" i="3"/>
  <c r="C18424" i="3"/>
  <c r="C18425" i="3"/>
  <c r="C18426" i="3"/>
  <c r="C18427" i="3"/>
  <c r="C18428" i="3"/>
  <c r="C18429" i="3"/>
  <c r="C18430" i="3"/>
  <c r="C18431" i="3"/>
  <c r="C18432" i="3"/>
  <c r="C18433" i="3"/>
  <c r="C18434" i="3"/>
  <c r="C18435" i="3"/>
  <c r="C18436" i="3"/>
  <c r="C18437" i="3"/>
  <c r="C18438" i="3"/>
  <c r="C18439" i="3"/>
  <c r="C18440" i="3"/>
  <c r="C18441" i="3"/>
  <c r="C18442" i="3"/>
  <c r="C18443" i="3"/>
  <c r="C18444" i="3"/>
  <c r="C18445" i="3"/>
  <c r="C18446" i="3"/>
  <c r="C18447" i="3"/>
  <c r="C18448" i="3"/>
  <c r="C18449" i="3"/>
  <c r="C18450" i="3"/>
  <c r="C18451" i="3"/>
  <c r="C18452" i="3"/>
  <c r="C18453" i="3"/>
  <c r="C18454" i="3"/>
  <c r="C18455" i="3"/>
  <c r="C18456" i="3"/>
  <c r="C18457" i="3"/>
  <c r="C18458" i="3"/>
  <c r="C18459" i="3"/>
  <c r="C18460" i="3"/>
  <c r="C18461" i="3"/>
  <c r="C18462" i="3"/>
  <c r="C18463" i="3"/>
  <c r="C18464" i="3"/>
  <c r="C18465" i="3"/>
  <c r="C18466" i="3"/>
  <c r="C18467" i="3"/>
  <c r="C18468" i="3"/>
  <c r="C18469" i="3"/>
  <c r="C18470" i="3"/>
  <c r="C18471" i="3"/>
  <c r="C18472" i="3"/>
  <c r="C18473" i="3"/>
  <c r="C18474" i="3"/>
  <c r="C18475" i="3"/>
  <c r="C18476" i="3"/>
  <c r="C18477" i="3"/>
  <c r="C18478" i="3"/>
  <c r="C18479" i="3"/>
  <c r="C18480" i="3"/>
  <c r="C18481" i="3"/>
  <c r="C18482" i="3"/>
  <c r="C18483" i="3"/>
  <c r="C18484" i="3"/>
  <c r="C18485" i="3"/>
  <c r="C18486" i="3"/>
  <c r="C18487" i="3"/>
  <c r="C18488" i="3"/>
  <c r="C18489" i="3"/>
  <c r="C18490" i="3"/>
  <c r="C18491" i="3"/>
  <c r="C18492" i="3"/>
  <c r="C18493" i="3"/>
  <c r="C18494" i="3"/>
  <c r="C18495" i="3"/>
  <c r="C18496" i="3"/>
  <c r="C18497" i="3"/>
  <c r="C18498" i="3"/>
  <c r="C18499" i="3"/>
  <c r="C18500" i="3"/>
  <c r="C18501" i="3"/>
  <c r="C18502" i="3"/>
  <c r="C18503" i="3"/>
  <c r="C18504" i="3"/>
  <c r="C18505" i="3"/>
  <c r="C18506" i="3"/>
  <c r="C18507" i="3"/>
  <c r="C18508" i="3"/>
  <c r="C18509" i="3"/>
  <c r="C18510" i="3"/>
  <c r="C18511" i="3"/>
  <c r="C18512" i="3"/>
  <c r="C18513" i="3"/>
  <c r="C18514" i="3"/>
  <c r="C18515" i="3"/>
  <c r="C18516" i="3"/>
  <c r="C18517" i="3"/>
  <c r="C18518" i="3"/>
  <c r="C18519" i="3"/>
  <c r="C18520" i="3"/>
  <c r="C18521" i="3"/>
  <c r="C18522" i="3"/>
  <c r="C18523" i="3"/>
  <c r="C18524" i="3"/>
  <c r="C18525" i="3"/>
  <c r="C18526" i="3"/>
  <c r="C18527" i="3"/>
  <c r="C18528" i="3"/>
  <c r="C18529" i="3"/>
  <c r="C18530" i="3"/>
  <c r="C18531" i="3"/>
  <c r="C18532" i="3"/>
  <c r="C18533" i="3"/>
  <c r="C18534" i="3"/>
  <c r="C18535" i="3"/>
  <c r="C18536" i="3"/>
  <c r="C18537" i="3"/>
  <c r="C18538" i="3"/>
  <c r="C18539" i="3"/>
  <c r="C18540" i="3"/>
  <c r="C18541" i="3"/>
  <c r="C18542" i="3"/>
  <c r="C18543" i="3"/>
  <c r="C18544" i="3"/>
  <c r="C18545" i="3"/>
  <c r="C18546" i="3"/>
  <c r="C18547" i="3"/>
  <c r="C18548" i="3"/>
  <c r="C18549" i="3"/>
  <c r="C18550" i="3"/>
  <c r="C18551" i="3"/>
  <c r="C18552" i="3"/>
  <c r="C18553" i="3"/>
  <c r="C18554" i="3"/>
  <c r="C18555" i="3"/>
  <c r="C18556" i="3"/>
  <c r="C18557" i="3"/>
  <c r="C18558" i="3"/>
  <c r="C18559" i="3"/>
  <c r="C18560" i="3"/>
  <c r="C18561" i="3"/>
  <c r="C18562" i="3"/>
  <c r="C18563" i="3"/>
  <c r="C18564" i="3"/>
  <c r="C18565" i="3"/>
  <c r="C18566" i="3"/>
  <c r="C18567" i="3"/>
  <c r="C18568" i="3"/>
  <c r="C18569" i="3"/>
  <c r="C18570" i="3"/>
  <c r="C18571" i="3"/>
  <c r="C18572" i="3"/>
  <c r="C18573" i="3"/>
  <c r="C18574" i="3"/>
  <c r="C18575" i="3"/>
  <c r="C18576" i="3"/>
  <c r="C18577" i="3"/>
  <c r="C18578" i="3"/>
  <c r="C18579" i="3"/>
  <c r="C18580" i="3"/>
  <c r="C18581" i="3"/>
  <c r="C18582" i="3"/>
  <c r="C18583" i="3"/>
  <c r="C18584" i="3"/>
  <c r="C18585" i="3"/>
  <c r="C18586" i="3"/>
  <c r="C18587" i="3"/>
  <c r="C18588" i="3"/>
  <c r="C18589" i="3"/>
  <c r="C18590" i="3"/>
  <c r="C18591" i="3"/>
  <c r="C18592" i="3"/>
  <c r="C18593" i="3"/>
  <c r="C18594" i="3"/>
  <c r="C18595" i="3"/>
  <c r="C18596" i="3"/>
  <c r="C18597" i="3"/>
  <c r="C18598" i="3"/>
  <c r="C18599" i="3"/>
  <c r="C18600" i="3"/>
  <c r="C18601" i="3"/>
  <c r="C18602" i="3"/>
  <c r="C18603" i="3"/>
  <c r="C18604" i="3"/>
  <c r="C18605" i="3"/>
  <c r="C18606" i="3"/>
  <c r="C18607" i="3"/>
  <c r="C18608" i="3"/>
  <c r="C18609" i="3"/>
  <c r="C18610" i="3"/>
  <c r="C18611" i="3"/>
  <c r="C18612" i="3"/>
  <c r="C18613" i="3"/>
  <c r="C18614" i="3"/>
  <c r="C18615" i="3"/>
  <c r="C18616" i="3"/>
  <c r="C18617" i="3"/>
  <c r="C18618" i="3"/>
  <c r="C18619" i="3"/>
  <c r="C18620" i="3"/>
  <c r="C18621" i="3"/>
  <c r="C18622" i="3"/>
  <c r="C18623" i="3"/>
  <c r="C18624" i="3"/>
  <c r="C18625" i="3"/>
  <c r="C18626" i="3"/>
  <c r="C18627" i="3"/>
  <c r="C18628" i="3"/>
  <c r="C18629" i="3"/>
  <c r="C18630" i="3"/>
  <c r="C18631" i="3"/>
  <c r="C18632" i="3"/>
  <c r="C18633" i="3"/>
  <c r="C18634" i="3"/>
  <c r="C18635" i="3"/>
  <c r="C18636" i="3"/>
  <c r="C18637" i="3"/>
  <c r="C18638" i="3"/>
  <c r="C18639" i="3"/>
  <c r="C18640" i="3"/>
  <c r="C18641" i="3"/>
  <c r="C18642" i="3"/>
  <c r="C18643" i="3"/>
  <c r="C18644" i="3"/>
  <c r="C18645" i="3"/>
  <c r="C18646" i="3"/>
  <c r="C18647" i="3"/>
  <c r="C18648" i="3"/>
  <c r="C18649" i="3"/>
  <c r="C18650" i="3"/>
  <c r="C18651" i="3"/>
  <c r="C18652" i="3"/>
  <c r="C18653" i="3"/>
  <c r="C18654" i="3"/>
  <c r="C18655" i="3"/>
  <c r="C18656" i="3"/>
  <c r="C18657" i="3"/>
  <c r="C18658" i="3"/>
  <c r="C18659" i="3"/>
  <c r="C18660" i="3"/>
  <c r="C18661" i="3"/>
  <c r="C18662" i="3"/>
  <c r="C18663" i="3"/>
  <c r="C18664" i="3"/>
  <c r="C18665" i="3"/>
  <c r="C18666" i="3"/>
  <c r="C18667" i="3"/>
  <c r="C18668" i="3"/>
  <c r="C18669" i="3"/>
  <c r="C18670" i="3"/>
  <c r="C18671" i="3"/>
  <c r="C18672" i="3"/>
  <c r="C18673" i="3"/>
  <c r="C18674" i="3"/>
  <c r="C18675" i="3"/>
  <c r="C18676" i="3"/>
  <c r="C18677" i="3"/>
  <c r="C18678" i="3"/>
  <c r="C18679" i="3"/>
  <c r="C18680" i="3"/>
  <c r="C18681" i="3"/>
  <c r="C18682" i="3"/>
  <c r="C18683" i="3"/>
  <c r="C18684" i="3"/>
  <c r="C18685" i="3"/>
  <c r="C18686" i="3"/>
  <c r="C18687" i="3"/>
  <c r="C18688" i="3"/>
  <c r="C18689" i="3"/>
  <c r="C18690" i="3"/>
  <c r="C18691" i="3"/>
  <c r="C18692" i="3"/>
  <c r="C18693" i="3"/>
  <c r="C18694" i="3"/>
  <c r="C18695" i="3"/>
  <c r="C18696" i="3"/>
  <c r="C18697" i="3"/>
  <c r="C18698" i="3"/>
  <c r="C18699" i="3"/>
  <c r="C18700" i="3"/>
  <c r="C18701" i="3"/>
  <c r="C18702" i="3"/>
  <c r="C18703" i="3"/>
  <c r="C18704" i="3"/>
  <c r="C18705" i="3"/>
  <c r="C18706" i="3"/>
  <c r="C18707" i="3"/>
  <c r="C18708" i="3"/>
  <c r="C18709" i="3"/>
  <c r="C18710" i="3"/>
  <c r="C18711" i="3"/>
  <c r="C18712" i="3"/>
  <c r="C18713" i="3"/>
  <c r="C18714" i="3"/>
  <c r="C18715" i="3"/>
  <c r="C18716" i="3"/>
  <c r="C18717" i="3"/>
  <c r="C18718" i="3"/>
  <c r="C18719" i="3"/>
  <c r="C18720" i="3"/>
  <c r="C18721" i="3"/>
  <c r="C18722" i="3"/>
  <c r="C18723" i="3"/>
  <c r="C18724" i="3"/>
  <c r="C18725" i="3"/>
  <c r="C18726" i="3"/>
  <c r="C18727" i="3"/>
  <c r="C18728" i="3"/>
  <c r="C18729" i="3"/>
  <c r="C18730" i="3"/>
  <c r="C18731" i="3"/>
  <c r="C18732" i="3"/>
  <c r="C18733" i="3"/>
  <c r="C18734" i="3"/>
  <c r="C18735" i="3"/>
  <c r="C18736" i="3"/>
  <c r="C18737" i="3"/>
  <c r="C18738" i="3"/>
  <c r="C18739" i="3"/>
  <c r="C18740" i="3"/>
  <c r="C18741" i="3"/>
  <c r="C18742" i="3"/>
  <c r="C18743" i="3"/>
  <c r="C18744" i="3"/>
  <c r="C18745" i="3"/>
  <c r="C18746" i="3"/>
  <c r="C18747" i="3"/>
  <c r="C18748" i="3"/>
  <c r="C18749" i="3"/>
  <c r="C18750" i="3"/>
  <c r="C18751" i="3"/>
  <c r="C18752" i="3"/>
  <c r="C18753" i="3"/>
  <c r="C18754" i="3"/>
  <c r="C18755" i="3"/>
  <c r="C18756" i="3"/>
  <c r="C18757" i="3"/>
  <c r="C18758" i="3"/>
  <c r="C18759" i="3"/>
  <c r="C18760" i="3"/>
  <c r="C18761" i="3"/>
  <c r="C18762" i="3"/>
  <c r="C18763" i="3"/>
  <c r="C18764" i="3"/>
  <c r="C18765" i="3"/>
  <c r="C18766" i="3"/>
  <c r="C18767" i="3"/>
  <c r="C18768" i="3"/>
  <c r="C18769" i="3"/>
  <c r="C18770" i="3"/>
  <c r="C18771" i="3"/>
  <c r="C18772" i="3"/>
  <c r="C18773" i="3"/>
  <c r="C18774" i="3"/>
  <c r="C18775" i="3"/>
  <c r="C18776" i="3"/>
  <c r="C18777" i="3"/>
  <c r="C18778" i="3"/>
  <c r="C18779" i="3"/>
  <c r="C18780" i="3"/>
  <c r="C18781" i="3"/>
  <c r="C18782" i="3"/>
  <c r="C18783" i="3"/>
  <c r="C18784" i="3"/>
  <c r="C18785" i="3"/>
  <c r="C18786" i="3"/>
  <c r="C18787" i="3"/>
  <c r="C18788" i="3"/>
  <c r="C18789" i="3"/>
  <c r="C18790" i="3"/>
  <c r="C18791" i="3"/>
  <c r="C18792" i="3"/>
  <c r="C18793" i="3"/>
  <c r="C18794" i="3"/>
  <c r="C18795" i="3"/>
  <c r="C18796" i="3"/>
  <c r="C18797" i="3"/>
  <c r="C18798" i="3"/>
  <c r="C18799" i="3"/>
  <c r="C18800" i="3"/>
  <c r="C18801" i="3"/>
  <c r="C18802" i="3"/>
  <c r="C18803" i="3"/>
  <c r="C18804" i="3"/>
  <c r="C18805" i="3"/>
  <c r="C18806" i="3"/>
  <c r="C18807" i="3"/>
  <c r="C18808" i="3"/>
  <c r="C18809" i="3"/>
  <c r="C18810" i="3"/>
  <c r="C18811" i="3"/>
  <c r="C18812" i="3"/>
  <c r="C18813" i="3"/>
  <c r="C18814" i="3"/>
  <c r="C18815" i="3"/>
  <c r="C18816" i="3"/>
  <c r="C18817" i="3"/>
  <c r="C18818" i="3"/>
  <c r="C18819" i="3"/>
  <c r="C18820" i="3"/>
  <c r="C18821" i="3"/>
  <c r="C18822" i="3"/>
  <c r="C18823" i="3"/>
  <c r="C18824" i="3"/>
  <c r="C18825" i="3"/>
  <c r="C18826" i="3"/>
  <c r="C18827" i="3"/>
  <c r="C18828" i="3"/>
  <c r="C18829" i="3"/>
  <c r="C18830" i="3"/>
  <c r="C18831" i="3"/>
  <c r="C18832" i="3"/>
  <c r="C18833" i="3"/>
  <c r="C18834" i="3"/>
  <c r="C18835" i="3"/>
  <c r="C18836" i="3"/>
  <c r="C18837" i="3"/>
  <c r="C18838" i="3"/>
  <c r="C18839" i="3"/>
  <c r="C18840" i="3"/>
  <c r="C18841" i="3"/>
  <c r="C18842" i="3"/>
  <c r="C18843" i="3"/>
  <c r="C18844" i="3"/>
  <c r="C18845" i="3"/>
  <c r="C18846" i="3"/>
  <c r="C18847" i="3"/>
  <c r="C18848" i="3"/>
  <c r="C18849" i="3"/>
  <c r="C18850" i="3"/>
  <c r="C18851" i="3"/>
  <c r="C18852" i="3"/>
  <c r="C18853" i="3"/>
  <c r="C18854" i="3"/>
  <c r="C18855" i="3"/>
  <c r="C18856" i="3"/>
  <c r="C18857" i="3"/>
  <c r="C18858" i="3"/>
  <c r="C18859" i="3"/>
  <c r="C18860" i="3"/>
  <c r="C18861" i="3"/>
  <c r="C18862" i="3"/>
  <c r="C18863" i="3"/>
  <c r="C18864" i="3"/>
  <c r="C18865" i="3"/>
  <c r="C18866" i="3"/>
  <c r="C18867" i="3"/>
  <c r="C18868" i="3"/>
  <c r="C18869" i="3"/>
  <c r="C18870" i="3"/>
  <c r="C18871" i="3"/>
  <c r="C18872" i="3"/>
  <c r="C18873" i="3"/>
  <c r="C18874" i="3"/>
  <c r="C18875" i="3"/>
  <c r="C18876" i="3"/>
  <c r="C18877" i="3"/>
  <c r="C18878" i="3"/>
  <c r="C18879" i="3"/>
  <c r="C18880" i="3"/>
  <c r="C18881" i="3"/>
  <c r="C18882" i="3"/>
  <c r="C18883" i="3"/>
  <c r="C18884" i="3"/>
  <c r="C18885" i="3"/>
  <c r="C18886" i="3"/>
  <c r="C18887" i="3"/>
  <c r="C18888" i="3"/>
  <c r="C18889" i="3"/>
  <c r="C18890" i="3"/>
  <c r="C18891" i="3"/>
  <c r="C18892" i="3"/>
  <c r="C18893" i="3"/>
  <c r="C18894" i="3"/>
  <c r="C18895" i="3"/>
  <c r="C18896" i="3"/>
  <c r="C18897" i="3"/>
  <c r="C18898" i="3"/>
  <c r="C18899" i="3"/>
  <c r="C18900" i="3"/>
  <c r="C18901" i="3"/>
  <c r="C18902" i="3"/>
  <c r="C18903" i="3"/>
  <c r="C18904" i="3"/>
  <c r="C18905" i="3"/>
  <c r="C18906" i="3"/>
  <c r="C18907" i="3"/>
  <c r="C18908" i="3"/>
  <c r="C18909" i="3"/>
  <c r="C18910" i="3"/>
  <c r="C18911" i="3"/>
  <c r="C18912" i="3"/>
  <c r="C18913" i="3"/>
  <c r="C18914" i="3"/>
  <c r="C18915" i="3"/>
  <c r="C18916" i="3"/>
  <c r="C18917" i="3"/>
  <c r="C18918" i="3"/>
  <c r="C18919" i="3"/>
  <c r="C18920" i="3"/>
  <c r="C18921" i="3"/>
  <c r="C18922" i="3"/>
  <c r="C18923" i="3"/>
  <c r="C18924" i="3"/>
  <c r="C18925" i="3"/>
  <c r="C18926" i="3"/>
  <c r="C18927" i="3"/>
  <c r="C18928" i="3"/>
  <c r="C18929" i="3"/>
  <c r="C18930" i="3"/>
  <c r="C18931" i="3"/>
  <c r="C18932" i="3"/>
  <c r="C18933" i="3"/>
  <c r="C18934" i="3"/>
  <c r="C18935" i="3"/>
  <c r="C18936" i="3"/>
  <c r="C18937" i="3"/>
  <c r="C18938" i="3"/>
  <c r="C18939" i="3"/>
  <c r="C18940" i="3"/>
  <c r="C18941" i="3"/>
  <c r="C18942" i="3"/>
  <c r="C18943" i="3"/>
  <c r="C18944" i="3"/>
  <c r="C18945" i="3"/>
  <c r="C18946" i="3"/>
  <c r="C18947" i="3"/>
  <c r="C18948" i="3"/>
  <c r="C18949" i="3"/>
  <c r="C18950" i="3"/>
  <c r="C18951" i="3"/>
  <c r="C18952" i="3"/>
  <c r="C18953" i="3"/>
  <c r="C18954" i="3"/>
  <c r="C18955" i="3"/>
  <c r="C18956" i="3"/>
  <c r="C18957" i="3"/>
  <c r="C18958" i="3"/>
  <c r="C18959" i="3"/>
  <c r="C18960" i="3"/>
  <c r="C18961" i="3"/>
  <c r="C18962" i="3"/>
  <c r="C18963" i="3"/>
  <c r="C18964" i="3"/>
  <c r="C18965" i="3"/>
  <c r="C18966" i="3"/>
  <c r="C18967" i="3"/>
  <c r="C18968" i="3"/>
  <c r="C18969" i="3"/>
  <c r="C18970" i="3"/>
  <c r="C18971" i="3"/>
  <c r="C18972" i="3"/>
  <c r="C18973" i="3"/>
  <c r="C18974" i="3"/>
  <c r="C18975" i="3"/>
  <c r="C18976" i="3"/>
  <c r="C18977" i="3"/>
  <c r="C18978" i="3"/>
  <c r="C18979" i="3"/>
  <c r="C18980" i="3"/>
  <c r="C18981" i="3"/>
  <c r="C18982" i="3"/>
  <c r="C18983" i="3"/>
  <c r="C18984" i="3"/>
  <c r="C18985" i="3"/>
  <c r="C18986" i="3"/>
  <c r="C18987" i="3"/>
  <c r="C18988" i="3"/>
  <c r="C18989" i="3"/>
  <c r="C18990" i="3"/>
  <c r="C18991" i="3"/>
  <c r="C18992" i="3"/>
  <c r="C18993" i="3"/>
  <c r="C18994" i="3"/>
  <c r="C18995" i="3"/>
  <c r="C18996" i="3"/>
  <c r="C18997" i="3"/>
  <c r="C18998" i="3"/>
  <c r="C18999" i="3"/>
  <c r="C19000" i="3"/>
  <c r="C19001" i="3"/>
  <c r="C19002" i="3"/>
  <c r="C19003" i="3"/>
  <c r="C19004" i="3"/>
  <c r="C19005" i="3"/>
  <c r="C19006" i="3"/>
  <c r="C19007" i="3"/>
  <c r="C19008" i="3"/>
  <c r="C19009" i="3"/>
  <c r="C19010" i="3"/>
  <c r="C19011" i="3"/>
  <c r="C19012" i="3"/>
  <c r="C19013" i="3"/>
  <c r="C19014" i="3"/>
  <c r="C19015" i="3"/>
  <c r="C19016" i="3"/>
  <c r="C19017" i="3"/>
  <c r="C19018" i="3"/>
  <c r="C19019" i="3"/>
  <c r="C19020" i="3"/>
  <c r="C19021" i="3"/>
  <c r="C19022" i="3"/>
  <c r="C19023" i="3"/>
  <c r="C19024" i="3"/>
  <c r="C19025" i="3"/>
  <c r="C19026" i="3"/>
  <c r="C19027" i="3"/>
  <c r="C19028" i="3"/>
  <c r="C19029" i="3"/>
  <c r="C19030" i="3"/>
  <c r="C19031" i="3"/>
  <c r="C19032" i="3"/>
  <c r="C19033" i="3"/>
  <c r="C19034" i="3"/>
  <c r="C19035" i="3"/>
  <c r="C19036" i="3"/>
  <c r="C19037" i="3"/>
  <c r="C19038" i="3"/>
  <c r="C19039" i="3"/>
  <c r="C19040" i="3"/>
  <c r="C19041" i="3"/>
  <c r="C19042" i="3"/>
  <c r="C19043" i="3"/>
  <c r="C19044" i="3"/>
  <c r="C19045" i="3"/>
  <c r="C19046" i="3"/>
  <c r="C19047" i="3"/>
  <c r="C19048" i="3"/>
  <c r="C19049" i="3"/>
  <c r="C19050" i="3"/>
  <c r="C19051" i="3"/>
  <c r="C19052" i="3"/>
  <c r="C19053" i="3"/>
  <c r="C19054" i="3"/>
  <c r="C19055" i="3"/>
  <c r="C19056" i="3"/>
  <c r="C19057" i="3"/>
  <c r="C19058" i="3"/>
  <c r="C19059" i="3"/>
  <c r="C19060" i="3"/>
  <c r="C19061" i="3"/>
  <c r="C19062" i="3"/>
  <c r="C19063" i="3"/>
  <c r="C19064" i="3"/>
  <c r="C19065" i="3"/>
  <c r="C19066" i="3"/>
  <c r="C19067" i="3"/>
  <c r="C19068" i="3"/>
  <c r="C19069" i="3"/>
  <c r="C19070" i="3"/>
  <c r="C19071" i="3"/>
  <c r="C19072" i="3"/>
  <c r="C19073" i="3"/>
  <c r="C19074" i="3"/>
  <c r="C19075" i="3"/>
  <c r="C19076" i="3"/>
  <c r="C19077" i="3"/>
  <c r="C19078" i="3"/>
  <c r="C19079" i="3"/>
  <c r="C19080" i="3"/>
  <c r="C19081" i="3"/>
  <c r="C19082" i="3"/>
  <c r="C19083" i="3"/>
  <c r="C19084" i="3"/>
  <c r="C19085" i="3"/>
  <c r="C19086" i="3"/>
  <c r="C19087" i="3"/>
  <c r="C19088" i="3"/>
  <c r="C19089" i="3"/>
  <c r="C19090" i="3"/>
  <c r="C19091" i="3"/>
  <c r="C19092" i="3"/>
  <c r="C19093" i="3"/>
  <c r="C19094" i="3"/>
  <c r="C19095" i="3"/>
  <c r="C19096" i="3"/>
  <c r="C19097" i="3"/>
  <c r="C19098" i="3"/>
  <c r="C19099" i="3"/>
  <c r="C19100" i="3"/>
  <c r="C19101" i="3"/>
  <c r="C19102" i="3"/>
  <c r="C19103" i="3"/>
  <c r="C19104" i="3"/>
  <c r="C19105" i="3"/>
  <c r="C19106" i="3"/>
  <c r="C19107" i="3"/>
  <c r="C19108" i="3"/>
  <c r="C19109" i="3"/>
  <c r="C19110" i="3"/>
  <c r="C19111" i="3"/>
  <c r="C19112" i="3"/>
  <c r="C19113" i="3"/>
  <c r="C19114" i="3"/>
  <c r="C19115" i="3"/>
  <c r="C19116" i="3"/>
  <c r="C19117" i="3"/>
  <c r="C19118" i="3"/>
  <c r="C19119" i="3"/>
  <c r="C19120" i="3"/>
  <c r="C19121" i="3"/>
  <c r="C19122" i="3"/>
  <c r="C19123" i="3"/>
  <c r="C19124" i="3"/>
  <c r="C19125" i="3"/>
  <c r="C19126" i="3"/>
  <c r="C19127" i="3"/>
  <c r="C19128" i="3"/>
  <c r="C19129" i="3"/>
  <c r="C19130" i="3"/>
  <c r="C19131" i="3"/>
  <c r="C19132" i="3"/>
  <c r="C19133" i="3"/>
  <c r="C19134" i="3"/>
  <c r="C19135" i="3"/>
  <c r="C19136" i="3"/>
  <c r="C19137" i="3"/>
  <c r="C19138" i="3"/>
  <c r="C19139" i="3"/>
  <c r="C19140" i="3"/>
  <c r="C19141" i="3"/>
  <c r="C19142" i="3"/>
  <c r="C19143" i="3"/>
  <c r="C19144" i="3"/>
  <c r="C19145" i="3"/>
  <c r="C19146" i="3"/>
  <c r="C19147" i="3"/>
  <c r="C19148" i="3"/>
  <c r="C19149" i="3"/>
  <c r="C19150" i="3"/>
  <c r="C19151" i="3"/>
  <c r="C19152" i="3"/>
  <c r="C19153" i="3"/>
  <c r="C19154" i="3"/>
  <c r="C19155" i="3"/>
  <c r="C19156" i="3"/>
  <c r="C19157" i="3"/>
  <c r="C19158" i="3"/>
  <c r="C19159" i="3"/>
  <c r="C19160" i="3"/>
  <c r="C19161" i="3"/>
  <c r="C19162" i="3"/>
  <c r="C19163" i="3"/>
  <c r="C19164" i="3"/>
  <c r="C19165" i="3"/>
  <c r="C19166" i="3"/>
  <c r="C19167" i="3"/>
  <c r="C19168" i="3"/>
  <c r="C19169" i="3"/>
  <c r="C19170" i="3"/>
  <c r="C19171" i="3"/>
  <c r="C19172" i="3"/>
  <c r="C19173" i="3"/>
  <c r="C19174" i="3"/>
  <c r="C19175" i="3"/>
  <c r="C19176" i="3"/>
  <c r="C19177" i="3"/>
  <c r="C19178" i="3"/>
  <c r="C19179" i="3"/>
  <c r="C19180" i="3"/>
  <c r="C19181" i="3"/>
  <c r="C19182" i="3"/>
  <c r="C19183" i="3"/>
  <c r="C19184" i="3"/>
  <c r="C19185" i="3"/>
  <c r="C19186" i="3"/>
  <c r="C19187" i="3"/>
  <c r="C19188" i="3"/>
  <c r="C19189" i="3"/>
  <c r="C19190" i="3"/>
  <c r="C19191" i="3"/>
  <c r="C19192" i="3"/>
  <c r="C19193" i="3"/>
  <c r="C19194" i="3"/>
  <c r="C19195" i="3"/>
  <c r="C19196" i="3"/>
  <c r="C19197" i="3"/>
  <c r="C19198" i="3"/>
  <c r="C19199" i="3"/>
  <c r="C19200" i="3"/>
  <c r="C19201" i="3"/>
  <c r="C19202" i="3"/>
  <c r="C19203" i="3"/>
  <c r="C19204" i="3"/>
  <c r="C19205" i="3"/>
  <c r="C19206" i="3"/>
  <c r="C19207" i="3"/>
  <c r="C19208" i="3"/>
  <c r="C19209" i="3"/>
  <c r="C19210" i="3"/>
  <c r="C19211" i="3"/>
  <c r="C19212" i="3"/>
  <c r="C19213" i="3"/>
  <c r="C19214" i="3"/>
  <c r="C19215" i="3"/>
  <c r="C19216" i="3"/>
  <c r="C19217" i="3"/>
  <c r="C19218" i="3"/>
  <c r="C19219" i="3"/>
  <c r="C19220" i="3"/>
  <c r="C19221" i="3"/>
  <c r="C19222" i="3"/>
  <c r="C19223" i="3"/>
  <c r="C19224" i="3"/>
  <c r="C19225" i="3"/>
  <c r="C19226" i="3"/>
  <c r="C19227" i="3"/>
  <c r="C19228" i="3"/>
  <c r="C19229" i="3"/>
  <c r="C19230" i="3"/>
  <c r="C19231" i="3"/>
  <c r="C19232" i="3"/>
  <c r="C19233" i="3"/>
  <c r="C19234" i="3"/>
  <c r="C19235" i="3"/>
  <c r="C19236" i="3"/>
  <c r="C19237" i="3"/>
  <c r="C19238" i="3"/>
  <c r="C19239" i="3"/>
  <c r="C19240" i="3"/>
  <c r="C19241" i="3"/>
  <c r="C19242" i="3"/>
  <c r="C19243" i="3"/>
  <c r="C19244" i="3"/>
  <c r="C19245" i="3"/>
  <c r="C19246" i="3"/>
  <c r="C19247" i="3"/>
  <c r="C19248" i="3"/>
  <c r="C19249" i="3"/>
  <c r="C19250" i="3"/>
  <c r="C19251" i="3"/>
  <c r="C19252" i="3"/>
  <c r="C19253" i="3"/>
  <c r="C19254" i="3"/>
  <c r="C19255" i="3"/>
  <c r="C19256" i="3"/>
  <c r="C19257" i="3"/>
  <c r="C19258" i="3"/>
  <c r="C19259" i="3"/>
  <c r="C19260" i="3"/>
  <c r="C19261" i="3"/>
  <c r="C19262" i="3"/>
  <c r="C19263" i="3"/>
  <c r="C19264" i="3"/>
  <c r="C19265" i="3"/>
  <c r="C19266" i="3"/>
  <c r="C19267" i="3"/>
  <c r="C19268" i="3"/>
  <c r="C19269" i="3"/>
  <c r="C19270" i="3"/>
  <c r="C19271" i="3"/>
  <c r="C19272" i="3"/>
  <c r="C19273" i="3"/>
  <c r="C19274" i="3"/>
  <c r="C19275" i="3"/>
  <c r="C19276" i="3"/>
  <c r="C19277" i="3"/>
  <c r="C19278" i="3"/>
  <c r="C19279" i="3"/>
  <c r="C19280" i="3"/>
  <c r="C19281" i="3"/>
  <c r="C19282" i="3"/>
  <c r="C19283" i="3"/>
  <c r="C19284" i="3"/>
  <c r="C19285" i="3"/>
  <c r="C19286" i="3"/>
  <c r="C19287" i="3"/>
  <c r="C19288" i="3"/>
  <c r="C19289" i="3"/>
  <c r="C19290" i="3"/>
  <c r="C19291" i="3"/>
  <c r="C19292" i="3"/>
  <c r="C19293" i="3"/>
  <c r="C19294" i="3"/>
  <c r="C19295" i="3"/>
  <c r="C19296" i="3"/>
  <c r="C19297" i="3"/>
  <c r="C19298" i="3"/>
  <c r="C19299" i="3"/>
  <c r="C19300" i="3"/>
  <c r="C19301" i="3"/>
  <c r="C19302" i="3"/>
  <c r="C19303" i="3"/>
  <c r="C19304" i="3"/>
  <c r="C19305" i="3"/>
  <c r="C19306" i="3"/>
  <c r="C19307" i="3"/>
  <c r="C19308" i="3"/>
  <c r="C19309" i="3"/>
  <c r="C19310" i="3"/>
  <c r="C19311" i="3"/>
  <c r="C19312" i="3"/>
  <c r="C19313" i="3"/>
  <c r="C19314" i="3"/>
  <c r="C19315" i="3"/>
  <c r="C19316" i="3"/>
  <c r="C19317" i="3"/>
  <c r="C19318" i="3"/>
  <c r="C19319" i="3"/>
  <c r="C19320" i="3"/>
  <c r="C19321" i="3"/>
  <c r="C19322" i="3"/>
  <c r="C19323" i="3"/>
  <c r="C19324" i="3"/>
  <c r="C19325" i="3"/>
  <c r="C19326" i="3"/>
  <c r="C19327" i="3"/>
  <c r="C19328" i="3"/>
  <c r="C19329" i="3"/>
  <c r="C19330" i="3"/>
  <c r="C19331" i="3"/>
  <c r="C19332" i="3"/>
  <c r="C19333" i="3"/>
  <c r="C19334" i="3"/>
  <c r="C19335" i="3"/>
  <c r="C19336" i="3"/>
  <c r="C19337" i="3"/>
  <c r="C19338" i="3"/>
  <c r="C19339" i="3"/>
  <c r="C19340" i="3"/>
  <c r="C19341" i="3"/>
  <c r="C19342" i="3"/>
  <c r="C19343" i="3"/>
  <c r="C19344" i="3"/>
  <c r="C19345" i="3"/>
  <c r="C19346" i="3"/>
  <c r="C19347" i="3"/>
  <c r="C19348" i="3"/>
  <c r="C19349" i="3"/>
  <c r="C19350" i="3"/>
  <c r="C19351" i="3"/>
  <c r="C19352" i="3"/>
  <c r="C19353" i="3"/>
  <c r="C19354" i="3"/>
  <c r="C19355" i="3"/>
  <c r="C19356" i="3"/>
  <c r="C19357" i="3"/>
  <c r="C19358" i="3"/>
  <c r="C19359" i="3"/>
  <c r="C19360" i="3"/>
  <c r="C19361" i="3"/>
  <c r="C19362" i="3"/>
  <c r="C19363" i="3"/>
  <c r="C19364" i="3"/>
  <c r="C19365" i="3"/>
  <c r="C19366" i="3"/>
  <c r="C19367" i="3"/>
  <c r="C19368" i="3"/>
  <c r="C19369" i="3"/>
  <c r="C19370" i="3"/>
  <c r="C19371" i="3"/>
  <c r="C19372" i="3"/>
  <c r="C19373" i="3"/>
  <c r="C19374" i="3"/>
  <c r="C19375" i="3"/>
  <c r="C19376" i="3"/>
  <c r="C19377" i="3"/>
  <c r="C19378" i="3"/>
  <c r="C19379" i="3"/>
  <c r="C19380" i="3"/>
  <c r="C19381" i="3"/>
  <c r="C19382" i="3"/>
  <c r="C19383" i="3"/>
  <c r="C19384" i="3"/>
  <c r="C19385" i="3"/>
  <c r="C19386" i="3"/>
  <c r="C19387" i="3"/>
  <c r="C19388" i="3"/>
  <c r="C19389" i="3"/>
  <c r="C19390" i="3"/>
  <c r="C19391" i="3"/>
  <c r="C19392" i="3"/>
  <c r="C19393" i="3"/>
  <c r="C19394" i="3"/>
  <c r="C19395" i="3"/>
  <c r="C19396" i="3"/>
  <c r="C19397" i="3"/>
  <c r="C19398" i="3"/>
  <c r="C19399" i="3"/>
  <c r="C19400" i="3"/>
  <c r="C19401" i="3"/>
  <c r="C19402" i="3"/>
  <c r="C19403" i="3"/>
  <c r="C19404" i="3"/>
  <c r="C19405" i="3"/>
  <c r="C19406" i="3"/>
  <c r="C19407" i="3"/>
  <c r="C19408" i="3"/>
  <c r="C19409" i="3"/>
  <c r="C19410" i="3"/>
  <c r="C19411" i="3"/>
  <c r="C19412" i="3"/>
  <c r="C19413" i="3"/>
  <c r="C19414" i="3"/>
  <c r="C19415" i="3"/>
  <c r="C19416" i="3"/>
  <c r="C19417" i="3"/>
  <c r="C19418" i="3"/>
  <c r="C19419" i="3"/>
  <c r="C19420" i="3"/>
  <c r="C19421" i="3"/>
  <c r="C19422" i="3"/>
  <c r="C19423" i="3"/>
  <c r="C19424" i="3"/>
  <c r="C19425" i="3"/>
  <c r="C19426" i="3"/>
  <c r="C19427" i="3"/>
  <c r="C19428" i="3"/>
  <c r="C19429" i="3"/>
  <c r="C19430" i="3"/>
  <c r="C19431" i="3"/>
  <c r="C19432" i="3"/>
  <c r="C19433" i="3"/>
  <c r="C19434" i="3"/>
  <c r="C19435" i="3"/>
  <c r="C19436" i="3"/>
  <c r="C19437" i="3"/>
  <c r="C19438" i="3"/>
  <c r="C19439" i="3"/>
  <c r="C19440" i="3"/>
  <c r="C19441" i="3"/>
  <c r="C19442" i="3"/>
  <c r="C19443" i="3"/>
  <c r="C19444" i="3"/>
  <c r="C19445" i="3"/>
  <c r="C19446" i="3"/>
  <c r="C19447" i="3"/>
  <c r="C19448" i="3"/>
  <c r="C19449" i="3"/>
  <c r="C19450" i="3"/>
  <c r="C19451" i="3"/>
  <c r="C19452" i="3"/>
  <c r="C19453" i="3"/>
  <c r="C19454" i="3"/>
  <c r="C19455" i="3"/>
  <c r="C19456" i="3"/>
  <c r="C19457" i="3"/>
  <c r="C19458" i="3"/>
  <c r="C19459" i="3"/>
  <c r="C19460" i="3"/>
  <c r="C19461" i="3"/>
  <c r="C19462" i="3"/>
  <c r="C19463" i="3"/>
  <c r="C19464" i="3"/>
  <c r="C19465" i="3"/>
  <c r="C19466" i="3"/>
  <c r="C19467" i="3"/>
  <c r="C19468" i="3"/>
  <c r="C19469" i="3"/>
  <c r="C19470" i="3"/>
  <c r="C19471" i="3"/>
  <c r="C19472" i="3"/>
  <c r="C19473" i="3"/>
  <c r="C19474" i="3"/>
  <c r="C19475" i="3"/>
  <c r="C19476" i="3"/>
  <c r="C19477" i="3"/>
  <c r="C19478" i="3"/>
  <c r="C19479" i="3"/>
  <c r="C19480" i="3"/>
  <c r="C19481" i="3"/>
  <c r="C19482" i="3"/>
  <c r="C19483" i="3"/>
  <c r="C19484" i="3"/>
  <c r="C19485" i="3"/>
  <c r="C19486" i="3"/>
  <c r="C19487" i="3"/>
  <c r="C19488" i="3"/>
  <c r="C19489" i="3"/>
  <c r="C19490" i="3"/>
  <c r="C19491" i="3"/>
  <c r="C19492" i="3"/>
  <c r="C19493" i="3"/>
  <c r="C19494" i="3"/>
  <c r="C19495" i="3"/>
  <c r="C19496" i="3"/>
  <c r="C19497" i="3"/>
  <c r="C19498" i="3"/>
  <c r="C19499" i="3"/>
  <c r="C19500" i="3"/>
  <c r="C19501" i="3"/>
  <c r="C19502" i="3"/>
  <c r="C19503" i="3"/>
  <c r="C19504" i="3"/>
  <c r="C19505" i="3"/>
  <c r="C19506" i="3"/>
  <c r="C19507" i="3"/>
  <c r="C19508" i="3"/>
  <c r="C19509" i="3"/>
  <c r="C19510" i="3"/>
  <c r="C19511" i="3"/>
  <c r="C19512" i="3"/>
  <c r="C19513" i="3"/>
  <c r="C19514" i="3"/>
  <c r="C19515" i="3"/>
  <c r="C19516" i="3"/>
  <c r="C19517" i="3"/>
  <c r="C19518" i="3"/>
  <c r="C19519" i="3"/>
  <c r="C19520" i="3"/>
  <c r="C19521" i="3"/>
  <c r="C19522" i="3"/>
  <c r="C19523" i="3"/>
  <c r="C19524" i="3"/>
  <c r="C19525" i="3"/>
  <c r="C19526" i="3"/>
  <c r="C19527" i="3"/>
  <c r="C19528" i="3"/>
  <c r="C19529" i="3"/>
  <c r="C19530" i="3"/>
  <c r="C19531" i="3"/>
  <c r="C19532" i="3"/>
  <c r="C19533" i="3"/>
  <c r="C19534" i="3"/>
  <c r="C19535" i="3"/>
  <c r="C19536" i="3"/>
  <c r="C19537" i="3"/>
  <c r="C19538" i="3"/>
  <c r="C19539" i="3"/>
  <c r="C19540" i="3"/>
  <c r="C19541" i="3"/>
  <c r="C19542" i="3"/>
  <c r="C19543" i="3"/>
  <c r="C19544" i="3"/>
  <c r="C19545" i="3"/>
  <c r="C19546" i="3"/>
  <c r="C19547" i="3"/>
  <c r="C19548" i="3"/>
  <c r="C19549" i="3"/>
  <c r="C19550" i="3"/>
  <c r="C19551" i="3"/>
  <c r="C19552" i="3"/>
  <c r="C19553" i="3"/>
  <c r="C19554" i="3"/>
  <c r="C19555" i="3"/>
  <c r="C19556" i="3"/>
  <c r="C19557" i="3"/>
  <c r="C19558" i="3"/>
  <c r="C19559" i="3"/>
  <c r="C19560" i="3"/>
  <c r="C19561" i="3"/>
  <c r="C19562" i="3"/>
  <c r="C19563" i="3"/>
  <c r="C19564" i="3"/>
  <c r="C19565" i="3"/>
  <c r="C19566" i="3"/>
  <c r="C19567" i="3"/>
  <c r="C19568" i="3"/>
  <c r="C19569" i="3"/>
  <c r="C19570" i="3"/>
  <c r="C19571" i="3"/>
  <c r="C19572" i="3"/>
  <c r="C19573" i="3"/>
  <c r="C19574" i="3"/>
  <c r="C19575" i="3"/>
  <c r="C19576" i="3"/>
  <c r="C19577" i="3"/>
  <c r="C19578" i="3"/>
  <c r="C19579" i="3"/>
  <c r="C19580" i="3"/>
  <c r="C19581" i="3"/>
  <c r="C19582" i="3"/>
  <c r="C19583" i="3"/>
  <c r="C19584" i="3"/>
  <c r="C19585" i="3"/>
  <c r="C19586" i="3"/>
  <c r="C19587" i="3"/>
  <c r="C19588" i="3"/>
  <c r="C19589" i="3"/>
  <c r="C19590" i="3"/>
  <c r="C19591" i="3"/>
  <c r="C19592" i="3"/>
  <c r="C19593" i="3"/>
  <c r="C19594" i="3"/>
  <c r="C19595" i="3"/>
  <c r="C19596" i="3"/>
  <c r="C19597" i="3"/>
  <c r="C19598" i="3"/>
  <c r="C19599" i="3"/>
  <c r="C19600" i="3"/>
  <c r="C19601" i="3"/>
  <c r="C19602" i="3"/>
  <c r="C19603" i="3"/>
  <c r="C19604" i="3"/>
  <c r="C19605" i="3"/>
  <c r="C19606" i="3"/>
  <c r="C19607" i="3"/>
  <c r="C19608" i="3"/>
  <c r="C19609" i="3"/>
  <c r="C19610" i="3"/>
  <c r="C19611" i="3"/>
  <c r="C19612" i="3"/>
  <c r="C19613" i="3"/>
  <c r="C19614" i="3"/>
  <c r="C19615" i="3"/>
  <c r="C19616" i="3"/>
  <c r="C19617" i="3"/>
  <c r="C19618" i="3"/>
  <c r="C19619" i="3"/>
  <c r="C19620" i="3"/>
  <c r="C19621" i="3"/>
  <c r="C19622" i="3"/>
  <c r="C19623" i="3"/>
  <c r="C19624" i="3"/>
  <c r="C19625" i="3"/>
  <c r="C19626" i="3"/>
  <c r="C19627" i="3"/>
  <c r="C19628" i="3"/>
  <c r="C19629" i="3"/>
  <c r="C19630" i="3"/>
  <c r="C19631" i="3"/>
  <c r="C19632" i="3"/>
  <c r="C19633" i="3"/>
  <c r="C19634" i="3"/>
  <c r="C19635" i="3"/>
  <c r="C19636" i="3"/>
  <c r="C19637" i="3"/>
  <c r="C19638" i="3"/>
  <c r="C19639" i="3"/>
  <c r="C19640" i="3"/>
  <c r="C19641" i="3"/>
  <c r="C19642" i="3"/>
  <c r="C19643" i="3"/>
  <c r="C19644" i="3"/>
  <c r="C19645" i="3"/>
  <c r="C19646" i="3"/>
  <c r="C19647" i="3"/>
  <c r="C19648" i="3"/>
  <c r="C19649" i="3"/>
  <c r="C19650" i="3"/>
  <c r="C19651" i="3"/>
  <c r="C19652" i="3"/>
  <c r="C19653" i="3"/>
  <c r="C19654" i="3"/>
  <c r="C19655" i="3"/>
  <c r="C19656" i="3"/>
  <c r="C19657" i="3"/>
  <c r="C19658" i="3"/>
  <c r="C19659" i="3"/>
  <c r="C19660" i="3"/>
  <c r="C19661" i="3"/>
  <c r="C19662" i="3"/>
  <c r="C19663" i="3"/>
  <c r="C19664" i="3"/>
  <c r="C19665" i="3"/>
  <c r="C19666" i="3"/>
  <c r="C19667" i="3"/>
  <c r="C19668" i="3"/>
  <c r="C19669" i="3"/>
  <c r="C19670" i="3"/>
  <c r="C19671" i="3"/>
  <c r="C19672" i="3"/>
  <c r="C19673" i="3"/>
  <c r="C19674" i="3"/>
  <c r="C19675" i="3"/>
  <c r="C19676" i="3"/>
  <c r="C19677" i="3"/>
  <c r="C19678" i="3"/>
  <c r="C19679" i="3"/>
  <c r="C19680" i="3"/>
  <c r="C19681" i="3"/>
  <c r="C19682" i="3"/>
  <c r="C19683" i="3"/>
  <c r="C19684" i="3"/>
  <c r="C19685" i="3"/>
  <c r="C19686" i="3"/>
  <c r="C19687" i="3"/>
  <c r="C19688" i="3"/>
  <c r="C19689" i="3"/>
  <c r="C19690" i="3"/>
  <c r="C19691" i="3"/>
  <c r="C19692" i="3"/>
  <c r="C19693" i="3"/>
  <c r="C19694" i="3"/>
  <c r="C19695" i="3"/>
  <c r="C19696" i="3"/>
  <c r="C19697" i="3"/>
  <c r="C19698" i="3"/>
  <c r="C19699" i="3"/>
  <c r="C19700" i="3"/>
  <c r="C19701" i="3"/>
  <c r="C19702" i="3"/>
  <c r="C19703" i="3"/>
  <c r="C19704" i="3"/>
  <c r="C19705" i="3"/>
  <c r="C19706" i="3"/>
  <c r="C19707" i="3"/>
  <c r="C19708" i="3"/>
  <c r="C19709" i="3"/>
  <c r="C19710" i="3"/>
  <c r="C19711" i="3"/>
  <c r="C19712" i="3"/>
  <c r="C19713" i="3"/>
  <c r="C19714" i="3"/>
  <c r="C19715" i="3"/>
  <c r="C19716" i="3"/>
  <c r="C19717" i="3"/>
  <c r="C19718" i="3"/>
  <c r="C19719" i="3"/>
  <c r="C19720" i="3"/>
  <c r="C19721" i="3"/>
  <c r="C19722" i="3"/>
  <c r="C19723" i="3"/>
  <c r="C19724" i="3"/>
  <c r="C19725" i="3"/>
  <c r="C19726" i="3"/>
  <c r="C19727" i="3"/>
  <c r="C19728" i="3"/>
  <c r="C19729" i="3"/>
  <c r="C19730" i="3"/>
  <c r="C19731" i="3"/>
  <c r="C19732" i="3"/>
  <c r="C19733" i="3"/>
  <c r="C19734" i="3"/>
  <c r="C19735" i="3"/>
  <c r="C19736" i="3"/>
  <c r="C19737" i="3"/>
  <c r="C19738" i="3"/>
  <c r="C19739" i="3"/>
  <c r="C19740" i="3"/>
  <c r="C19741" i="3"/>
  <c r="C19742" i="3"/>
  <c r="C19743" i="3"/>
  <c r="C19744" i="3"/>
  <c r="C19745" i="3"/>
  <c r="C19746" i="3"/>
  <c r="C19747" i="3"/>
  <c r="C19748" i="3"/>
  <c r="C19749" i="3"/>
  <c r="C19750" i="3"/>
  <c r="C19751" i="3"/>
  <c r="C19752" i="3"/>
  <c r="C19753" i="3"/>
  <c r="C19754" i="3"/>
  <c r="C19755" i="3"/>
  <c r="C19756" i="3"/>
  <c r="C19757" i="3"/>
  <c r="C19758" i="3"/>
  <c r="C19759" i="3"/>
  <c r="C19760" i="3"/>
  <c r="C19761" i="3"/>
  <c r="C19762" i="3"/>
  <c r="C19763" i="3"/>
  <c r="C19764" i="3"/>
  <c r="C19765" i="3"/>
  <c r="C19766" i="3"/>
  <c r="C19767" i="3"/>
  <c r="C19768" i="3"/>
  <c r="C19769" i="3"/>
  <c r="C19770" i="3"/>
  <c r="C19771" i="3"/>
  <c r="C19772" i="3"/>
  <c r="C19773" i="3"/>
  <c r="C19774" i="3"/>
  <c r="C19775" i="3"/>
  <c r="C19776" i="3"/>
  <c r="C19777" i="3"/>
  <c r="C19778" i="3"/>
  <c r="C19779" i="3"/>
  <c r="C19780" i="3"/>
  <c r="C19781" i="3"/>
  <c r="C19782" i="3"/>
  <c r="C19783" i="3"/>
  <c r="C19784" i="3"/>
  <c r="C19785" i="3"/>
  <c r="C19786" i="3"/>
  <c r="C19787" i="3"/>
  <c r="C19788" i="3"/>
  <c r="C19789" i="3"/>
  <c r="C19790" i="3"/>
  <c r="C19791" i="3"/>
  <c r="C19792" i="3"/>
  <c r="C19793" i="3"/>
  <c r="C19794" i="3"/>
  <c r="C19795" i="3"/>
  <c r="C19796" i="3"/>
  <c r="C19797" i="3"/>
  <c r="C19798" i="3"/>
  <c r="C19799" i="3"/>
  <c r="C19800" i="3"/>
  <c r="C19801" i="3"/>
  <c r="C19802" i="3"/>
  <c r="C19803" i="3"/>
  <c r="C19804" i="3"/>
  <c r="C19805" i="3"/>
  <c r="C19806" i="3"/>
  <c r="C19807" i="3"/>
  <c r="C19808" i="3"/>
  <c r="C19809" i="3"/>
  <c r="C19810" i="3"/>
  <c r="C19811" i="3"/>
  <c r="C19812" i="3"/>
  <c r="C19813" i="3"/>
  <c r="C19814" i="3"/>
  <c r="C19815" i="3"/>
  <c r="C19816" i="3"/>
  <c r="C19817" i="3"/>
  <c r="C19818" i="3"/>
  <c r="C19819" i="3"/>
  <c r="C19820" i="3"/>
  <c r="C19821" i="3"/>
  <c r="C19822" i="3"/>
  <c r="C19823" i="3"/>
  <c r="C19824" i="3"/>
  <c r="C19825" i="3"/>
  <c r="C19826" i="3"/>
  <c r="C19827" i="3"/>
  <c r="C19828" i="3"/>
  <c r="C19829" i="3"/>
  <c r="C19830" i="3"/>
  <c r="C19831" i="3"/>
  <c r="C19832" i="3"/>
  <c r="C19833" i="3"/>
  <c r="C19834" i="3"/>
  <c r="C19835" i="3"/>
  <c r="C19836" i="3"/>
  <c r="C19837" i="3"/>
  <c r="C19838" i="3"/>
  <c r="C19839" i="3"/>
  <c r="C19840" i="3"/>
  <c r="C19841" i="3"/>
  <c r="C19842" i="3"/>
  <c r="C19843" i="3"/>
  <c r="C19844" i="3"/>
  <c r="C19845" i="3"/>
  <c r="C19846" i="3"/>
  <c r="C19847" i="3"/>
  <c r="C19848" i="3"/>
  <c r="C19849" i="3"/>
  <c r="C19850" i="3"/>
  <c r="C19851" i="3"/>
  <c r="C19852" i="3"/>
  <c r="C19853" i="3"/>
  <c r="C19854" i="3"/>
  <c r="C19855" i="3"/>
  <c r="C19856" i="3"/>
  <c r="C19857" i="3"/>
  <c r="C19858" i="3"/>
  <c r="C19859" i="3"/>
  <c r="C19860" i="3"/>
  <c r="C19861" i="3"/>
  <c r="C19862" i="3"/>
  <c r="C19863" i="3"/>
  <c r="C19864" i="3"/>
  <c r="C19865" i="3"/>
  <c r="C19866" i="3"/>
  <c r="C19867" i="3"/>
  <c r="C19868" i="3"/>
  <c r="C19869" i="3"/>
  <c r="C19870" i="3"/>
  <c r="C19871" i="3"/>
  <c r="C19872" i="3"/>
  <c r="C19873" i="3"/>
  <c r="C19874" i="3"/>
  <c r="C19875" i="3"/>
  <c r="C19876" i="3"/>
  <c r="C19877" i="3"/>
  <c r="C19878" i="3"/>
  <c r="C19879" i="3"/>
  <c r="C19880" i="3"/>
  <c r="C19881" i="3"/>
  <c r="C19882" i="3"/>
  <c r="C19883" i="3"/>
  <c r="C19884" i="3"/>
  <c r="C19885" i="3"/>
  <c r="C19886" i="3"/>
  <c r="C19887" i="3"/>
  <c r="C19888" i="3"/>
  <c r="C19889" i="3"/>
  <c r="C19890" i="3"/>
  <c r="C19891" i="3"/>
  <c r="C19892" i="3"/>
  <c r="C19893" i="3"/>
  <c r="C19894" i="3"/>
  <c r="C19895" i="3"/>
  <c r="C19896" i="3"/>
  <c r="C19897" i="3"/>
  <c r="C19898" i="3"/>
  <c r="C19899" i="3"/>
  <c r="C19900" i="3"/>
  <c r="C19901" i="3"/>
  <c r="C19902" i="3"/>
  <c r="C19903" i="3"/>
  <c r="C19904" i="3"/>
  <c r="C19905" i="3"/>
  <c r="C19906" i="3"/>
  <c r="C19907" i="3"/>
  <c r="C19908" i="3"/>
  <c r="C19909" i="3"/>
  <c r="C19910" i="3"/>
  <c r="C19911" i="3"/>
  <c r="C19912" i="3"/>
  <c r="C19913" i="3"/>
  <c r="C19914" i="3"/>
  <c r="C19915" i="3"/>
  <c r="C19916" i="3"/>
  <c r="C19917" i="3"/>
  <c r="C19918" i="3"/>
  <c r="C19919" i="3"/>
  <c r="C19920" i="3"/>
  <c r="C19921" i="3"/>
  <c r="C19922" i="3"/>
  <c r="C19923" i="3"/>
  <c r="C19924" i="3"/>
  <c r="C19925" i="3"/>
  <c r="C19926" i="3"/>
  <c r="C19927" i="3"/>
  <c r="C19928" i="3"/>
  <c r="C19929" i="3"/>
  <c r="C19930" i="3"/>
  <c r="C19931" i="3"/>
  <c r="C19932" i="3"/>
  <c r="C19933" i="3"/>
  <c r="C19934" i="3"/>
  <c r="C19935" i="3"/>
  <c r="C19936" i="3"/>
  <c r="C19937" i="3"/>
  <c r="C19938" i="3"/>
  <c r="C19939" i="3"/>
  <c r="C19940" i="3"/>
  <c r="C19941" i="3"/>
  <c r="C19942" i="3"/>
  <c r="C19943" i="3"/>
  <c r="C19944" i="3"/>
  <c r="C19945" i="3"/>
  <c r="C19946" i="3"/>
  <c r="C19947" i="3"/>
  <c r="C19948" i="3"/>
  <c r="C19949" i="3"/>
  <c r="C19950" i="3"/>
  <c r="C19951" i="3"/>
  <c r="C19952" i="3"/>
  <c r="C19953" i="3"/>
  <c r="C19954" i="3"/>
  <c r="C19955" i="3"/>
  <c r="C19956" i="3"/>
  <c r="C19957" i="3"/>
  <c r="C19958" i="3"/>
  <c r="C19959" i="3"/>
  <c r="C19960" i="3"/>
  <c r="C19961" i="3"/>
  <c r="C19962" i="3"/>
  <c r="C19963" i="3"/>
  <c r="C19964" i="3"/>
  <c r="C19965" i="3"/>
  <c r="C19966" i="3"/>
  <c r="C19967" i="3"/>
  <c r="C19968" i="3"/>
  <c r="C19969" i="3"/>
  <c r="C19970" i="3"/>
  <c r="C19971" i="3"/>
  <c r="C19972" i="3"/>
  <c r="C19973" i="3"/>
  <c r="C19974" i="3"/>
  <c r="C19975" i="3"/>
  <c r="C19976" i="3"/>
  <c r="C19977" i="3"/>
  <c r="C19978" i="3"/>
  <c r="C19979" i="3"/>
  <c r="C19980" i="3"/>
  <c r="C19981" i="3"/>
  <c r="C19982" i="3"/>
  <c r="C19983" i="3"/>
  <c r="C19984" i="3"/>
  <c r="C19985" i="3"/>
  <c r="C19986" i="3"/>
  <c r="C19987" i="3"/>
  <c r="C19988" i="3"/>
  <c r="C19989" i="3"/>
  <c r="C19990" i="3"/>
  <c r="C19991" i="3"/>
  <c r="C19992" i="3"/>
  <c r="C19993" i="3"/>
  <c r="C19994" i="3"/>
  <c r="C19995" i="3"/>
  <c r="C19996" i="3"/>
  <c r="C19997" i="3"/>
  <c r="C19998" i="3"/>
  <c r="C19999" i="3"/>
  <c r="C20000" i="3"/>
  <c r="C20001" i="3"/>
  <c r="C20002" i="3"/>
  <c r="C20003" i="3"/>
  <c r="C20004" i="3"/>
  <c r="C20005" i="3"/>
  <c r="C20006" i="3"/>
  <c r="C20007" i="3"/>
  <c r="C20008" i="3"/>
  <c r="C20009" i="3"/>
  <c r="C20010" i="3"/>
  <c r="C20011" i="3"/>
  <c r="C20012" i="3"/>
  <c r="C20013" i="3"/>
  <c r="C20014" i="3"/>
  <c r="C20015" i="3"/>
  <c r="C20016" i="3"/>
  <c r="C20017" i="3"/>
  <c r="C20018" i="3"/>
  <c r="C20019" i="3"/>
  <c r="C20020" i="3"/>
  <c r="C20021" i="3"/>
  <c r="C20022" i="3"/>
  <c r="C20023" i="3"/>
  <c r="C20024" i="3"/>
  <c r="C20025" i="3"/>
  <c r="C20026" i="3"/>
  <c r="C20027" i="3"/>
  <c r="C20028" i="3"/>
  <c r="C20029" i="3"/>
  <c r="C20030" i="3"/>
  <c r="C20031" i="3"/>
  <c r="C20032" i="3"/>
  <c r="C20033" i="3"/>
  <c r="C20034" i="3"/>
  <c r="C20035" i="3"/>
  <c r="C20036" i="3"/>
  <c r="C20037" i="3"/>
  <c r="C20038" i="3"/>
  <c r="C20039" i="3"/>
  <c r="C20040" i="3"/>
  <c r="C20041" i="3"/>
  <c r="C20042" i="3"/>
  <c r="C20043" i="3"/>
  <c r="C20044" i="3"/>
  <c r="C20045" i="3"/>
  <c r="C20046" i="3"/>
  <c r="C20047" i="3"/>
  <c r="C20048" i="3"/>
  <c r="C20049" i="3"/>
  <c r="C20050" i="3"/>
  <c r="C20051" i="3"/>
  <c r="C20052" i="3"/>
  <c r="C20053" i="3"/>
  <c r="C20054" i="3"/>
  <c r="C20055" i="3"/>
  <c r="C20056" i="3"/>
  <c r="C20057" i="3"/>
  <c r="C20058" i="3"/>
  <c r="C20059" i="3"/>
  <c r="C20060" i="3"/>
  <c r="C20061" i="3"/>
  <c r="C20062" i="3"/>
  <c r="C20063" i="3"/>
  <c r="C20064" i="3"/>
  <c r="C20065" i="3"/>
  <c r="C20066" i="3"/>
  <c r="C20067" i="3"/>
  <c r="C20068" i="3"/>
  <c r="C20069" i="3"/>
  <c r="C20070" i="3"/>
  <c r="C20071" i="3"/>
  <c r="C20072" i="3"/>
  <c r="C20073" i="3"/>
  <c r="C20074" i="3"/>
  <c r="C20075" i="3"/>
  <c r="C20076" i="3"/>
  <c r="C20077" i="3"/>
  <c r="C20078" i="3"/>
  <c r="C20079" i="3"/>
  <c r="C20080" i="3"/>
  <c r="C20081" i="3"/>
  <c r="C20082" i="3"/>
  <c r="C20083" i="3"/>
  <c r="C20084" i="3"/>
  <c r="C20085" i="3"/>
  <c r="C20086" i="3"/>
  <c r="C20087" i="3"/>
  <c r="C20088" i="3"/>
  <c r="C20089" i="3"/>
  <c r="C20090" i="3"/>
  <c r="C20091" i="3"/>
  <c r="C20092" i="3"/>
  <c r="C20093" i="3"/>
  <c r="C20094" i="3"/>
  <c r="C20095" i="3"/>
  <c r="C20096" i="3"/>
  <c r="C20097" i="3"/>
  <c r="C20098" i="3"/>
  <c r="C20099" i="3"/>
  <c r="C20100" i="3"/>
  <c r="C20101" i="3"/>
  <c r="C20102" i="3"/>
  <c r="C20103" i="3"/>
  <c r="C20104" i="3"/>
  <c r="C20105" i="3"/>
  <c r="C20106" i="3"/>
  <c r="C20107" i="3"/>
  <c r="C20108" i="3"/>
  <c r="C20109" i="3"/>
  <c r="C20110" i="3"/>
  <c r="C20111" i="3"/>
  <c r="C20112" i="3"/>
  <c r="C20113" i="3"/>
  <c r="C20114" i="3"/>
  <c r="C20115" i="3"/>
  <c r="C20116" i="3"/>
  <c r="C20117" i="3"/>
  <c r="C20118" i="3"/>
  <c r="C20119" i="3"/>
  <c r="C20120" i="3"/>
  <c r="C20121" i="3"/>
  <c r="C20122" i="3"/>
  <c r="C20123" i="3"/>
  <c r="C20124" i="3"/>
  <c r="C20125" i="3"/>
  <c r="C20126" i="3"/>
  <c r="C20127" i="3"/>
  <c r="C20128" i="3"/>
  <c r="C20129" i="3"/>
  <c r="C20130" i="3"/>
  <c r="C20131" i="3"/>
  <c r="C20132" i="3"/>
  <c r="C20133" i="3"/>
  <c r="C20134" i="3"/>
  <c r="C20135" i="3"/>
  <c r="C20136" i="3"/>
  <c r="C20137" i="3"/>
  <c r="C20138" i="3"/>
  <c r="C20139" i="3"/>
  <c r="C20140" i="3"/>
  <c r="C20141" i="3"/>
  <c r="C20142" i="3"/>
  <c r="C20143" i="3"/>
  <c r="C20144" i="3"/>
  <c r="C20145" i="3"/>
  <c r="C20146" i="3"/>
  <c r="C20147" i="3"/>
  <c r="C20148" i="3"/>
  <c r="C20149" i="3"/>
  <c r="C20150" i="3"/>
  <c r="C20151" i="3"/>
  <c r="C20152" i="3"/>
  <c r="C20153" i="3"/>
  <c r="C20154" i="3"/>
  <c r="C20155" i="3"/>
  <c r="C20156" i="3"/>
  <c r="C20157" i="3"/>
  <c r="C20158" i="3"/>
  <c r="C20159" i="3"/>
  <c r="C20160" i="3"/>
  <c r="C20161" i="3"/>
  <c r="C20162" i="3"/>
  <c r="C20163" i="3"/>
  <c r="C20164" i="3"/>
  <c r="C20165" i="3"/>
  <c r="C20166" i="3"/>
  <c r="C20167" i="3"/>
  <c r="C20168" i="3"/>
  <c r="C20169" i="3"/>
  <c r="C20170" i="3"/>
  <c r="C20171" i="3"/>
  <c r="C20172" i="3"/>
  <c r="C20173" i="3"/>
  <c r="C20174" i="3"/>
  <c r="C20175" i="3"/>
  <c r="C20176" i="3"/>
  <c r="C20177" i="3"/>
  <c r="C20178" i="3"/>
  <c r="C20179" i="3"/>
  <c r="C20180" i="3"/>
  <c r="C20181" i="3"/>
  <c r="C20182" i="3"/>
  <c r="C20183" i="3"/>
  <c r="C20184" i="3"/>
  <c r="C20185" i="3"/>
  <c r="C20186" i="3"/>
  <c r="C20187" i="3"/>
  <c r="C20188" i="3"/>
  <c r="C20189" i="3"/>
  <c r="C20190" i="3"/>
  <c r="C20191" i="3"/>
  <c r="C20192" i="3"/>
  <c r="C20193" i="3"/>
  <c r="C20194" i="3"/>
  <c r="C20195" i="3"/>
  <c r="C20196" i="3"/>
  <c r="C20197" i="3"/>
  <c r="C20198" i="3"/>
  <c r="C20199" i="3"/>
  <c r="C20200" i="3"/>
  <c r="C20201" i="3"/>
  <c r="C20202" i="3"/>
  <c r="C20203" i="3"/>
  <c r="C20204" i="3"/>
  <c r="C20205" i="3"/>
  <c r="C20206" i="3"/>
  <c r="C20207" i="3"/>
  <c r="C20208" i="3"/>
  <c r="C20209" i="3"/>
  <c r="C20210" i="3"/>
  <c r="C20211" i="3"/>
  <c r="C20212" i="3"/>
  <c r="C20213" i="3"/>
  <c r="C20214" i="3"/>
  <c r="C20215" i="3"/>
  <c r="C20216" i="3"/>
  <c r="C20217" i="3"/>
  <c r="C20218" i="3"/>
  <c r="C20219" i="3"/>
  <c r="C20220" i="3"/>
  <c r="C20221" i="3"/>
  <c r="C20222" i="3"/>
  <c r="C20223" i="3"/>
  <c r="C20224" i="3"/>
  <c r="C20225" i="3"/>
  <c r="C20226" i="3"/>
  <c r="C20227" i="3"/>
  <c r="C20228" i="3"/>
  <c r="C20229" i="3"/>
  <c r="C20230" i="3"/>
  <c r="C20231" i="3"/>
  <c r="C20232" i="3"/>
  <c r="C20233" i="3"/>
  <c r="C20234" i="3"/>
  <c r="C20235" i="3"/>
  <c r="C20236" i="3"/>
  <c r="C20237" i="3"/>
  <c r="C20238" i="3"/>
  <c r="C20239" i="3"/>
  <c r="C20240" i="3"/>
  <c r="C20241" i="3"/>
  <c r="C20242" i="3"/>
  <c r="C20243" i="3"/>
  <c r="C20244" i="3"/>
  <c r="C20245" i="3"/>
  <c r="C20246" i="3"/>
  <c r="C20247" i="3"/>
  <c r="C20248" i="3"/>
  <c r="C20249" i="3"/>
  <c r="C20250" i="3"/>
  <c r="C20251" i="3"/>
  <c r="C20252" i="3"/>
  <c r="C20253" i="3"/>
  <c r="C20254" i="3"/>
  <c r="C20255" i="3"/>
  <c r="C20256" i="3"/>
  <c r="C20257" i="3"/>
  <c r="C20258" i="3"/>
  <c r="C20259" i="3"/>
  <c r="C20260" i="3"/>
  <c r="C20261" i="3"/>
  <c r="C20262" i="3"/>
  <c r="C20263" i="3"/>
  <c r="C20264" i="3"/>
  <c r="C20265" i="3"/>
  <c r="C20266" i="3"/>
  <c r="C20267" i="3"/>
  <c r="C20268" i="3"/>
  <c r="C20269" i="3"/>
  <c r="C20270" i="3"/>
  <c r="C20271" i="3"/>
  <c r="C20272" i="3"/>
  <c r="C20273" i="3"/>
  <c r="C20274" i="3"/>
  <c r="C20275" i="3"/>
  <c r="C20276" i="3"/>
  <c r="C20277" i="3"/>
  <c r="C20278" i="3"/>
  <c r="C20279" i="3"/>
  <c r="C20280" i="3"/>
  <c r="C20281" i="3"/>
  <c r="C20282" i="3"/>
  <c r="C20283" i="3"/>
  <c r="C20284" i="3"/>
  <c r="C20285" i="3"/>
  <c r="C20286" i="3"/>
  <c r="C20287" i="3"/>
  <c r="C20288" i="3"/>
  <c r="C20289" i="3"/>
  <c r="C20290" i="3"/>
  <c r="C20291" i="3"/>
  <c r="C20292" i="3"/>
  <c r="C20293" i="3"/>
  <c r="C20294" i="3"/>
  <c r="C20295" i="3"/>
  <c r="C20296" i="3"/>
  <c r="C20297" i="3"/>
  <c r="C20298" i="3"/>
  <c r="C20299" i="3"/>
  <c r="C20300" i="3"/>
  <c r="C20301" i="3"/>
  <c r="C20302" i="3"/>
  <c r="C20303" i="3"/>
  <c r="C20304" i="3"/>
  <c r="C20305" i="3"/>
  <c r="C20306" i="3"/>
  <c r="C20307" i="3"/>
  <c r="C20308" i="3"/>
  <c r="C20309" i="3"/>
  <c r="C20310" i="3"/>
  <c r="C20311" i="3"/>
  <c r="C20312" i="3"/>
  <c r="C20313" i="3"/>
  <c r="C20314" i="3"/>
  <c r="C20315" i="3"/>
  <c r="C20316" i="3"/>
  <c r="C20317" i="3"/>
  <c r="C20318" i="3"/>
  <c r="C20319" i="3"/>
  <c r="C20320" i="3"/>
  <c r="C20321" i="3"/>
  <c r="C20322" i="3"/>
  <c r="C20323" i="3"/>
  <c r="C20324" i="3"/>
  <c r="C20325" i="3"/>
  <c r="C20326" i="3"/>
  <c r="C20327" i="3"/>
  <c r="C20328" i="3"/>
  <c r="C20329" i="3"/>
  <c r="C20330" i="3"/>
  <c r="C20331" i="3"/>
  <c r="C20332" i="3"/>
  <c r="C20333" i="3"/>
  <c r="C20334" i="3"/>
  <c r="C20335" i="3"/>
  <c r="C20336" i="3"/>
  <c r="C20337" i="3"/>
  <c r="C20338" i="3"/>
  <c r="C20339" i="3"/>
  <c r="C20340" i="3"/>
  <c r="C20341" i="3"/>
  <c r="C20342" i="3"/>
  <c r="C20343" i="3"/>
  <c r="C20344" i="3"/>
  <c r="C20345" i="3"/>
  <c r="C20346" i="3"/>
  <c r="C20347" i="3"/>
  <c r="C20348" i="3"/>
  <c r="C20349" i="3"/>
  <c r="C20350" i="3"/>
  <c r="C20351" i="3"/>
  <c r="C20352" i="3"/>
  <c r="C20353" i="3"/>
  <c r="C20354" i="3"/>
  <c r="C20355" i="3"/>
  <c r="C20356" i="3"/>
  <c r="C20357" i="3"/>
  <c r="C20358" i="3"/>
  <c r="C20359" i="3"/>
  <c r="C20360" i="3"/>
  <c r="C20361" i="3"/>
  <c r="C20362" i="3"/>
  <c r="C20363" i="3"/>
  <c r="C20364" i="3"/>
  <c r="C20365" i="3"/>
  <c r="C20366" i="3"/>
  <c r="C20367" i="3"/>
  <c r="C20368" i="3"/>
  <c r="C20369" i="3"/>
  <c r="C20370" i="3"/>
  <c r="C20371" i="3"/>
  <c r="C20372" i="3"/>
  <c r="C20373" i="3"/>
  <c r="C20374" i="3"/>
  <c r="C20375" i="3"/>
  <c r="C20376" i="3"/>
  <c r="C20377" i="3"/>
  <c r="C20378" i="3"/>
  <c r="C20379" i="3"/>
  <c r="C20380" i="3"/>
  <c r="C20381" i="3"/>
  <c r="C20382" i="3"/>
  <c r="C20383" i="3"/>
  <c r="C20384" i="3"/>
  <c r="C20385" i="3"/>
  <c r="C20386" i="3"/>
  <c r="C20387" i="3"/>
  <c r="C20388" i="3"/>
  <c r="C20389" i="3"/>
  <c r="C20390" i="3"/>
  <c r="C20391" i="3"/>
  <c r="C20392" i="3"/>
  <c r="C20393" i="3"/>
  <c r="C20394" i="3"/>
  <c r="C20395" i="3"/>
  <c r="C20396" i="3"/>
  <c r="C20397" i="3"/>
  <c r="C20398" i="3"/>
  <c r="C20399" i="3"/>
  <c r="C20400" i="3"/>
  <c r="C20401" i="3"/>
  <c r="C20402" i="3"/>
  <c r="C20403" i="3"/>
  <c r="C20404" i="3"/>
  <c r="C20405" i="3"/>
  <c r="C20406" i="3"/>
  <c r="C20407" i="3"/>
  <c r="C20408" i="3"/>
  <c r="C20409" i="3"/>
  <c r="C20410" i="3"/>
  <c r="C20411" i="3"/>
  <c r="C20412" i="3"/>
  <c r="C20413" i="3"/>
  <c r="C20414" i="3"/>
  <c r="C20415" i="3"/>
  <c r="C20416" i="3"/>
  <c r="C20417" i="3"/>
  <c r="C20418" i="3"/>
  <c r="C20419" i="3"/>
  <c r="C20420" i="3"/>
  <c r="C20421" i="3"/>
  <c r="C20422" i="3"/>
  <c r="C20423" i="3"/>
  <c r="C20424" i="3"/>
  <c r="C20425" i="3"/>
  <c r="C20426" i="3"/>
  <c r="C20427" i="3"/>
  <c r="C20428" i="3"/>
  <c r="C20429" i="3"/>
  <c r="C20430" i="3"/>
  <c r="C20431" i="3"/>
  <c r="C20432" i="3"/>
  <c r="C20433" i="3"/>
  <c r="C20434" i="3"/>
  <c r="C20435" i="3"/>
  <c r="C20436" i="3"/>
  <c r="C20437" i="3"/>
  <c r="C20438" i="3"/>
  <c r="C20439" i="3"/>
  <c r="C20440" i="3"/>
  <c r="C20441" i="3"/>
  <c r="C20442" i="3"/>
  <c r="C20443" i="3"/>
  <c r="C20444" i="3"/>
  <c r="C20445" i="3"/>
  <c r="C20446" i="3"/>
  <c r="C20447" i="3"/>
  <c r="C20448" i="3"/>
  <c r="C20449" i="3"/>
  <c r="C20450" i="3"/>
  <c r="C20451" i="3"/>
  <c r="C20452" i="3"/>
  <c r="C20453" i="3"/>
  <c r="C20454" i="3"/>
  <c r="C20455" i="3"/>
  <c r="C20456" i="3"/>
  <c r="C20457" i="3"/>
  <c r="C20458" i="3"/>
  <c r="C20459" i="3"/>
  <c r="C20460" i="3"/>
  <c r="C20461" i="3"/>
  <c r="C20462" i="3"/>
  <c r="C20463" i="3"/>
  <c r="C20464" i="3"/>
  <c r="C20465" i="3"/>
  <c r="C20466" i="3"/>
  <c r="C20467" i="3"/>
  <c r="C20468" i="3"/>
  <c r="C20469" i="3"/>
  <c r="C20470" i="3"/>
  <c r="C20471" i="3"/>
  <c r="C20472" i="3"/>
  <c r="C20473" i="3"/>
  <c r="C20474" i="3"/>
  <c r="C20475" i="3"/>
  <c r="C20476" i="3"/>
  <c r="C20477" i="3"/>
  <c r="C20478" i="3"/>
  <c r="C20479" i="3"/>
  <c r="C20480" i="3"/>
  <c r="C20481" i="3"/>
  <c r="C20482" i="3"/>
  <c r="C20483" i="3"/>
  <c r="C20484" i="3"/>
  <c r="C20485" i="3"/>
  <c r="C20486" i="3"/>
  <c r="C20487" i="3"/>
  <c r="C20488" i="3"/>
  <c r="C20489" i="3"/>
  <c r="C20490" i="3"/>
  <c r="C20491" i="3"/>
  <c r="C20492" i="3"/>
  <c r="C20493" i="3"/>
  <c r="C20494" i="3"/>
  <c r="C20495" i="3"/>
  <c r="C20496" i="3"/>
  <c r="C20497" i="3"/>
  <c r="C20498" i="3"/>
  <c r="C20499" i="3"/>
  <c r="C20500" i="3"/>
  <c r="C20501" i="3"/>
  <c r="C20502" i="3"/>
  <c r="C20503" i="3"/>
  <c r="C20504" i="3"/>
  <c r="C20505" i="3"/>
  <c r="C20506" i="3"/>
  <c r="C20507" i="3"/>
  <c r="C20508" i="3"/>
  <c r="C20509" i="3"/>
  <c r="C20510" i="3"/>
  <c r="C20511" i="3"/>
  <c r="C20512" i="3"/>
  <c r="C20513" i="3"/>
  <c r="C20514" i="3"/>
  <c r="C20515" i="3"/>
  <c r="C20516" i="3"/>
  <c r="C20517" i="3"/>
  <c r="C20518" i="3"/>
  <c r="C20519" i="3"/>
  <c r="C20520" i="3"/>
  <c r="C20521" i="3"/>
  <c r="C20522" i="3"/>
  <c r="C20523" i="3"/>
  <c r="C20524" i="3"/>
  <c r="C20525" i="3"/>
  <c r="C20526" i="3"/>
  <c r="C20527" i="3"/>
  <c r="C20528" i="3"/>
  <c r="C20529" i="3"/>
  <c r="C20530" i="3"/>
  <c r="C20531" i="3"/>
  <c r="C20532" i="3"/>
  <c r="C20533" i="3"/>
  <c r="C20534" i="3"/>
  <c r="C20535" i="3"/>
  <c r="C20536" i="3"/>
  <c r="C20537" i="3"/>
  <c r="C20538" i="3"/>
  <c r="C20539" i="3"/>
  <c r="C20540" i="3"/>
  <c r="C20541" i="3"/>
  <c r="C20542" i="3"/>
  <c r="C20543" i="3"/>
  <c r="C20544" i="3"/>
  <c r="C20545" i="3"/>
  <c r="C20546" i="3"/>
  <c r="C20547" i="3"/>
  <c r="C20548" i="3"/>
  <c r="C20549" i="3"/>
  <c r="C20550" i="3"/>
  <c r="C20551" i="3"/>
  <c r="C20552" i="3"/>
  <c r="C20553" i="3"/>
  <c r="C20554" i="3"/>
  <c r="C20555" i="3"/>
  <c r="C20556" i="3"/>
  <c r="C20557" i="3"/>
  <c r="C20558" i="3"/>
  <c r="C20559" i="3"/>
  <c r="C20560" i="3"/>
  <c r="C20561" i="3"/>
  <c r="C20562" i="3"/>
  <c r="C20563" i="3"/>
  <c r="C20564" i="3"/>
  <c r="C20565" i="3"/>
  <c r="C20566" i="3"/>
  <c r="C20567" i="3"/>
  <c r="C20568" i="3"/>
  <c r="C20569" i="3"/>
  <c r="C20570" i="3"/>
  <c r="C20571" i="3"/>
  <c r="C20572" i="3"/>
  <c r="C20573" i="3"/>
  <c r="C20574" i="3"/>
  <c r="C20575" i="3"/>
  <c r="C20576" i="3"/>
  <c r="C20577" i="3"/>
  <c r="C20578" i="3"/>
  <c r="C20579" i="3"/>
  <c r="C20580" i="3"/>
  <c r="C20581" i="3"/>
  <c r="C20582" i="3"/>
  <c r="C20583" i="3"/>
  <c r="C20584" i="3"/>
  <c r="C20585" i="3"/>
  <c r="C20586" i="3"/>
  <c r="C20587" i="3"/>
  <c r="C20588" i="3"/>
  <c r="C20589" i="3"/>
  <c r="C20590" i="3"/>
  <c r="C20591" i="3"/>
  <c r="C20592" i="3"/>
  <c r="C20593" i="3"/>
  <c r="C20594" i="3"/>
  <c r="C20595" i="3"/>
  <c r="C20596" i="3"/>
  <c r="C20597" i="3"/>
  <c r="C20598" i="3"/>
  <c r="C20599" i="3"/>
  <c r="C20600" i="3"/>
  <c r="C20601" i="3"/>
  <c r="C20602" i="3"/>
  <c r="C20603" i="3"/>
  <c r="C20604" i="3"/>
  <c r="C20605" i="3"/>
  <c r="C20606" i="3"/>
  <c r="C20607" i="3"/>
  <c r="C20608" i="3"/>
  <c r="C20609" i="3"/>
  <c r="C20610" i="3"/>
  <c r="C20611" i="3"/>
  <c r="C20612" i="3"/>
  <c r="C20613" i="3"/>
  <c r="C20614" i="3"/>
  <c r="C20615" i="3"/>
  <c r="C20616" i="3"/>
  <c r="C20617" i="3"/>
  <c r="C20618" i="3"/>
  <c r="C20619" i="3"/>
  <c r="C20620" i="3"/>
  <c r="C20621" i="3"/>
  <c r="C20622" i="3"/>
  <c r="C20623" i="3"/>
  <c r="C20624" i="3"/>
  <c r="C20625" i="3"/>
  <c r="C20626" i="3"/>
  <c r="C20627" i="3"/>
  <c r="C20628" i="3"/>
  <c r="C20629" i="3"/>
  <c r="C20630" i="3"/>
  <c r="C20631" i="3"/>
  <c r="C20632" i="3"/>
  <c r="C20633" i="3"/>
  <c r="C20634" i="3"/>
  <c r="C20635" i="3"/>
  <c r="C20636" i="3"/>
  <c r="C20637" i="3"/>
  <c r="C20638" i="3"/>
  <c r="C20639" i="3"/>
  <c r="C20640" i="3"/>
  <c r="C20641" i="3"/>
  <c r="C20642" i="3"/>
  <c r="C20643" i="3"/>
  <c r="C20644" i="3"/>
  <c r="C20645" i="3"/>
  <c r="C20646" i="3"/>
  <c r="C20647" i="3"/>
  <c r="C20648" i="3"/>
  <c r="C20649" i="3"/>
  <c r="C20650" i="3"/>
  <c r="C20651" i="3"/>
  <c r="C20652" i="3"/>
  <c r="C20653" i="3"/>
  <c r="C20654" i="3"/>
  <c r="C20655" i="3"/>
  <c r="C20656" i="3"/>
  <c r="C20657" i="3"/>
  <c r="C20658" i="3"/>
  <c r="C20659" i="3"/>
  <c r="C20660" i="3"/>
  <c r="C20661" i="3"/>
  <c r="C20662" i="3"/>
  <c r="C20663" i="3"/>
  <c r="C20664" i="3"/>
  <c r="C20665" i="3"/>
  <c r="C20666" i="3"/>
  <c r="C20667" i="3"/>
  <c r="C20668" i="3"/>
  <c r="C20669" i="3"/>
  <c r="C20670" i="3"/>
  <c r="C20671" i="3"/>
  <c r="C20672" i="3"/>
  <c r="C20673" i="3"/>
  <c r="C20674" i="3"/>
  <c r="C20675" i="3"/>
  <c r="C20676" i="3"/>
  <c r="C20677" i="3"/>
  <c r="C20678" i="3"/>
  <c r="C20679" i="3"/>
  <c r="C20680" i="3"/>
  <c r="C20681" i="3"/>
  <c r="C20682" i="3"/>
  <c r="C20683" i="3"/>
  <c r="C20684" i="3"/>
  <c r="C20685" i="3"/>
  <c r="C20686" i="3"/>
  <c r="C20687" i="3"/>
  <c r="C20688" i="3"/>
  <c r="C20689" i="3"/>
  <c r="C20690" i="3"/>
  <c r="C20691" i="3"/>
  <c r="C20692" i="3"/>
  <c r="C20693" i="3"/>
  <c r="C20694" i="3"/>
  <c r="C20695" i="3"/>
  <c r="C20696" i="3"/>
  <c r="C20697" i="3"/>
  <c r="C20698" i="3"/>
  <c r="C20699" i="3"/>
  <c r="C20700" i="3"/>
  <c r="C20701" i="3"/>
  <c r="C20702" i="3"/>
  <c r="C20703" i="3"/>
  <c r="C20704" i="3"/>
  <c r="C20705" i="3"/>
  <c r="C20706" i="3"/>
  <c r="C20707" i="3"/>
  <c r="C20708" i="3"/>
  <c r="C20709" i="3"/>
  <c r="C20710" i="3"/>
  <c r="C20711" i="3"/>
  <c r="C20712" i="3"/>
  <c r="C20713" i="3"/>
  <c r="C20714" i="3"/>
  <c r="C20715" i="3"/>
  <c r="C20716" i="3"/>
  <c r="C20717" i="3"/>
  <c r="C20718" i="3"/>
  <c r="C20719" i="3"/>
  <c r="C20720" i="3"/>
  <c r="C20721" i="3"/>
  <c r="C20722" i="3"/>
  <c r="C20723" i="3"/>
  <c r="C20724" i="3"/>
  <c r="C20725" i="3"/>
  <c r="C20726" i="3"/>
  <c r="C20727" i="3"/>
  <c r="C20728" i="3"/>
  <c r="C20729" i="3"/>
  <c r="C20730" i="3"/>
  <c r="C20731" i="3"/>
  <c r="C20732" i="3"/>
  <c r="C20733" i="3"/>
  <c r="C20734" i="3"/>
  <c r="C20735" i="3"/>
  <c r="C20736" i="3"/>
  <c r="C20737" i="3"/>
  <c r="C20738" i="3"/>
  <c r="C20739" i="3"/>
  <c r="C20740" i="3"/>
  <c r="C20741" i="3"/>
  <c r="C20742" i="3"/>
  <c r="C20743" i="3"/>
  <c r="C20744" i="3"/>
  <c r="C20745" i="3"/>
  <c r="C20746" i="3"/>
  <c r="C20747" i="3"/>
  <c r="C20748" i="3"/>
  <c r="C20749" i="3"/>
  <c r="C20750" i="3"/>
  <c r="C20751" i="3"/>
  <c r="C20752" i="3"/>
  <c r="C20753" i="3"/>
  <c r="C20754" i="3"/>
  <c r="C20755" i="3"/>
  <c r="C20756" i="3"/>
  <c r="C20757" i="3"/>
  <c r="C20758" i="3"/>
  <c r="C20759" i="3"/>
  <c r="C20760" i="3"/>
  <c r="C20761" i="3"/>
  <c r="C20762" i="3"/>
  <c r="C20763" i="3"/>
  <c r="C20764" i="3"/>
  <c r="C20765" i="3"/>
  <c r="C20766" i="3"/>
  <c r="C20767" i="3"/>
  <c r="C20768" i="3"/>
  <c r="C20769" i="3"/>
  <c r="C20770" i="3"/>
  <c r="C20771" i="3"/>
  <c r="C20772" i="3"/>
  <c r="C20773" i="3"/>
  <c r="C20774" i="3"/>
  <c r="C20775" i="3"/>
  <c r="C20776" i="3"/>
  <c r="C20777" i="3"/>
  <c r="C20778" i="3"/>
  <c r="C20779" i="3"/>
  <c r="C20780" i="3"/>
  <c r="C20781" i="3"/>
  <c r="C20782" i="3"/>
  <c r="C20783" i="3"/>
  <c r="C20784" i="3"/>
  <c r="C20785" i="3"/>
  <c r="C20786" i="3"/>
  <c r="C20787" i="3"/>
  <c r="C20788" i="3"/>
  <c r="C20789" i="3"/>
  <c r="C20790" i="3"/>
  <c r="C20791" i="3"/>
  <c r="C20792" i="3"/>
  <c r="C20793" i="3"/>
  <c r="C20794" i="3"/>
  <c r="C20795" i="3"/>
  <c r="C20796" i="3"/>
  <c r="C20797" i="3"/>
  <c r="C20798" i="3"/>
  <c r="C20799" i="3"/>
  <c r="C20800" i="3"/>
  <c r="C20801" i="3"/>
  <c r="C20802" i="3"/>
  <c r="C20803" i="3"/>
  <c r="C20804" i="3"/>
  <c r="C20805" i="3"/>
  <c r="C20806" i="3"/>
  <c r="C20807" i="3"/>
  <c r="C20808" i="3"/>
  <c r="C20809" i="3"/>
  <c r="C20810" i="3"/>
  <c r="C20811" i="3"/>
  <c r="C20812" i="3"/>
  <c r="C20813" i="3"/>
  <c r="C20814" i="3"/>
  <c r="C20815" i="3"/>
  <c r="C20816" i="3"/>
  <c r="C20817" i="3"/>
  <c r="C20818" i="3"/>
  <c r="C20819" i="3"/>
  <c r="C20820" i="3"/>
  <c r="C20821" i="3"/>
  <c r="C20822" i="3"/>
  <c r="C20823" i="3"/>
  <c r="C20824" i="3"/>
  <c r="C20825" i="3"/>
  <c r="C20826" i="3"/>
  <c r="C20827" i="3"/>
  <c r="C20828" i="3"/>
  <c r="C20829" i="3"/>
  <c r="C20830" i="3"/>
  <c r="C20831" i="3"/>
  <c r="C20832" i="3"/>
  <c r="C20833" i="3"/>
  <c r="C20834" i="3"/>
  <c r="C20835" i="3"/>
  <c r="C20836" i="3"/>
  <c r="C20837" i="3"/>
  <c r="C20838" i="3"/>
  <c r="C20839" i="3"/>
  <c r="C20840" i="3"/>
  <c r="C20841" i="3"/>
  <c r="C20842" i="3"/>
  <c r="C20843" i="3"/>
  <c r="C20844" i="3"/>
  <c r="C20845" i="3"/>
  <c r="C20846" i="3"/>
  <c r="C20847" i="3"/>
  <c r="C20848" i="3"/>
  <c r="C20849" i="3"/>
  <c r="C20850" i="3"/>
  <c r="C20851" i="3"/>
  <c r="C20852" i="3"/>
  <c r="C20853" i="3"/>
  <c r="C20854" i="3"/>
  <c r="C20855" i="3"/>
  <c r="C20856" i="3"/>
  <c r="C20857" i="3"/>
  <c r="C20858" i="3"/>
  <c r="C20859" i="3"/>
  <c r="C20860" i="3"/>
  <c r="C20861" i="3"/>
  <c r="C20862" i="3"/>
  <c r="C20863" i="3"/>
  <c r="C20864" i="3"/>
  <c r="C20865" i="3"/>
  <c r="C20866" i="3"/>
  <c r="C20867" i="3"/>
  <c r="C20868" i="3"/>
  <c r="C20869" i="3"/>
  <c r="C20870" i="3"/>
  <c r="C20871" i="3"/>
  <c r="C20872" i="3"/>
  <c r="C20873" i="3"/>
  <c r="C20874" i="3"/>
  <c r="C20875" i="3"/>
  <c r="C20876" i="3"/>
  <c r="C20877" i="3"/>
  <c r="C20878" i="3"/>
  <c r="C20879" i="3"/>
  <c r="C20880" i="3"/>
  <c r="C20881" i="3"/>
  <c r="C20882" i="3"/>
  <c r="C20883" i="3"/>
  <c r="C20884" i="3"/>
  <c r="C20885" i="3"/>
  <c r="C20886" i="3"/>
  <c r="C20887" i="3"/>
  <c r="C20888" i="3"/>
  <c r="C20889" i="3"/>
  <c r="C20890" i="3"/>
  <c r="C20891" i="3"/>
  <c r="C20892" i="3"/>
  <c r="C20893" i="3"/>
  <c r="C20894" i="3"/>
  <c r="C20895" i="3"/>
  <c r="C20896" i="3"/>
  <c r="C20897" i="3"/>
  <c r="C20898" i="3"/>
  <c r="C20899" i="3"/>
  <c r="C20900" i="3"/>
  <c r="C20901" i="3"/>
  <c r="C20902" i="3"/>
  <c r="C20903" i="3"/>
  <c r="C20904" i="3"/>
  <c r="C20905" i="3"/>
  <c r="C20906" i="3"/>
  <c r="C20907" i="3"/>
  <c r="C20908" i="3"/>
  <c r="C20909" i="3"/>
  <c r="C20910" i="3"/>
  <c r="C20911" i="3"/>
  <c r="C20912" i="3"/>
  <c r="C20913" i="3"/>
  <c r="C20914" i="3"/>
  <c r="C20915" i="3"/>
  <c r="C20916" i="3"/>
  <c r="C20917" i="3"/>
  <c r="C20918" i="3"/>
  <c r="C20919" i="3"/>
  <c r="C20920" i="3"/>
  <c r="C20921" i="3"/>
  <c r="C20922" i="3"/>
  <c r="C20923" i="3"/>
  <c r="C20924" i="3"/>
  <c r="C20925" i="3"/>
  <c r="C20926" i="3"/>
  <c r="C20927" i="3"/>
  <c r="C20928" i="3"/>
  <c r="C20929" i="3"/>
  <c r="C20930" i="3"/>
  <c r="C20931" i="3"/>
  <c r="C20932" i="3"/>
  <c r="C20933" i="3"/>
  <c r="C20934" i="3"/>
  <c r="C20935" i="3"/>
  <c r="C20936" i="3"/>
  <c r="C20937" i="3"/>
  <c r="C20938" i="3"/>
  <c r="C20939" i="3"/>
  <c r="C20940" i="3"/>
  <c r="C20941" i="3"/>
  <c r="C20942" i="3"/>
  <c r="C20943" i="3"/>
  <c r="C20944" i="3"/>
  <c r="C20945" i="3"/>
  <c r="C20946" i="3"/>
  <c r="C20947" i="3"/>
  <c r="C20948" i="3"/>
  <c r="C20949" i="3"/>
  <c r="C20950" i="3"/>
  <c r="C20951" i="3"/>
  <c r="C20952" i="3"/>
  <c r="C20953" i="3"/>
  <c r="C20954" i="3"/>
  <c r="C20955" i="3"/>
  <c r="C20956" i="3"/>
  <c r="C20957" i="3"/>
  <c r="C20958" i="3"/>
  <c r="C20959" i="3"/>
  <c r="C20960" i="3"/>
  <c r="C20961" i="3"/>
  <c r="C20962" i="3"/>
  <c r="C20963" i="3"/>
  <c r="C20964" i="3"/>
  <c r="C20965" i="3"/>
  <c r="C20966" i="3"/>
  <c r="C20967" i="3"/>
  <c r="C20968" i="3"/>
  <c r="C20969" i="3"/>
  <c r="C20970" i="3"/>
  <c r="C20971" i="3"/>
  <c r="C20972" i="3"/>
  <c r="C20973" i="3"/>
  <c r="C20974" i="3"/>
  <c r="C20975" i="3"/>
  <c r="C20976" i="3"/>
  <c r="C20977" i="3"/>
  <c r="C20978" i="3"/>
  <c r="C20979" i="3"/>
  <c r="C20980" i="3"/>
  <c r="C20981" i="3"/>
  <c r="C20982" i="3"/>
  <c r="C20983" i="3"/>
  <c r="C20984" i="3"/>
  <c r="C20985" i="3"/>
  <c r="C20986" i="3"/>
  <c r="C20987" i="3"/>
  <c r="C20988" i="3"/>
  <c r="C20989" i="3"/>
  <c r="C20990" i="3"/>
  <c r="C20991" i="3"/>
  <c r="C20992" i="3"/>
  <c r="C20993" i="3"/>
  <c r="C20994" i="3"/>
  <c r="C20995" i="3"/>
  <c r="C20996" i="3"/>
  <c r="C20997" i="3"/>
  <c r="C20998" i="3"/>
  <c r="C20999" i="3"/>
  <c r="C21000" i="3"/>
  <c r="C21001" i="3"/>
  <c r="C21002" i="3"/>
  <c r="C21003" i="3"/>
  <c r="C21004" i="3"/>
  <c r="C21005" i="3"/>
  <c r="C21006" i="3"/>
  <c r="C21007" i="3"/>
  <c r="C21008" i="3"/>
  <c r="C21009" i="3"/>
  <c r="C21010" i="3"/>
  <c r="C21011" i="3"/>
  <c r="C21012" i="3"/>
  <c r="C21013" i="3"/>
  <c r="C21014" i="3"/>
  <c r="C21015" i="3"/>
  <c r="C21016" i="3"/>
  <c r="C21017" i="3"/>
  <c r="C21018" i="3"/>
  <c r="C21019" i="3"/>
  <c r="C21020" i="3"/>
  <c r="C21021" i="3"/>
  <c r="C21022" i="3"/>
  <c r="C21023" i="3"/>
  <c r="C21024" i="3"/>
  <c r="C21025" i="3"/>
  <c r="C21026" i="3"/>
  <c r="C21027" i="3"/>
  <c r="C21028" i="3"/>
  <c r="C21029" i="3"/>
  <c r="C21030" i="3"/>
  <c r="C21031" i="3"/>
  <c r="C21032" i="3"/>
  <c r="C21033" i="3"/>
  <c r="C21034" i="3"/>
  <c r="C21035" i="3"/>
  <c r="C21036" i="3"/>
  <c r="C21037" i="3"/>
  <c r="C21038" i="3"/>
  <c r="C21039" i="3"/>
  <c r="C21040" i="3"/>
  <c r="C21041" i="3"/>
  <c r="C21042" i="3"/>
  <c r="C21043" i="3"/>
  <c r="C21044" i="3"/>
  <c r="C21045" i="3"/>
  <c r="C21046" i="3"/>
  <c r="C21047" i="3"/>
  <c r="C21048" i="3"/>
  <c r="C21049" i="3"/>
  <c r="C21050" i="3"/>
  <c r="C21051" i="3"/>
  <c r="C21052" i="3"/>
  <c r="C21053" i="3"/>
  <c r="C21054" i="3"/>
  <c r="C21055" i="3"/>
  <c r="C21056" i="3"/>
  <c r="C21057" i="3"/>
  <c r="C21058" i="3"/>
  <c r="C21059" i="3"/>
  <c r="C21060" i="3"/>
  <c r="C21061" i="3"/>
  <c r="C21062" i="3"/>
  <c r="C21063" i="3"/>
  <c r="C21064" i="3"/>
  <c r="C21065" i="3"/>
  <c r="C21066" i="3"/>
  <c r="C21067" i="3"/>
  <c r="C21068" i="3"/>
  <c r="C21069" i="3"/>
  <c r="C21070" i="3"/>
  <c r="C21071" i="3"/>
  <c r="C21072" i="3"/>
  <c r="C21073" i="3"/>
  <c r="C21074" i="3"/>
  <c r="C21075" i="3"/>
  <c r="C21076" i="3"/>
  <c r="C21077" i="3"/>
  <c r="C21078" i="3"/>
  <c r="C21079" i="3"/>
  <c r="C21080" i="3"/>
  <c r="C21081" i="3"/>
  <c r="C21082" i="3"/>
  <c r="C21083" i="3"/>
  <c r="C21084" i="3"/>
  <c r="C21085" i="3"/>
  <c r="C21086" i="3"/>
  <c r="C21087" i="3"/>
  <c r="C21088" i="3"/>
  <c r="C21089" i="3"/>
  <c r="C21090" i="3"/>
  <c r="C21091" i="3"/>
  <c r="C21092" i="3"/>
  <c r="C21093" i="3"/>
  <c r="C21094" i="3"/>
  <c r="C21095" i="3"/>
  <c r="C21096" i="3"/>
  <c r="C21097" i="3"/>
  <c r="C21098" i="3"/>
  <c r="C21099" i="3"/>
  <c r="C21100" i="3"/>
  <c r="C21101" i="3"/>
  <c r="C21102" i="3"/>
  <c r="C21103" i="3"/>
  <c r="C21104" i="3"/>
  <c r="C21105" i="3"/>
  <c r="C21106" i="3"/>
  <c r="C21107" i="3"/>
  <c r="C21108" i="3"/>
  <c r="C21109" i="3"/>
  <c r="C21110" i="3"/>
  <c r="C21111" i="3"/>
  <c r="C21112" i="3"/>
  <c r="C21113" i="3"/>
  <c r="C21114" i="3"/>
  <c r="C21115" i="3"/>
  <c r="C21116" i="3"/>
  <c r="C21117" i="3"/>
  <c r="C21118" i="3"/>
  <c r="C21119" i="3"/>
  <c r="C21120" i="3"/>
  <c r="C21121" i="3"/>
  <c r="C21122" i="3"/>
  <c r="C21123" i="3"/>
  <c r="C21124" i="3"/>
  <c r="C21125" i="3"/>
  <c r="C21126" i="3"/>
  <c r="C21127" i="3"/>
  <c r="C21128" i="3"/>
  <c r="C21129" i="3"/>
  <c r="C21130" i="3"/>
  <c r="C21131" i="3"/>
  <c r="C21132" i="3"/>
  <c r="C21133" i="3"/>
  <c r="C21134" i="3"/>
  <c r="C21135" i="3"/>
  <c r="C21136" i="3"/>
  <c r="C21137" i="3"/>
  <c r="C21138" i="3"/>
  <c r="C21139" i="3"/>
  <c r="C21140" i="3"/>
  <c r="C21141" i="3"/>
  <c r="C21142" i="3"/>
  <c r="C21143" i="3"/>
  <c r="C21144" i="3"/>
  <c r="C21145" i="3"/>
  <c r="C21146" i="3"/>
  <c r="C21147" i="3"/>
  <c r="C21148" i="3"/>
  <c r="C21149" i="3"/>
  <c r="C21150" i="3"/>
  <c r="C21151" i="3"/>
  <c r="C21152" i="3"/>
  <c r="C21153" i="3"/>
  <c r="C21154" i="3"/>
  <c r="C21155" i="3"/>
  <c r="C21156" i="3"/>
  <c r="C21157" i="3"/>
  <c r="C21158" i="3"/>
  <c r="C21159" i="3"/>
  <c r="C21160" i="3"/>
  <c r="C21161" i="3"/>
  <c r="C21162" i="3"/>
  <c r="C21163" i="3"/>
  <c r="C21164" i="3"/>
  <c r="C21165" i="3"/>
  <c r="C21166" i="3"/>
  <c r="C21167" i="3"/>
  <c r="C21168" i="3"/>
  <c r="C21169" i="3"/>
  <c r="C21170" i="3"/>
  <c r="C21171" i="3"/>
  <c r="C21172" i="3"/>
  <c r="C21173" i="3"/>
  <c r="C21174" i="3"/>
  <c r="C21175" i="3"/>
  <c r="C21176" i="3"/>
  <c r="C21177" i="3"/>
  <c r="C21178" i="3"/>
  <c r="C21179" i="3"/>
  <c r="C21180" i="3"/>
  <c r="C21181" i="3"/>
  <c r="C21182" i="3"/>
  <c r="C21183" i="3"/>
  <c r="C21184" i="3"/>
  <c r="C21185" i="3"/>
  <c r="C21186" i="3"/>
  <c r="C21187" i="3"/>
  <c r="C21188" i="3"/>
  <c r="C21189" i="3"/>
  <c r="C21190" i="3"/>
  <c r="C21191" i="3"/>
  <c r="C21192" i="3"/>
  <c r="C21193" i="3"/>
  <c r="C21194" i="3"/>
  <c r="C21195" i="3"/>
  <c r="C21196" i="3"/>
  <c r="C21197" i="3"/>
  <c r="C21198" i="3"/>
  <c r="C21199" i="3"/>
  <c r="C21200" i="3"/>
  <c r="C21201" i="3"/>
  <c r="C21202" i="3"/>
  <c r="C21203" i="3"/>
  <c r="C21204" i="3"/>
  <c r="C21205" i="3"/>
  <c r="C21206" i="3"/>
  <c r="C21207" i="3"/>
  <c r="C21208" i="3"/>
  <c r="C21209" i="3"/>
  <c r="C21210" i="3"/>
  <c r="C21211" i="3"/>
  <c r="C21212" i="3"/>
  <c r="C21213" i="3"/>
  <c r="C21214" i="3"/>
  <c r="C21215" i="3"/>
  <c r="C21216" i="3"/>
  <c r="C21217" i="3"/>
  <c r="C21218" i="3"/>
  <c r="C21219" i="3"/>
  <c r="C21220" i="3"/>
  <c r="C21221" i="3"/>
  <c r="C21222" i="3"/>
  <c r="C21223" i="3"/>
  <c r="C21224" i="3"/>
  <c r="C21225" i="3"/>
  <c r="C21226" i="3"/>
  <c r="C21227" i="3"/>
  <c r="C21228" i="3"/>
  <c r="C21229" i="3"/>
  <c r="C21230" i="3"/>
  <c r="C21231" i="3"/>
  <c r="C21232" i="3"/>
  <c r="C21233" i="3"/>
  <c r="C21234" i="3"/>
  <c r="C21235" i="3"/>
  <c r="C21236" i="3"/>
  <c r="C21237" i="3"/>
  <c r="C21238" i="3"/>
  <c r="C21239" i="3"/>
  <c r="C21240" i="3"/>
  <c r="C21241" i="3"/>
  <c r="C21242" i="3"/>
  <c r="C21243" i="3"/>
  <c r="C21244" i="3"/>
  <c r="C21245" i="3"/>
  <c r="C21246" i="3"/>
  <c r="C21247" i="3"/>
  <c r="C21248" i="3"/>
  <c r="C21249" i="3"/>
  <c r="C21250" i="3"/>
  <c r="C21251" i="3"/>
  <c r="C21252" i="3"/>
  <c r="C21253" i="3"/>
  <c r="C21254" i="3"/>
  <c r="C21255" i="3"/>
  <c r="C21256" i="3"/>
  <c r="C21257" i="3"/>
  <c r="C21258" i="3"/>
  <c r="C21259" i="3"/>
  <c r="C21260" i="3"/>
  <c r="C21261" i="3"/>
  <c r="C21262" i="3"/>
  <c r="C21263" i="3"/>
  <c r="C21264" i="3"/>
  <c r="C21265" i="3"/>
  <c r="C21266" i="3"/>
  <c r="C21267" i="3"/>
  <c r="C21268" i="3"/>
  <c r="C21269" i="3"/>
  <c r="C21270" i="3"/>
  <c r="C21271" i="3"/>
  <c r="C21272" i="3"/>
  <c r="C21273" i="3"/>
  <c r="C21274" i="3"/>
  <c r="C21275" i="3"/>
  <c r="C21276" i="3"/>
  <c r="C21277" i="3"/>
  <c r="C21278" i="3"/>
  <c r="C21279" i="3"/>
  <c r="C21280" i="3"/>
  <c r="C21281" i="3"/>
  <c r="C21282" i="3"/>
  <c r="C21283" i="3"/>
  <c r="C21284" i="3"/>
  <c r="C21285" i="3"/>
  <c r="C21286" i="3"/>
  <c r="C21287" i="3"/>
  <c r="C21288" i="3"/>
  <c r="C21289" i="3"/>
  <c r="C21290" i="3"/>
  <c r="C21291" i="3"/>
  <c r="C21292" i="3"/>
  <c r="C21293" i="3"/>
  <c r="C21294" i="3"/>
  <c r="C21295" i="3"/>
  <c r="C21296" i="3"/>
  <c r="C21297" i="3"/>
  <c r="C21298" i="3"/>
  <c r="C21299" i="3"/>
  <c r="C21300" i="3"/>
  <c r="C21301" i="3"/>
  <c r="C21302" i="3"/>
  <c r="C21303" i="3"/>
  <c r="C21304" i="3"/>
  <c r="C21305" i="3"/>
  <c r="C21306" i="3"/>
  <c r="C21307" i="3"/>
  <c r="C21308" i="3"/>
  <c r="C21309" i="3"/>
  <c r="C21310" i="3"/>
  <c r="C21311" i="3"/>
  <c r="C21312" i="3"/>
  <c r="C21313" i="3"/>
  <c r="C21314" i="3"/>
  <c r="C21315" i="3"/>
  <c r="C21316" i="3"/>
  <c r="C21317" i="3"/>
  <c r="C21318" i="3"/>
  <c r="C21319" i="3"/>
  <c r="C21320" i="3"/>
  <c r="C21321" i="3"/>
  <c r="C21322" i="3"/>
  <c r="C21323" i="3"/>
  <c r="C21324" i="3"/>
  <c r="C21325" i="3"/>
  <c r="C21326" i="3"/>
  <c r="C21327" i="3"/>
  <c r="C21328" i="3"/>
  <c r="C21329" i="3"/>
  <c r="C21330" i="3"/>
  <c r="C21331" i="3"/>
  <c r="C21332" i="3"/>
  <c r="C21333" i="3"/>
  <c r="C21334" i="3"/>
  <c r="C21335" i="3"/>
  <c r="C21336" i="3"/>
  <c r="C21337" i="3"/>
  <c r="C21338" i="3"/>
  <c r="C21339" i="3"/>
  <c r="C21340" i="3"/>
  <c r="C21341" i="3"/>
  <c r="C21342" i="3"/>
  <c r="C21343" i="3"/>
  <c r="C21344" i="3"/>
  <c r="C21345" i="3"/>
  <c r="C21346" i="3"/>
  <c r="C21347" i="3"/>
  <c r="C21348" i="3"/>
  <c r="C21349" i="3"/>
  <c r="C21350" i="3"/>
  <c r="C21351" i="3"/>
  <c r="C21352" i="3"/>
  <c r="C21353" i="3"/>
  <c r="C21354" i="3"/>
  <c r="C21355" i="3"/>
  <c r="C21356" i="3"/>
  <c r="C21357" i="3"/>
  <c r="C21358" i="3"/>
  <c r="C21359" i="3"/>
  <c r="C21360" i="3"/>
  <c r="C21361" i="3"/>
  <c r="C21362" i="3"/>
  <c r="C21363" i="3"/>
  <c r="C21364" i="3"/>
  <c r="C21365" i="3"/>
  <c r="C21366" i="3"/>
  <c r="C21367" i="3"/>
  <c r="C21368" i="3"/>
  <c r="C21369" i="3"/>
  <c r="C21370" i="3"/>
  <c r="C21371" i="3"/>
  <c r="C21372" i="3"/>
  <c r="C21373" i="3"/>
  <c r="C21374" i="3"/>
  <c r="C21375" i="3"/>
  <c r="C21376" i="3"/>
  <c r="C21377" i="3"/>
  <c r="C21378" i="3"/>
  <c r="C21379" i="3"/>
  <c r="C21380" i="3"/>
  <c r="C21381" i="3"/>
  <c r="C21382" i="3"/>
  <c r="C21383" i="3"/>
  <c r="C21384" i="3"/>
  <c r="C21385" i="3"/>
  <c r="C21386" i="3"/>
  <c r="C21387" i="3"/>
  <c r="C21388" i="3"/>
  <c r="C21389" i="3"/>
  <c r="C21390" i="3"/>
  <c r="C21391" i="3"/>
  <c r="C21392" i="3"/>
  <c r="C21393" i="3"/>
  <c r="C21394" i="3"/>
  <c r="C21395" i="3"/>
  <c r="C21396" i="3"/>
  <c r="C21397" i="3"/>
  <c r="C21398" i="3"/>
  <c r="C21399" i="3"/>
  <c r="C21400" i="3"/>
  <c r="C21401" i="3"/>
  <c r="C21402" i="3"/>
  <c r="C21403" i="3"/>
  <c r="C21404" i="3"/>
  <c r="C21405" i="3"/>
  <c r="C21406" i="3"/>
  <c r="C21407" i="3"/>
  <c r="C21408" i="3"/>
  <c r="C21409" i="3"/>
  <c r="C21410" i="3"/>
  <c r="C21411" i="3"/>
  <c r="C21412" i="3"/>
  <c r="C21413" i="3"/>
  <c r="C21414" i="3"/>
  <c r="C21415" i="3"/>
  <c r="C21416" i="3"/>
  <c r="C21417" i="3"/>
  <c r="C21418" i="3"/>
  <c r="C21419" i="3"/>
  <c r="C21420" i="3"/>
  <c r="C21421" i="3"/>
  <c r="C21422" i="3"/>
  <c r="C21423" i="3"/>
  <c r="C21424" i="3"/>
  <c r="C21425" i="3"/>
  <c r="C21426" i="3"/>
  <c r="C21427" i="3"/>
  <c r="C21428" i="3"/>
  <c r="C21429" i="3"/>
  <c r="C21430" i="3"/>
  <c r="C21431" i="3"/>
  <c r="C21432" i="3"/>
  <c r="C21433" i="3"/>
  <c r="C21434" i="3"/>
  <c r="C21435" i="3"/>
  <c r="C21436" i="3"/>
  <c r="C21437" i="3"/>
  <c r="C21438" i="3"/>
  <c r="C21439" i="3"/>
  <c r="C21440" i="3"/>
  <c r="C21441" i="3"/>
  <c r="C21442" i="3"/>
  <c r="C21443" i="3"/>
  <c r="C21444" i="3"/>
  <c r="C21445" i="3"/>
  <c r="C21446" i="3"/>
  <c r="C21447" i="3"/>
  <c r="C21448" i="3"/>
  <c r="C21449" i="3"/>
  <c r="C21450" i="3"/>
  <c r="C21451" i="3"/>
  <c r="C21452" i="3"/>
  <c r="C21453" i="3"/>
  <c r="C21454" i="3"/>
  <c r="C21455" i="3"/>
  <c r="C21456" i="3"/>
  <c r="C21457" i="3"/>
  <c r="C21458" i="3"/>
  <c r="C21459" i="3"/>
  <c r="C21460" i="3"/>
  <c r="C21461" i="3"/>
  <c r="C21462" i="3"/>
  <c r="C21463" i="3"/>
  <c r="C21464" i="3"/>
  <c r="C21465" i="3"/>
  <c r="C21466" i="3"/>
  <c r="C21467" i="3"/>
  <c r="C21468" i="3"/>
  <c r="C21469" i="3"/>
  <c r="C21470" i="3"/>
  <c r="C21471" i="3"/>
  <c r="C21472" i="3"/>
  <c r="C21473" i="3"/>
  <c r="C21474" i="3"/>
  <c r="C21475" i="3"/>
  <c r="C21476" i="3"/>
  <c r="C21477" i="3"/>
  <c r="C21478" i="3"/>
  <c r="C21479" i="3"/>
  <c r="C21480" i="3"/>
  <c r="C21481" i="3"/>
  <c r="C21482" i="3"/>
  <c r="C21483" i="3"/>
  <c r="C21484" i="3"/>
  <c r="C21485" i="3"/>
  <c r="C21486" i="3"/>
  <c r="C21487" i="3"/>
  <c r="C21488" i="3"/>
  <c r="C21489" i="3"/>
  <c r="C21490" i="3"/>
  <c r="C21491" i="3"/>
  <c r="C21492" i="3"/>
  <c r="C21493" i="3"/>
  <c r="C21494" i="3"/>
  <c r="C21495" i="3"/>
  <c r="C21496" i="3"/>
  <c r="C21497" i="3"/>
  <c r="C21498" i="3"/>
  <c r="C21499" i="3"/>
  <c r="C21500" i="3"/>
  <c r="C21501" i="3"/>
  <c r="C21502" i="3"/>
  <c r="C21503" i="3"/>
  <c r="C21504" i="3"/>
  <c r="C21505" i="3"/>
  <c r="C21506" i="3"/>
  <c r="C21507" i="3"/>
  <c r="C21508" i="3"/>
  <c r="C21509" i="3"/>
  <c r="C21510" i="3"/>
  <c r="C21511" i="3"/>
  <c r="C21512" i="3"/>
  <c r="C21513" i="3"/>
  <c r="C21514" i="3"/>
  <c r="C21515" i="3"/>
  <c r="C21516" i="3"/>
  <c r="C21517" i="3"/>
  <c r="C21518" i="3"/>
  <c r="C21519" i="3"/>
  <c r="C21520" i="3"/>
  <c r="C21521" i="3"/>
  <c r="C21522" i="3"/>
  <c r="C21523" i="3"/>
  <c r="C21524" i="3"/>
  <c r="C21525" i="3"/>
  <c r="C21526" i="3"/>
  <c r="C21527" i="3"/>
  <c r="C21528" i="3"/>
  <c r="C21529" i="3"/>
  <c r="C21530" i="3"/>
  <c r="C21531" i="3"/>
  <c r="C21532" i="3"/>
  <c r="C21533" i="3"/>
  <c r="C21534" i="3"/>
  <c r="C21535" i="3"/>
  <c r="C21536" i="3"/>
  <c r="C21537" i="3"/>
  <c r="C21538" i="3"/>
  <c r="C21539" i="3"/>
  <c r="C21540" i="3"/>
  <c r="C21541" i="3"/>
  <c r="C21542" i="3"/>
  <c r="C21543" i="3"/>
  <c r="C21544" i="3"/>
  <c r="C21545" i="3"/>
  <c r="C21546" i="3"/>
  <c r="C21547" i="3"/>
  <c r="C21548" i="3"/>
  <c r="C21549" i="3"/>
  <c r="C21550" i="3"/>
  <c r="C21551" i="3"/>
  <c r="C21552" i="3"/>
  <c r="C21553" i="3"/>
  <c r="C21554" i="3"/>
  <c r="C21555" i="3"/>
  <c r="C21556" i="3"/>
  <c r="C21557" i="3"/>
  <c r="C21558" i="3"/>
  <c r="C21559" i="3"/>
  <c r="C21560" i="3"/>
  <c r="C21561" i="3"/>
  <c r="C21562" i="3"/>
  <c r="C21563" i="3"/>
  <c r="C21564" i="3"/>
  <c r="C21565" i="3"/>
  <c r="C21566" i="3"/>
  <c r="C21567" i="3"/>
  <c r="C21568" i="3"/>
  <c r="C21569" i="3"/>
  <c r="C21570" i="3"/>
  <c r="C21571" i="3"/>
  <c r="C21572" i="3"/>
  <c r="C21573" i="3"/>
  <c r="C21574" i="3"/>
  <c r="C21575" i="3"/>
  <c r="C21576" i="3"/>
  <c r="C21577" i="3"/>
  <c r="C21578" i="3"/>
  <c r="C21579" i="3"/>
  <c r="C21580" i="3"/>
  <c r="C21581" i="3"/>
  <c r="C21582" i="3"/>
  <c r="C21583" i="3"/>
  <c r="C21584" i="3"/>
  <c r="C21585" i="3"/>
  <c r="C21586" i="3"/>
  <c r="C21587" i="3"/>
  <c r="C21588" i="3"/>
  <c r="C21589" i="3"/>
  <c r="C21590" i="3"/>
  <c r="C21591" i="3"/>
  <c r="C21592" i="3"/>
  <c r="C21593" i="3"/>
  <c r="C21594" i="3"/>
  <c r="C21595" i="3"/>
  <c r="C21596" i="3"/>
  <c r="C21597" i="3"/>
  <c r="C21598" i="3"/>
  <c r="C21599" i="3"/>
  <c r="C21600" i="3"/>
  <c r="C21601" i="3"/>
  <c r="C21602" i="3"/>
  <c r="C21603" i="3"/>
  <c r="C21604" i="3"/>
  <c r="C21605" i="3"/>
  <c r="C21606" i="3"/>
  <c r="C21607" i="3"/>
  <c r="C21608" i="3"/>
  <c r="C21609" i="3"/>
  <c r="C21610" i="3"/>
  <c r="C21611" i="3"/>
  <c r="C21612" i="3"/>
  <c r="C21613" i="3"/>
  <c r="C21614" i="3"/>
  <c r="C21615" i="3"/>
  <c r="C21616" i="3"/>
  <c r="C21617" i="3"/>
  <c r="C21618" i="3"/>
  <c r="C21619" i="3"/>
  <c r="C21620" i="3"/>
  <c r="C21621" i="3"/>
  <c r="C21622" i="3"/>
  <c r="C21623" i="3"/>
  <c r="C21624" i="3"/>
  <c r="C21625" i="3"/>
  <c r="C21626" i="3"/>
  <c r="C21627" i="3"/>
  <c r="C21628" i="3"/>
  <c r="C21629" i="3"/>
  <c r="C21630" i="3"/>
  <c r="C21631" i="3"/>
  <c r="C21632" i="3"/>
  <c r="C21633" i="3"/>
  <c r="C21634" i="3"/>
  <c r="C21635" i="3"/>
  <c r="C21636" i="3"/>
  <c r="C21637" i="3"/>
  <c r="C21638" i="3"/>
  <c r="C21639" i="3"/>
  <c r="C21640" i="3"/>
  <c r="C21641" i="3"/>
  <c r="C21642" i="3"/>
  <c r="C21643" i="3"/>
  <c r="C21644" i="3"/>
  <c r="C21645" i="3"/>
  <c r="C21646" i="3"/>
  <c r="C21647" i="3"/>
  <c r="C21648" i="3"/>
  <c r="C21649" i="3"/>
  <c r="C21650" i="3"/>
  <c r="C21651" i="3"/>
  <c r="C21652" i="3"/>
  <c r="C21653" i="3"/>
  <c r="C21654" i="3"/>
  <c r="C21655" i="3"/>
  <c r="C21656" i="3"/>
  <c r="C21657" i="3"/>
  <c r="C21658" i="3"/>
  <c r="C21659" i="3"/>
  <c r="C21660" i="3"/>
  <c r="C21661" i="3"/>
  <c r="C21662" i="3"/>
  <c r="C21663" i="3"/>
  <c r="C21664" i="3"/>
  <c r="C21665" i="3"/>
  <c r="C21666" i="3"/>
  <c r="C21667" i="3"/>
  <c r="C21668" i="3"/>
  <c r="C21669" i="3"/>
  <c r="C21670" i="3"/>
  <c r="C21671" i="3"/>
  <c r="C21672" i="3"/>
  <c r="C21673" i="3"/>
  <c r="C21674" i="3"/>
  <c r="C21675" i="3"/>
  <c r="C21676" i="3"/>
  <c r="C21677" i="3"/>
  <c r="C21678" i="3"/>
  <c r="C21679" i="3"/>
  <c r="C21680" i="3"/>
  <c r="C21681" i="3"/>
  <c r="C21682" i="3"/>
  <c r="C21683" i="3"/>
  <c r="C21684" i="3"/>
  <c r="C21685" i="3"/>
  <c r="C21686" i="3"/>
  <c r="C21687" i="3"/>
  <c r="C21688" i="3"/>
  <c r="C21689" i="3"/>
  <c r="C21690" i="3"/>
  <c r="C21691" i="3"/>
  <c r="C21692" i="3"/>
  <c r="C21693" i="3"/>
  <c r="C21694" i="3"/>
  <c r="C21695" i="3"/>
  <c r="C21696" i="3"/>
  <c r="C21697" i="3"/>
  <c r="C21698" i="3"/>
  <c r="C21699" i="3"/>
  <c r="C21700" i="3"/>
  <c r="C21701" i="3"/>
  <c r="C21702" i="3"/>
  <c r="C21703" i="3"/>
  <c r="C21704" i="3"/>
  <c r="C21705" i="3"/>
  <c r="C21706" i="3"/>
  <c r="C21707" i="3"/>
  <c r="C21708" i="3"/>
  <c r="C21709" i="3"/>
  <c r="C21710" i="3"/>
  <c r="C21711" i="3"/>
  <c r="C21712" i="3"/>
  <c r="C21713" i="3"/>
  <c r="C21714" i="3"/>
  <c r="C21715" i="3"/>
  <c r="C21716" i="3"/>
  <c r="C21717" i="3"/>
  <c r="C21718" i="3"/>
  <c r="C21719" i="3"/>
  <c r="C21720" i="3"/>
  <c r="C21721" i="3"/>
  <c r="C21722" i="3"/>
  <c r="C21723" i="3"/>
  <c r="C21724" i="3"/>
  <c r="C21725" i="3"/>
  <c r="C21726" i="3"/>
  <c r="C21727" i="3"/>
  <c r="C21728" i="3"/>
  <c r="C21729" i="3"/>
  <c r="C21730" i="3"/>
  <c r="C21731" i="3"/>
  <c r="C21732" i="3"/>
  <c r="C21733" i="3"/>
  <c r="C21734" i="3"/>
  <c r="C21735" i="3"/>
  <c r="C21736" i="3"/>
  <c r="C21737" i="3"/>
  <c r="C21738" i="3"/>
  <c r="C21739" i="3"/>
  <c r="C21740" i="3"/>
  <c r="C21741" i="3"/>
  <c r="C21742" i="3"/>
  <c r="C21743" i="3"/>
  <c r="C21744" i="3"/>
  <c r="C21745" i="3"/>
  <c r="C21746" i="3"/>
  <c r="C21747" i="3"/>
  <c r="C21748" i="3"/>
  <c r="C21749" i="3"/>
  <c r="C21750" i="3"/>
  <c r="C21751" i="3"/>
  <c r="C21752" i="3"/>
  <c r="C21753" i="3"/>
  <c r="C21754" i="3"/>
  <c r="C21755" i="3"/>
  <c r="C21756" i="3"/>
  <c r="C21757" i="3"/>
  <c r="C21758" i="3"/>
  <c r="C21759" i="3"/>
  <c r="C21760" i="3"/>
  <c r="C21761" i="3"/>
  <c r="C21762" i="3"/>
  <c r="C21763" i="3"/>
  <c r="C21764" i="3"/>
  <c r="C21765" i="3"/>
  <c r="C21766" i="3"/>
  <c r="C21767" i="3"/>
  <c r="C21768" i="3"/>
  <c r="C21769" i="3"/>
  <c r="C21770" i="3"/>
  <c r="C21771" i="3"/>
  <c r="C21772" i="3"/>
  <c r="C21773" i="3"/>
  <c r="C21774" i="3"/>
  <c r="C21775" i="3"/>
  <c r="C21776" i="3"/>
  <c r="C21777" i="3"/>
  <c r="C21778" i="3"/>
  <c r="C21779" i="3"/>
  <c r="C21780" i="3"/>
  <c r="C21781" i="3"/>
  <c r="C21782" i="3"/>
  <c r="C21783" i="3"/>
  <c r="C21784" i="3"/>
  <c r="C21785" i="3"/>
  <c r="C21786" i="3"/>
  <c r="C21787" i="3"/>
  <c r="C21788" i="3"/>
  <c r="C21789" i="3"/>
  <c r="C21790" i="3"/>
  <c r="C21791" i="3"/>
  <c r="C21792" i="3"/>
  <c r="C21793" i="3"/>
  <c r="C21794" i="3"/>
  <c r="C21795" i="3"/>
  <c r="C21796" i="3"/>
  <c r="C21797" i="3"/>
  <c r="C21798" i="3"/>
  <c r="C21799" i="3"/>
  <c r="C21800" i="3"/>
  <c r="C21801" i="3"/>
  <c r="C21802" i="3"/>
  <c r="C21803" i="3"/>
  <c r="C21804" i="3"/>
  <c r="C21805" i="3"/>
  <c r="C21806" i="3"/>
  <c r="C21807" i="3"/>
  <c r="C21808" i="3"/>
  <c r="C21809" i="3"/>
  <c r="C21810" i="3"/>
  <c r="C21811" i="3"/>
  <c r="C21812" i="3"/>
  <c r="C21813" i="3"/>
  <c r="C21814" i="3"/>
  <c r="C21815" i="3"/>
  <c r="C21816" i="3"/>
  <c r="C21817" i="3"/>
  <c r="C21818" i="3"/>
  <c r="C21819" i="3"/>
  <c r="C21820" i="3"/>
  <c r="C21821" i="3"/>
  <c r="C21822" i="3"/>
  <c r="C21823" i="3"/>
  <c r="C21824" i="3"/>
  <c r="C21825" i="3"/>
  <c r="C21826" i="3"/>
  <c r="C21827" i="3"/>
  <c r="C21828" i="3"/>
  <c r="C21829" i="3"/>
  <c r="C21830" i="3"/>
  <c r="C21831" i="3"/>
  <c r="C21832" i="3"/>
  <c r="C21833" i="3"/>
  <c r="C21834" i="3"/>
  <c r="C21835" i="3"/>
  <c r="C21836" i="3"/>
  <c r="C21837" i="3"/>
  <c r="C21838" i="3"/>
  <c r="C21839" i="3"/>
  <c r="C21840" i="3"/>
  <c r="C21841" i="3"/>
  <c r="C21842" i="3"/>
  <c r="C21843" i="3"/>
  <c r="C21844" i="3"/>
  <c r="C21845" i="3"/>
  <c r="C21846" i="3"/>
  <c r="C21847" i="3"/>
  <c r="C21848" i="3"/>
  <c r="C21849" i="3"/>
  <c r="C21850" i="3"/>
  <c r="C21851" i="3"/>
  <c r="C21852" i="3"/>
  <c r="C21853" i="3"/>
  <c r="C21854" i="3"/>
  <c r="C21855" i="3"/>
  <c r="C21856" i="3"/>
  <c r="C21857" i="3"/>
  <c r="C21858" i="3"/>
  <c r="C21859" i="3"/>
  <c r="C21860" i="3"/>
  <c r="C21861" i="3"/>
  <c r="C21862" i="3"/>
  <c r="C21863" i="3"/>
  <c r="C21864" i="3"/>
  <c r="C21865" i="3"/>
  <c r="C21866" i="3"/>
  <c r="C21867" i="3"/>
  <c r="C21868" i="3"/>
  <c r="C21869" i="3"/>
  <c r="C21870" i="3"/>
  <c r="C21871" i="3"/>
  <c r="C21872" i="3"/>
  <c r="C21873" i="3"/>
  <c r="C21874" i="3"/>
  <c r="C21875" i="3"/>
  <c r="C21876" i="3"/>
  <c r="C21877" i="3"/>
  <c r="C21878" i="3"/>
  <c r="C21879" i="3"/>
  <c r="C21880" i="3"/>
  <c r="C21881" i="3"/>
  <c r="C21882" i="3"/>
  <c r="C21883" i="3"/>
  <c r="C21884" i="3"/>
  <c r="C21885" i="3"/>
  <c r="C21886" i="3"/>
  <c r="C21887" i="3"/>
  <c r="C21888" i="3"/>
  <c r="C21889" i="3"/>
  <c r="C21890" i="3"/>
  <c r="C21891" i="3"/>
  <c r="C21892" i="3"/>
  <c r="C21893" i="3"/>
  <c r="C21894" i="3"/>
  <c r="C21895" i="3"/>
  <c r="C21896" i="3"/>
  <c r="C21897" i="3"/>
  <c r="C21898" i="3"/>
  <c r="C21899" i="3"/>
  <c r="C21900" i="3"/>
  <c r="C21901" i="3"/>
  <c r="C21902" i="3"/>
  <c r="C21903" i="3"/>
  <c r="C21904" i="3"/>
  <c r="C21905" i="3"/>
  <c r="C21906" i="3"/>
  <c r="C21907" i="3"/>
  <c r="C21908" i="3"/>
  <c r="C21909" i="3"/>
  <c r="C21910" i="3"/>
  <c r="C21911" i="3"/>
  <c r="C21912" i="3"/>
  <c r="C21913" i="3"/>
  <c r="C21914" i="3"/>
  <c r="C21915" i="3"/>
  <c r="C21916" i="3"/>
  <c r="C21917" i="3"/>
  <c r="C21918" i="3"/>
  <c r="C21919" i="3"/>
  <c r="C21920" i="3"/>
  <c r="C21921" i="3"/>
  <c r="C21922" i="3"/>
  <c r="C21923" i="3"/>
  <c r="C21924" i="3"/>
  <c r="C21925" i="3"/>
  <c r="C21926" i="3"/>
  <c r="C21927" i="3"/>
  <c r="C21928" i="3"/>
  <c r="C21929" i="3"/>
  <c r="C21930" i="3"/>
  <c r="C21931" i="3"/>
  <c r="C21932" i="3"/>
  <c r="C21933" i="3"/>
  <c r="C21934" i="3"/>
  <c r="C21935" i="3"/>
  <c r="C21936" i="3"/>
  <c r="C21937" i="3"/>
  <c r="C21938" i="3"/>
  <c r="C21939" i="3"/>
  <c r="C21940" i="3"/>
  <c r="C21941" i="3"/>
  <c r="C21942" i="3"/>
  <c r="C21943" i="3"/>
  <c r="C21944" i="3"/>
  <c r="C21945" i="3"/>
  <c r="C21946" i="3"/>
  <c r="C21947" i="3"/>
  <c r="C21948" i="3"/>
  <c r="C21949" i="3"/>
  <c r="C21950" i="3"/>
  <c r="C21951" i="3"/>
  <c r="C21952" i="3"/>
  <c r="C21953" i="3"/>
  <c r="C21954" i="3"/>
  <c r="C21955" i="3"/>
  <c r="C21956" i="3"/>
  <c r="C21957" i="3"/>
  <c r="C21958" i="3"/>
  <c r="C21959" i="3"/>
  <c r="C21960" i="3"/>
  <c r="C21961" i="3"/>
  <c r="C21962" i="3"/>
  <c r="C21963" i="3"/>
  <c r="C21964" i="3"/>
  <c r="C21965" i="3"/>
  <c r="C21966" i="3"/>
  <c r="C21967" i="3"/>
  <c r="C21968" i="3"/>
  <c r="C21969" i="3"/>
  <c r="C21970" i="3"/>
  <c r="C21971" i="3"/>
  <c r="C21972" i="3"/>
  <c r="C21973" i="3"/>
  <c r="C21974" i="3"/>
  <c r="C21975" i="3"/>
  <c r="C21976" i="3"/>
  <c r="C21977" i="3"/>
  <c r="C21978" i="3"/>
  <c r="C21979" i="3"/>
  <c r="C21980" i="3"/>
  <c r="C21981" i="3"/>
  <c r="C21982" i="3"/>
  <c r="C21983" i="3"/>
  <c r="C21984" i="3"/>
  <c r="C21985" i="3"/>
  <c r="C21986" i="3"/>
  <c r="C21987" i="3"/>
  <c r="C21988" i="3"/>
  <c r="C21989" i="3"/>
  <c r="C21990" i="3"/>
  <c r="C21991" i="3"/>
  <c r="C21992" i="3"/>
  <c r="C21993" i="3"/>
  <c r="C21994" i="3"/>
  <c r="C21995" i="3"/>
  <c r="C21996" i="3"/>
  <c r="C21997" i="3"/>
  <c r="C21998" i="3"/>
  <c r="C21999" i="3"/>
  <c r="C22000" i="3"/>
  <c r="C22001" i="3"/>
  <c r="C22002" i="3"/>
  <c r="C22003" i="3"/>
  <c r="C22004" i="3"/>
  <c r="C22005" i="3"/>
  <c r="C22006" i="3"/>
  <c r="C22007" i="3"/>
  <c r="C22008" i="3"/>
  <c r="C22009" i="3"/>
  <c r="C22010" i="3"/>
  <c r="C22011" i="3"/>
  <c r="C22012" i="3"/>
  <c r="C22013" i="3"/>
  <c r="C22014" i="3"/>
  <c r="C22015" i="3"/>
  <c r="C22016" i="3"/>
  <c r="C22017" i="3"/>
  <c r="C22018" i="3"/>
  <c r="C22019" i="3"/>
  <c r="C22020" i="3"/>
  <c r="C22021" i="3"/>
  <c r="C22022" i="3"/>
  <c r="C22023" i="3"/>
  <c r="C22024" i="3"/>
  <c r="C22025" i="3"/>
  <c r="C22026" i="3"/>
  <c r="C22027" i="3"/>
  <c r="C22028" i="3"/>
  <c r="C22029" i="3"/>
  <c r="C22030" i="3"/>
  <c r="C22031" i="3"/>
  <c r="C22032" i="3"/>
  <c r="C22033" i="3"/>
  <c r="C22034" i="3"/>
  <c r="C22035" i="3"/>
  <c r="C22036" i="3"/>
  <c r="C22037" i="3"/>
  <c r="C22038" i="3"/>
  <c r="C22039" i="3"/>
  <c r="C22040" i="3"/>
  <c r="C22041" i="3"/>
  <c r="C22042" i="3"/>
  <c r="C22043" i="3"/>
  <c r="C22044" i="3"/>
  <c r="C22045" i="3"/>
  <c r="C22046" i="3"/>
  <c r="C22047" i="3"/>
  <c r="C22048" i="3"/>
  <c r="C22049" i="3"/>
  <c r="C22050" i="3"/>
  <c r="C22051" i="3"/>
  <c r="C22052" i="3"/>
  <c r="C22053" i="3"/>
  <c r="C22054" i="3"/>
  <c r="C22055" i="3"/>
  <c r="C22056" i="3"/>
  <c r="C22057" i="3"/>
  <c r="C22058" i="3"/>
  <c r="C22059" i="3"/>
  <c r="C22060" i="3"/>
  <c r="C22061" i="3"/>
  <c r="C22062" i="3"/>
  <c r="C22063" i="3"/>
  <c r="C22064" i="3"/>
  <c r="C22065" i="3"/>
  <c r="C22066" i="3"/>
  <c r="C22067" i="3"/>
  <c r="C22068" i="3"/>
  <c r="C22069" i="3"/>
  <c r="C22070" i="3"/>
  <c r="C22071" i="3"/>
  <c r="C22072" i="3"/>
  <c r="C22073" i="3"/>
  <c r="C22074" i="3"/>
  <c r="C22075" i="3"/>
  <c r="C22076" i="3"/>
  <c r="C22077" i="3"/>
  <c r="C22078" i="3"/>
  <c r="C22079" i="3"/>
  <c r="C22080" i="3"/>
  <c r="C22081" i="3"/>
  <c r="C22082" i="3"/>
  <c r="C22083" i="3"/>
  <c r="C22084" i="3"/>
  <c r="C22085" i="3"/>
  <c r="C22086" i="3"/>
  <c r="C22087" i="3"/>
  <c r="C22088" i="3"/>
  <c r="C22089" i="3"/>
  <c r="C22090" i="3"/>
  <c r="C22091" i="3"/>
  <c r="C22092" i="3"/>
  <c r="C22093" i="3"/>
  <c r="C22094" i="3"/>
  <c r="C22095" i="3"/>
  <c r="C22096" i="3"/>
  <c r="C22097" i="3"/>
  <c r="C22098" i="3"/>
  <c r="C22099" i="3"/>
  <c r="C22100" i="3"/>
  <c r="C22101" i="3"/>
  <c r="C22102" i="3"/>
  <c r="C22103" i="3"/>
  <c r="C22104" i="3"/>
  <c r="C22105" i="3"/>
  <c r="C22106" i="3"/>
  <c r="C22107" i="3"/>
  <c r="C22108" i="3"/>
  <c r="C22109" i="3"/>
  <c r="C22110" i="3"/>
  <c r="C22111" i="3"/>
  <c r="C22112" i="3"/>
  <c r="C22113" i="3"/>
  <c r="C22114" i="3"/>
  <c r="C22115" i="3"/>
  <c r="C22116" i="3"/>
  <c r="C22117" i="3"/>
  <c r="C22118" i="3"/>
  <c r="C22119" i="3"/>
  <c r="C22120" i="3"/>
  <c r="C22121" i="3"/>
  <c r="C22122" i="3"/>
  <c r="C22123" i="3"/>
  <c r="C22124" i="3"/>
  <c r="C22125" i="3"/>
  <c r="C22126" i="3"/>
  <c r="C22127" i="3"/>
  <c r="C22128" i="3"/>
  <c r="C22129" i="3"/>
  <c r="C22130" i="3"/>
  <c r="C22131" i="3"/>
  <c r="C22132" i="3"/>
  <c r="C22133" i="3"/>
  <c r="C22134" i="3"/>
  <c r="C22135" i="3"/>
  <c r="C22136" i="3"/>
  <c r="C22137" i="3"/>
  <c r="C22138" i="3"/>
  <c r="C22139" i="3"/>
  <c r="C22140" i="3"/>
  <c r="C22141" i="3"/>
  <c r="C22142" i="3"/>
  <c r="C22143" i="3"/>
  <c r="C22144" i="3"/>
  <c r="C22145" i="3"/>
  <c r="C22146" i="3"/>
  <c r="C22147" i="3"/>
  <c r="C22148" i="3"/>
  <c r="C22149" i="3"/>
  <c r="C22150" i="3"/>
  <c r="C22151" i="3"/>
  <c r="C22152" i="3"/>
  <c r="C22153" i="3"/>
  <c r="C22154" i="3"/>
  <c r="C22155" i="3"/>
  <c r="C22156" i="3"/>
  <c r="C22157" i="3"/>
  <c r="C22158" i="3"/>
  <c r="C22159" i="3"/>
  <c r="C22160" i="3"/>
  <c r="C22161" i="3"/>
  <c r="C22162" i="3"/>
  <c r="C22163" i="3"/>
  <c r="C22164" i="3"/>
  <c r="C22165" i="3"/>
  <c r="C22166" i="3"/>
  <c r="C22167" i="3"/>
  <c r="C22168" i="3"/>
  <c r="C22169" i="3"/>
  <c r="C22170" i="3"/>
  <c r="C22171" i="3"/>
  <c r="C22172" i="3"/>
  <c r="C22173" i="3"/>
  <c r="C22174" i="3"/>
  <c r="C22175" i="3"/>
  <c r="C22176" i="3"/>
  <c r="C22177" i="3"/>
  <c r="C22178" i="3"/>
  <c r="C22179" i="3"/>
  <c r="C22180" i="3"/>
  <c r="C22181" i="3"/>
  <c r="C22182" i="3"/>
  <c r="C22183" i="3"/>
  <c r="C22184" i="3"/>
  <c r="C22185" i="3"/>
  <c r="C22186" i="3"/>
  <c r="C22187" i="3"/>
  <c r="C22188" i="3"/>
  <c r="C22189" i="3"/>
  <c r="C22190" i="3"/>
  <c r="C22191" i="3"/>
  <c r="C22192" i="3"/>
  <c r="C22193" i="3"/>
  <c r="C22194" i="3"/>
  <c r="C22195" i="3"/>
  <c r="C22196" i="3"/>
  <c r="C22197" i="3"/>
  <c r="C22198" i="3"/>
  <c r="C22199" i="3"/>
  <c r="C22200" i="3"/>
  <c r="C22201" i="3"/>
  <c r="C22202" i="3"/>
  <c r="C22203" i="3"/>
  <c r="C22204" i="3"/>
  <c r="C22205" i="3"/>
  <c r="C22206" i="3"/>
  <c r="C22207" i="3"/>
  <c r="C22208" i="3"/>
  <c r="C22209" i="3"/>
  <c r="C22210" i="3"/>
  <c r="C22211" i="3"/>
  <c r="C22212" i="3"/>
  <c r="C22213" i="3"/>
  <c r="C22214" i="3"/>
  <c r="C22215" i="3"/>
  <c r="C22216" i="3"/>
  <c r="C22217" i="3"/>
  <c r="C22218" i="3"/>
  <c r="C22219" i="3"/>
  <c r="C22220" i="3"/>
  <c r="C22221" i="3"/>
  <c r="C22222" i="3"/>
  <c r="C22223" i="3"/>
  <c r="C22224" i="3"/>
  <c r="C22225" i="3"/>
  <c r="C22226" i="3"/>
  <c r="C22227" i="3"/>
  <c r="C22228" i="3"/>
  <c r="C22229" i="3"/>
  <c r="C22230" i="3"/>
  <c r="C22231" i="3"/>
  <c r="C22232" i="3"/>
  <c r="C22233" i="3"/>
  <c r="C22234" i="3"/>
  <c r="C22235" i="3"/>
  <c r="C22236" i="3"/>
  <c r="C22237" i="3"/>
  <c r="C22238" i="3"/>
  <c r="C22239" i="3"/>
  <c r="C22240" i="3"/>
  <c r="C22241" i="3"/>
  <c r="C22242" i="3"/>
  <c r="C22243" i="3"/>
  <c r="C22244" i="3"/>
  <c r="C22245" i="3"/>
  <c r="C22246" i="3"/>
  <c r="C22247" i="3"/>
  <c r="C22248" i="3"/>
  <c r="C22249" i="3"/>
  <c r="C22250" i="3"/>
  <c r="C22251" i="3"/>
  <c r="C22252" i="3"/>
  <c r="C22253" i="3"/>
  <c r="C22254" i="3"/>
  <c r="C22255" i="3"/>
  <c r="C22256" i="3"/>
  <c r="C22257" i="3"/>
  <c r="C22258" i="3"/>
  <c r="C22259" i="3"/>
  <c r="C22260" i="3"/>
  <c r="C22261" i="3"/>
  <c r="C22262" i="3"/>
  <c r="C22263" i="3"/>
  <c r="C22264" i="3"/>
  <c r="C22265" i="3"/>
  <c r="C22266" i="3"/>
  <c r="C22267" i="3"/>
  <c r="C22268" i="3"/>
  <c r="C22269" i="3"/>
  <c r="C22270" i="3"/>
  <c r="C22271" i="3"/>
  <c r="C22272" i="3"/>
  <c r="C22273" i="3"/>
  <c r="C22274" i="3"/>
  <c r="C22275" i="3"/>
  <c r="C22276" i="3"/>
  <c r="C22277" i="3"/>
  <c r="C22278" i="3"/>
  <c r="C22279" i="3"/>
  <c r="C22280" i="3"/>
  <c r="C22281" i="3"/>
  <c r="C22282" i="3"/>
  <c r="C22283" i="3"/>
  <c r="C22284" i="3"/>
  <c r="C22285" i="3"/>
  <c r="C22286" i="3"/>
  <c r="C22287" i="3"/>
  <c r="C22288" i="3"/>
  <c r="C22289" i="3"/>
  <c r="C22290" i="3"/>
  <c r="C22291" i="3"/>
  <c r="C22292" i="3"/>
  <c r="C22293" i="3"/>
  <c r="C22294" i="3"/>
  <c r="C22295" i="3"/>
  <c r="C22296" i="3"/>
  <c r="C22297" i="3"/>
  <c r="C22298" i="3"/>
  <c r="C22299" i="3"/>
  <c r="C22300" i="3"/>
  <c r="C22301" i="3"/>
  <c r="C22302" i="3"/>
  <c r="C22303" i="3"/>
  <c r="C22304" i="3"/>
  <c r="C22305" i="3"/>
  <c r="C22306" i="3"/>
  <c r="C22307" i="3"/>
  <c r="C22308" i="3"/>
  <c r="C22309" i="3"/>
  <c r="C22310" i="3"/>
  <c r="C22311" i="3"/>
  <c r="C22312" i="3"/>
  <c r="C22313" i="3"/>
  <c r="C22314" i="3"/>
  <c r="C22315" i="3"/>
  <c r="C22316" i="3"/>
  <c r="C22317" i="3"/>
  <c r="C22318" i="3"/>
  <c r="C22319" i="3"/>
  <c r="C22320" i="3"/>
  <c r="C22321" i="3"/>
  <c r="C22322" i="3"/>
  <c r="C22323" i="3"/>
  <c r="C22324" i="3"/>
  <c r="C22325" i="3"/>
  <c r="C22326" i="3"/>
  <c r="C22327" i="3"/>
  <c r="C22328" i="3"/>
  <c r="C22329" i="3"/>
  <c r="C22330" i="3"/>
  <c r="C22331" i="3"/>
  <c r="C22332" i="3"/>
  <c r="C22333" i="3"/>
  <c r="C22334" i="3"/>
  <c r="C22335" i="3"/>
  <c r="C22336" i="3"/>
  <c r="C22337" i="3"/>
  <c r="C22338" i="3"/>
  <c r="C22339" i="3"/>
  <c r="C22340" i="3"/>
  <c r="C22341" i="3"/>
  <c r="C22342" i="3"/>
  <c r="C22343" i="3"/>
  <c r="C22344" i="3"/>
  <c r="C22345" i="3"/>
  <c r="C22346" i="3"/>
  <c r="C22347" i="3"/>
  <c r="C22348" i="3"/>
  <c r="C22349" i="3"/>
  <c r="C22350" i="3"/>
  <c r="C22351" i="3"/>
  <c r="C22352" i="3"/>
  <c r="C22353" i="3"/>
  <c r="C22354" i="3"/>
  <c r="C22355" i="3"/>
  <c r="C22356" i="3"/>
  <c r="C22357" i="3"/>
  <c r="C22358" i="3"/>
  <c r="C22359" i="3"/>
  <c r="C22360" i="3"/>
  <c r="C22361" i="3"/>
  <c r="C22362" i="3"/>
  <c r="C22363" i="3"/>
  <c r="C22364" i="3"/>
  <c r="C22365" i="3"/>
  <c r="C22366" i="3"/>
  <c r="C22367" i="3"/>
  <c r="C22368" i="3"/>
  <c r="C22369" i="3"/>
  <c r="C22370" i="3"/>
  <c r="C22371" i="3"/>
  <c r="C22372" i="3"/>
  <c r="C22373" i="3"/>
  <c r="C22374" i="3"/>
  <c r="C22375" i="3"/>
  <c r="C22376" i="3"/>
  <c r="C22377" i="3"/>
  <c r="C22378" i="3"/>
  <c r="C22379" i="3"/>
  <c r="C22380" i="3"/>
  <c r="C22381" i="3"/>
  <c r="C22382" i="3"/>
  <c r="C22383" i="3"/>
  <c r="C22384" i="3"/>
  <c r="C22385" i="3"/>
  <c r="C22386" i="3"/>
  <c r="C22387" i="3"/>
  <c r="C22388" i="3"/>
  <c r="C22389" i="3"/>
  <c r="C22390" i="3"/>
  <c r="C22391" i="3"/>
  <c r="C22392" i="3"/>
  <c r="C22393" i="3"/>
  <c r="C22394" i="3"/>
  <c r="C22395" i="3"/>
  <c r="C22396" i="3"/>
  <c r="C22397" i="3"/>
  <c r="C22398" i="3"/>
  <c r="C22399" i="3"/>
  <c r="C22400" i="3"/>
  <c r="C22401" i="3"/>
  <c r="C22402" i="3"/>
  <c r="C22403" i="3"/>
  <c r="C22404" i="3"/>
  <c r="C22405" i="3"/>
  <c r="C22406" i="3"/>
  <c r="C22407" i="3"/>
  <c r="C22408" i="3"/>
  <c r="C22409" i="3"/>
  <c r="C22410" i="3"/>
  <c r="C22411" i="3"/>
  <c r="C22412" i="3"/>
  <c r="C22413" i="3"/>
  <c r="C22414" i="3"/>
  <c r="C22415" i="3"/>
  <c r="C22416" i="3"/>
  <c r="C22417" i="3"/>
  <c r="C22418" i="3"/>
  <c r="C22419" i="3"/>
  <c r="C22420" i="3"/>
  <c r="C22421" i="3"/>
  <c r="C22422" i="3"/>
  <c r="C22423" i="3"/>
  <c r="C22424" i="3"/>
  <c r="C22425" i="3"/>
  <c r="C22426" i="3"/>
  <c r="C22427" i="3"/>
  <c r="C22428" i="3"/>
  <c r="C22429" i="3"/>
  <c r="C22430" i="3"/>
  <c r="C22431" i="3"/>
  <c r="C22432" i="3"/>
  <c r="C22433" i="3"/>
  <c r="C22434" i="3"/>
  <c r="C22435" i="3"/>
  <c r="C22436" i="3"/>
  <c r="C22437" i="3"/>
  <c r="C22438" i="3"/>
  <c r="C22439" i="3"/>
  <c r="C22440" i="3"/>
  <c r="C22441" i="3"/>
  <c r="C22442" i="3"/>
  <c r="C22443" i="3"/>
  <c r="C22444" i="3"/>
  <c r="C22445" i="3"/>
  <c r="C22446" i="3"/>
  <c r="C22447" i="3"/>
  <c r="C22448" i="3"/>
  <c r="C22449" i="3"/>
  <c r="C22450" i="3"/>
  <c r="C22451" i="3"/>
  <c r="C22452" i="3"/>
  <c r="C22453" i="3"/>
  <c r="C22454" i="3"/>
  <c r="C22455" i="3"/>
  <c r="C22456" i="3"/>
  <c r="C22457" i="3"/>
  <c r="C22458" i="3"/>
  <c r="C22459" i="3"/>
  <c r="C22460" i="3"/>
  <c r="C22461" i="3"/>
  <c r="C22462" i="3"/>
  <c r="C22463" i="3"/>
  <c r="C22464" i="3"/>
  <c r="C22465" i="3"/>
  <c r="C22466" i="3"/>
  <c r="C22467" i="3"/>
  <c r="C22468" i="3"/>
  <c r="C22469" i="3"/>
  <c r="C22470" i="3"/>
  <c r="C22471" i="3"/>
  <c r="C22472" i="3"/>
  <c r="C22473" i="3"/>
  <c r="C22474" i="3"/>
  <c r="C22475" i="3"/>
  <c r="C22476" i="3"/>
  <c r="C22477" i="3"/>
  <c r="C22478" i="3"/>
  <c r="C22479" i="3"/>
  <c r="C22480" i="3"/>
  <c r="C22481" i="3"/>
  <c r="C22482" i="3"/>
  <c r="C22483" i="3"/>
  <c r="C22484" i="3"/>
  <c r="C22485" i="3"/>
  <c r="C22486" i="3"/>
  <c r="C22487" i="3"/>
  <c r="C22488" i="3"/>
  <c r="C22489" i="3"/>
  <c r="C22490" i="3"/>
  <c r="C22491" i="3"/>
  <c r="C22492" i="3"/>
  <c r="C22493" i="3"/>
  <c r="C22494" i="3"/>
  <c r="C22495" i="3"/>
  <c r="C22496" i="3"/>
  <c r="C22497" i="3"/>
  <c r="C22498" i="3"/>
  <c r="C22499" i="3"/>
  <c r="C22500" i="3"/>
  <c r="C22501" i="3"/>
  <c r="C22502" i="3"/>
  <c r="C22503" i="3"/>
  <c r="C22504" i="3"/>
  <c r="C22505" i="3"/>
  <c r="C22506" i="3"/>
  <c r="C22507" i="3"/>
  <c r="C22508" i="3"/>
  <c r="C22509" i="3"/>
  <c r="C22510" i="3"/>
  <c r="C22511" i="3"/>
  <c r="C22512" i="3"/>
  <c r="C22513" i="3"/>
  <c r="C22514" i="3"/>
  <c r="C22515" i="3"/>
  <c r="C22516" i="3"/>
  <c r="C22517" i="3"/>
  <c r="C22518" i="3"/>
  <c r="C22519" i="3"/>
  <c r="C22520" i="3"/>
  <c r="C22521" i="3"/>
  <c r="C22522" i="3"/>
  <c r="C22523" i="3"/>
  <c r="C22524" i="3"/>
  <c r="C22525" i="3"/>
  <c r="C22526" i="3"/>
  <c r="C22527" i="3"/>
  <c r="C22528" i="3"/>
  <c r="C22529" i="3"/>
  <c r="C22530" i="3"/>
  <c r="C22531" i="3"/>
  <c r="C22532" i="3"/>
  <c r="C22533" i="3"/>
  <c r="C22534" i="3"/>
  <c r="C22535" i="3"/>
  <c r="C22536" i="3"/>
  <c r="C22537" i="3"/>
  <c r="C22538" i="3"/>
  <c r="C22539" i="3"/>
  <c r="C22540" i="3"/>
  <c r="C22541" i="3"/>
  <c r="C22542" i="3"/>
  <c r="C22543" i="3"/>
  <c r="C22544" i="3"/>
  <c r="C22545" i="3"/>
  <c r="C22546" i="3"/>
  <c r="C22547" i="3"/>
  <c r="C22548" i="3"/>
  <c r="C22549" i="3"/>
  <c r="C22550" i="3"/>
  <c r="C22551" i="3"/>
  <c r="C22552" i="3"/>
  <c r="C22553" i="3"/>
  <c r="C22554" i="3"/>
  <c r="C22555" i="3"/>
  <c r="C22556" i="3"/>
  <c r="C22557" i="3"/>
  <c r="C22558" i="3"/>
  <c r="C22559" i="3"/>
  <c r="C22560" i="3"/>
  <c r="C22561" i="3"/>
  <c r="C22562" i="3"/>
  <c r="C22563" i="3"/>
  <c r="C22564" i="3"/>
  <c r="C22565" i="3"/>
  <c r="C22566" i="3"/>
  <c r="C22567" i="3"/>
  <c r="C22568" i="3"/>
  <c r="C22569" i="3"/>
  <c r="C22570" i="3"/>
  <c r="C22571" i="3"/>
  <c r="C22572" i="3"/>
  <c r="C22573" i="3"/>
  <c r="C22574" i="3"/>
  <c r="C22575" i="3"/>
  <c r="C22576" i="3"/>
  <c r="C22577" i="3"/>
  <c r="C22578" i="3"/>
  <c r="C22579" i="3"/>
  <c r="C22580" i="3"/>
  <c r="C22581" i="3"/>
  <c r="C22582" i="3"/>
  <c r="C22583" i="3"/>
  <c r="C22584" i="3"/>
  <c r="C22585" i="3"/>
  <c r="C22586" i="3"/>
  <c r="C22587" i="3"/>
  <c r="C22588" i="3"/>
  <c r="C22589" i="3"/>
  <c r="C22590" i="3"/>
  <c r="C22591" i="3"/>
  <c r="C22592" i="3"/>
  <c r="C22593" i="3"/>
  <c r="C22594" i="3"/>
  <c r="C22595" i="3"/>
  <c r="C22596" i="3"/>
  <c r="C22597" i="3"/>
  <c r="C22598" i="3"/>
  <c r="C22599" i="3"/>
  <c r="C22600" i="3"/>
  <c r="C22601" i="3"/>
  <c r="C22602" i="3"/>
  <c r="C22603" i="3"/>
  <c r="C22604" i="3"/>
  <c r="C22605" i="3"/>
  <c r="C22606" i="3"/>
  <c r="C22607" i="3"/>
  <c r="C22608" i="3"/>
  <c r="C22609" i="3"/>
  <c r="C22610" i="3"/>
  <c r="C22611" i="3"/>
  <c r="C22612" i="3"/>
  <c r="C22613" i="3"/>
  <c r="C22614" i="3"/>
  <c r="C22615" i="3"/>
  <c r="C22616" i="3"/>
  <c r="C22617" i="3"/>
  <c r="C22618" i="3"/>
  <c r="C22619" i="3"/>
  <c r="C22620" i="3"/>
  <c r="C22621" i="3"/>
  <c r="C22622" i="3"/>
  <c r="C22623" i="3"/>
  <c r="C22624" i="3"/>
  <c r="C22625" i="3"/>
  <c r="C22626" i="3"/>
  <c r="C22627" i="3"/>
  <c r="C22628" i="3"/>
  <c r="C22629" i="3"/>
  <c r="C22630" i="3"/>
  <c r="C22631" i="3"/>
  <c r="C22632" i="3"/>
  <c r="C22633" i="3"/>
  <c r="C22634" i="3"/>
  <c r="C22635" i="3"/>
  <c r="C22636" i="3"/>
  <c r="C22637" i="3"/>
  <c r="C22638" i="3"/>
  <c r="C22639" i="3"/>
  <c r="C22640" i="3"/>
  <c r="C22641" i="3"/>
  <c r="C22642" i="3"/>
  <c r="C22643" i="3"/>
  <c r="C22644" i="3"/>
  <c r="C22645" i="3"/>
  <c r="C22646" i="3"/>
  <c r="C22647" i="3"/>
  <c r="C22648" i="3"/>
  <c r="C22649" i="3"/>
  <c r="C22650" i="3"/>
  <c r="C22651" i="3"/>
  <c r="C22652" i="3"/>
  <c r="C22653" i="3"/>
  <c r="C22654" i="3"/>
  <c r="C22655" i="3"/>
  <c r="C22656" i="3"/>
  <c r="C22657" i="3"/>
  <c r="C22658" i="3"/>
  <c r="C22659" i="3"/>
  <c r="C22660" i="3"/>
  <c r="C22661" i="3"/>
  <c r="C22662" i="3"/>
  <c r="C22663" i="3"/>
  <c r="C22664" i="3"/>
  <c r="C22665" i="3"/>
  <c r="C22666" i="3"/>
  <c r="C22667" i="3"/>
  <c r="C22668" i="3"/>
  <c r="C22669" i="3"/>
  <c r="C22670" i="3"/>
  <c r="C22671" i="3"/>
  <c r="C22672" i="3"/>
  <c r="C22673" i="3"/>
  <c r="C22674" i="3"/>
  <c r="C22675" i="3"/>
  <c r="C22676" i="3"/>
  <c r="C22677" i="3"/>
  <c r="C22678" i="3"/>
  <c r="C22679" i="3"/>
  <c r="C22680" i="3"/>
  <c r="C22681" i="3"/>
  <c r="C22682" i="3"/>
  <c r="C22683" i="3"/>
  <c r="C22684" i="3"/>
  <c r="C22685" i="3"/>
  <c r="C22686" i="3"/>
  <c r="C22687" i="3"/>
  <c r="C22688" i="3"/>
  <c r="C22689" i="3"/>
  <c r="C22690" i="3"/>
  <c r="C22691" i="3"/>
  <c r="C22692" i="3"/>
  <c r="C22693" i="3"/>
  <c r="C22694" i="3"/>
  <c r="C22695" i="3"/>
  <c r="C22696" i="3"/>
  <c r="C22697" i="3"/>
  <c r="C22698" i="3"/>
  <c r="C22699" i="3"/>
  <c r="C22700" i="3"/>
  <c r="C22701" i="3"/>
  <c r="C22702" i="3"/>
  <c r="C22703" i="3"/>
  <c r="C22704" i="3"/>
  <c r="C22705" i="3"/>
  <c r="C22706" i="3"/>
  <c r="C22707" i="3"/>
  <c r="C22708" i="3"/>
  <c r="C22709" i="3"/>
  <c r="C22710" i="3"/>
  <c r="C22711" i="3"/>
  <c r="C22712" i="3"/>
  <c r="C22713" i="3"/>
  <c r="C22714" i="3"/>
  <c r="C22715" i="3"/>
  <c r="C22716" i="3"/>
  <c r="C22717" i="3"/>
  <c r="C22718" i="3"/>
  <c r="C22719" i="3"/>
  <c r="C22720" i="3"/>
  <c r="C22721" i="3"/>
  <c r="C22722" i="3"/>
  <c r="C22723" i="3"/>
  <c r="C22724" i="3"/>
  <c r="C22725" i="3"/>
  <c r="C22726" i="3"/>
  <c r="C22727" i="3"/>
  <c r="C22728" i="3"/>
  <c r="C22729" i="3"/>
  <c r="C22730" i="3"/>
  <c r="C22731" i="3"/>
  <c r="C22732" i="3"/>
  <c r="C22733" i="3"/>
  <c r="C22734" i="3"/>
  <c r="C22735" i="3"/>
  <c r="C22736" i="3"/>
  <c r="C22737" i="3"/>
  <c r="C22738" i="3"/>
  <c r="C22739" i="3"/>
  <c r="C22740" i="3"/>
  <c r="C22741" i="3"/>
  <c r="C22742" i="3"/>
  <c r="C22743" i="3"/>
  <c r="C22744" i="3"/>
  <c r="C22745" i="3"/>
  <c r="C22746" i="3"/>
  <c r="C22747" i="3"/>
  <c r="C22748" i="3"/>
  <c r="C22749" i="3"/>
  <c r="C22750" i="3"/>
  <c r="C22751" i="3"/>
  <c r="C22752" i="3"/>
  <c r="C22753" i="3"/>
  <c r="C22754" i="3"/>
  <c r="C22755" i="3"/>
  <c r="C22756" i="3"/>
  <c r="C22757" i="3"/>
  <c r="C22758" i="3"/>
  <c r="C22759" i="3"/>
  <c r="C22760" i="3"/>
  <c r="C22761" i="3"/>
  <c r="C22762" i="3"/>
  <c r="C22763" i="3"/>
  <c r="C22764" i="3"/>
  <c r="C22765" i="3"/>
  <c r="C22766" i="3"/>
  <c r="C22767" i="3"/>
  <c r="C22768" i="3"/>
  <c r="C22769" i="3"/>
  <c r="C22770" i="3"/>
  <c r="C22771" i="3"/>
  <c r="C22772" i="3"/>
  <c r="C22773" i="3"/>
  <c r="C22774" i="3"/>
  <c r="C22775" i="3"/>
  <c r="C22776" i="3"/>
  <c r="C22777" i="3"/>
  <c r="C22778" i="3"/>
  <c r="C22779" i="3"/>
  <c r="C22780" i="3"/>
  <c r="C22781" i="3"/>
  <c r="C22782" i="3"/>
  <c r="C22783" i="3"/>
  <c r="C22784" i="3"/>
  <c r="C22785" i="3"/>
  <c r="C22786" i="3"/>
  <c r="C22787" i="3"/>
  <c r="C22788" i="3"/>
  <c r="C22789" i="3"/>
  <c r="C22790" i="3"/>
  <c r="C22791" i="3"/>
  <c r="C22792" i="3"/>
  <c r="C22793" i="3"/>
  <c r="C22794" i="3"/>
  <c r="C22795" i="3"/>
  <c r="C22796" i="3"/>
  <c r="C22797" i="3"/>
  <c r="C22798" i="3"/>
  <c r="C22799" i="3"/>
  <c r="C22800" i="3"/>
  <c r="C22801" i="3"/>
  <c r="C22802" i="3"/>
  <c r="C22803" i="3"/>
  <c r="C22804" i="3"/>
  <c r="C22805" i="3"/>
  <c r="C22806" i="3"/>
  <c r="C22807" i="3"/>
  <c r="C22808" i="3"/>
  <c r="C22809" i="3"/>
  <c r="C22810" i="3"/>
  <c r="C22811" i="3"/>
  <c r="C22812" i="3"/>
  <c r="C22813" i="3"/>
  <c r="C22814" i="3"/>
  <c r="C22815" i="3"/>
  <c r="C22816" i="3"/>
  <c r="C22817" i="3"/>
  <c r="C22818" i="3"/>
  <c r="C22819" i="3"/>
  <c r="C22820" i="3"/>
  <c r="C22821" i="3"/>
  <c r="C22822" i="3"/>
  <c r="C22823" i="3"/>
  <c r="C22824" i="3"/>
  <c r="C22825" i="3"/>
  <c r="C22826" i="3"/>
  <c r="C22827" i="3"/>
  <c r="C22828" i="3"/>
  <c r="C22829" i="3"/>
  <c r="C22830" i="3"/>
  <c r="C22831" i="3"/>
  <c r="C22832" i="3"/>
  <c r="C22833" i="3"/>
  <c r="C22834" i="3"/>
  <c r="C22835" i="3"/>
  <c r="C22836" i="3"/>
  <c r="C22837" i="3"/>
  <c r="C22838" i="3"/>
  <c r="C22839" i="3"/>
  <c r="C22840" i="3"/>
  <c r="C22841" i="3"/>
  <c r="C22842" i="3"/>
  <c r="C22843" i="3"/>
  <c r="C22844" i="3"/>
  <c r="C22845" i="3"/>
  <c r="C22846" i="3"/>
  <c r="C22847" i="3"/>
  <c r="C22848" i="3"/>
  <c r="C22849" i="3"/>
  <c r="C22850" i="3"/>
  <c r="C22851" i="3"/>
  <c r="C22852" i="3"/>
  <c r="C22853" i="3"/>
  <c r="C22854" i="3"/>
  <c r="C22855" i="3"/>
  <c r="C22856" i="3"/>
  <c r="C22857" i="3"/>
  <c r="C22858" i="3"/>
  <c r="C22859" i="3"/>
  <c r="C22860" i="3"/>
  <c r="C22861" i="3"/>
  <c r="C22862" i="3"/>
  <c r="C22863" i="3"/>
  <c r="C22864" i="3"/>
  <c r="C22865" i="3"/>
  <c r="C22866" i="3"/>
  <c r="C22867" i="3"/>
  <c r="C22868" i="3"/>
  <c r="C22869" i="3"/>
  <c r="C22870" i="3"/>
  <c r="C22871" i="3"/>
  <c r="C22872" i="3"/>
  <c r="C22873" i="3"/>
  <c r="C22874" i="3"/>
  <c r="C22875" i="3"/>
  <c r="C22876" i="3"/>
  <c r="C22877" i="3"/>
  <c r="C22878" i="3"/>
  <c r="C22879" i="3"/>
  <c r="C22880" i="3"/>
  <c r="C22881" i="3"/>
  <c r="C22882" i="3"/>
  <c r="C22883" i="3"/>
  <c r="C22884" i="3"/>
  <c r="C22885" i="3"/>
  <c r="C22886" i="3"/>
  <c r="C22887" i="3"/>
  <c r="C22888" i="3"/>
  <c r="C22889" i="3"/>
  <c r="C22890" i="3"/>
  <c r="C22891" i="3"/>
  <c r="C22892" i="3"/>
  <c r="C22893" i="3"/>
  <c r="C22894" i="3"/>
  <c r="C22895" i="3"/>
  <c r="C22896" i="3"/>
  <c r="C22897" i="3"/>
  <c r="C22898" i="3"/>
  <c r="C22899" i="3"/>
  <c r="C22900" i="3"/>
  <c r="C22901" i="3"/>
  <c r="C22902" i="3"/>
  <c r="C22903" i="3"/>
  <c r="C22904" i="3"/>
  <c r="C22905" i="3"/>
  <c r="C22906" i="3"/>
  <c r="C22907" i="3"/>
  <c r="C22908" i="3"/>
  <c r="C22909" i="3"/>
  <c r="C22910" i="3"/>
  <c r="C22911" i="3"/>
  <c r="C22912" i="3"/>
  <c r="C22913" i="3"/>
  <c r="C22914" i="3"/>
  <c r="C22915" i="3"/>
  <c r="C22916" i="3"/>
  <c r="C22917" i="3"/>
  <c r="C22918" i="3"/>
  <c r="C22919" i="3"/>
  <c r="C22920" i="3"/>
  <c r="C22921" i="3"/>
  <c r="C22922" i="3"/>
  <c r="C22923" i="3"/>
  <c r="C22924" i="3"/>
  <c r="C22925" i="3"/>
  <c r="C22926" i="3"/>
  <c r="C22927" i="3"/>
  <c r="C22928" i="3"/>
  <c r="C22929" i="3"/>
  <c r="C22930" i="3"/>
  <c r="C22931" i="3"/>
  <c r="C22932" i="3"/>
  <c r="C22933" i="3"/>
  <c r="C22934" i="3"/>
  <c r="C22935" i="3"/>
  <c r="C22936" i="3"/>
  <c r="C22937" i="3"/>
  <c r="C22938" i="3"/>
  <c r="C22939" i="3"/>
  <c r="C22940" i="3"/>
  <c r="C22941" i="3"/>
  <c r="C22942" i="3"/>
  <c r="C22943" i="3"/>
  <c r="C22944" i="3"/>
  <c r="C22945" i="3"/>
  <c r="C22946" i="3"/>
  <c r="C22947" i="3"/>
  <c r="C22948" i="3"/>
  <c r="C22949" i="3"/>
  <c r="C22950" i="3"/>
  <c r="C22951" i="3"/>
  <c r="C22952" i="3"/>
  <c r="C22953" i="3"/>
  <c r="C22954" i="3"/>
  <c r="C22955" i="3"/>
  <c r="C22956" i="3"/>
  <c r="C22957" i="3"/>
  <c r="C22958" i="3"/>
  <c r="C22959" i="3"/>
  <c r="C22960" i="3"/>
  <c r="C22961" i="3"/>
  <c r="C22962" i="3"/>
  <c r="C22963" i="3"/>
  <c r="C22964" i="3"/>
  <c r="C22965" i="3"/>
  <c r="C22966" i="3"/>
  <c r="C22967" i="3"/>
  <c r="C22968" i="3"/>
  <c r="C22969" i="3"/>
  <c r="C22970" i="3"/>
  <c r="C22971" i="3"/>
  <c r="C22972" i="3"/>
  <c r="C22973" i="3"/>
  <c r="C22974" i="3"/>
  <c r="C22975" i="3"/>
  <c r="C22976" i="3"/>
  <c r="C22977" i="3"/>
  <c r="C22978" i="3"/>
  <c r="C22979" i="3"/>
  <c r="C22980" i="3"/>
  <c r="C22981" i="3"/>
  <c r="C22982" i="3"/>
  <c r="C22983" i="3"/>
  <c r="C22984" i="3"/>
  <c r="C22985" i="3"/>
  <c r="C22986" i="3"/>
  <c r="C22987" i="3"/>
  <c r="C22988" i="3"/>
  <c r="C22989" i="3"/>
  <c r="C22990" i="3"/>
  <c r="C22991" i="3"/>
  <c r="C22992" i="3"/>
  <c r="C22993" i="3"/>
  <c r="C22994" i="3"/>
  <c r="C22995" i="3"/>
  <c r="C22996" i="3"/>
  <c r="C22997" i="3"/>
  <c r="C22998" i="3"/>
  <c r="C22999" i="3"/>
  <c r="C23000" i="3"/>
  <c r="C23001" i="3"/>
  <c r="C23002" i="3"/>
  <c r="C23003" i="3"/>
  <c r="C23004" i="3"/>
  <c r="C23005" i="3"/>
  <c r="C23006" i="3"/>
  <c r="C23007" i="3"/>
  <c r="C23008" i="3"/>
  <c r="C23009" i="3"/>
  <c r="C23010" i="3"/>
  <c r="C23011" i="3"/>
  <c r="C23012" i="3"/>
  <c r="C23013" i="3"/>
  <c r="C23014" i="3"/>
  <c r="C23015" i="3"/>
  <c r="C23016" i="3"/>
  <c r="C23017" i="3"/>
  <c r="C23018" i="3"/>
  <c r="C23019" i="3"/>
  <c r="C23020" i="3"/>
  <c r="C23021" i="3"/>
  <c r="C23022" i="3"/>
  <c r="C23023" i="3"/>
  <c r="C23024" i="3"/>
  <c r="C23025" i="3"/>
  <c r="C23026" i="3"/>
  <c r="C23027" i="3"/>
  <c r="C23028" i="3"/>
  <c r="C23029" i="3"/>
  <c r="C23030" i="3"/>
  <c r="C23031" i="3"/>
  <c r="C23032" i="3"/>
  <c r="C23033" i="3"/>
  <c r="C23034" i="3"/>
  <c r="C23035" i="3"/>
  <c r="C23036" i="3"/>
  <c r="C23037" i="3"/>
  <c r="C23038" i="3"/>
  <c r="C23039" i="3"/>
  <c r="C23040" i="3"/>
  <c r="C23041" i="3"/>
  <c r="C23042" i="3"/>
  <c r="C23043" i="3"/>
  <c r="C23044" i="3"/>
  <c r="C23045" i="3"/>
  <c r="C23046" i="3"/>
  <c r="C23047" i="3"/>
  <c r="C23048" i="3"/>
  <c r="C23049" i="3"/>
  <c r="C23050" i="3"/>
  <c r="C23051" i="3"/>
  <c r="C23052" i="3"/>
  <c r="C23053" i="3"/>
  <c r="C23054" i="3"/>
  <c r="C23055" i="3"/>
  <c r="C23056" i="3"/>
  <c r="C23057" i="3"/>
  <c r="C23058" i="3"/>
  <c r="C23059" i="3"/>
  <c r="C23060" i="3"/>
  <c r="C23061" i="3"/>
  <c r="C23062" i="3"/>
  <c r="C23063" i="3"/>
  <c r="C23064" i="3"/>
  <c r="C23065" i="3"/>
  <c r="C23066" i="3"/>
  <c r="C23067" i="3"/>
  <c r="C23068" i="3"/>
  <c r="C23069" i="3"/>
  <c r="C23070" i="3"/>
  <c r="C23071" i="3"/>
  <c r="C23072" i="3"/>
  <c r="C23073" i="3"/>
  <c r="C23074" i="3"/>
  <c r="C23075" i="3"/>
  <c r="C23076" i="3"/>
  <c r="C23077" i="3"/>
  <c r="C23078" i="3"/>
  <c r="C23079" i="3"/>
  <c r="C23080" i="3"/>
  <c r="C23081" i="3"/>
  <c r="C23082" i="3"/>
  <c r="C23083" i="3"/>
  <c r="C23084" i="3"/>
  <c r="C23085" i="3"/>
  <c r="C23086" i="3"/>
  <c r="C23087" i="3"/>
  <c r="C23088" i="3"/>
  <c r="C23089" i="3"/>
  <c r="C23090" i="3"/>
  <c r="C23091" i="3"/>
  <c r="C23092" i="3"/>
  <c r="C23093" i="3"/>
  <c r="C23094" i="3"/>
  <c r="C23095" i="3"/>
  <c r="C23096" i="3"/>
  <c r="C23097" i="3"/>
  <c r="C23098" i="3"/>
  <c r="C23099" i="3"/>
  <c r="C23100" i="3"/>
  <c r="C23101" i="3"/>
  <c r="C23102" i="3"/>
  <c r="C23103" i="3"/>
  <c r="C23104" i="3"/>
  <c r="C23105" i="3"/>
  <c r="C23106" i="3"/>
  <c r="C23107" i="3"/>
  <c r="C23108" i="3"/>
  <c r="C23109" i="3"/>
  <c r="C23110" i="3"/>
  <c r="C23111" i="3"/>
  <c r="C23112" i="3"/>
  <c r="C23113" i="3"/>
  <c r="C23114" i="3"/>
  <c r="C23115" i="3"/>
  <c r="C23116" i="3"/>
  <c r="C23117" i="3"/>
  <c r="C23118" i="3"/>
  <c r="C23119" i="3"/>
  <c r="C23120" i="3"/>
  <c r="C23121" i="3"/>
  <c r="C23122" i="3"/>
  <c r="C23123" i="3"/>
  <c r="C23124" i="3"/>
  <c r="C23125" i="3"/>
  <c r="C23126" i="3"/>
  <c r="C23127" i="3"/>
  <c r="C23128" i="3"/>
  <c r="C23129" i="3"/>
  <c r="C23130" i="3"/>
  <c r="C23131" i="3"/>
  <c r="C23132" i="3"/>
  <c r="C23133" i="3"/>
  <c r="C23134" i="3"/>
  <c r="C23135" i="3"/>
  <c r="C23136" i="3"/>
  <c r="C23137" i="3"/>
  <c r="C23138" i="3"/>
  <c r="C23139" i="3"/>
  <c r="C23140" i="3"/>
  <c r="C23141" i="3"/>
  <c r="C23142" i="3"/>
  <c r="C23143" i="3"/>
  <c r="C23144" i="3"/>
  <c r="C23145" i="3"/>
  <c r="C23146" i="3"/>
  <c r="C23147" i="3"/>
  <c r="C23148" i="3"/>
  <c r="C23149" i="3"/>
  <c r="C23150" i="3"/>
  <c r="C23151" i="3"/>
  <c r="C23152" i="3"/>
  <c r="C23153" i="3"/>
  <c r="C23154" i="3"/>
  <c r="C23155" i="3"/>
  <c r="C23156" i="3"/>
  <c r="C23157" i="3"/>
  <c r="C23158" i="3"/>
  <c r="C23159" i="3"/>
  <c r="C23160" i="3"/>
  <c r="C23161" i="3"/>
  <c r="C23162" i="3"/>
  <c r="C23163" i="3"/>
  <c r="C23164" i="3"/>
  <c r="C23165" i="3"/>
  <c r="C23166" i="3"/>
  <c r="C23167" i="3"/>
  <c r="C23168" i="3"/>
  <c r="C23169" i="3"/>
  <c r="C23170" i="3"/>
  <c r="C23171" i="3"/>
  <c r="C23172" i="3"/>
  <c r="C23173" i="3"/>
  <c r="C23174" i="3"/>
  <c r="C23175" i="3"/>
  <c r="C23176" i="3"/>
  <c r="C23177" i="3"/>
  <c r="C23178" i="3"/>
  <c r="C23179" i="3"/>
  <c r="C23180" i="3"/>
  <c r="C23181" i="3"/>
  <c r="C23182" i="3"/>
  <c r="C23183" i="3"/>
  <c r="C23184" i="3"/>
  <c r="C23185" i="3"/>
  <c r="C23186" i="3"/>
  <c r="C23187" i="3"/>
  <c r="C23188" i="3"/>
  <c r="C23189" i="3"/>
  <c r="C23190" i="3"/>
  <c r="C23191" i="3"/>
  <c r="C23192" i="3"/>
  <c r="C23193" i="3"/>
  <c r="C23194" i="3"/>
  <c r="C23195" i="3"/>
  <c r="C23196" i="3"/>
  <c r="C23197" i="3"/>
  <c r="C23198" i="3"/>
  <c r="C23199" i="3"/>
  <c r="C23200" i="3"/>
  <c r="C23201" i="3"/>
  <c r="C23202" i="3"/>
  <c r="C23203" i="3"/>
  <c r="C23204" i="3"/>
  <c r="C23205" i="3"/>
  <c r="C23206" i="3"/>
  <c r="C23207" i="3"/>
  <c r="C23208" i="3"/>
  <c r="C23209" i="3"/>
  <c r="C23210" i="3"/>
  <c r="C23211" i="3"/>
  <c r="C23212" i="3"/>
  <c r="C23213" i="3"/>
  <c r="C23214" i="3"/>
  <c r="C23215" i="3"/>
  <c r="C23216" i="3"/>
  <c r="C23217" i="3"/>
  <c r="C23218" i="3"/>
  <c r="C23219" i="3"/>
  <c r="C23220" i="3"/>
  <c r="C23221" i="3"/>
  <c r="C23222" i="3"/>
  <c r="C23223" i="3"/>
  <c r="C23224" i="3"/>
  <c r="C23225" i="3"/>
  <c r="C23226" i="3"/>
  <c r="C23227" i="3"/>
  <c r="C23228" i="3"/>
  <c r="C23229" i="3"/>
  <c r="C23230" i="3"/>
  <c r="C23231" i="3"/>
  <c r="C23232" i="3"/>
  <c r="C23233" i="3"/>
  <c r="C23234" i="3"/>
  <c r="C23235" i="3"/>
  <c r="C23236" i="3"/>
  <c r="C23237" i="3"/>
  <c r="C23238" i="3"/>
  <c r="C23239" i="3"/>
  <c r="C23240" i="3"/>
  <c r="C23241" i="3"/>
  <c r="C23242" i="3"/>
  <c r="C23243" i="3"/>
  <c r="C23244" i="3"/>
  <c r="C23245" i="3"/>
  <c r="C23246" i="3"/>
  <c r="C23247" i="3"/>
  <c r="C23248" i="3"/>
  <c r="C23249" i="3"/>
  <c r="C23250" i="3"/>
  <c r="C23251" i="3"/>
  <c r="C23252" i="3"/>
  <c r="C23253" i="3"/>
  <c r="C23254" i="3"/>
  <c r="C23255" i="3"/>
  <c r="C23256" i="3"/>
  <c r="C23257" i="3"/>
  <c r="C23258" i="3"/>
  <c r="C23259" i="3"/>
  <c r="C23260" i="3"/>
  <c r="C23261" i="3"/>
  <c r="C23262" i="3"/>
  <c r="C23263" i="3"/>
  <c r="C23264" i="3"/>
  <c r="C23265" i="3"/>
  <c r="C23266" i="3"/>
  <c r="C23267" i="3"/>
  <c r="C23268" i="3"/>
  <c r="C23269" i="3"/>
  <c r="C23270" i="3"/>
  <c r="C23271" i="3"/>
  <c r="C23272" i="3"/>
  <c r="C23273" i="3"/>
  <c r="C23274" i="3"/>
  <c r="C23275" i="3"/>
  <c r="C23276" i="3"/>
  <c r="C23277" i="3"/>
  <c r="C23278" i="3"/>
  <c r="C23279" i="3"/>
  <c r="C23280" i="3"/>
  <c r="C23281" i="3"/>
  <c r="C23282" i="3"/>
  <c r="C23283" i="3"/>
  <c r="C23284" i="3"/>
  <c r="C23285" i="3"/>
  <c r="C23286" i="3"/>
  <c r="C23287" i="3"/>
  <c r="C23288" i="3"/>
  <c r="C23289" i="3"/>
  <c r="C23290" i="3"/>
  <c r="C23291" i="3"/>
  <c r="C23292" i="3"/>
  <c r="C23293" i="3"/>
  <c r="C23294" i="3"/>
  <c r="C23295" i="3"/>
  <c r="C23296" i="3"/>
  <c r="C23297" i="3"/>
  <c r="C23298" i="3"/>
  <c r="C23299" i="3"/>
  <c r="C23300" i="3"/>
  <c r="C23301" i="3"/>
  <c r="C23302" i="3"/>
  <c r="C23303" i="3"/>
  <c r="C23304" i="3"/>
  <c r="C23305" i="3"/>
  <c r="C23306" i="3"/>
  <c r="C23307" i="3"/>
  <c r="C23308" i="3"/>
  <c r="C23309" i="3"/>
  <c r="C23310" i="3"/>
  <c r="C23311" i="3"/>
  <c r="C23312" i="3"/>
  <c r="C23313" i="3"/>
  <c r="C23314" i="3"/>
  <c r="C23315" i="3"/>
  <c r="C23316" i="3"/>
  <c r="C23317" i="3"/>
  <c r="C23318" i="3"/>
  <c r="C23319" i="3"/>
  <c r="C23320" i="3"/>
  <c r="C23321" i="3"/>
  <c r="C23322" i="3"/>
  <c r="C23323" i="3"/>
  <c r="C23324" i="3"/>
  <c r="C23325" i="3"/>
  <c r="C23326" i="3"/>
  <c r="C23327" i="3"/>
  <c r="C23328" i="3"/>
  <c r="C23329" i="3"/>
  <c r="C23330" i="3"/>
  <c r="C23331" i="3"/>
  <c r="C23332" i="3"/>
  <c r="C23333" i="3"/>
  <c r="C23334" i="3"/>
  <c r="C23335" i="3"/>
  <c r="C23336" i="3"/>
  <c r="C23337" i="3"/>
  <c r="C23338" i="3"/>
  <c r="C23339" i="3"/>
  <c r="C23340" i="3"/>
  <c r="C23341" i="3"/>
  <c r="C23342" i="3"/>
  <c r="C23343" i="3"/>
  <c r="C23344" i="3"/>
  <c r="C23345" i="3"/>
  <c r="C23346" i="3"/>
  <c r="C23347" i="3"/>
  <c r="C23348" i="3"/>
  <c r="C23349" i="3"/>
  <c r="C23350" i="3"/>
  <c r="C23351" i="3"/>
  <c r="C23352" i="3"/>
  <c r="C23353" i="3"/>
  <c r="C23354" i="3"/>
  <c r="C23355" i="3"/>
  <c r="C23356" i="3"/>
  <c r="C23357" i="3"/>
  <c r="C23358" i="3"/>
  <c r="C23359" i="3"/>
  <c r="C23360" i="3"/>
  <c r="C23361" i="3"/>
  <c r="C23362" i="3"/>
  <c r="C23363" i="3"/>
  <c r="C23364" i="3"/>
  <c r="C23365" i="3"/>
  <c r="C23366" i="3"/>
  <c r="C23367" i="3"/>
  <c r="C23368" i="3"/>
  <c r="C23369" i="3"/>
  <c r="C23370" i="3"/>
  <c r="C23371" i="3"/>
  <c r="C23372" i="3"/>
  <c r="C23373" i="3"/>
  <c r="C23374" i="3"/>
  <c r="C23375" i="3"/>
  <c r="C23376" i="3"/>
  <c r="C23377" i="3"/>
  <c r="C23378" i="3"/>
  <c r="C23379" i="3"/>
  <c r="C23380" i="3"/>
  <c r="C23381" i="3"/>
  <c r="C23382" i="3"/>
  <c r="C23383" i="3"/>
  <c r="C23384" i="3"/>
  <c r="C23385" i="3"/>
  <c r="C23386" i="3"/>
  <c r="C23387" i="3"/>
  <c r="C23388" i="3"/>
  <c r="C23389" i="3"/>
  <c r="C23390" i="3"/>
  <c r="C23391" i="3"/>
  <c r="C23392" i="3"/>
  <c r="C23393" i="3"/>
  <c r="C23394" i="3"/>
  <c r="C23395" i="3"/>
  <c r="C23396" i="3"/>
  <c r="C23397" i="3"/>
  <c r="C23398" i="3"/>
  <c r="C23399" i="3"/>
  <c r="C23400" i="3"/>
  <c r="C23401" i="3"/>
  <c r="C23402" i="3"/>
  <c r="C23403" i="3"/>
  <c r="C23404" i="3"/>
  <c r="C23405" i="3"/>
  <c r="C23406" i="3"/>
  <c r="C23407" i="3"/>
  <c r="C23408" i="3"/>
  <c r="C23409" i="3"/>
  <c r="C23410" i="3"/>
  <c r="C23411" i="3"/>
  <c r="C23412" i="3"/>
  <c r="C23413" i="3"/>
  <c r="C23414" i="3"/>
  <c r="C23415" i="3"/>
  <c r="C23416" i="3"/>
  <c r="C23417" i="3"/>
  <c r="C23418" i="3"/>
  <c r="C23419" i="3"/>
  <c r="C23420" i="3"/>
  <c r="C23421" i="3"/>
  <c r="C23422" i="3"/>
  <c r="C23423" i="3"/>
  <c r="C23424" i="3"/>
  <c r="C23425" i="3"/>
  <c r="C23426" i="3"/>
  <c r="C23427" i="3"/>
  <c r="C23428" i="3"/>
  <c r="C23429" i="3"/>
  <c r="C23430" i="3"/>
  <c r="C23431" i="3"/>
  <c r="C23432" i="3"/>
  <c r="C23433" i="3"/>
  <c r="C23434" i="3"/>
  <c r="C23435" i="3"/>
  <c r="C23436" i="3"/>
  <c r="C23437" i="3"/>
  <c r="C23438" i="3"/>
  <c r="C23439" i="3"/>
  <c r="C23440" i="3"/>
  <c r="C23441" i="3"/>
  <c r="C23442" i="3"/>
  <c r="C23443" i="3"/>
  <c r="C23444" i="3"/>
  <c r="C23445" i="3"/>
  <c r="C23446" i="3"/>
  <c r="C23447" i="3"/>
  <c r="C23448" i="3"/>
  <c r="C23449" i="3"/>
  <c r="C23450" i="3"/>
  <c r="C23451" i="3"/>
  <c r="C23452" i="3"/>
  <c r="C23453" i="3"/>
  <c r="C23454" i="3"/>
  <c r="C23455" i="3"/>
  <c r="C23456" i="3"/>
  <c r="C23457" i="3"/>
  <c r="C23458" i="3"/>
  <c r="C23459" i="3"/>
  <c r="C23460" i="3"/>
  <c r="C23461" i="3"/>
  <c r="C23462" i="3"/>
  <c r="C23463" i="3"/>
  <c r="C23464" i="3"/>
  <c r="C23465" i="3"/>
  <c r="C23466" i="3"/>
  <c r="C23467" i="3"/>
  <c r="C23468" i="3"/>
  <c r="C23469" i="3"/>
  <c r="C23470" i="3"/>
  <c r="C23471" i="3"/>
  <c r="C23472" i="3"/>
  <c r="C23473" i="3"/>
  <c r="C23474" i="3"/>
  <c r="C23475" i="3"/>
  <c r="C23476" i="3"/>
  <c r="C23477" i="3"/>
  <c r="C23478" i="3"/>
  <c r="C23479" i="3"/>
  <c r="C23480" i="3"/>
  <c r="C23481" i="3"/>
  <c r="C23482" i="3"/>
  <c r="C23483" i="3"/>
  <c r="C23484" i="3"/>
  <c r="C23485" i="3"/>
  <c r="C23486" i="3"/>
  <c r="C23487" i="3"/>
  <c r="C23488" i="3"/>
  <c r="C23489" i="3"/>
  <c r="C23490" i="3"/>
  <c r="C23491" i="3"/>
  <c r="C23492" i="3"/>
  <c r="C23493" i="3"/>
  <c r="C23494" i="3"/>
  <c r="C23495" i="3"/>
  <c r="C23496" i="3"/>
  <c r="C23497" i="3"/>
  <c r="C23498" i="3"/>
  <c r="C23499" i="3"/>
  <c r="C23500" i="3"/>
  <c r="C23501" i="3"/>
  <c r="C23502" i="3"/>
  <c r="C23503" i="3"/>
  <c r="C23504" i="3"/>
  <c r="C23505" i="3"/>
  <c r="C23506" i="3"/>
  <c r="C23507" i="3"/>
  <c r="C23508" i="3"/>
  <c r="C23509" i="3"/>
  <c r="C23510" i="3"/>
  <c r="C23511" i="3"/>
  <c r="C23512" i="3"/>
  <c r="C23513" i="3"/>
  <c r="C23514" i="3"/>
  <c r="C23515" i="3"/>
  <c r="C23516" i="3"/>
  <c r="C23517" i="3"/>
  <c r="C23518" i="3"/>
  <c r="C23519" i="3"/>
  <c r="C23520" i="3"/>
  <c r="C23521" i="3"/>
  <c r="C23522" i="3"/>
  <c r="C23523" i="3"/>
  <c r="C23524" i="3"/>
  <c r="C23525" i="3"/>
  <c r="C23526" i="3"/>
  <c r="C23527" i="3"/>
  <c r="C23528" i="3"/>
  <c r="C23529" i="3"/>
  <c r="C23530" i="3"/>
  <c r="C23531" i="3"/>
  <c r="C23532" i="3"/>
  <c r="C23533" i="3"/>
  <c r="C23534" i="3"/>
  <c r="C23535" i="3"/>
  <c r="C23536" i="3"/>
  <c r="C23537" i="3"/>
  <c r="C23538" i="3"/>
  <c r="C23539" i="3"/>
  <c r="C23540" i="3"/>
  <c r="C23541" i="3"/>
  <c r="C23542" i="3"/>
  <c r="C23543" i="3"/>
  <c r="C23544" i="3"/>
  <c r="C23545" i="3"/>
  <c r="C23546" i="3"/>
  <c r="C23547" i="3"/>
  <c r="C23548" i="3"/>
  <c r="C23549" i="3"/>
  <c r="C23550" i="3"/>
  <c r="C23551" i="3"/>
  <c r="C23552" i="3"/>
  <c r="C23553" i="3"/>
  <c r="C23554" i="3"/>
  <c r="C23555" i="3"/>
  <c r="C23556" i="3"/>
  <c r="C23557" i="3"/>
  <c r="C23558" i="3"/>
  <c r="C23559" i="3"/>
  <c r="C23560" i="3"/>
  <c r="C23561" i="3"/>
  <c r="C23562" i="3"/>
  <c r="C23563" i="3"/>
  <c r="C23564" i="3"/>
  <c r="C23565" i="3"/>
  <c r="C23566" i="3"/>
  <c r="C23567" i="3"/>
  <c r="C23568" i="3"/>
  <c r="C23569" i="3"/>
  <c r="C23570" i="3"/>
  <c r="C23571" i="3"/>
  <c r="C23572" i="3"/>
  <c r="C23573" i="3"/>
  <c r="C23574" i="3"/>
  <c r="C23575" i="3"/>
  <c r="C23576" i="3"/>
  <c r="C23577" i="3"/>
  <c r="C23578" i="3"/>
  <c r="C23579" i="3"/>
  <c r="C23580" i="3"/>
  <c r="C23581" i="3"/>
  <c r="C23582" i="3"/>
  <c r="C23583" i="3"/>
  <c r="C23584" i="3"/>
  <c r="C23585" i="3"/>
  <c r="C23586" i="3"/>
  <c r="C23587" i="3"/>
  <c r="C23588" i="3"/>
  <c r="C23589" i="3"/>
  <c r="C23590" i="3"/>
  <c r="C23591" i="3"/>
  <c r="C23592" i="3"/>
  <c r="C23593" i="3"/>
  <c r="C23594" i="3"/>
  <c r="C23595" i="3"/>
  <c r="C23596" i="3"/>
  <c r="C23597" i="3"/>
  <c r="C23598" i="3"/>
  <c r="C23599" i="3"/>
  <c r="C23600" i="3"/>
  <c r="C23601" i="3"/>
  <c r="C23602" i="3"/>
  <c r="C23603" i="3"/>
  <c r="C23604" i="3"/>
  <c r="C23605" i="3"/>
  <c r="C23606" i="3"/>
  <c r="C23607" i="3"/>
  <c r="C23608" i="3"/>
  <c r="C23609" i="3"/>
  <c r="C23610" i="3"/>
  <c r="C23611" i="3"/>
  <c r="C23612" i="3"/>
  <c r="C23613" i="3"/>
  <c r="C23614" i="3"/>
  <c r="C23615" i="3"/>
  <c r="C23616" i="3"/>
  <c r="C23617" i="3"/>
  <c r="C23618" i="3"/>
  <c r="C23619" i="3"/>
  <c r="C23620" i="3"/>
  <c r="C23621" i="3"/>
  <c r="C23622" i="3"/>
  <c r="C23623" i="3"/>
  <c r="C23624" i="3"/>
  <c r="C23625" i="3"/>
  <c r="C23626" i="3"/>
  <c r="C23627" i="3"/>
  <c r="C23628" i="3"/>
  <c r="C23629" i="3"/>
  <c r="C23630" i="3"/>
  <c r="C23631" i="3"/>
  <c r="C23632" i="3"/>
  <c r="C23633" i="3"/>
  <c r="C23634" i="3"/>
  <c r="C23635" i="3"/>
  <c r="C23636" i="3"/>
  <c r="C23637" i="3"/>
  <c r="C23638" i="3"/>
  <c r="C23639" i="3"/>
  <c r="C23640" i="3"/>
  <c r="C23641" i="3"/>
  <c r="C23642" i="3"/>
  <c r="C23643" i="3"/>
  <c r="C23644" i="3"/>
  <c r="C23645" i="3"/>
  <c r="C23646" i="3"/>
  <c r="C23647" i="3"/>
  <c r="C23648" i="3"/>
  <c r="C23649" i="3"/>
  <c r="C23650" i="3"/>
  <c r="C23651" i="3"/>
  <c r="C23652" i="3"/>
  <c r="C23653" i="3"/>
  <c r="C23654" i="3"/>
  <c r="C23655" i="3"/>
  <c r="C23656" i="3"/>
  <c r="C23657" i="3"/>
  <c r="C23658" i="3"/>
  <c r="C23659" i="3"/>
  <c r="C23660" i="3"/>
  <c r="C23661" i="3"/>
  <c r="C23662" i="3"/>
  <c r="C23663" i="3"/>
  <c r="C23664" i="3"/>
  <c r="C23665" i="3"/>
  <c r="C23666" i="3"/>
  <c r="C23667" i="3"/>
  <c r="C23668" i="3"/>
  <c r="C23669" i="3"/>
  <c r="C23670" i="3"/>
  <c r="C23671" i="3"/>
  <c r="C23672" i="3"/>
  <c r="C23673" i="3"/>
  <c r="C23674" i="3"/>
  <c r="C23675" i="3"/>
  <c r="C23676" i="3"/>
  <c r="C23677" i="3"/>
  <c r="C23678" i="3"/>
  <c r="C23679" i="3"/>
  <c r="C23680" i="3"/>
  <c r="C23681" i="3"/>
  <c r="C23682" i="3"/>
  <c r="C23683" i="3"/>
  <c r="C23684" i="3"/>
  <c r="C23685" i="3"/>
  <c r="C23686" i="3"/>
  <c r="C23687" i="3"/>
  <c r="C23688" i="3"/>
  <c r="C23689" i="3"/>
  <c r="C23690" i="3"/>
  <c r="C23691" i="3"/>
  <c r="C23692" i="3"/>
  <c r="C23693" i="3"/>
  <c r="C23694" i="3"/>
  <c r="C23695" i="3"/>
  <c r="C23696" i="3"/>
  <c r="C23697" i="3"/>
  <c r="C23698" i="3"/>
  <c r="C23699" i="3"/>
  <c r="C23700" i="3"/>
  <c r="C23701" i="3"/>
  <c r="C23702" i="3"/>
  <c r="C23703" i="3"/>
  <c r="C23704" i="3"/>
  <c r="C23705" i="3"/>
  <c r="C23706" i="3"/>
  <c r="C23707" i="3"/>
  <c r="C23708" i="3"/>
  <c r="C23709" i="3"/>
  <c r="C23710" i="3"/>
  <c r="C23711" i="3"/>
  <c r="C23712" i="3"/>
  <c r="C23713" i="3"/>
  <c r="C23714" i="3"/>
  <c r="C23715" i="3"/>
  <c r="C23716" i="3"/>
  <c r="C23717" i="3"/>
  <c r="C23718" i="3"/>
  <c r="C23719" i="3"/>
  <c r="C23720" i="3"/>
  <c r="C23721" i="3"/>
  <c r="C23722" i="3"/>
  <c r="C23723" i="3"/>
  <c r="C23724" i="3"/>
  <c r="C23725" i="3"/>
  <c r="C23726" i="3"/>
  <c r="C23727" i="3"/>
  <c r="C23728" i="3"/>
  <c r="C23729" i="3"/>
  <c r="C23730" i="3"/>
  <c r="C23731" i="3"/>
  <c r="C23732" i="3"/>
  <c r="C23733" i="3"/>
  <c r="C23734" i="3"/>
  <c r="C23735" i="3"/>
  <c r="C23736" i="3"/>
  <c r="C23737" i="3"/>
  <c r="C23738" i="3"/>
  <c r="C23739" i="3"/>
  <c r="C23740" i="3"/>
  <c r="C23741" i="3"/>
  <c r="C23742" i="3"/>
  <c r="C23743" i="3"/>
  <c r="C23744" i="3"/>
  <c r="C23745" i="3"/>
  <c r="C23746" i="3"/>
  <c r="C23747" i="3"/>
  <c r="C23748" i="3"/>
  <c r="C23749" i="3"/>
  <c r="C23750" i="3"/>
  <c r="C23751" i="3"/>
  <c r="C23752" i="3"/>
  <c r="C23753" i="3"/>
  <c r="C23754" i="3"/>
  <c r="C23755" i="3"/>
  <c r="C23756" i="3"/>
  <c r="C23757" i="3"/>
  <c r="C23758" i="3"/>
  <c r="C23759" i="3"/>
  <c r="C23760" i="3"/>
  <c r="C23761" i="3"/>
  <c r="C23762" i="3"/>
  <c r="C23763" i="3"/>
  <c r="C23764" i="3"/>
  <c r="C23765" i="3"/>
  <c r="C23766" i="3"/>
  <c r="C23767" i="3"/>
  <c r="C23768" i="3"/>
  <c r="C23769" i="3"/>
  <c r="C23770" i="3"/>
  <c r="C23771" i="3"/>
  <c r="C23772" i="3"/>
  <c r="C23773" i="3"/>
  <c r="C23774" i="3"/>
  <c r="C23775" i="3"/>
  <c r="C23776" i="3"/>
  <c r="C23777" i="3"/>
  <c r="C23778" i="3"/>
  <c r="C23779" i="3"/>
  <c r="C23780" i="3"/>
  <c r="C23781" i="3"/>
  <c r="C23782" i="3"/>
  <c r="C23783" i="3"/>
  <c r="C23784" i="3"/>
  <c r="C23785" i="3"/>
  <c r="C23786" i="3"/>
  <c r="C23787" i="3"/>
  <c r="C23788" i="3"/>
  <c r="C23789" i="3"/>
  <c r="C23790" i="3"/>
  <c r="C23791" i="3"/>
  <c r="C23792" i="3"/>
  <c r="C23793" i="3"/>
  <c r="C23794" i="3"/>
  <c r="C23795" i="3"/>
  <c r="C23796" i="3"/>
  <c r="C23797" i="3"/>
  <c r="C23798" i="3"/>
  <c r="C23799" i="3"/>
  <c r="C23800" i="3"/>
  <c r="C23801" i="3"/>
  <c r="C23802" i="3"/>
  <c r="C23803" i="3"/>
  <c r="C23804" i="3"/>
  <c r="C23805" i="3"/>
  <c r="C23806" i="3"/>
  <c r="C23807" i="3"/>
  <c r="C23808" i="3"/>
  <c r="C23809" i="3"/>
  <c r="C23810" i="3"/>
  <c r="C23811" i="3"/>
  <c r="C23812" i="3"/>
  <c r="C23813" i="3"/>
  <c r="C23814" i="3"/>
  <c r="C23815" i="3"/>
  <c r="C23816" i="3"/>
  <c r="C23817" i="3"/>
  <c r="C23818" i="3"/>
  <c r="C23819" i="3"/>
  <c r="C23820" i="3"/>
  <c r="C23821" i="3"/>
  <c r="C23822" i="3"/>
  <c r="C23823" i="3"/>
  <c r="C23824" i="3"/>
  <c r="C23825" i="3"/>
  <c r="C23826" i="3"/>
  <c r="C23827" i="3"/>
  <c r="C23828" i="3"/>
  <c r="C23829" i="3"/>
  <c r="C23830" i="3"/>
  <c r="C23831" i="3"/>
  <c r="C23832" i="3"/>
  <c r="C23833" i="3"/>
  <c r="C23834" i="3"/>
  <c r="C23835" i="3"/>
  <c r="C23836" i="3"/>
  <c r="C23837" i="3"/>
  <c r="C23838" i="3"/>
  <c r="C23839" i="3"/>
  <c r="C23840" i="3"/>
  <c r="C23841" i="3"/>
  <c r="C23842" i="3"/>
  <c r="C23843" i="3"/>
  <c r="C23844" i="3"/>
  <c r="C23845" i="3"/>
  <c r="C23846" i="3"/>
  <c r="C23847" i="3"/>
  <c r="C23848" i="3"/>
  <c r="C23849" i="3"/>
  <c r="C23850" i="3"/>
  <c r="C23851" i="3"/>
  <c r="C23852" i="3"/>
  <c r="C23853" i="3"/>
  <c r="C23854" i="3"/>
  <c r="C23855" i="3"/>
  <c r="C23856" i="3"/>
  <c r="C23857" i="3"/>
  <c r="C23858" i="3"/>
  <c r="C23859" i="3"/>
  <c r="C23860" i="3"/>
  <c r="C23861" i="3"/>
  <c r="C23862" i="3"/>
  <c r="C23863" i="3"/>
  <c r="C23864" i="3"/>
  <c r="C23865" i="3"/>
  <c r="C23866" i="3"/>
  <c r="C23867" i="3"/>
  <c r="C23868" i="3"/>
  <c r="C23869" i="3"/>
  <c r="C23870" i="3"/>
  <c r="C23871" i="3"/>
  <c r="C23872" i="3"/>
  <c r="C23873" i="3"/>
  <c r="C23874" i="3"/>
  <c r="C23875" i="3"/>
  <c r="C23876" i="3"/>
  <c r="C23877" i="3"/>
  <c r="C23878" i="3"/>
  <c r="C23879" i="3"/>
  <c r="C23880" i="3"/>
  <c r="C23881" i="3"/>
  <c r="C23882" i="3"/>
  <c r="C23883" i="3"/>
  <c r="C23884" i="3"/>
  <c r="C23885" i="3"/>
  <c r="C23886" i="3"/>
  <c r="C23887" i="3"/>
  <c r="C23888" i="3"/>
  <c r="C23889" i="3"/>
  <c r="C23890" i="3"/>
  <c r="C23891" i="3"/>
  <c r="C23892" i="3"/>
  <c r="C23893" i="3"/>
  <c r="C23894" i="3"/>
  <c r="C23895" i="3"/>
  <c r="C23896" i="3"/>
  <c r="C23897" i="3"/>
  <c r="C23898" i="3"/>
  <c r="C23899" i="3"/>
  <c r="C23900" i="3"/>
  <c r="C23901" i="3"/>
  <c r="C23902" i="3"/>
  <c r="C23903" i="3"/>
  <c r="C23904" i="3"/>
  <c r="C23905" i="3"/>
  <c r="C23906" i="3"/>
  <c r="C23907" i="3"/>
  <c r="C23908" i="3"/>
  <c r="C23909" i="3"/>
  <c r="C23910" i="3"/>
  <c r="C23911" i="3"/>
  <c r="C23912" i="3"/>
  <c r="C23913" i="3"/>
  <c r="C23914" i="3"/>
  <c r="C23915" i="3"/>
  <c r="C23916" i="3"/>
  <c r="C23917" i="3"/>
  <c r="C23918" i="3"/>
  <c r="C23919" i="3"/>
  <c r="C23920" i="3"/>
  <c r="C23921" i="3"/>
  <c r="C23922" i="3"/>
  <c r="C23923" i="3"/>
  <c r="C23924" i="3"/>
  <c r="C23925" i="3"/>
  <c r="C23926" i="3"/>
  <c r="C23927" i="3"/>
  <c r="C23928" i="3"/>
  <c r="C23929" i="3"/>
  <c r="C23930" i="3"/>
  <c r="C23931" i="3"/>
  <c r="C23932" i="3"/>
  <c r="C23933" i="3"/>
  <c r="C23934" i="3"/>
  <c r="C23935" i="3"/>
  <c r="C23936" i="3"/>
  <c r="C23937" i="3"/>
  <c r="C23938" i="3"/>
  <c r="C23939" i="3"/>
  <c r="C23940" i="3"/>
  <c r="C23941" i="3"/>
  <c r="C23942" i="3"/>
  <c r="C23943" i="3"/>
  <c r="C23944" i="3"/>
  <c r="C23945" i="3"/>
  <c r="C23946" i="3"/>
  <c r="C23947" i="3"/>
  <c r="C23948" i="3"/>
  <c r="C23949" i="3"/>
  <c r="C23950" i="3"/>
  <c r="C23951" i="3"/>
  <c r="C23952" i="3"/>
  <c r="C23953" i="3"/>
  <c r="C23954" i="3"/>
  <c r="C23955" i="3"/>
  <c r="C23956" i="3"/>
  <c r="C23957" i="3"/>
  <c r="C23958" i="3"/>
  <c r="C23959" i="3"/>
  <c r="C23960" i="3"/>
  <c r="C23961" i="3"/>
  <c r="C23962" i="3"/>
  <c r="C23963" i="3"/>
  <c r="C23964" i="3"/>
  <c r="C23965" i="3"/>
  <c r="C23966" i="3"/>
  <c r="C23967" i="3"/>
  <c r="C23968" i="3"/>
  <c r="C23969" i="3"/>
  <c r="C23970" i="3"/>
  <c r="C23971" i="3"/>
  <c r="C23972" i="3"/>
  <c r="C23973" i="3"/>
  <c r="C23974" i="3"/>
  <c r="C23975" i="3"/>
  <c r="C23976" i="3"/>
  <c r="C23977" i="3"/>
  <c r="C23978" i="3"/>
  <c r="C23979" i="3"/>
  <c r="C23980" i="3"/>
  <c r="C23981" i="3"/>
  <c r="C23982" i="3"/>
  <c r="C23983" i="3"/>
  <c r="C23984" i="3"/>
  <c r="C23985" i="3"/>
  <c r="C23986" i="3"/>
  <c r="C23987" i="3"/>
  <c r="C23988" i="3"/>
  <c r="C23989" i="3"/>
  <c r="C23990" i="3"/>
  <c r="C23991" i="3"/>
  <c r="C23992" i="3"/>
  <c r="C23993" i="3"/>
  <c r="C23994" i="3"/>
  <c r="C23995" i="3"/>
  <c r="C23996" i="3"/>
  <c r="C23997" i="3"/>
  <c r="C23998" i="3"/>
  <c r="C23999" i="3"/>
  <c r="C24000" i="3"/>
  <c r="C24001" i="3"/>
  <c r="C24002" i="3"/>
  <c r="C24003" i="3"/>
  <c r="C24004" i="3"/>
  <c r="C24005" i="3"/>
  <c r="C24006" i="3"/>
  <c r="C24007" i="3"/>
  <c r="C24008" i="3"/>
  <c r="C24009" i="3"/>
  <c r="C24010" i="3"/>
  <c r="C24011" i="3"/>
  <c r="C24012" i="3"/>
  <c r="C24013" i="3"/>
  <c r="C24014" i="3"/>
  <c r="C24015" i="3"/>
  <c r="C24016" i="3"/>
  <c r="C24017" i="3"/>
  <c r="C24018" i="3"/>
  <c r="C24019" i="3"/>
  <c r="C24020" i="3"/>
  <c r="C24021" i="3"/>
  <c r="C24022" i="3"/>
  <c r="C24023" i="3"/>
  <c r="C24024" i="3"/>
  <c r="C24025" i="3"/>
  <c r="C24026" i="3"/>
  <c r="C24027" i="3"/>
  <c r="C24028" i="3"/>
  <c r="C24029" i="3"/>
  <c r="C24030" i="3"/>
  <c r="C24031" i="3"/>
  <c r="C24032" i="3"/>
  <c r="C24033" i="3"/>
  <c r="C24034" i="3"/>
  <c r="C24035" i="3"/>
  <c r="C24036" i="3"/>
  <c r="C24037" i="3"/>
  <c r="C24038" i="3"/>
  <c r="C24039" i="3"/>
  <c r="C24040" i="3"/>
  <c r="C24041" i="3"/>
  <c r="C24042" i="3"/>
  <c r="C24043" i="3"/>
  <c r="C24044" i="3"/>
  <c r="C24045" i="3"/>
  <c r="C24046" i="3"/>
  <c r="C24047" i="3"/>
  <c r="C24048" i="3"/>
  <c r="C24049" i="3"/>
  <c r="C24050" i="3"/>
  <c r="C24051" i="3"/>
  <c r="C24052" i="3"/>
  <c r="C24053" i="3"/>
  <c r="C24054" i="3"/>
  <c r="C24055" i="3"/>
  <c r="C24056" i="3"/>
  <c r="C24057" i="3"/>
  <c r="C24058" i="3"/>
  <c r="C24059" i="3"/>
  <c r="C24060" i="3"/>
  <c r="C24061" i="3"/>
  <c r="C24062" i="3"/>
  <c r="C24063" i="3"/>
  <c r="C24064" i="3"/>
  <c r="C24065" i="3"/>
  <c r="C24066" i="3"/>
  <c r="C24067" i="3"/>
  <c r="C24068" i="3"/>
  <c r="C24069" i="3"/>
  <c r="C24070" i="3"/>
  <c r="C24071" i="3"/>
  <c r="C24072" i="3"/>
  <c r="C24073" i="3"/>
  <c r="C24074" i="3"/>
  <c r="C24075" i="3"/>
  <c r="C24076" i="3"/>
  <c r="C24077" i="3"/>
  <c r="C24078" i="3"/>
  <c r="C24079" i="3"/>
  <c r="C24080" i="3"/>
  <c r="C24081" i="3"/>
  <c r="C24082" i="3"/>
  <c r="C24083" i="3"/>
  <c r="C24084" i="3"/>
  <c r="C24085" i="3"/>
  <c r="C24086" i="3"/>
  <c r="C24087" i="3"/>
  <c r="C24088" i="3"/>
  <c r="C24089" i="3"/>
  <c r="C24090" i="3"/>
  <c r="C24091" i="3"/>
  <c r="C24092" i="3"/>
  <c r="C24093" i="3"/>
  <c r="C24094" i="3"/>
  <c r="C24095" i="3"/>
  <c r="C24096" i="3"/>
  <c r="C24097" i="3"/>
  <c r="C24098" i="3"/>
  <c r="C24099" i="3"/>
  <c r="C24100" i="3"/>
  <c r="C24101" i="3"/>
  <c r="C24102" i="3"/>
  <c r="C24103" i="3"/>
  <c r="C24104" i="3"/>
  <c r="C24105" i="3"/>
  <c r="C24106" i="3"/>
  <c r="C24107" i="3"/>
  <c r="C24108" i="3"/>
  <c r="C24109" i="3"/>
  <c r="C24110" i="3"/>
  <c r="C24111" i="3"/>
  <c r="C24112" i="3"/>
  <c r="C24113" i="3"/>
  <c r="C24114" i="3"/>
  <c r="C24115" i="3"/>
  <c r="C24116" i="3"/>
  <c r="C24117" i="3"/>
  <c r="C24118" i="3"/>
  <c r="C24119" i="3"/>
  <c r="C24120" i="3"/>
  <c r="C24121" i="3"/>
  <c r="C24122" i="3"/>
  <c r="C24123" i="3"/>
  <c r="C24124" i="3"/>
  <c r="C24125" i="3"/>
  <c r="C24126" i="3"/>
  <c r="C24127" i="3"/>
  <c r="C24128" i="3"/>
  <c r="C24129" i="3"/>
  <c r="C24130" i="3"/>
  <c r="C24131" i="3"/>
  <c r="C24132" i="3"/>
  <c r="C24133" i="3"/>
  <c r="C24134" i="3"/>
  <c r="C24135" i="3"/>
  <c r="C24136" i="3"/>
  <c r="C24137" i="3"/>
  <c r="C24138" i="3"/>
  <c r="C24139" i="3"/>
  <c r="C24140" i="3"/>
  <c r="C24141" i="3"/>
  <c r="C24142" i="3"/>
  <c r="C24143" i="3"/>
  <c r="C24144" i="3"/>
  <c r="C24145" i="3"/>
  <c r="C24146" i="3"/>
  <c r="C24147" i="3"/>
  <c r="C24148" i="3"/>
  <c r="C24149" i="3"/>
  <c r="C24150" i="3"/>
  <c r="C24151" i="3"/>
  <c r="C24152" i="3"/>
  <c r="C24153" i="3"/>
  <c r="C24154" i="3"/>
  <c r="C24155" i="3"/>
  <c r="C24156" i="3"/>
  <c r="C24157" i="3"/>
  <c r="C24158" i="3"/>
  <c r="C24159" i="3"/>
  <c r="C24160" i="3"/>
  <c r="C24161" i="3"/>
  <c r="C24162" i="3"/>
  <c r="C24163" i="3"/>
  <c r="C24164" i="3"/>
  <c r="C24165" i="3"/>
  <c r="C24166" i="3"/>
  <c r="C24167" i="3"/>
  <c r="C24168" i="3"/>
  <c r="C24169" i="3"/>
  <c r="C24170" i="3"/>
  <c r="C24171" i="3"/>
  <c r="C24172" i="3"/>
  <c r="C24173" i="3"/>
  <c r="C24174" i="3"/>
  <c r="C24175" i="3"/>
  <c r="C24176" i="3"/>
  <c r="C24177" i="3"/>
  <c r="C24178" i="3"/>
  <c r="C24179" i="3"/>
  <c r="C24180" i="3"/>
  <c r="C24181" i="3"/>
  <c r="C24182" i="3"/>
  <c r="C24183" i="3"/>
  <c r="C24184" i="3"/>
  <c r="C24185" i="3"/>
  <c r="C24186" i="3"/>
  <c r="C24187" i="3"/>
  <c r="C24188" i="3"/>
  <c r="C24189" i="3"/>
  <c r="C24190" i="3"/>
  <c r="C24191" i="3"/>
  <c r="C24192" i="3"/>
  <c r="C24193" i="3"/>
  <c r="C24194" i="3"/>
  <c r="C24195" i="3"/>
  <c r="C24196" i="3"/>
  <c r="C24197" i="3"/>
  <c r="C24198" i="3"/>
  <c r="C24199" i="3"/>
  <c r="C24200" i="3"/>
  <c r="C24201" i="3"/>
  <c r="C24202" i="3"/>
  <c r="C24203" i="3"/>
  <c r="C24204" i="3"/>
  <c r="C24205" i="3"/>
  <c r="C24206" i="3"/>
  <c r="C24207" i="3"/>
  <c r="C24208" i="3"/>
  <c r="C24209" i="3"/>
  <c r="C24210" i="3"/>
  <c r="C24211" i="3"/>
  <c r="C24212" i="3"/>
  <c r="C24213" i="3"/>
  <c r="C24214" i="3"/>
  <c r="C24215" i="3"/>
  <c r="C24216" i="3"/>
  <c r="C24217" i="3"/>
  <c r="C24218" i="3"/>
  <c r="C24219" i="3"/>
  <c r="C24220" i="3"/>
  <c r="C24221" i="3"/>
  <c r="C24222" i="3"/>
  <c r="C24223" i="3"/>
  <c r="C24224" i="3"/>
  <c r="C24225" i="3"/>
  <c r="C24226" i="3"/>
  <c r="C24227" i="3"/>
  <c r="C24228" i="3"/>
  <c r="C24229" i="3"/>
  <c r="C24230" i="3"/>
  <c r="C24231" i="3"/>
  <c r="C24232" i="3"/>
  <c r="C24233" i="3"/>
  <c r="C24234" i="3"/>
  <c r="C24235" i="3"/>
  <c r="C24236" i="3"/>
  <c r="C24237" i="3"/>
  <c r="C24238" i="3"/>
  <c r="C24239" i="3"/>
  <c r="C24240" i="3"/>
  <c r="C24241" i="3"/>
  <c r="C24242" i="3"/>
  <c r="C24243" i="3"/>
  <c r="C24244" i="3"/>
  <c r="C24245" i="3"/>
  <c r="C24246" i="3"/>
  <c r="C24247" i="3"/>
  <c r="C24248" i="3"/>
  <c r="C24249" i="3"/>
  <c r="C24250" i="3"/>
  <c r="C24251" i="3"/>
  <c r="C24252" i="3"/>
  <c r="C24253" i="3"/>
  <c r="C24254" i="3"/>
  <c r="C24255" i="3"/>
  <c r="C24256" i="3"/>
  <c r="C24257" i="3"/>
  <c r="C24258" i="3"/>
  <c r="C24259" i="3"/>
  <c r="C24260" i="3"/>
  <c r="C24261" i="3"/>
  <c r="C24262" i="3"/>
  <c r="C24263" i="3"/>
  <c r="C24264" i="3"/>
  <c r="C24265" i="3"/>
  <c r="C24266" i="3"/>
  <c r="C24267" i="3"/>
  <c r="C24268" i="3"/>
  <c r="C24269" i="3"/>
  <c r="C24270" i="3"/>
  <c r="C24271" i="3"/>
  <c r="C24272" i="3"/>
  <c r="C24273" i="3"/>
  <c r="C24274" i="3"/>
  <c r="C24275" i="3"/>
  <c r="C24276" i="3"/>
  <c r="C24277" i="3"/>
  <c r="C24278" i="3"/>
  <c r="C24279" i="3"/>
  <c r="C24280" i="3"/>
  <c r="C24281" i="3"/>
  <c r="C24282" i="3"/>
  <c r="C24283" i="3"/>
  <c r="C24284" i="3"/>
  <c r="C24285" i="3"/>
  <c r="C24286" i="3"/>
  <c r="C24287" i="3"/>
  <c r="C24288" i="3"/>
  <c r="C24289" i="3"/>
  <c r="C24290" i="3"/>
  <c r="C24291" i="3"/>
  <c r="C24292" i="3"/>
  <c r="C24293" i="3"/>
  <c r="C24294" i="3"/>
  <c r="C24295" i="3"/>
  <c r="C24296" i="3"/>
  <c r="C24297" i="3"/>
  <c r="C24298" i="3"/>
  <c r="C24299" i="3"/>
  <c r="C24300" i="3"/>
  <c r="C24301" i="3"/>
  <c r="C24302" i="3"/>
  <c r="C24303" i="3"/>
  <c r="C24304" i="3"/>
  <c r="C24305" i="3"/>
  <c r="C24306" i="3"/>
  <c r="C24307" i="3"/>
  <c r="C24308" i="3"/>
  <c r="C24309" i="3"/>
  <c r="C24310" i="3"/>
  <c r="C24311" i="3"/>
  <c r="C24312" i="3"/>
  <c r="C24313" i="3"/>
  <c r="C24314" i="3"/>
  <c r="C24315" i="3"/>
  <c r="C24316" i="3"/>
  <c r="C24317" i="3"/>
  <c r="C24318" i="3"/>
  <c r="C24319" i="3"/>
  <c r="C24320" i="3"/>
  <c r="C24321" i="3"/>
  <c r="C24322" i="3"/>
  <c r="C24323" i="3"/>
  <c r="C24324" i="3"/>
  <c r="C24325" i="3"/>
  <c r="C24326" i="3"/>
  <c r="C24327" i="3"/>
  <c r="C24328" i="3"/>
  <c r="C24329" i="3"/>
  <c r="C24330" i="3"/>
  <c r="C24331" i="3"/>
  <c r="C24332" i="3"/>
  <c r="C24333" i="3"/>
  <c r="C24334" i="3"/>
  <c r="C24335" i="3"/>
  <c r="C24336" i="3"/>
  <c r="C24337" i="3"/>
  <c r="C24338" i="3"/>
  <c r="C24339" i="3"/>
  <c r="C24340" i="3"/>
  <c r="C24341" i="3"/>
  <c r="C24342" i="3"/>
  <c r="C24343" i="3"/>
  <c r="C24344" i="3"/>
  <c r="C24345" i="3"/>
  <c r="C24346" i="3"/>
  <c r="C24347" i="3"/>
  <c r="C24348" i="3"/>
  <c r="C24349" i="3"/>
  <c r="C24350" i="3"/>
  <c r="C24351" i="3"/>
  <c r="C24352" i="3"/>
  <c r="C24353" i="3"/>
  <c r="C24354" i="3"/>
  <c r="C24355" i="3"/>
  <c r="C24356" i="3"/>
  <c r="C24357" i="3"/>
  <c r="C24358" i="3"/>
  <c r="C24359" i="3"/>
  <c r="C24360" i="3"/>
  <c r="C24361" i="3"/>
  <c r="C24362" i="3"/>
  <c r="C24363" i="3"/>
  <c r="C24364" i="3"/>
  <c r="C24365" i="3"/>
  <c r="C24366" i="3"/>
  <c r="C24367" i="3"/>
  <c r="C24368" i="3"/>
  <c r="C24369" i="3"/>
  <c r="C24370" i="3"/>
  <c r="C24371" i="3"/>
  <c r="C24372" i="3"/>
  <c r="C24373" i="3"/>
  <c r="C24374" i="3"/>
  <c r="C24375" i="3"/>
  <c r="C24376" i="3"/>
  <c r="C24377" i="3"/>
  <c r="C24378" i="3"/>
  <c r="C24379" i="3"/>
  <c r="C24380" i="3"/>
  <c r="C24381" i="3"/>
  <c r="C24382" i="3"/>
  <c r="C24383" i="3"/>
  <c r="C24384" i="3"/>
  <c r="C24385" i="3"/>
  <c r="C24386" i="3"/>
  <c r="C24387" i="3"/>
  <c r="C24388" i="3"/>
  <c r="C24389" i="3"/>
  <c r="C24390" i="3"/>
  <c r="C24391" i="3"/>
  <c r="C24392" i="3"/>
  <c r="C24393" i="3"/>
  <c r="C24394" i="3"/>
  <c r="C24395" i="3"/>
  <c r="C24396" i="3"/>
  <c r="C24397" i="3"/>
  <c r="C24398" i="3"/>
  <c r="C24399" i="3"/>
  <c r="C24400" i="3"/>
  <c r="C24401" i="3"/>
  <c r="C24402" i="3"/>
  <c r="C24403" i="3"/>
  <c r="C24404" i="3"/>
  <c r="C24405" i="3"/>
  <c r="C24406" i="3"/>
  <c r="C24407" i="3"/>
  <c r="C24408" i="3"/>
  <c r="C24409" i="3"/>
  <c r="C24410" i="3"/>
  <c r="C24411" i="3"/>
  <c r="C24412" i="3"/>
  <c r="C24413" i="3"/>
  <c r="C24414" i="3"/>
  <c r="C24415" i="3"/>
  <c r="C24416" i="3"/>
  <c r="C24417" i="3"/>
  <c r="C24418" i="3"/>
  <c r="C24419" i="3"/>
  <c r="C24420" i="3"/>
  <c r="C24421" i="3"/>
  <c r="C24422" i="3"/>
  <c r="C24423" i="3"/>
  <c r="C24424" i="3"/>
  <c r="C24425" i="3"/>
  <c r="C24426" i="3"/>
  <c r="C24427" i="3"/>
  <c r="C24428" i="3"/>
  <c r="C24429" i="3"/>
  <c r="C24430" i="3"/>
  <c r="C24431" i="3"/>
  <c r="C24432" i="3"/>
  <c r="C24433" i="3"/>
  <c r="C24434" i="3"/>
  <c r="C24435" i="3"/>
  <c r="C24436" i="3"/>
  <c r="C24437" i="3"/>
  <c r="C24438" i="3"/>
  <c r="C24439" i="3"/>
  <c r="C24440" i="3"/>
  <c r="C24441" i="3"/>
  <c r="C24442" i="3"/>
  <c r="C24443" i="3"/>
  <c r="C24444" i="3"/>
  <c r="C24445" i="3"/>
  <c r="C24446" i="3"/>
  <c r="C24447" i="3"/>
  <c r="C24448" i="3"/>
  <c r="C24449" i="3"/>
  <c r="C24450" i="3"/>
  <c r="C24451" i="3"/>
  <c r="C24452" i="3"/>
  <c r="C24453" i="3"/>
  <c r="C24454" i="3"/>
  <c r="C24455" i="3"/>
  <c r="C24456" i="3"/>
  <c r="C24457" i="3"/>
  <c r="C24458" i="3"/>
  <c r="C24459" i="3"/>
  <c r="C24460" i="3"/>
  <c r="C24461" i="3"/>
  <c r="C24462" i="3"/>
  <c r="C24463" i="3"/>
  <c r="C24464" i="3"/>
  <c r="C24465" i="3"/>
  <c r="C24466" i="3"/>
  <c r="C24467" i="3"/>
  <c r="C24468" i="3"/>
  <c r="C24469" i="3"/>
  <c r="C24470" i="3"/>
  <c r="C24471" i="3"/>
  <c r="C24472" i="3"/>
  <c r="C24473" i="3"/>
  <c r="C24474" i="3"/>
  <c r="C24475" i="3"/>
  <c r="C24476" i="3"/>
  <c r="C24477" i="3"/>
  <c r="C24478" i="3"/>
  <c r="C24479" i="3"/>
  <c r="C24480" i="3"/>
  <c r="C24481" i="3"/>
  <c r="C24482" i="3"/>
  <c r="C24483" i="3"/>
  <c r="C24484" i="3"/>
  <c r="C24485" i="3"/>
  <c r="C24486" i="3"/>
  <c r="C24487" i="3"/>
  <c r="C24488" i="3"/>
  <c r="C24489" i="3"/>
  <c r="C24490" i="3"/>
  <c r="C24491" i="3"/>
  <c r="C24492" i="3"/>
  <c r="C24493" i="3"/>
  <c r="C24494" i="3"/>
  <c r="C24495" i="3"/>
  <c r="C24496" i="3"/>
  <c r="C24497" i="3"/>
  <c r="C24498" i="3"/>
  <c r="C24499" i="3"/>
  <c r="C24500" i="3"/>
  <c r="C24501" i="3"/>
  <c r="C24502" i="3"/>
  <c r="C24503" i="3"/>
  <c r="C24504" i="3"/>
  <c r="C24505" i="3"/>
  <c r="C24506" i="3"/>
  <c r="C24507" i="3"/>
  <c r="C24508" i="3"/>
  <c r="C24509" i="3"/>
  <c r="C24510" i="3"/>
  <c r="C24511" i="3"/>
  <c r="C24512" i="3"/>
  <c r="C24513" i="3"/>
  <c r="C24514" i="3"/>
  <c r="C24515" i="3"/>
  <c r="C24516" i="3"/>
  <c r="C24517" i="3"/>
  <c r="C24518" i="3"/>
  <c r="C24519" i="3"/>
  <c r="C24520" i="3"/>
  <c r="C24521" i="3"/>
  <c r="C24522" i="3"/>
  <c r="C24523" i="3"/>
  <c r="C24524" i="3"/>
  <c r="C24525" i="3"/>
  <c r="C24526" i="3"/>
  <c r="C24527" i="3"/>
  <c r="C24528" i="3"/>
  <c r="C24529" i="3"/>
  <c r="C24530" i="3"/>
  <c r="C24531" i="3"/>
  <c r="C24532" i="3"/>
  <c r="C24533" i="3"/>
  <c r="C24534" i="3"/>
  <c r="C24535" i="3"/>
  <c r="C24536" i="3"/>
  <c r="C24537" i="3"/>
  <c r="C24538" i="3"/>
  <c r="C24539" i="3"/>
  <c r="C24540" i="3"/>
  <c r="C24541" i="3"/>
  <c r="C24542" i="3"/>
  <c r="C24543" i="3"/>
  <c r="C24544" i="3"/>
  <c r="C24545" i="3"/>
  <c r="C24546" i="3"/>
  <c r="C24547" i="3"/>
  <c r="C24548" i="3"/>
  <c r="C24549" i="3"/>
  <c r="C24550" i="3"/>
  <c r="C24551" i="3"/>
  <c r="C24552" i="3"/>
  <c r="C24553" i="3"/>
  <c r="C24554" i="3"/>
  <c r="C24555" i="3"/>
  <c r="C24556" i="3"/>
  <c r="C24557" i="3"/>
  <c r="C24558" i="3"/>
  <c r="C24559" i="3"/>
  <c r="C24560" i="3"/>
  <c r="C24561" i="3"/>
  <c r="C24562" i="3"/>
  <c r="C24563" i="3"/>
  <c r="C24564" i="3"/>
  <c r="C24565" i="3"/>
  <c r="C24566" i="3"/>
  <c r="C24567" i="3"/>
  <c r="C24568" i="3"/>
  <c r="C24569" i="3"/>
  <c r="C24570" i="3"/>
  <c r="C24571" i="3"/>
  <c r="C24572" i="3"/>
  <c r="C24573" i="3"/>
  <c r="C24574" i="3"/>
  <c r="C24575" i="3"/>
  <c r="C24576" i="3"/>
  <c r="C24577" i="3"/>
  <c r="C24578" i="3"/>
  <c r="C24579" i="3"/>
  <c r="C24580" i="3"/>
  <c r="C24581" i="3"/>
  <c r="C24582" i="3"/>
  <c r="C24583" i="3"/>
  <c r="C24584" i="3"/>
  <c r="C24585" i="3"/>
  <c r="C24586" i="3"/>
  <c r="C24587" i="3"/>
  <c r="C24588" i="3"/>
  <c r="C24589" i="3"/>
  <c r="C24590" i="3"/>
  <c r="C24591" i="3"/>
  <c r="C24592" i="3"/>
  <c r="C24593" i="3"/>
  <c r="C24594" i="3"/>
  <c r="C24595" i="3"/>
  <c r="C24596" i="3"/>
  <c r="C24597" i="3"/>
  <c r="C24598" i="3"/>
  <c r="C24599" i="3"/>
  <c r="C24600" i="3"/>
  <c r="C24601" i="3"/>
  <c r="C24602" i="3"/>
  <c r="C24603" i="3"/>
  <c r="C24604" i="3"/>
  <c r="C24605" i="3"/>
  <c r="C24606" i="3"/>
  <c r="C24607" i="3"/>
  <c r="C24608" i="3"/>
  <c r="C24609" i="3"/>
  <c r="C24610" i="3"/>
  <c r="C24611" i="3"/>
  <c r="C24612" i="3"/>
  <c r="C24613" i="3"/>
  <c r="C24614" i="3"/>
  <c r="C24615" i="3"/>
  <c r="C24616" i="3"/>
  <c r="C24617" i="3"/>
  <c r="C24618" i="3"/>
  <c r="C24619" i="3"/>
  <c r="C24620" i="3"/>
  <c r="C24621" i="3"/>
  <c r="C24622" i="3"/>
  <c r="C24623" i="3"/>
  <c r="C24624" i="3"/>
  <c r="C24625" i="3"/>
  <c r="C24626" i="3"/>
  <c r="C24627" i="3"/>
  <c r="C24628" i="3"/>
  <c r="C24629" i="3"/>
  <c r="C24630" i="3"/>
  <c r="C24631" i="3"/>
  <c r="C24632" i="3"/>
  <c r="C24633" i="3"/>
  <c r="C24634" i="3"/>
  <c r="C24635" i="3"/>
  <c r="C24636" i="3"/>
  <c r="C24637" i="3"/>
  <c r="C24638" i="3"/>
  <c r="C24639" i="3"/>
  <c r="C24640" i="3"/>
  <c r="C24641" i="3"/>
  <c r="C24642" i="3"/>
  <c r="C24643" i="3"/>
  <c r="C24644" i="3"/>
  <c r="C24645" i="3"/>
  <c r="C24646" i="3"/>
  <c r="C24647" i="3"/>
  <c r="C24648" i="3"/>
  <c r="C24649" i="3"/>
  <c r="C24650" i="3"/>
  <c r="C24651" i="3"/>
  <c r="C24652" i="3"/>
  <c r="C24653" i="3"/>
  <c r="C24654" i="3"/>
  <c r="C24655" i="3"/>
  <c r="C24656" i="3"/>
  <c r="C24657" i="3"/>
  <c r="C24658" i="3"/>
  <c r="C24659" i="3"/>
  <c r="C24660" i="3"/>
  <c r="C24661" i="3"/>
  <c r="C24662" i="3"/>
  <c r="C24663" i="3"/>
  <c r="C24664" i="3"/>
  <c r="C24665" i="3"/>
  <c r="C24666" i="3"/>
  <c r="C24667" i="3"/>
  <c r="C24668" i="3"/>
  <c r="C24669" i="3"/>
  <c r="C24670" i="3"/>
  <c r="C24671" i="3"/>
  <c r="C24672" i="3"/>
  <c r="C24673" i="3"/>
  <c r="C24674" i="3"/>
  <c r="C24675" i="3"/>
  <c r="C24676" i="3"/>
  <c r="C24677" i="3"/>
  <c r="C24678" i="3"/>
  <c r="C24679" i="3"/>
  <c r="C24680" i="3"/>
  <c r="C24681" i="3"/>
  <c r="C24682" i="3"/>
  <c r="C24683" i="3"/>
  <c r="C24684" i="3"/>
  <c r="C24685" i="3"/>
  <c r="C24686" i="3"/>
  <c r="C24687" i="3"/>
  <c r="C24688" i="3"/>
  <c r="C24689" i="3"/>
  <c r="C24690" i="3"/>
  <c r="C24691" i="3"/>
  <c r="C24692" i="3"/>
  <c r="C24693" i="3"/>
  <c r="C24694" i="3"/>
  <c r="C24695" i="3"/>
  <c r="C24696" i="3"/>
  <c r="C24697" i="3"/>
  <c r="C24698" i="3"/>
  <c r="C24699" i="3"/>
  <c r="C24700" i="3"/>
  <c r="C24701" i="3"/>
  <c r="C24702" i="3"/>
  <c r="C24703" i="3"/>
  <c r="C24704" i="3"/>
  <c r="C24705" i="3"/>
  <c r="C24706" i="3"/>
  <c r="C24707" i="3"/>
  <c r="C24708" i="3"/>
  <c r="C24709" i="3"/>
  <c r="C24710" i="3"/>
  <c r="C24711" i="3"/>
  <c r="C24712" i="3"/>
  <c r="C24713" i="3"/>
  <c r="C24714" i="3"/>
  <c r="C24715" i="3"/>
  <c r="C24716" i="3"/>
  <c r="C24717" i="3"/>
  <c r="C24718" i="3"/>
  <c r="C24719" i="3"/>
  <c r="C24720" i="3"/>
  <c r="C24721" i="3"/>
  <c r="C24722" i="3"/>
  <c r="C24723" i="3"/>
  <c r="C24724" i="3"/>
  <c r="C24725" i="3"/>
  <c r="C24726" i="3"/>
  <c r="C24727" i="3"/>
  <c r="C24728" i="3"/>
  <c r="C24729" i="3"/>
  <c r="C24730" i="3"/>
  <c r="C24731" i="3"/>
  <c r="C24732" i="3"/>
  <c r="C24733" i="3"/>
  <c r="C24734" i="3"/>
  <c r="C24735" i="3"/>
  <c r="C24736" i="3"/>
  <c r="C24737" i="3"/>
  <c r="C24738" i="3"/>
  <c r="C24739" i="3"/>
  <c r="C24740" i="3"/>
  <c r="C24741" i="3"/>
  <c r="C24742" i="3"/>
  <c r="C24743" i="3"/>
  <c r="C24744" i="3"/>
  <c r="C24745" i="3"/>
  <c r="C24746" i="3"/>
  <c r="C24747" i="3"/>
  <c r="C24748" i="3"/>
  <c r="C24749" i="3"/>
  <c r="C24750" i="3"/>
  <c r="C24751" i="3"/>
  <c r="C24752" i="3"/>
  <c r="C24753" i="3"/>
  <c r="C24754" i="3"/>
  <c r="C24755" i="3"/>
  <c r="C24756" i="3"/>
  <c r="C24757" i="3"/>
  <c r="C24758" i="3"/>
  <c r="C24759" i="3"/>
  <c r="C24760" i="3"/>
  <c r="C24761" i="3"/>
  <c r="C24762" i="3"/>
  <c r="C24763" i="3"/>
  <c r="C24764" i="3"/>
  <c r="C24765" i="3"/>
  <c r="C24766" i="3"/>
  <c r="C24767" i="3"/>
  <c r="C24768" i="3"/>
  <c r="C24769" i="3"/>
  <c r="C24770" i="3"/>
  <c r="C24771" i="3"/>
  <c r="C24772" i="3"/>
  <c r="C24773" i="3"/>
  <c r="C24774" i="3"/>
  <c r="C24775" i="3"/>
  <c r="C24776" i="3"/>
  <c r="C24777" i="3"/>
  <c r="C24778" i="3"/>
  <c r="C24779" i="3"/>
  <c r="C24780" i="3"/>
  <c r="C24781" i="3"/>
  <c r="C24782" i="3"/>
  <c r="C24783" i="3"/>
  <c r="C24784" i="3"/>
  <c r="C24785" i="3"/>
  <c r="C24786" i="3"/>
  <c r="C24787" i="3"/>
  <c r="C24788" i="3"/>
  <c r="C24789" i="3"/>
  <c r="C24790" i="3"/>
  <c r="C24791" i="3"/>
  <c r="C24792" i="3"/>
  <c r="C24793" i="3"/>
  <c r="C24794" i="3"/>
  <c r="C24795" i="3"/>
  <c r="C24796" i="3"/>
  <c r="C24797" i="3"/>
  <c r="C24798" i="3"/>
  <c r="C24799" i="3"/>
  <c r="C24800" i="3"/>
  <c r="C24801" i="3"/>
  <c r="C24802" i="3"/>
  <c r="C24803" i="3"/>
  <c r="C24804" i="3"/>
  <c r="C24805" i="3"/>
  <c r="C24806" i="3"/>
  <c r="C24807" i="3"/>
  <c r="C24808" i="3"/>
  <c r="C24809" i="3"/>
  <c r="C24810" i="3"/>
  <c r="C24811" i="3"/>
  <c r="C24812" i="3"/>
  <c r="C24813" i="3"/>
  <c r="C24814" i="3"/>
  <c r="C24815" i="3"/>
  <c r="C24816" i="3"/>
  <c r="C24817" i="3"/>
  <c r="C24818" i="3"/>
  <c r="C24819" i="3"/>
  <c r="C24820" i="3"/>
  <c r="C24821" i="3"/>
  <c r="C24822" i="3"/>
  <c r="C24823" i="3"/>
  <c r="C24824" i="3"/>
  <c r="C24825" i="3"/>
  <c r="C24826" i="3"/>
  <c r="C24827" i="3"/>
  <c r="C24828" i="3"/>
  <c r="C24829" i="3"/>
  <c r="C24830" i="3"/>
  <c r="C24831" i="3"/>
  <c r="C24832" i="3"/>
  <c r="C24833" i="3"/>
  <c r="C24834" i="3"/>
  <c r="C24835" i="3"/>
  <c r="C24836" i="3"/>
  <c r="C24837" i="3"/>
  <c r="C24838" i="3"/>
  <c r="C24839" i="3"/>
  <c r="C24840" i="3"/>
  <c r="C24841" i="3"/>
  <c r="C24842" i="3"/>
  <c r="C24843" i="3"/>
  <c r="C24844" i="3"/>
  <c r="C24845" i="3"/>
  <c r="C24846" i="3"/>
  <c r="C24847" i="3"/>
  <c r="C24848" i="3"/>
  <c r="C24849" i="3"/>
  <c r="C24850" i="3"/>
  <c r="C24851" i="3"/>
  <c r="C24852" i="3"/>
  <c r="C24853" i="3"/>
  <c r="C24854" i="3"/>
  <c r="C24855" i="3"/>
  <c r="C24856" i="3"/>
  <c r="C24857" i="3"/>
  <c r="C24858" i="3"/>
  <c r="C24859" i="3"/>
  <c r="C24860" i="3"/>
  <c r="C24861" i="3"/>
  <c r="C24862" i="3"/>
  <c r="C24863" i="3"/>
  <c r="C24864" i="3"/>
  <c r="C24865" i="3"/>
  <c r="C24866" i="3"/>
  <c r="C24867" i="3"/>
  <c r="C24868" i="3"/>
  <c r="C24869" i="3"/>
  <c r="C24870" i="3"/>
  <c r="C24871" i="3"/>
  <c r="C24872" i="3"/>
  <c r="C24873" i="3"/>
  <c r="C24874" i="3"/>
  <c r="C24875" i="3"/>
  <c r="C24876" i="3"/>
  <c r="C24877" i="3"/>
  <c r="C24878" i="3"/>
  <c r="C24879" i="3"/>
  <c r="C24880" i="3"/>
  <c r="C24881" i="3"/>
  <c r="C24882" i="3"/>
  <c r="C24883" i="3"/>
  <c r="C24884" i="3"/>
  <c r="C24885" i="3"/>
  <c r="C24886" i="3"/>
  <c r="C24887" i="3"/>
  <c r="C24888" i="3"/>
  <c r="C24889" i="3"/>
  <c r="C24890" i="3"/>
  <c r="C24891" i="3"/>
  <c r="C24892" i="3"/>
  <c r="C24893" i="3"/>
  <c r="C24894" i="3"/>
  <c r="C24895" i="3"/>
  <c r="C24896" i="3"/>
  <c r="C24897" i="3"/>
  <c r="C24898" i="3"/>
  <c r="C24899" i="3"/>
  <c r="C24900" i="3"/>
  <c r="C24901" i="3"/>
  <c r="C24902" i="3"/>
  <c r="C24903" i="3"/>
  <c r="C24904" i="3"/>
  <c r="C24905" i="3"/>
  <c r="C24906" i="3"/>
  <c r="C24907" i="3"/>
  <c r="C24908" i="3"/>
  <c r="C24909" i="3"/>
  <c r="C24910" i="3"/>
  <c r="C24911" i="3"/>
  <c r="C24912" i="3"/>
  <c r="C24913" i="3"/>
  <c r="C24914" i="3"/>
  <c r="C24915" i="3"/>
  <c r="C24916" i="3"/>
  <c r="C24917" i="3"/>
  <c r="C24918" i="3"/>
  <c r="C24919" i="3"/>
  <c r="C24920" i="3"/>
  <c r="C24921" i="3"/>
  <c r="C24922" i="3"/>
  <c r="C24923" i="3"/>
  <c r="C24924" i="3"/>
  <c r="C24925" i="3"/>
  <c r="C24926" i="3"/>
  <c r="C24927" i="3"/>
  <c r="C24928" i="3"/>
  <c r="C24929" i="3"/>
  <c r="C24930" i="3"/>
  <c r="C24931" i="3"/>
  <c r="C24932" i="3"/>
  <c r="C24933" i="3"/>
  <c r="C24934" i="3"/>
  <c r="C24935" i="3"/>
  <c r="C24936" i="3"/>
  <c r="C24937" i="3"/>
  <c r="C24938" i="3"/>
  <c r="C24939" i="3"/>
  <c r="C24940" i="3"/>
  <c r="C24941" i="3"/>
  <c r="C24942" i="3"/>
  <c r="C24943" i="3"/>
  <c r="C24944" i="3"/>
  <c r="C24945" i="3"/>
  <c r="C24946" i="3"/>
  <c r="C24947" i="3"/>
  <c r="C24948" i="3"/>
  <c r="C24949" i="3"/>
  <c r="C24950" i="3"/>
  <c r="C24951" i="3"/>
  <c r="C24952" i="3"/>
  <c r="C24953" i="3"/>
  <c r="C24954" i="3"/>
  <c r="C24955" i="3"/>
  <c r="C24956" i="3"/>
  <c r="C24957" i="3"/>
  <c r="C24958" i="3"/>
  <c r="C24959" i="3"/>
  <c r="C24960" i="3"/>
  <c r="C24961" i="3"/>
  <c r="C24962" i="3"/>
  <c r="C24963" i="3"/>
  <c r="C24964" i="3"/>
  <c r="C24965" i="3"/>
  <c r="C24966" i="3"/>
  <c r="C24967" i="3"/>
  <c r="C24968" i="3"/>
  <c r="C24969" i="3"/>
  <c r="C24970" i="3"/>
  <c r="C24971" i="3"/>
  <c r="C24972" i="3"/>
  <c r="C24973" i="3"/>
  <c r="C24974" i="3"/>
  <c r="C24975" i="3"/>
  <c r="C24976" i="3"/>
  <c r="C24977" i="3"/>
  <c r="C24978" i="3"/>
  <c r="C24979" i="3"/>
  <c r="C24980" i="3"/>
  <c r="C24981" i="3"/>
  <c r="C24982" i="3"/>
  <c r="C24983" i="3"/>
  <c r="C24984" i="3"/>
  <c r="C24985" i="3"/>
  <c r="C24986" i="3"/>
  <c r="C24987" i="3"/>
  <c r="C24988" i="3"/>
  <c r="C24989" i="3"/>
  <c r="C24990" i="3"/>
  <c r="C24991" i="3"/>
  <c r="C24992" i="3"/>
  <c r="C24993" i="3"/>
  <c r="C24994" i="3"/>
  <c r="C24995" i="3"/>
  <c r="C24996" i="3"/>
  <c r="C24997" i="3"/>
  <c r="C24998" i="3"/>
  <c r="C24999" i="3"/>
  <c r="C25000" i="3"/>
  <c r="C25001" i="3"/>
  <c r="C25002" i="3"/>
  <c r="C25003" i="3"/>
  <c r="C25004" i="3"/>
  <c r="C25005" i="3"/>
  <c r="C25006" i="3"/>
  <c r="C25007" i="3"/>
  <c r="C25008" i="3"/>
  <c r="C25009" i="3"/>
  <c r="C25010" i="3"/>
  <c r="C25011" i="3"/>
  <c r="C25012" i="3"/>
  <c r="C25013" i="3"/>
  <c r="C25014" i="3"/>
  <c r="C25015" i="3"/>
  <c r="C25016" i="3"/>
  <c r="C25017" i="3"/>
  <c r="C25018" i="3"/>
  <c r="C25019" i="3"/>
  <c r="C25020" i="3"/>
  <c r="C25021" i="3"/>
  <c r="C25022" i="3"/>
  <c r="C25023" i="3"/>
  <c r="C25024" i="3"/>
  <c r="C25025" i="3"/>
  <c r="C25026" i="3"/>
  <c r="C25027" i="3"/>
  <c r="C25028" i="3"/>
  <c r="C25029" i="3"/>
  <c r="C25030" i="3"/>
  <c r="C25031" i="3"/>
  <c r="C25032" i="3"/>
  <c r="C25033" i="3"/>
  <c r="C25034" i="3"/>
  <c r="C25035" i="3"/>
  <c r="C25036" i="3"/>
  <c r="C25037" i="3"/>
  <c r="C25038" i="3"/>
  <c r="C25039" i="3"/>
  <c r="C25040" i="3"/>
  <c r="C25041" i="3"/>
  <c r="C25042" i="3"/>
  <c r="C25043" i="3"/>
  <c r="C25044" i="3"/>
  <c r="C25045" i="3"/>
  <c r="C25046" i="3"/>
  <c r="C25047" i="3"/>
  <c r="C25048" i="3"/>
  <c r="C25049" i="3"/>
  <c r="C25050" i="3"/>
  <c r="C25051" i="3"/>
  <c r="C25052" i="3"/>
  <c r="C25053" i="3"/>
  <c r="C25054" i="3"/>
  <c r="C25055" i="3"/>
  <c r="C25056" i="3"/>
  <c r="C25057" i="3"/>
  <c r="C25058" i="3"/>
  <c r="C25059" i="3"/>
  <c r="C25060" i="3"/>
  <c r="C25061" i="3"/>
  <c r="C25062" i="3"/>
  <c r="C25063" i="3"/>
  <c r="C25064" i="3"/>
  <c r="C25065" i="3"/>
  <c r="C25066" i="3"/>
  <c r="C25067" i="3"/>
  <c r="C25068" i="3"/>
  <c r="C25069" i="3"/>
  <c r="C25070" i="3"/>
  <c r="C25071" i="3"/>
  <c r="C25072" i="3"/>
  <c r="C25073" i="3"/>
  <c r="C25074" i="3"/>
  <c r="C25075" i="3"/>
  <c r="C25076" i="3"/>
  <c r="C25077" i="3"/>
  <c r="C25078" i="3"/>
  <c r="C25079" i="3"/>
  <c r="C25080" i="3"/>
  <c r="C25081" i="3"/>
  <c r="C25082" i="3"/>
  <c r="C25083" i="3"/>
  <c r="C25084" i="3"/>
  <c r="C25085" i="3"/>
  <c r="C25086" i="3"/>
  <c r="C25087" i="3"/>
  <c r="C25088" i="3"/>
  <c r="C25089" i="3"/>
  <c r="C25090" i="3"/>
  <c r="C25091" i="3"/>
  <c r="C25092" i="3"/>
  <c r="C25093" i="3"/>
  <c r="C25094" i="3"/>
  <c r="C25095" i="3"/>
  <c r="C25096" i="3"/>
  <c r="C25097" i="3"/>
  <c r="C25098" i="3"/>
  <c r="C25099" i="3"/>
  <c r="C25100" i="3"/>
  <c r="C25101" i="3"/>
  <c r="C25102" i="3"/>
  <c r="C25103" i="3"/>
  <c r="C25104" i="3"/>
  <c r="C25105" i="3"/>
  <c r="C25106" i="3"/>
  <c r="C25107" i="3"/>
  <c r="C25108" i="3"/>
  <c r="C25109" i="3"/>
  <c r="C25110" i="3"/>
  <c r="C25111" i="3"/>
  <c r="C25112" i="3"/>
  <c r="C25113" i="3"/>
  <c r="C25114" i="3"/>
  <c r="C25115" i="3"/>
  <c r="C25116" i="3"/>
  <c r="C25117" i="3"/>
  <c r="C25118" i="3"/>
  <c r="C25119" i="3"/>
  <c r="C25120" i="3"/>
  <c r="C25121" i="3"/>
  <c r="C25122" i="3"/>
  <c r="C25123" i="3"/>
  <c r="C25124" i="3"/>
  <c r="C25125" i="3"/>
  <c r="C25126" i="3"/>
  <c r="C25127" i="3"/>
  <c r="C25128" i="3"/>
  <c r="C25129" i="3"/>
  <c r="C25130" i="3"/>
  <c r="C25131" i="3"/>
  <c r="C25132" i="3"/>
  <c r="C25133" i="3"/>
  <c r="C25134" i="3"/>
  <c r="C25135" i="3"/>
  <c r="C25136" i="3"/>
  <c r="C25137" i="3"/>
  <c r="C25138" i="3"/>
  <c r="C25139" i="3"/>
  <c r="C25140" i="3"/>
  <c r="C25141" i="3"/>
  <c r="C25142" i="3"/>
  <c r="C25143" i="3"/>
  <c r="C25144" i="3"/>
  <c r="C25145" i="3"/>
  <c r="C25146" i="3"/>
  <c r="C25147" i="3"/>
  <c r="C25148" i="3"/>
  <c r="C25149" i="3"/>
  <c r="C25150" i="3"/>
  <c r="C25151" i="3"/>
  <c r="C25152" i="3"/>
  <c r="C25153" i="3"/>
  <c r="C25154" i="3"/>
  <c r="C25155" i="3"/>
  <c r="C25156" i="3"/>
  <c r="C25157" i="3"/>
  <c r="C25158" i="3"/>
  <c r="C25159" i="3"/>
  <c r="C25160" i="3"/>
  <c r="C25161" i="3"/>
  <c r="C25162" i="3"/>
  <c r="C25163" i="3"/>
  <c r="C25164" i="3"/>
  <c r="C25165" i="3"/>
  <c r="C25166" i="3"/>
  <c r="C25167" i="3"/>
  <c r="C25168" i="3"/>
  <c r="C25169" i="3"/>
  <c r="C25170" i="3"/>
  <c r="C25171" i="3"/>
  <c r="C25172" i="3"/>
  <c r="C25173" i="3"/>
  <c r="C25174" i="3"/>
  <c r="C25175" i="3"/>
  <c r="C25176" i="3"/>
  <c r="C25177" i="3"/>
  <c r="C25178" i="3"/>
  <c r="C25179" i="3"/>
  <c r="C25180" i="3"/>
  <c r="C25181" i="3"/>
  <c r="C25182" i="3"/>
  <c r="C25183" i="3"/>
  <c r="C25184" i="3"/>
  <c r="C25185" i="3"/>
  <c r="C25186" i="3"/>
  <c r="C25187" i="3"/>
  <c r="C25188" i="3"/>
  <c r="C25189" i="3"/>
  <c r="C25190" i="3"/>
  <c r="C25191" i="3"/>
  <c r="C25192" i="3"/>
  <c r="C25193" i="3"/>
  <c r="C25194" i="3"/>
  <c r="C25195" i="3"/>
  <c r="C25196" i="3"/>
  <c r="C25197" i="3"/>
  <c r="C25198" i="3"/>
  <c r="C25199" i="3"/>
  <c r="C25200" i="3"/>
  <c r="C25201" i="3"/>
  <c r="C25202" i="3"/>
  <c r="C25203" i="3"/>
  <c r="C25204" i="3"/>
  <c r="C25205" i="3"/>
  <c r="C25206" i="3"/>
  <c r="C25207" i="3"/>
  <c r="C25208" i="3"/>
  <c r="C25209" i="3"/>
  <c r="C25210" i="3"/>
  <c r="C25211" i="3"/>
  <c r="C25212" i="3"/>
  <c r="C25213" i="3"/>
  <c r="C25214" i="3"/>
  <c r="C25215" i="3"/>
  <c r="C25216" i="3"/>
  <c r="C25217" i="3"/>
  <c r="C25218" i="3"/>
  <c r="C25219" i="3"/>
  <c r="C25220" i="3"/>
  <c r="C25221" i="3"/>
  <c r="C25222" i="3"/>
  <c r="C25223" i="3"/>
  <c r="C25224" i="3"/>
  <c r="C25225" i="3"/>
  <c r="C25226" i="3"/>
  <c r="C25227" i="3"/>
  <c r="C25228" i="3"/>
  <c r="C25229" i="3"/>
  <c r="C25230" i="3"/>
  <c r="C25231" i="3"/>
  <c r="C25232" i="3"/>
  <c r="C25233" i="3"/>
  <c r="C25234" i="3"/>
  <c r="C25235" i="3"/>
  <c r="C25236" i="3"/>
  <c r="C25237" i="3"/>
  <c r="C25238" i="3"/>
  <c r="C25239" i="3"/>
  <c r="C25240" i="3"/>
  <c r="C25241" i="3"/>
  <c r="C25242" i="3"/>
  <c r="C25243" i="3"/>
  <c r="C25244" i="3"/>
  <c r="C25245" i="3"/>
  <c r="C25246" i="3"/>
  <c r="C25247" i="3"/>
  <c r="C25248" i="3"/>
  <c r="C25249" i="3"/>
  <c r="C25250" i="3"/>
  <c r="C25251" i="3"/>
  <c r="C25252" i="3"/>
  <c r="C25253" i="3"/>
  <c r="C25254" i="3"/>
  <c r="C25255" i="3"/>
  <c r="C25256" i="3"/>
  <c r="C25257" i="3"/>
  <c r="C25258" i="3"/>
  <c r="C25259" i="3"/>
  <c r="C25260" i="3"/>
  <c r="C25261" i="3"/>
  <c r="C25262" i="3"/>
  <c r="C25263" i="3"/>
  <c r="C25264" i="3"/>
  <c r="C25265" i="3"/>
  <c r="C25266" i="3"/>
  <c r="C25267" i="3"/>
  <c r="C25268" i="3"/>
  <c r="C25269" i="3"/>
  <c r="C25270" i="3"/>
  <c r="C25271" i="3"/>
  <c r="C25272" i="3"/>
  <c r="C25273" i="3"/>
  <c r="C25274" i="3"/>
  <c r="C25275" i="3"/>
  <c r="C25276" i="3"/>
  <c r="C25277" i="3"/>
  <c r="C25278" i="3"/>
  <c r="C25279" i="3"/>
  <c r="C25280" i="3"/>
  <c r="C25281" i="3"/>
  <c r="C25282" i="3"/>
  <c r="C25283" i="3"/>
  <c r="C25284" i="3"/>
  <c r="C25285" i="3"/>
  <c r="C25286" i="3"/>
  <c r="C25287" i="3"/>
  <c r="C25288" i="3"/>
  <c r="C25289" i="3"/>
  <c r="C25290" i="3"/>
  <c r="C25291" i="3"/>
  <c r="C25292" i="3"/>
  <c r="C25293" i="3"/>
  <c r="C25294" i="3"/>
  <c r="C25295" i="3"/>
  <c r="C25296" i="3"/>
  <c r="C25297" i="3"/>
  <c r="C25298" i="3"/>
  <c r="C25299" i="3"/>
  <c r="C25300" i="3"/>
  <c r="C25301" i="3"/>
  <c r="C25302" i="3"/>
  <c r="C25303" i="3"/>
  <c r="C25304" i="3"/>
  <c r="C25305" i="3"/>
  <c r="C25306" i="3"/>
  <c r="C25307" i="3"/>
  <c r="C25308" i="3"/>
  <c r="C25309" i="3"/>
  <c r="C25310" i="3"/>
  <c r="C25311" i="3"/>
  <c r="C25312" i="3"/>
  <c r="C25313" i="3"/>
  <c r="C25314" i="3"/>
  <c r="C25315" i="3"/>
  <c r="C25316" i="3"/>
  <c r="C25317" i="3"/>
  <c r="C25318" i="3"/>
  <c r="C25319" i="3"/>
  <c r="C25320" i="3"/>
  <c r="C25321" i="3"/>
  <c r="C25322" i="3"/>
  <c r="C25323" i="3"/>
  <c r="C25324" i="3"/>
  <c r="C25325" i="3"/>
  <c r="C25326" i="3"/>
  <c r="C25327" i="3"/>
  <c r="C25328" i="3"/>
  <c r="C25329" i="3"/>
  <c r="C25330" i="3"/>
  <c r="C25331" i="3"/>
  <c r="C25332" i="3"/>
  <c r="C25333" i="3"/>
  <c r="C25334" i="3"/>
  <c r="C25335" i="3"/>
  <c r="C25336" i="3"/>
  <c r="C25337" i="3"/>
  <c r="C25338" i="3"/>
  <c r="C25339" i="3"/>
  <c r="C25340" i="3"/>
  <c r="C25341" i="3"/>
  <c r="C25342" i="3"/>
  <c r="C25343" i="3"/>
  <c r="C25344" i="3"/>
  <c r="C25345" i="3"/>
  <c r="C25346" i="3"/>
  <c r="C25347" i="3"/>
  <c r="C25348" i="3"/>
  <c r="C25349" i="3"/>
  <c r="C25350" i="3"/>
  <c r="C25351" i="3"/>
  <c r="C25352" i="3"/>
  <c r="C25353" i="3"/>
  <c r="C25354" i="3"/>
  <c r="C25355" i="3"/>
  <c r="C25356" i="3"/>
  <c r="C25357" i="3"/>
  <c r="C25358" i="3"/>
  <c r="C25359" i="3"/>
  <c r="C25360" i="3"/>
  <c r="C25361" i="3"/>
  <c r="C25362" i="3"/>
  <c r="C25363" i="3"/>
  <c r="C25364" i="3"/>
  <c r="C25365" i="3"/>
  <c r="C25366" i="3"/>
  <c r="C25367" i="3"/>
  <c r="C25368" i="3"/>
  <c r="C25369" i="3"/>
  <c r="C25370" i="3"/>
  <c r="C25371" i="3"/>
  <c r="C25372" i="3"/>
  <c r="C25373" i="3"/>
  <c r="C25374" i="3"/>
  <c r="C25375" i="3"/>
  <c r="C25376" i="3"/>
  <c r="C25377" i="3"/>
  <c r="C25378" i="3"/>
  <c r="C25379" i="3"/>
  <c r="C25380" i="3"/>
  <c r="C25381" i="3"/>
  <c r="C25382" i="3"/>
  <c r="C25383" i="3"/>
  <c r="C25384" i="3"/>
  <c r="C25385" i="3"/>
  <c r="C25386" i="3"/>
  <c r="C25387" i="3"/>
  <c r="C25388" i="3"/>
  <c r="C25389" i="3"/>
  <c r="C25390" i="3"/>
  <c r="C25391" i="3"/>
  <c r="C25392" i="3"/>
  <c r="C25393" i="3"/>
  <c r="C25394" i="3"/>
  <c r="C25395" i="3"/>
  <c r="C25396" i="3"/>
  <c r="C25397" i="3"/>
  <c r="C25398" i="3"/>
  <c r="C25399" i="3"/>
  <c r="C25400" i="3"/>
  <c r="C25401" i="3"/>
  <c r="C25402" i="3"/>
  <c r="C25403" i="3"/>
  <c r="C25404" i="3"/>
  <c r="C25405" i="3"/>
  <c r="C25406" i="3"/>
  <c r="C25407" i="3"/>
  <c r="C25408" i="3"/>
  <c r="C25409" i="3"/>
  <c r="C25410" i="3"/>
  <c r="C25411" i="3"/>
  <c r="C25412" i="3"/>
  <c r="C25413" i="3"/>
  <c r="C25414" i="3"/>
  <c r="C25415" i="3"/>
  <c r="C25416" i="3"/>
  <c r="C25417" i="3"/>
  <c r="C25418" i="3"/>
  <c r="C25419" i="3"/>
  <c r="C25420" i="3"/>
  <c r="C25421" i="3"/>
  <c r="C25422" i="3"/>
  <c r="C25423" i="3"/>
  <c r="C25424" i="3"/>
  <c r="C25425" i="3"/>
  <c r="C25426" i="3"/>
  <c r="C25427" i="3"/>
  <c r="C25428" i="3"/>
  <c r="C25429" i="3"/>
  <c r="C25430" i="3"/>
  <c r="C25431" i="3"/>
  <c r="C25432" i="3"/>
  <c r="C25433" i="3"/>
  <c r="C25434" i="3"/>
  <c r="C25435" i="3"/>
  <c r="C25436" i="3"/>
  <c r="C25437" i="3"/>
  <c r="C25438" i="3"/>
  <c r="C25439" i="3"/>
  <c r="C25440" i="3"/>
  <c r="C25441" i="3"/>
  <c r="C25442" i="3"/>
  <c r="C25443" i="3"/>
  <c r="C25444" i="3"/>
  <c r="C25445" i="3"/>
  <c r="C25446" i="3"/>
  <c r="C25447" i="3"/>
  <c r="C25448" i="3"/>
  <c r="C25449" i="3"/>
  <c r="C25450" i="3"/>
  <c r="C25451" i="3"/>
  <c r="C25452" i="3"/>
  <c r="C25453" i="3"/>
  <c r="C25454" i="3"/>
  <c r="C25455" i="3"/>
  <c r="C25456" i="3"/>
  <c r="C25457" i="3"/>
  <c r="C25458" i="3"/>
  <c r="C25459" i="3"/>
  <c r="C25460" i="3"/>
  <c r="C25461" i="3"/>
  <c r="C25462" i="3"/>
  <c r="C25463" i="3"/>
  <c r="C25464" i="3"/>
  <c r="C25465" i="3"/>
  <c r="C25466" i="3"/>
  <c r="C25467" i="3"/>
  <c r="C25468" i="3"/>
  <c r="C25469" i="3"/>
  <c r="C25470" i="3"/>
  <c r="C25471" i="3"/>
  <c r="C25472" i="3"/>
  <c r="C25473" i="3"/>
  <c r="C25474" i="3"/>
  <c r="C25475" i="3"/>
  <c r="C25476" i="3"/>
  <c r="C25477" i="3"/>
  <c r="C25478" i="3"/>
  <c r="C25479" i="3"/>
  <c r="C25480" i="3"/>
  <c r="C25481" i="3"/>
  <c r="C25482" i="3"/>
  <c r="C25483" i="3"/>
  <c r="C25484" i="3"/>
  <c r="C25485" i="3"/>
  <c r="C25486" i="3"/>
  <c r="C25487" i="3"/>
  <c r="C25488" i="3"/>
  <c r="C25489" i="3"/>
  <c r="C25490" i="3"/>
  <c r="C25491" i="3"/>
  <c r="C25492" i="3"/>
  <c r="C25493" i="3"/>
  <c r="C25494" i="3"/>
  <c r="C25495" i="3"/>
  <c r="C25496" i="3"/>
  <c r="C25497" i="3"/>
  <c r="C25498" i="3"/>
  <c r="C25499" i="3"/>
  <c r="C25500" i="3"/>
  <c r="C25501" i="3"/>
  <c r="C25502" i="3"/>
  <c r="C25503" i="3"/>
  <c r="C25504" i="3"/>
  <c r="C25505" i="3"/>
  <c r="C25506" i="3"/>
  <c r="C25507" i="3"/>
  <c r="C25508" i="3"/>
  <c r="C25509" i="3"/>
  <c r="C25510" i="3"/>
  <c r="C25511" i="3"/>
  <c r="C25512" i="3"/>
  <c r="C25513" i="3"/>
  <c r="C25514" i="3"/>
  <c r="C25515" i="3"/>
  <c r="C25516" i="3"/>
  <c r="C25517" i="3"/>
  <c r="C25518" i="3"/>
  <c r="C25519" i="3"/>
  <c r="C25520" i="3"/>
  <c r="C25521" i="3"/>
  <c r="C25522" i="3"/>
  <c r="C25523" i="3"/>
  <c r="C25524" i="3"/>
  <c r="C25525" i="3"/>
  <c r="C25526" i="3"/>
  <c r="C25527" i="3"/>
  <c r="C25528" i="3"/>
  <c r="C25529" i="3"/>
  <c r="C25530" i="3"/>
  <c r="C25531" i="3"/>
  <c r="C25532" i="3"/>
  <c r="C25533" i="3"/>
  <c r="C25534" i="3"/>
  <c r="C25535" i="3"/>
  <c r="C25536" i="3"/>
  <c r="C25537" i="3"/>
  <c r="C25538" i="3"/>
  <c r="C25539" i="3"/>
  <c r="C25540" i="3"/>
  <c r="C25541" i="3"/>
  <c r="C25542" i="3"/>
  <c r="C25543" i="3"/>
  <c r="C25544" i="3"/>
  <c r="C25545" i="3"/>
  <c r="C25546" i="3"/>
  <c r="C25547" i="3"/>
  <c r="C25548" i="3"/>
  <c r="C25549" i="3"/>
  <c r="C25550" i="3"/>
  <c r="C25551" i="3"/>
  <c r="C25552" i="3"/>
  <c r="C25553" i="3"/>
  <c r="C25554" i="3"/>
  <c r="C25555" i="3"/>
  <c r="C25556" i="3"/>
  <c r="C25557" i="3"/>
  <c r="C25558" i="3"/>
  <c r="C25559" i="3"/>
  <c r="C25560" i="3"/>
  <c r="C25561" i="3"/>
  <c r="C25562" i="3"/>
  <c r="C25563" i="3"/>
  <c r="C25564" i="3"/>
  <c r="C25565" i="3"/>
  <c r="C25566" i="3"/>
  <c r="C25567" i="3"/>
  <c r="C25568" i="3"/>
  <c r="C25569" i="3"/>
  <c r="C25570" i="3"/>
  <c r="C25571" i="3"/>
  <c r="C25572" i="3"/>
  <c r="C25573" i="3"/>
  <c r="C25574" i="3"/>
  <c r="C25575" i="3"/>
  <c r="C25576" i="3"/>
  <c r="C25577" i="3"/>
  <c r="C25578" i="3"/>
  <c r="C25579" i="3"/>
  <c r="C25580" i="3"/>
  <c r="C25581" i="3"/>
  <c r="C25582" i="3"/>
  <c r="C25583" i="3"/>
  <c r="C25584" i="3"/>
  <c r="C25585" i="3"/>
  <c r="C25586" i="3"/>
  <c r="C25587" i="3"/>
  <c r="C25588" i="3"/>
  <c r="C25589" i="3"/>
  <c r="C25590" i="3"/>
  <c r="C25591" i="3"/>
  <c r="C25592" i="3"/>
  <c r="C25593" i="3"/>
  <c r="C25594" i="3"/>
  <c r="C25595" i="3"/>
  <c r="C25596" i="3"/>
  <c r="C25597" i="3"/>
  <c r="C25598" i="3"/>
  <c r="C25599" i="3"/>
  <c r="C25600" i="3"/>
  <c r="C25601" i="3"/>
  <c r="C25602" i="3"/>
  <c r="C25603" i="3"/>
  <c r="C25604" i="3"/>
  <c r="C25605" i="3"/>
  <c r="C25606" i="3"/>
  <c r="C25607" i="3"/>
  <c r="C25608" i="3"/>
  <c r="C25609" i="3"/>
  <c r="C25610" i="3"/>
  <c r="C25611" i="3"/>
  <c r="C25612" i="3"/>
  <c r="C25613" i="3"/>
  <c r="C25614" i="3"/>
  <c r="C25615" i="3"/>
  <c r="C25616" i="3"/>
  <c r="C25617" i="3"/>
  <c r="C25618" i="3"/>
  <c r="C25619" i="3"/>
  <c r="C25620" i="3"/>
  <c r="C25621" i="3"/>
  <c r="C25622" i="3"/>
  <c r="C25623" i="3"/>
  <c r="C25624" i="3"/>
  <c r="C25625" i="3"/>
  <c r="C25626" i="3"/>
  <c r="C25627" i="3"/>
  <c r="C25628" i="3"/>
  <c r="C25629" i="3"/>
  <c r="C25630" i="3"/>
  <c r="C25631" i="3"/>
  <c r="C25632" i="3"/>
  <c r="C25633" i="3"/>
  <c r="C25634" i="3"/>
  <c r="C25635" i="3"/>
  <c r="C25636" i="3"/>
  <c r="C25637" i="3"/>
  <c r="C25638" i="3"/>
  <c r="C25639" i="3"/>
  <c r="C25640" i="3"/>
  <c r="C25641" i="3"/>
  <c r="C25642" i="3"/>
  <c r="C25643" i="3"/>
  <c r="C25644" i="3"/>
  <c r="C25645" i="3"/>
  <c r="C25646" i="3"/>
  <c r="C25647" i="3"/>
  <c r="C25648" i="3"/>
  <c r="C25649" i="3"/>
  <c r="C25650" i="3"/>
  <c r="C25651" i="3"/>
  <c r="C25652" i="3"/>
  <c r="C25653" i="3"/>
  <c r="C25654" i="3"/>
  <c r="C25655" i="3"/>
  <c r="C25656" i="3"/>
  <c r="C25657" i="3"/>
  <c r="C25658" i="3"/>
  <c r="C25659" i="3"/>
  <c r="C25660" i="3"/>
  <c r="C25661" i="3"/>
  <c r="C25662" i="3"/>
  <c r="C25663" i="3"/>
  <c r="C25664" i="3"/>
  <c r="C25665" i="3"/>
  <c r="C25666" i="3"/>
  <c r="C25667" i="3"/>
  <c r="C25668" i="3"/>
  <c r="C25669" i="3"/>
  <c r="C25670" i="3"/>
  <c r="C25671" i="3"/>
  <c r="C25672" i="3"/>
  <c r="C25673" i="3"/>
  <c r="C25674" i="3"/>
  <c r="C25675" i="3"/>
  <c r="C25676" i="3"/>
  <c r="C25677" i="3"/>
  <c r="C25678" i="3"/>
  <c r="C25679" i="3"/>
  <c r="C25680" i="3"/>
  <c r="C25681" i="3"/>
  <c r="C25682" i="3"/>
  <c r="C25683" i="3"/>
  <c r="C25684" i="3"/>
  <c r="C25685" i="3"/>
  <c r="C25686" i="3"/>
  <c r="C25687" i="3"/>
  <c r="C25688" i="3"/>
  <c r="C25689" i="3"/>
  <c r="C25690" i="3"/>
  <c r="C25691" i="3"/>
  <c r="C25692" i="3"/>
  <c r="C25693" i="3"/>
  <c r="C25694" i="3"/>
  <c r="C25695" i="3"/>
  <c r="C25696" i="3"/>
  <c r="C25697" i="3"/>
  <c r="C25698" i="3"/>
  <c r="C25699" i="3"/>
  <c r="C25700" i="3"/>
  <c r="C25701" i="3"/>
  <c r="C25702" i="3"/>
  <c r="C25703" i="3"/>
  <c r="C25704" i="3"/>
  <c r="C25705" i="3"/>
  <c r="C25706" i="3"/>
  <c r="C25707" i="3"/>
  <c r="C25708" i="3"/>
  <c r="C25709" i="3"/>
  <c r="C25710" i="3"/>
  <c r="C25711" i="3"/>
  <c r="C25712" i="3"/>
  <c r="C25713" i="3"/>
  <c r="C25714" i="3"/>
  <c r="C25715" i="3"/>
  <c r="C25716" i="3"/>
  <c r="C25717" i="3"/>
  <c r="C25718" i="3"/>
  <c r="C25719" i="3"/>
  <c r="C25720" i="3"/>
  <c r="C25721" i="3"/>
  <c r="C25722" i="3"/>
  <c r="C25723" i="3"/>
  <c r="C25724" i="3"/>
  <c r="C25725" i="3"/>
  <c r="C25726" i="3"/>
  <c r="C25727" i="3"/>
  <c r="C25728" i="3"/>
  <c r="C25729" i="3"/>
  <c r="C25730" i="3"/>
  <c r="C25731" i="3"/>
  <c r="C25732" i="3"/>
  <c r="C25733" i="3"/>
  <c r="C25734" i="3"/>
  <c r="C25735" i="3"/>
  <c r="C25736" i="3"/>
  <c r="C25737" i="3"/>
  <c r="C25738" i="3"/>
  <c r="C25739" i="3"/>
  <c r="C25740" i="3"/>
  <c r="C25741" i="3"/>
  <c r="C25742" i="3"/>
  <c r="C25743" i="3"/>
  <c r="C25744" i="3"/>
  <c r="C25745" i="3"/>
  <c r="C25746" i="3"/>
  <c r="C25747" i="3"/>
  <c r="C25748" i="3"/>
  <c r="C25749" i="3"/>
  <c r="C25750" i="3"/>
  <c r="C25751" i="3"/>
  <c r="C25752" i="3"/>
  <c r="C25753" i="3"/>
  <c r="C25754" i="3"/>
  <c r="C25755" i="3"/>
  <c r="C25756" i="3"/>
  <c r="C25757" i="3"/>
  <c r="C25758" i="3"/>
  <c r="C25759" i="3"/>
  <c r="C25760" i="3"/>
  <c r="C25761" i="3"/>
  <c r="C25762" i="3"/>
  <c r="C25763" i="3"/>
  <c r="C25764" i="3"/>
  <c r="C25765" i="3"/>
  <c r="C25766" i="3"/>
  <c r="C25767" i="3"/>
  <c r="C25768" i="3"/>
  <c r="C25769" i="3"/>
  <c r="C25770" i="3"/>
  <c r="C25771" i="3"/>
  <c r="C25772" i="3"/>
  <c r="C25773" i="3"/>
  <c r="C25774" i="3"/>
  <c r="C25775" i="3"/>
  <c r="C25776" i="3"/>
  <c r="C25777" i="3"/>
  <c r="C25778" i="3"/>
  <c r="C25779" i="3"/>
  <c r="C25780" i="3"/>
  <c r="C25781" i="3"/>
  <c r="C25782" i="3"/>
  <c r="C25783" i="3"/>
  <c r="C25784" i="3"/>
  <c r="C25785" i="3"/>
  <c r="C25786" i="3"/>
  <c r="C25787" i="3"/>
  <c r="C25788" i="3"/>
  <c r="C25789" i="3"/>
  <c r="C25790" i="3"/>
  <c r="C25791" i="3"/>
  <c r="C25792" i="3"/>
  <c r="C25793" i="3"/>
  <c r="C25794" i="3"/>
  <c r="C25795" i="3"/>
  <c r="C25796" i="3"/>
  <c r="C25797" i="3"/>
  <c r="C25798" i="3"/>
  <c r="C25799" i="3"/>
  <c r="C25800" i="3"/>
  <c r="C25801" i="3"/>
  <c r="C25802" i="3"/>
  <c r="C25803" i="3"/>
  <c r="C25804" i="3"/>
  <c r="C25805" i="3"/>
  <c r="C25806" i="3"/>
  <c r="C25807" i="3"/>
  <c r="C25808" i="3"/>
  <c r="C25809" i="3"/>
  <c r="C25810" i="3"/>
  <c r="C25811" i="3"/>
  <c r="C25812" i="3"/>
  <c r="C25813" i="3"/>
  <c r="C25814" i="3"/>
  <c r="C25815" i="3"/>
  <c r="C25816" i="3"/>
  <c r="C25817" i="3"/>
  <c r="C25818" i="3"/>
  <c r="C25819" i="3"/>
  <c r="C25820" i="3"/>
  <c r="C25821" i="3"/>
  <c r="C25822" i="3"/>
  <c r="C25823" i="3"/>
  <c r="C25824" i="3"/>
  <c r="C25825" i="3"/>
  <c r="C25826" i="3"/>
  <c r="C25827" i="3"/>
  <c r="C25828" i="3"/>
  <c r="C25829" i="3"/>
  <c r="C25830" i="3"/>
  <c r="C25831" i="3"/>
  <c r="C25832" i="3"/>
  <c r="C25833" i="3"/>
  <c r="C25834" i="3"/>
  <c r="C25835" i="3"/>
  <c r="C25836" i="3"/>
  <c r="C25837" i="3"/>
  <c r="C25838" i="3"/>
  <c r="C25839" i="3"/>
  <c r="C25840" i="3"/>
  <c r="C25841" i="3"/>
  <c r="C25842" i="3"/>
  <c r="C25843" i="3"/>
  <c r="C25844" i="3"/>
  <c r="C25845" i="3"/>
  <c r="C25846" i="3"/>
  <c r="C25847" i="3"/>
  <c r="C25848" i="3"/>
  <c r="C25849" i="3"/>
  <c r="C25850" i="3"/>
  <c r="C25851" i="3"/>
  <c r="C25852" i="3"/>
  <c r="C25853" i="3"/>
  <c r="C25854" i="3"/>
  <c r="C25855" i="3"/>
  <c r="C25856" i="3"/>
  <c r="C25857" i="3"/>
  <c r="C25858" i="3"/>
  <c r="C25859" i="3"/>
  <c r="C25860" i="3"/>
  <c r="C25861" i="3"/>
  <c r="C25862" i="3"/>
  <c r="C25863" i="3"/>
  <c r="C25864" i="3"/>
  <c r="C25865" i="3"/>
  <c r="C25866" i="3"/>
  <c r="C25867" i="3"/>
  <c r="C25868" i="3"/>
  <c r="C25869" i="3"/>
  <c r="C25870" i="3"/>
  <c r="C25871" i="3"/>
  <c r="C25872" i="3"/>
  <c r="C25873" i="3"/>
  <c r="C25874" i="3"/>
  <c r="C25875" i="3"/>
  <c r="C25876" i="3"/>
  <c r="C25877" i="3"/>
  <c r="C25878" i="3"/>
  <c r="C25879" i="3"/>
  <c r="C25880" i="3"/>
  <c r="C25881" i="3"/>
  <c r="C25882" i="3"/>
  <c r="C25883" i="3"/>
  <c r="C25884" i="3"/>
  <c r="C25885" i="3"/>
  <c r="C25886" i="3"/>
  <c r="C25887" i="3"/>
  <c r="C25888" i="3"/>
  <c r="C25889" i="3"/>
  <c r="C25890" i="3"/>
  <c r="C25891" i="3"/>
  <c r="C25892" i="3"/>
  <c r="C25893" i="3"/>
  <c r="C25894" i="3"/>
  <c r="C25895" i="3"/>
  <c r="C25896" i="3"/>
  <c r="C25897" i="3"/>
  <c r="C25898" i="3"/>
  <c r="C25899" i="3"/>
  <c r="C25900" i="3"/>
  <c r="C25901" i="3"/>
  <c r="C25902" i="3"/>
  <c r="C25903" i="3"/>
  <c r="C25904" i="3"/>
  <c r="C25905" i="3"/>
  <c r="C25906" i="3"/>
  <c r="C25907" i="3"/>
  <c r="C25908" i="3"/>
  <c r="C25909" i="3"/>
  <c r="C25910" i="3"/>
  <c r="C25911" i="3"/>
  <c r="C25912" i="3"/>
  <c r="C25913" i="3"/>
  <c r="C25914" i="3"/>
  <c r="C25915" i="3"/>
  <c r="C25916" i="3"/>
  <c r="C25917" i="3"/>
  <c r="C25918" i="3"/>
  <c r="C25919" i="3"/>
  <c r="C25920" i="3"/>
  <c r="C25921" i="3"/>
  <c r="C25922" i="3"/>
  <c r="C25923" i="3"/>
  <c r="C25924" i="3"/>
  <c r="C25925" i="3"/>
  <c r="C25926" i="3"/>
  <c r="C25927" i="3"/>
  <c r="C25928" i="3"/>
  <c r="C25929" i="3"/>
  <c r="C25930" i="3"/>
  <c r="C25931" i="3"/>
  <c r="C25932" i="3"/>
  <c r="C25933" i="3"/>
  <c r="C25934" i="3"/>
  <c r="C25935" i="3"/>
  <c r="C25936" i="3"/>
  <c r="C25937" i="3"/>
  <c r="C25938" i="3"/>
  <c r="C25939" i="3"/>
  <c r="C25940" i="3"/>
  <c r="C25941" i="3"/>
  <c r="C25942" i="3"/>
  <c r="C25943" i="3"/>
  <c r="C25944" i="3"/>
  <c r="C25945" i="3"/>
  <c r="C25946" i="3"/>
  <c r="C25947" i="3"/>
  <c r="C25948" i="3"/>
  <c r="C25949" i="3"/>
  <c r="C25950" i="3"/>
  <c r="C25951" i="3"/>
  <c r="C25952" i="3"/>
  <c r="C25953" i="3"/>
  <c r="C25954" i="3"/>
  <c r="C25955" i="3"/>
  <c r="C25956" i="3"/>
  <c r="C25957" i="3"/>
  <c r="C25958" i="3"/>
  <c r="C25959" i="3"/>
  <c r="C25960" i="3"/>
  <c r="C25961" i="3"/>
  <c r="C25962" i="3"/>
  <c r="C25963" i="3"/>
  <c r="C25964" i="3"/>
  <c r="C25965" i="3"/>
  <c r="C25966" i="3"/>
  <c r="C25967" i="3"/>
  <c r="C25968" i="3"/>
  <c r="C25969" i="3"/>
  <c r="C25970" i="3"/>
  <c r="C25971" i="3"/>
  <c r="C25972" i="3"/>
  <c r="C25973" i="3"/>
  <c r="C25974" i="3"/>
  <c r="C25975" i="3"/>
  <c r="C25976" i="3"/>
  <c r="C25977" i="3"/>
  <c r="C25978" i="3"/>
  <c r="C25979" i="3"/>
  <c r="C25980" i="3"/>
  <c r="C25981" i="3"/>
  <c r="C25982" i="3"/>
  <c r="C25983" i="3"/>
  <c r="C25984" i="3"/>
  <c r="C25985" i="3"/>
  <c r="C25986" i="3"/>
  <c r="C25987" i="3"/>
  <c r="C25988" i="3"/>
  <c r="C25989" i="3"/>
  <c r="C25990" i="3"/>
  <c r="C25991" i="3"/>
  <c r="C25992" i="3"/>
  <c r="C25993" i="3"/>
  <c r="C25994" i="3"/>
  <c r="C25995" i="3"/>
  <c r="C25996" i="3"/>
  <c r="C25997" i="3"/>
  <c r="C25998" i="3"/>
  <c r="C25999" i="3"/>
  <c r="C26000" i="3"/>
  <c r="C26001" i="3"/>
  <c r="C26002" i="3"/>
  <c r="C26003" i="3"/>
  <c r="C26004" i="3"/>
  <c r="C26005" i="3"/>
  <c r="C26006" i="3"/>
  <c r="C26007" i="3"/>
  <c r="C26008" i="3"/>
  <c r="C26009" i="3"/>
  <c r="C26010" i="3"/>
  <c r="C26011" i="3"/>
  <c r="C26012" i="3"/>
  <c r="C26013" i="3"/>
  <c r="C26014" i="3"/>
  <c r="C26015" i="3"/>
  <c r="C26016" i="3"/>
  <c r="C26017" i="3"/>
  <c r="C26018" i="3"/>
  <c r="C26019" i="3"/>
  <c r="C26020" i="3"/>
  <c r="C26021" i="3"/>
  <c r="C26022" i="3"/>
  <c r="C26023" i="3"/>
  <c r="C26024" i="3"/>
  <c r="C26025" i="3"/>
  <c r="C26026" i="3"/>
  <c r="C26027" i="3"/>
  <c r="C26028" i="3"/>
  <c r="C26029" i="3"/>
  <c r="C26030" i="3"/>
  <c r="C26031" i="3"/>
  <c r="C26032" i="3"/>
  <c r="C26033" i="3"/>
  <c r="C26034" i="3"/>
  <c r="C26035" i="3"/>
  <c r="C26036" i="3"/>
  <c r="C26037" i="3"/>
  <c r="C26038" i="3"/>
  <c r="C26039" i="3"/>
  <c r="C26040" i="3"/>
  <c r="C26041" i="3"/>
  <c r="C26042" i="3"/>
  <c r="C26043" i="3"/>
  <c r="C26044" i="3"/>
  <c r="C26045" i="3"/>
  <c r="C26046" i="3"/>
  <c r="C26047" i="3"/>
  <c r="C26048" i="3"/>
  <c r="C26049" i="3"/>
  <c r="C26050" i="3"/>
  <c r="C26051" i="3"/>
  <c r="C26052" i="3"/>
  <c r="C26053" i="3"/>
  <c r="C26054" i="3"/>
  <c r="C26055" i="3"/>
  <c r="C26056" i="3"/>
  <c r="C26057" i="3"/>
  <c r="C26058" i="3"/>
  <c r="C26059" i="3"/>
  <c r="C26060" i="3"/>
  <c r="C26061" i="3"/>
  <c r="C26062" i="3"/>
  <c r="C26063" i="3"/>
  <c r="C26064" i="3"/>
  <c r="C26065" i="3"/>
  <c r="C26066" i="3"/>
  <c r="C26067" i="3"/>
  <c r="C26068" i="3"/>
  <c r="C26069" i="3"/>
  <c r="C26070" i="3"/>
  <c r="C26071" i="3"/>
  <c r="C26072" i="3"/>
  <c r="C26073" i="3"/>
  <c r="C26074" i="3"/>
  <c r="C26075" i="3"/>
  <c r="C26076" i="3"/>
  <c r="C26077" i="3"/>
  <c r="C26078" i="3"/>
  <c r="C26079" i="3"/>
  <c r="C26080" i="3"/>
  <c r="C26081" i="3"/>
  <c r="C26082" i="3"/>
  <c r="C26083" i="3"/>
  <c r="C26084" i="3"/>
  <c r="C26085" i="3"/>
  <c r="C26086" i="3"/>
  <c r="C26087" i="3"/>
  <c r="C26088" i="3"/>
  <c r="C26089" i="3"/>
  <c r="C26090" i="3"/>
  <c r="C26091" i="3"/>
  <c r="C26092" i="3"/>
  <c r="C26093" i="3"/>
  <c r="C26094" i="3"/>
  <c r="C26095" i="3"/>
  <c r="C26096" i="3"/>
  <c r="C26097" i="3"/>
  <c r="C26098" i="3"/>
  <c r="C26099" i="3"/>
  <c r="C26100" i="3"/>
  <c r="C26101" i="3"/>
  <c r="C26102" i="3"/>
  <c r="C26103" i="3"/>
  <c r="C26104" i="3"/>
  <c r="C26105" i="3"/>
  <c r="C26106" i="3"/>
  <c r="C26107" i="3"/>
  <c r="C26108" i="3"/>
  <c r="C26109" i="3"/>
  <c r="C26110" i="3"/>
  <c r="C26111" i="3"/>
  <c r="C26112" i="3"/>
  <c r="C26113" i="3"/>
  <c r="C26114" i="3"/>
  <c r="C26115" i="3"/>
  <c r="C26116" i="3"/>
  <c r="C26117" i="3"/>
  <c r="C26118" i="3"/>
  <c r="C26119" i="3"/>
  <c r="C26120" i="3"/>
  <c r="C26121" i="3"/>
  <c r="C26122" i="3"/>
  <c r="C26123" i="3"/>
  <c r="C26124" i="3"/>
  <c r="C26125" i="3"/>
  <c r="C26126" i="3"/>
  <c r="C26127" i="3"/>
  <c r="C26128" i="3"/>
  <c r="C26129" i="3"/>
  <c r="C26130" i="3"/>
  <c r="C26131" i="3"/>
  <c r="C26132" i="3"/>
  <c r="C26133" i="3"/>
  <c r="C26134" i="3"/>
  <c r="C26135" i="3"/>
  <c r="C26136" i="3"/>
  <c r="C26137" i="3"/>
  <c r="C26138" i="3"/>
  <c r="C26139" i="3"/>
  <c r="C26140" i="3"/>
  <c r="C26141" i="3"/>
  <c r="C26142" i="3"/>
  <c r="C26143" i="3"/>
  <c r="C26144" i="3"/>
  <c r="C26145" i="3"/>
  <c r="C26146" i="3"/>
  <c r="C26147" i="3"/>
  <c r="C26148" i="3"/>
  <c r="C26149" i="3"/>
  <c r="C26150" i="3"/>
  <c r="C26151" i="3"/>
  <c r="C26152" i="3"/>
  <c r="C26153" i="3"/>
  <c r="C26154" i="3"/>
  <c r="C26155" i="3"/>
  <c r="C26156" i="3"/>
  <c r="C26157" i="3"/>
  <c r="C26158" i="3"/>
  <c r="C26159" i="3"/>
  <c r="C26160" i="3"/>
  <c r="C26161" i="3"/>
  <c r="C26162" i="3"/>
  <c r="C26163" i="3"/>
  <c r="C26164" i="3"/>
  <c r="C26165" i="3"/>
  <c r="C26166" i="3"/>
  <c r="C26167" i="3"/>
  <c r="C26168" i="3"/>
  <c r="C26169" i="3"/>
  <c r="C26170" i="3"/>
  <c r="C26171" i="3"/>
  <c r="C26172" i="3"/>
  <c r="C26173" i="3"/>
  <c r="C26174" i="3"/>
  <c r="C26175" i="3"/>
  <c r="C26176" i="3"/>
  <c r="C26177" i="3"/>
  <c r="C26178" i="3"/>
  <c r="C26179" i="3"/>
  <c r="C26180" i="3"/>
  <c r="C26181" i="3"/>
  <c r="C26182" i="3"/>
  <c r="C26183" i="3"/>
  <c r="C26184" i="3"/>
  <c r="C26185" i="3"/>
  <c r="C26186" i="3"/>
  <c r="C26187" i="3"/>
  <c r="C26188" i="3"/>
  <c r="C26189" i="3"/>
  <c r="C26190" i="3"/>
  <c r="C26191" i="3"/>
  <c r="C26192" i="3"/>
  <c r="C26193" i="3"/>
  <c r="C26194" i="3"/>
  <c r="C26195" i="3"/>
  <c r="C26196" i="3"/>
  <c r="C26197" i="3"/>
  <c r="C26198" i="3"/>
  <c r="C26199" i="3"/>
  <c r="C26200" i="3"/>
  <c r="C26201" i="3"/>
  <c r="C26202" i="3"/>
  <c r="C26203" i="3"/>
  <c r="C26204" i="3"/>
  <c r="C26205" i="3"/>
  <c r="C26206" i="3"/>
  <c r="C26207" i="3"/>
  <c r="C26208" i="3"/>
  <c r="C26209" i="3"/>
  <c r="C26210" i="3"/>
  <c r="C26211" i="3"/>
  <c r="C26212" i="3"/>
  <c r="C26213" i="3"/>
  <c r="C26214" i="3"/>
  <c r="C26215" i="3"/>
  <c r="C26216" i="3"/>
  <c r="C26217" i="3"/>
  <c r="C26218" i="3"/>
  <c r="C26219" i="3"/>
  <c r="C26220" i="3"/>
  <c r="C26221" i="3"/>
  <c r="C26222" i="3"/>
  <c r="C26223" i="3"/>
  <c r="C26224" i="3"/>
  <c r="C26225" i="3"/>
  <c r="C26226" i="3"/>
  <c r="C26227" i="3"/>
  <c r="C26228" i="3"/>
  <c r="C26229" i="3"/>
  <c r="C26230" i="3"/>
  <c r="C26231" i="3"/>
  <c r="C26232" i="3"/>
  <c r="C26233" i="3"/>
  <c r="C26234" i="3"/>
  <c r="C26235" i="3"/>
  <c r="C26236" i="3"/>
  <c r="C26237" i="3"/>
  <c r="C26238" i="3"/>
  <c r="C26239" i="3"/>
  <c r="C26240" i="3"/>
  <c r="C26241" i="3"/>
  <c r="C26242" i="3"/>
  <c r="C26243" i="3"/>
  <c r="C26244" i="3"/>
  <c r="C26245" i="3"/>
  <c r="C26246" i="3"/>
  <c r="C26247" i="3"/>
  <c r="C26248" i="3"/>
  <c r="C26249" i="3"/>
  <c r="C26250" i="3"/>
  <c r="C26251" i="3"/>
  <c r="C26252" i="3"/>
  <c r="C26253" i="3"/>
  <c r="C26254" i="3"/>
  <c r="C26255" i="3"/>
  <c r="C26256" i="3"/>
  <c r="C26257" i="3"/>
  <c r="C26258" i="3"/>
  <c r="C26259" i="3"/>
  <c r="C26260" i="3"/>
  <c r="C26261" i="3"/>
  <c r="C26262" i="3"/>
  <c r="C26263" i="3"/>
  <c r="C26264" i="3"/>
  <c r="C26265" i="3"/>
  <c r="C26266" i="3"/>
  <c r="C26267" i="3"/>
  <c r="C26268" i="3"/>
  <c r="C26269" i="3"/>
  <c r="C26270" i="3"/>
  <c r="C26271" i="3"/>
  <c r="C26272" i="3"/>
  <c r="C26273" i="3"/>
  <c r="C26274" i="3"/>
  <c r="C26275" i="3"/>
  <c r="C26276" i="3"/>
  <c r="C26277" i="3"/>
  <c r="C26278" i="3"/>
  <c r="C26279" i="3"/>
  <c r="C26280" i="3"/>
  <c r="C26281" i="3"/>
  <c r="C26282" i="3"/>
  <c r="C26283" i="3"/>
  <c r="C26284" i="3"/>
  <c r="C26285" i="3"/>
  <c r="C26286" i="3"/>
  <c r="C26287" i="3"/>
  <c r="C26288" i="3"/>
  <c r="C26289" i="3"/>
  <c r="C26290" i="3"/>
  <c r="C26291" i="3"/>
  <c r="C26292" i="3"/>
  <c r="C26293" i="3"/>
  <c r="C26294" i="3"/>
  <c r="C26295" i="3"/>
  <c r="C26296" i="3"/>
  <c r="C26297" i="3"/>
  <c r="C26298" i="3"/>
  <c r="C26299" i="3"/>
  <c r="C26300" i="3"/>
  <c r="C26301" i="3"/>
  <c r="C26302" i="3"/>
  <c r="C26303" i="3"/>
  <c r="C26304" i="3"/>
  <c r="C26305" i="3"/>
  <c r="C26306" i="3"/>
  <c r="C26307" i="3"/>
  <c r="C26308" i="3"/>
  <c r="C26309" i="3"/>
  <c r="C26310" i="3"/>
  <c r="C26311" i="3"/>
  <c r="C26312" i="3"/>
  <c r="C26313" i="3"/>
  <c r="C26314" i="3"/>
  <c r="C26315" i="3"/>
  <c r="C26316" i="3"/>
  <c r="C26317" i="3"/>
  <c r="C26318" i="3"/>
  <c r="C26319" i="3"/>
  <c r="C26320" i="3"/>
  <c r="C26321" i="3"/>
  <c r="C26322" i="3"/>
  <c r="C26323" i="3"/>
  <c r="C26324" i="3"/>
  <c r="C26325" i="3"/>
  <c r="C26326" i="3"/>
  <c r="C26327" i="3"/>
  <c r="C26328" i="3"/>
  <c r="C26329" i="3"/>
  <c r="C26330" i="3"/>
  <c r="C26331" i="3"/>
  <c r="C26332" i="3"/>
  <c r="C26333" i="3"/>
  <c r="C26334" i="3"/>
  <c r="C26335" i="3"/>
  <c r="C26336" i="3"/>
  <c r="C26337" i="3"/>
  <c r="C26338" i="3"/>
  <c r="C26339" i="3"/>
  <c r="C26340" i="3"/>
  <c r="C26341" i="3"/>
  <c r="C26342" i="3"/>
  <c r="C26343" i="3"/>
  <c r="C26344" i="3"/>
  <c r="C26345" i="3"/>
  <c r="C26346" i="3"/>
  <c r="C26347" i="3"/>
  <c r="C26348" i="3"/>
  <c r="C26349" i="3"/>
  <c r="C26350" i="3"/>
  <c r="C26351" i="3"/>
  <c r="C26352" i="3"/>
  <c r="C26353" i="3"/>
  <c r="C26354" i="3"/>
  <c r="C26355" i="3"/>
  <c r="C26356" i="3"/>
  <c r="C26357" i="3"/>
  <c r="C26358" i="3"/>
  <c r="C26359" i="3"/>
  <c r="C26360" i="3"/>
  <c r="C26361" i="3"/>
  <c r="C26362" i="3"/>
  <c r="C26363" i="3"/>
  <c r="C26364" i="3"/>
  <c r="C26365" i="3"/>
  <c r="C26366" i="3"/>
  <c r="C26367" i="3"/>
  <c r="C26368" i="3"/>
  <c r="C26369" i="3"/>
  <c r="C26370" i="3"/>
  <c r="C26371" i="3"/>
  <c r="C26372" i="3"/>
  <c r="C26373" i="3"/>
  <c r="C26374" i="3"/>
  <c r="C26375" i="3"/>
  <c r="C26376" i="3"/>
  <c r="C26377" i="3"/>
  <c r="C26378" i="3"/>
  <c r="C26379" i="3"/>
  <c r="C26380" i="3"/>
  <c r="C26381" i="3"/>
  <c r="C26382" i="3"/>
  <c r="C26383" i="3"/>
  <c r="C26384" i="3"/>
  <c r="C26385" i="3"/>
  <c r="C26386" i="3"/>
  <c r="C26387" i="3"/>
  <c r="C26388" i="3"/>
  <c r="C26389" i="3"/>
  <c r="C26390" i="3"/>
  <c r="C26391" i="3"/>
  <c r="C26392" i="3"/>
  <c r="C26393" i="3"/>
  <c r="C26394" i="3"/>
  <c r="C26395" i="3"/>
  <c r="C26396" i="3"/>
  <c r="C26397" i="3"/>
  <c r="C26398" i="3"/>
  <c r="C26399" i="3"/>
  <c r="C26400" i="3"/>
  <c r="C26401" i="3"/>
  <c r="C26402" i="3"/>
  <c r="C26403" i="3"/>
  <c r="C26404" i="3"/>
  <c r="C26405" i="3"/>
  <c r="C26406" i="3"/>
  <c r="C26407" i="3"/>
  <c r="C26408" i="3"/>
  <c r="C26409" i="3"/>
  <c r="C26410" i="3"/>
  <c r="C26411" i="3"/>
  <c r="C26412" i="3"/>
  <c r="C26413" i="3"/>
  <c r="C26414" i="3"/>
  <c r="C26415" i="3"/>
  <c r="C26416" i="3"/>
  <c r="C26417" i="3"/>
  <c r="C26418" i="3"/>
  <c r="C26419" i="3"/>
  <c r="C26420" i="3"/>
  <c r="C26421" i="3"/>
  <c r="C26422" i="3"/>
  <c r="C26423" i="3"/>
  <c r="C26424" i="3"/>
  <c r="C26425" i="3"/>
  <c r="C26426" i="3"/>
  <c r="C26427" i="3"/>
  <c r="C26428" i="3"/>
  <c r="C26429" i="3"/>
  <c r="C26430" i="3"/>
  <c r="C26431" i="3"/>
  <c r="C26432" i="3"/>
  <c r="C26433" i="3"/>
  <c r="C26434" i="3"/>
  <c r="C26435" i="3"/>
  <c r="C26436" i="3"/>
  <c r="C26437" i="3"/>
  <c r="C26438" i="3"/>
  <c r="C26439" i="3"/>
  <c r="C26440" i="3"/>
  <c r="C26441" i="3"/>
  <c r="C26442" i="3"/>
  <c r="C26443" i="3"/>
  <c r="C26444" i="3"/>
  <c r="C26445" i="3"/>
  <c r="C26446" i="3"/>
  <c r="C26447" i="3"/>
  <c r="C26448" i="3"/>
  <c r="C26449" i="3"/>
  <c r="C26450" i="3"/>
  <c r="C26451" i="3"/>
  <c r="C26452" i="3"/>
  <c r="C26453" i="3"/>
  <c r="C26454" i="3"/>
  <c r="C26455" i="3"/>
  <c r="C26456" i="3"/>
  <c r="C26457" i="3"/>
  <c r="C26458" i="3"/>
  <c r="C26459" i="3"/>
  <c r="C26460" i="3"/>
  <c r="C26461" i="3"/>
  <c r="C26462" i="3"/>
  <c r="C26463" i="3"/>
  <c r="C26464" i="3"/>
  <c r="C26465" i="3"/>
  <c r="C26466" i="3"/>
  <c r="C26467" i="3"/>
  <c r="C26468" i="3"/>
  <c r="C26469" i="3"/>
  <c r="C26470" i="3"/>
  <c r="C26471" i="3"/>
  <c r="C26472" i="3"/>
  <c r="C26473" i="3"/>
  <c r="C26474" i="3"/>
  <c r="C26475" i="3"/>
  <c r="C26476" i="3"/>
  <c r="C26477" i="3"/>
  <c r="C26478" i="3"/>
  <c r="C26479" i="3"/>
  <c r="C26480" i="3"/>
  <c r="C26481" i="3"/>
  <c r="C26482" i="3"/>
  <c r="C26483" i="3"/>
  <c r="C26484" i="3"/>
  <c r="C26485" i="3"/>
  <c r="C26486" i="3"/>
  <c r="C26487" i="3"/>
  <c r="C26488" i="3"/>
  <c r="C26489" i="3"/>
  <c r="C26490" i="3"/>
  <c r="C26491" i="3"/>
  <c r="C26492" i="3"/>
  <c r="C26493" i="3"/>
  <c r="C26494" i="3"/>
  <c r="C26495" i="3"/>
  <c r="C26496" i="3"/>
  <c r="C26497" i="3"/>
  <c r="C26498" i="3"/>
  <c r="C26499" i="3"/>
  <c r="C26500" i="3"/>
  <c r="C26501" i="3"/>
  <c r="C26502" i="3"/>
  <c r="C26503" i="3"/>
  <c r="C26504" i="3"/>
  <c r="C26505" i="3"/>
  <c r="C26506" i="3"/>
  <c r="C26507" i="3"/>
  <c r="C26508" i="3"/>
  <c r="C26509" i="3"/>
  <c r="C26510" i="3"/>
  <c r="C26511" i="3"/>
  <c r="C26512" i="3"/>
  <c r="C26513" i="3"/>
  <c r="C26514" i="3"/>
  <c r="C26515" i="3"/>
  <c r="C26516" i="3"/>
  <c r="C26517" i="3"/>
  <c r="C26518" i="3"/>
  <c r="C26519" i="3"/>
  <c r="C26520" i="3"/>
  <c r="C26521" i="3"/>
  <c r="C26522" i="3"/>
  <c r="C26523" i="3"/>
  <c r="C26524" i="3"/>
  <c r="C26525" i="3"/>
  <c r="C26526" i="3"/>
  <c r="C26527" i="3"/>
  <c r="C26528" i="3"/>
  <c r="C26529" i="3"/>
  <c r="C26530" i="3"/>
  <c r="C26531" i="3"/>
  <c r="C26532" i="3"/>
  <c r="C26533" i="3"/>
  <c r="C26534" i="3"/>
  <c r="C26535" i="3"/>
  <c r="C26536" i="3"/>
  <c r="C26537" i="3"/>
  <c r="C26538" i="3"/>
  <c r="C26539" i="3"/>
  <c r="C26540" i="3"/>
  <c r="C26541" i="3"/>
  <c r="C26542" i="3"/>
  <c r="C26543" i="3"/>
  <c r="C26544" i="3"/>
  <c r="C26545" i="3"/>
  <c r="C26546" i="3"/>
  <c r="C26547" i="3"/>
  <c r="C26548" i="3"/>
  <c r="C26549" i="3"/>
  <c r="C26550" i="3"/>
  <c r="C26551" i="3"/>
  <c r="C26552" i="3"/>
  <c r="C26553" i="3"/>
  <c r="C26554" i="3"/>
  <c r="C26555" i="3"/>
  <c r="C26556" i="3"/>
  <c r="C26557" i="3"/>
  <c r="C26558" i="3"/>
  <c r="C26559" i="3"/>
  <c r="C26560" i="3"/>
  <c r="C26561" i="3"/>
  <c r="C26562" i="3"/>
  <c r="C26563" i="3"/>
  <c r="C26564" i="3"/>
  <c r="C26565" i="3"/>
  <c r="C26566" i="3"/>
  <c r="C26567" i="3"/>
  <c r="C26568" i="3"/>
  <c r="C26569" i="3"/>
  <c r="C26570" i="3"/>
  <c r="C26571" i="3"/>
  <c r="C26572" i="3"/>
  <c r="C26573" i="3"/>
  <c r="C26574" i="3"/>
  <c r="C26575" i="3"/>
  <c r="C26576" i="3"/>
  <c r="C26577" i="3"/>
  <c r="C26578" i="3"/>
  <c r="C26579" i="3"/>
  <c r="C26580" i="3"/>
  <c r="C26581" i="3"/>
  <c r="C26582" i="3"/>
  <c r="C26583" i="3"/>
  <c r="C26584" i="3"/>
  <c r="C26585" i="3"/>
  <c r="C26586" i="3"/>
  <c r="C26587" i="3"/>
  <c r="C26588" i="3"/>
  <c r="C26589" i="3"/>
  <c r="C26590" i="3"/>
  <c r="C26591" i="3"/>
  <c r="C26592" i="3"/>
  <c r="C26593" i="3"/>
  <c r="C26594" i="3"/>
  <c r="C26595" i="3"/>
  <c r="C26596" i="3"/>
  <c r="C26597" i="3"/>
  <c r="C26598" i="3"/>
  <c r="C26599" i="3"/>
  <c r="C26600" i="3"/>
  <c r="C26601" i="3"/>
  <c r="C26602" i="3"/>
  <c r="C26603" i="3"/>
  <c r="C26604" i="3"/>
  <c r="C26605" i="3"/>
  <c r="C26606" i="3"/>
  <c r="C26607" i="3"/>
  <c r="C26608" i="3"/>
  <c r="C26609" i="3"/>
  <c r="C26610" i="3"/>
  <c r="C26611" i="3"/>
  <c r="C26612" i="3"/>
  <c r="C26613" i="3"/>
  <c r="C26614" i="3"/>
  <c r="C26615" i="3"/>
  <c r="C26616" i="3"/>
  <c r="C26617" i="3"/>
  <c r="C26618" i="3"/>
  <c r="C26619" i="3"/>
  <c r="C26620" i="3"/>
  <c r="C26621" i="3"/>
  <c r="C26622" i="3"/>
  <c r="C26623" i="3"/>
  <c r="C26624" i="3"/>
  <c r="C26625" i="3"/>
  <c r="C26626" i="3"/>
  <c r="C26627" i="3"/>
  <c r="C26628" i="3"/>
  <c r="C26629" i="3"/>
  <c r="C26630" i="3"/>
  <c r="C26631" i="3"/>
  <c r="C26632" i="3"/>
  <c r="C26633" i="3"/>
  <c r="C26634" i="3"/>
  <c r="C26635" i="3"/>
  <c r="C26636" i="3"/>
  <c r="C26637" i="3"/>
  <c r="C26638" i="3"/>
  <c r="C26639" i="3"/>
  <c r="C26640" i="3"/>
  <c r="C26641" i="3"/>
  <c r="C26642" i="3"/>
  <c r="C26643" i="3"/>
  <c r="C26644" i="3"/>
  <c r="C26645" i="3"/>
  <c r="C26646" i="3"/>
  <c r="C26647" i="3"/>
  <c r="C26648" i="3"/>
  <c r="C26649" i="3"/>
  <c r="C26650" i="3"/>
  <c r="C26651" i="3"/>
  <c r="C26652" i="3"/>
  <c r="C26653" i="3"/>
  <c r="C26654" i="3"/>
  <c r="C26655" i="3"/>
  <c r="C26656" i="3"/>
  <c r="C26657" i="3"/>
  <c r="C26658" i="3"/>
  <c r="C26659" i="3"/>
  <c r="C26660" i="3"/>
  <c r="C26661" i="3"/>
  <c r="C26662" i="3"/>
  <c r="C26663" i="3"/>
  <c r="C26664" i="3"/>
  <c r="C26665" i="3"/>
  <c r="C26666" i="3"/>
  <c r="C26667" i="3"/>
  <c r="C26668" i="3"/>
  <c r="C26669" i="3"/>
  <c r="C26670" i="3"/>
  <c r="C26671" i="3"/>
  <c r="C26672" i="3"/>
  <c r="C26673" i="3"/>
  <c r="C26674" i="3"/>
  <c r="C26675" i="3"/>
  <c r="C26676" i="3"/>
  <c r="C26677" i="3"/>
  <c r="C26678" i="3"/>
  <c r="C26679" i="3"/>
  <c r="C26680" i="3"/>
  <c r="C26681" i="3"/>
  <c r="C26682" i="3"/>
  <c r="C26683" i="3"/>
  <c r="C26684" i="3"/>
  <c r="C26685" i="3"/>
  <c r="C26686" i="3"/>
  <c r="C26687" i="3"/>
  <c r="C26688" i="3"/>
  <c r="C26689" i="3"/>
  <c r="C26690" i="3"/>
  <c r="C26691" i="3"/>
  <c r="C26692" i="3"/>
  <c r="C26693" i="3"/>
  <c r="C26694" i="3"/>
  <c r="C26695" i="3"/>
  <c r="C26696" i="3"/>
  <c r="C26697" i="3"/>
  <c r="C26698" i="3"/>
  <c r="C26699" i="3"/>
  <c r="C26700" i="3"/>
  <c r="C26701" i="3"/>
  <c r="C26702" i="3"/>
  <c r="C26703" i="3"/>
  <c r="C26704" i="3"/>
  <c r="C26705" i="3"/>
  <c r="C26706" i="3"/>
  <c r="C26707" i="3"/>
  <c r="C26708" i="3"/>
  <c r="C26709" i="3"/>
  <c r="C26710" i="3"/>
  <c r="C26711" i="3"/>
  <c r="C26712" i="3"/>
  <c r="C26713" i="3"/>
  <c r="C26714" i="3"/>
  <c r="C26715" i="3"/>
  <c r="C26716" i="3"/>
  <c r="C26717" i="3"/>
  <c r="C26718" i="3"/>
  <c r="C26719" i="3"/>
  <c r="C26720" i="3"/>
  <c r="C26721" i="3"/>
  <c r="C26722" i="3"/>
  <c r="C26723" i="3"/>
  <c r="C26724" i="3"/>
  <c r="C26725" i="3"/>
  <c r="C26726" i="3"/>
  <c r="C26727" i="3"/>
  <c r="C26728" i="3"/>
  <c r="C26729" i="3"/>
  <c r="C26730" i="3"/>
  <c r="C26731" i="3"/>
  <c r="C26732" i="3"/>
  <c r="C26733" i="3"/>
  <c r="C26734" i="3"/>
  <c r="C26735" i="3"/>
  <c r="C26736" i="3"/>
  <c r="C26737" i="3"/>
  <c r="C26738" i="3"/>
  <c r="C26739" i="3"/>
  <c r="C26740" i="3"/>
  <c r="C26741" i="3"/>
  <c r="C26742" i="3"/>
  <c r="C26743" i="3"/>
  <c r="C26744" i="3"/>
  <c r="C26745" i="3"/>
  <c r="C26746" i="3"/>
  <c r="C26747" i="3"/>
  <c r="C26748" i="3"/>
  <c r="C26749" i="3"/>
  <c r="C26750" i="3"/>
  <c r="C26751" i="3"/>
  <c r="C26752" i="3"/>
  <c r="C26753" i="3"/>
  <c r="C26754" i="3"/>
  <c r="C26755" i="3"/>
  <c r="C26756" i="3"/>
  <c r="C26757" i="3"/>
  <c r="C26758" i="3"/>
  <c r="C26759" i="3"/>
  <c r="C26760" i="3"/>
  <c r="C26761" i="3"/>
  <c r="C26762" i="3"/>
  <c r="C26763" i="3"/>
  <c r="C26764" i="3"/>
  <c r="C26765" i="3"/>
  <c r="C26766" i="3"/>
  <c r="C26767" i="3"/>
  <c r="C26768" i="3"/>
  <c r="C26769" i="3"/>
  <c r="C26770" i="3"/>
  <c r="C26771" i="3"/>
  <c r="C26772" i="3"/>
  <c r="C26773" i="3"/>
  <c r="C26774" i="3"/>
  <c r="C26775" i="3"/>
  <c r="C26776" i="3"/>
  <c r="C26777" i="3"/>
  <c r="C26778" i="3"/>
  <c r="C26779" i="3"/>
  <c r="C26780" i="3"/>
  <c r="C26781" i="3"/>
  <c r="C26782" i="3"/>
  <c r="C26783" i="3"/>
  <c r="C26784" i="3"/>
  <c r="C26785" i="3"/>
  <c r="C26786" i="3"/>
  <c r="C26787" i="3"/>
  <c r="C26788" i="3"/>
  <c r="C26789" i="3"/>
  <c r="C26790" i="3"/>
  <c r="C26791" i="3"/>
  <c r="C26792" i="3"/>
  <c r="C26793" i="3"/>
  <c r="C26794" i="3"/>
  <c r="C26795" i="3"/>
  <c r="C26796" i="3"/>
  <c r="C26797" i="3"/>
  <c r="C26798" i="3"/>
  <c r="C26799" i="3"/>
  <c r="C26800" i="3"/>
  <c r="C26801" i="3"/>
  <c r="C26802" i="3"/>
  <c r="C26803" i="3"/>
  <c r="C26804" i="3"/>
  <c r="C26805" i="3"/>
  <c r="C26806" i="3"/>
  <c r="C26807" i="3"/>
  <c r="C26808" i="3"/>
  <c r="C26809" i="3"/>
  <c r="C26810" i="3"/>
  <c r="C26811" i="3"/>
  <c r="C26812" i="3"/>
  <c r="C26813" i="3"/>
  <c r="C26814" i="3"/>
  <c r="C26815" i="3"/>
  <c r="C26816" i="3"/>
  <c r="C26817" i="3"/>
  <c r="C26818" i="3"/>
  <c r="C26819" i="3"/>
  <c r="C26820" i="3"/>
  <c r="C26821" i="3"/>
  <c r="C26822" i="3"/>
  <c r="C26823" i="3"/>
  <c r="C26824" i="3"/>
  <c r="C26825" i="3"/>
  <c r="C26826" i="3"/>
  <c r="C26827" i="3"/>
  <c r="C26828" i="3"/>
  <c r="C26829" i="3"/>
  <c r="C26830" i="3"/>
  <c r="C26831" i="3"/>
  <c r="C26832" i="3"/>
  <c r="C26833" i="3"/>
  <c r="C26834" i="3"/>
  <c r="C26835" i="3"/>
  <c r="C26836" i="3"/>
  <c r="C26837" i="3"/>
  <c r="C26838" i="3"/>
  <c r="C26839" i="3"/>
  <c r="C26840" i="3"/>
  <c r="C26841" i="3"/>
  <c r="C26842" i="3"/>
  <c r="C26843" i="3"/>
  <c r="C26844" i="3"/>
  <c r="C26845" i="3"/>
  <c r="C26846" i="3"/>
  <c r="C26847" i="3"/>
  <c r="C26848" i="3"/>
  <c r="C26849" i="3"/>
  <c r="C26850" i="3"/>
  <c r="C26851" i="3"/>
  <c r="C26852" i="3"/>
  <c r="C26853" i="3"/>
  <c r="C26854" i="3"/>
  <c r="C26855" i="3"/>
  <c r="C26856" i="3"/>
  <c r="C26857" i="3"/>
  <c r="C26858" i="3"/>
  <c r="C26859" i="3"/>
  <c r="C26860" i="3"/>
  <c r="C26861" i="3"/>
  <c r="C26862" i="3"/>
  <c r="C26863" i="3"/>
  <c r="C26864" i="3"/>
  <c r="C26865" i="3"/>
  <c r="C26866" i="3"/>
  <c r="C26867" i="3"/>
  <c r="C26868" i="3"/>
  <c r="C26869" i="3"/>
  <c r="C26870" i="3"/>
  <c r="C26871" i="3"/>
  <c r="C26872" i="3"/>
  <c r="C26873" i="3"/>
  <c r="C26874" i="3"/>
  <c r="C26875" i="3"/>
  <c r="C26876" i="3"/>
  <c r="C26877" i="3"/>
  <c r="C26878" i="3"/>
  <c r="C26879" i="3"/>
  <c r="C26880" i="3"/>
  <c r="C26881" i="3"/>
  <c r="C26882" i="3"/>
  <c r="C26883" i="3"/>
  <c r="C26884" i="3"/>
  <c r="C26885" i="3"/>
  <c r="C26886" i="3"/>
  <c r="C26887" i="3"/>
  <c r="C26888" i="3"/>
  <c r="C26889" i="3"/>
  <c r="C26890" i="3"/>
  <c r="C26891" i="3"/>
  <c r="C26892" i="3"/>
  <c r="C26893" i="3"/>
  <c r="C26894" i="3"/>
  <c r="C26895" i="3"/>
  <c r="C26896" i="3"/>
  <c r="C26897" i="3"/>
  <c r="C26898" i="3"/>
  <c r="C26899" i="3"/>
  <c r="C26900" i="3"/>
  <c r="C26901" i="3"/>
  <c r="C26902" i="3"/>
  <c r="C26903" i="3"/>
  <c r="C26904" i="3"/>
  <c r="C26905" i="3"/>
  <c r="C26906" i="3"/>
  <c r="C26907" i="3"/>
  <c r="C26908" i="3"/>
  <c r="C26909" i="3"/>
  <c r="C26910" i="3"/>
  <c r="C26911" i="3"/>
  <c r="C26912" i="3"/>
  <c r="C26913" i="3"/>
  <c r="C26914" i="3"/>
  <c r="C26915" i="3"/>
  <c r="C26916" i="3"/>
  <c r="C26917" i="3"/>
  <c r="C26918" i="3"/>
  <c r="C26919" i="3"/>
  <c r="C26920" i="3"/>
  <c r="C26921" i="3"/>
  <c r="C26922" i="3"/>
  <c r="C26923" i="3"/>
  <c r="C26924" i="3"/>
  <c r="C26925" i="3"/>
  <c r="C26926" i="3"/>
  <c r="C26927" i="3"/>
  <c r="C26928" i="3"/>
  <c r="C26929" i="3"/>
  <c r="C26930" i="3"/>
  <c r="C26931" i="3"/>
  <c r="C26932" i="3"/>
  <c r="C26933" i="3"/>
  <c r="C26934" i="3"/>
  <c r="C26935" i="3"/>
  <c r="C26936" i="3"/>
  <c r="C26937" i="3"/>
  <c r="C26938" i="3"/>
  <c r="C26939" i="3"/>
  <c r="C26940" i="3"/>
  <c r="C26941" i="3"/>
  <c r="C26942" i="3"/>
  <c r="C26943" i="3"/>
  <c r="C26944" i="3"/>
  <c r="C26945" i="3"/>
  <c r="C26946" i="3"/>
  <c r="C26947" i="3"/>
  <c r="C26948" i="3"/>
  <c r="C26949" i="3"/>
  <c r="C26950" i="3"/>
  <c r="C26951" i="3"/>
  <c r="C26952" i="3"/>
  <c r="C26953" i="3"/>
  <c r="C26954" i="3"/>
  <c r="C26955" i="3"/>
  <c r="C26956" i="3"/>
  <c r="C26957" i="3"/>
  <c r="C26958" i="3"/>
  <c r="C26959" i="3"/>
  <c r="C26960" i="3"/>
  <c r="C26961" i="3"/>
  <c r="C26962" i="3"/>
  <c r="C26963" i="3"/>
  <c r="C26964" i="3"/>
  <c r="C26965" i="3"/>
  <c r="C26966" i="3"/>
  <c r="C26967" i="3"/>
  <c r="C26968" i="3"/>
  <c r="C26969" i="3"/>
  <c r="C26970" i="3"/>
  <c r="C26971" i="3"/>
  <c r="C26972" i="3"/>
  <c r="C26973" i="3"/>
  <c r="C26974" i="3"/>
  <c r="C26975" i="3"/>
  <c r="C26976" i="3"/>
  <c r="C26977" i="3"/>
  <c r="C26978" i="3"/>
  <c r="C26979" i="3"/>
  <c r="C26980" i="3"/>
  <c r="C26981" i="3"/>
  <c r="C26982" i="3"/>
  <c r="C26983" i="3"/>
  <c r="C26984" i="3"/>
  <c r="C26985" i="3"/>
  <c r="C26986" i="3"/>
  <c r="C26987" i="3"/>
  <c r="C26988" i="3"/>
  <c r="C26989" i="3"/>
  <c r="C26990" i="3"/>
  <c r="C26991" i="3"/>
  <c r="C26992" i="3"/>
  <c r="C26993" i="3"/>
  <c r="C26994" i="3"/>
  <c r="C26995" i="3"/>
  <c r="C26996" i="3"/>
  <c r="C26997" i="3"/>
  <c r="C26998" i="3"/>
  <c r="C26999" i="3"/>
  <c r="C27000" i="3"/>
  <c r="C27001" i="3"/>
  <c r="C27002" i="3"/>
  <c r="C27003" i="3"/>
  <c r="C27004" i="3"/>
  <c r="C27005" i="3"/>
  <c r="C27006" i="3"/>
  <c r="C27007" i="3"/>
  <c r="C27008" i="3"/>
  <c r="C27009" i="3"/>
  <c r="C27010" i="3"/>
  <c r="C27011" i="3"/>
  <c r="C27012" i="3"/>
  <c r="C27013" i="3"/>
  <c r="C27014" i="3"/>
  <c r="C27015" i="3"/>
  <c r="C27016" i="3"/>
  <c r="C27017" i="3"/>
  <c r="C27018" i="3"/>
  <c r="C27019" i="3"/>
  <c r="C27020" i="3"/>
  <c r="C27021" i="3"/>
  <c r="C27022" i="3"/>
  <c r="C27023" i="3"/>
  <c r="C27024" i="3"/>
  <c r="C27025" i="3"/>
  <c r="C27026" i="3"/>
  <c r="C27027" i="3"/>
  <c r="C27028" i="3"/>
  <c r="C27029" i="3"/>
  <c r="C27030" i="3"/>
  <c r="C27031" i="3"/>
  <c r="C27032" i="3"/>
  <c r="C27033" i="3"/>
  <c r="C27034" i="3"/>
  <c r="C27035" i="3"/>
  <c r="C27036" i="3"/>
  <c r="C27037" i="3"/>
  <c r="C27038" i="3"/>
  <c r="C27039" i="3"/>
  <c r="C27040" i="3"/>
  <c r="C27041" i="3"/>
  <c r="C27042" i="3"/>
  <c r="C27043" i="3"/>
  <c r="C27044" i="3"/>
  <c r="C27045" i="3"/>
  <c r="C27046" i="3"/>
  <c r="C27047" i="3"/>
  <c r="C27048" i="3"/>
  <c r="C27049" i="3"/>
  <c r="C27050" i="3"/>
  <c r="C27051" i="3"/>
  <c r="C27052" i="3"/>
  <c r="C27053" i="3"/>
  <c r="C27054" i="3"/>
  <c r="C27055" i="3"/>
  <c r="C27056" i="3"/>
  <c r="C27057" i="3"/>
  <c r="C27058" i="3"/>
  <c r="C27059" i="3"/>
  <c r="C27060" i="3"/>
  <c r="C27061" i="3"/>
  <c r="C27062" i="3"/>
  <c r="C27063" i="3"/>
  <c r="C27064" i="3"/>
  <c r="C27065" i="3"/>
  <c r="C27066" i="3"/>
  <c r="C27067" i="3"/>
  <c r="C27068" i="3"/>
  <c r="C27069" i="3"/>
  <c r="C27070" i="3"/>
  <c r="C27071" i="3"/>
  <c r="C27072" i="3"/>
  <c r="C27073" i="3"/>
  <c r="C27074" i="3"/>
  <c r="C27075" i="3"/>
  <c r="C27076" i="3"/>
  <c r="C27077" i="3"/>
  <c r="C27078" i="3"/>
  <c r="C27079" i="3"/>
  <c r="C27080" i="3"/>
  <c r="C27081" i="3"/>
  <c r="C27082" i="3"/>
  <c r="C27083" i="3"/>
  <c r="C27084" i="3"/>
  <c r="C27085" i="3"/>
  <c r="C27086" i="3"/>
  <c r="C27087" i="3"/>
  <c r="C27088" i="3"/>
  <c r="C27089" i="3"/>
  <c r="C27090" i="3"/>
  <c r="C27091" i="3"/>
  <c r="C27092" i="3"/>
  <c r="C27093" i="3"/>
  <c r="C27094" i="3"/>
  <c r="C27095" i="3"/>
  <c r="C27096" i="3"/>
  <c r="C27097" i="3"/>
  <c r="C27098" i="3"/>
  <c r="C27099" i="3"/>
  <c r="C27100" i="3"/>
  <c r="C27101" i="3"/>
  <c r="C27102" i="3"/>
  <c r="C27103" i="3"/>
  <c r="C27104" i="3"/>
  <c r="C27105" i="3"/>
  <c r="C27106" i="3"/>
  <c r="C27107" i="3"/>
  <c r="C27108" i="3"/>
  <c r="C27109" i="3"/>
  <c r="C27110" i="3"/>
  <c r="C27111" i="3"/>
  <c r="C27112" i="3"/>
  <c r="C27113" i="3"/>
  <c r="C27114" i="3"/>
  <c r="C27115" i="3"/>
  <c r="C27116" i="3"/>
  <c r="C27117" i="3"/>
  <c r="C27118" i="3"/>
  <c r="C27119" i="3"/>
  <c r="C27120" i="3"/>
  <c r="C27121" i="3"/>
  <c r="C27122" i="3"/>
  <c r="C27123" i="3"/>
  <c r="C27124" i="3"/>
  <c r="C27125" i="3"/>
  <c r="C27126" i="3"/>
  <c r="C27127" i="3"/>
  <c r="C27128" i="3"/>
  <c r="C27129" i="3"/>
  <c r="C27130" i="3"/>
  <c r="C27131" i="3"/>
  <c r="C27132" i="3"/>
  <c r="C27133" i="3"/>
  <c r="C27134" i="3"/>
  <c r="C27135" i="3"/>
  <c r="C27136" i="3"/>
  <c r="C27137" i="3"/>
  <c r="C27138" i="3"/>
  <c r="C27139" i="3"/>
  <c r="C27140" i="3"/>
  <c r="C27141" i="3"/>
  <c r="C27142" i="3"/>
  <c r="C27143" i="3"/>
  <c r="C27144" i="3"/>
  <c r="C27145" i="3"/>
  <c r="C27146" i="3"/>
  <c r="C27147" i="3"/>
  <c r="C27148" i="3"/>
  <c r="C27149" i="3"/>
  <c r="C27150" i="3"/>
  <c r="C27151" i="3"/>
  <c r="C27152" i="3"/>
  <c r="C27153" i="3"/>
  <c r="C27154" i="3"/>
  <c r="C27155" i="3"/>
  <c r="C27156" i="3"/>
  <c r="C27157" i="3"/>
  <c r="C27158" i="3"/>
  <c r="C27159" i="3"/>
  <c r="C27160" i="3"/>
  <c r="C27161" i="3"/>
  <c r="C27162" i="3"/>
  <c r="C27163" i="3"/>
  <c r="C27164" i="3"/>
  <c r="C27165" i="3"/>
  <c r="C27166" i="3"/>
  <c r="C27167" i="3"/>
  <c r="C27168" i="3"/>
  <c r="C27169" i="3"/>
  <c r="C27170" i="3"/>
  <c r="C27171" i="3"/>
  <c r="C27172" i="3"/>
  <c r="C27173" i="3"/>
  <c r="C27174" i="3"/>
  <c r="C27175" i="3"/>
  <c r="C27176" i="3"/>
  <c r="C27177" i="3"/>
  <c r="C27178" i="3"/>
  <c r="C27179" i="3"/>
  <c r="C27180" i="3"/>
  <c r="C27181" i="3"/>
  <c r="C27182" i="3"/>
  <c r="C27183" i="3"/>
  <c r="C27184" i="3"/>
  <c r="C27185" i="3"/>
  <c r="C27186" i="3"/>
  <c r="C27187" i="3"/>
  <c r="C27188" i="3"/>
  <c r="C27189" i="3"/>
  <c r="C27190" i="3"/>
  <c r="C27191" i="3"/>
  <c r="C27192" i="3"/>
  <c r="C27193" i="3"/>
  <c r="C27194" i="3"/>
  <c r="C27195" i="3"/>
  <c r="C27196" i="3"/>
  <c r="C27197" i="3"/>
  <c r="C27198" i="3"/>
  <c r="C27199" i="3"/>
  <c r="C27200" i="3"/>
  <c r="C27201" i="3"/>
  <c r="C27202" i="3"/>
  <c r="C27203" i="3"/>
  <c r="C27204" i="3"/>
  <c r="C27205" i="3"/>
  <c r="C27206" i="3"/>
  <c r="C27207" i="3"/>
  <c r="C27208" i="3"/>
  <c r="C27209" i="3"/>
  <c r="C27210" i="3"/>
  <c r="C27211" i="3"/>
  <c r="C27212" i="3"/>
  <c r="C27213" i="3"/>
  <c r="C27214" i="3"/>
  <c r="C27215" i="3"/>
  <c r="C27216" i="3"/>
  <c r="C27217" i="3"/>
  <c r="C27218" i="3"/>
  <c r="C27219" i="3"/>
  <c r="C27220" i="3"/>
  <c r="C27221" i="3"/>
  <c r="C27222" i="3"/>
  <c r="C27223" i="3"/>
  <c r="C27224" i="3"/>
  <c r="C27225" i="3"/>
  <c r="C27226" i="3"/>
  <c r="C27227" i="3"/>
  <c r="C27228" i="3"/>
  <c r="C27229" i="3"/>
  <c r="C27230" i="3"/>
  <c r="C27231" i="3"/>
  <c r="C27232" i="3"/>
  <c r="C27233" i="3"/>
  <c r="C27234" i="3"/>
  <c r="C27235" i="3"/>
  <c r="C27236" i="3"/>
  <c r="C27237" i="3"/>
  <c r="C27238" i="3"/>
  <c r="C27239" i="3"/>
  <c r="C27240" i="3"/>
  <c r="C27241" i="3"/>
  <c r="C27242" i="3"/>
  <c r="C27243" i="3"/>
  <c r="C27244" i="3"/>
  <c r="C27245" i="3"/>
  <c r="C27246" i="3"/>
  <c r="C27247" i="3"/>
  <c r="C27248" i="3"/>
  <c r="C27249" i="3"/>
  <c r="C27250" i="3"/>
  <c r="C27251" i="3"/>
  <c r="C27252" i="3"/>
  <c r="C27253" i="3"/>
  <c r="C27254" i="3"/>
  <c r="C27255" i="3"/>
  <c r="C27256" i="3"/>
  <c r="C27257" i="3"/>
  <c r="C27258" i="3"/>
  <c r="C27259" i="3"/>
  <c r="C27260" i="3"/>
  <c r="C27261" i="3"/>
  <c r="C27262" i="3"/>
  <c r="C27263" i="3"/>
  <c r="C27264" i="3"/>
  <c r="C27265" i="3"/>
  <c r="C27266" i="3"/>
  <c r="C27267" i="3"/>
  <c r="C27268" i="3"/>
  <c r="C27269" i="3"/>
  <c r="C27270" i="3"/>
  <c r="C27271" i="3"/>
  <c r="C27272" i="3"/>
  <c r="C27273" i="3"/>
  <c r="C27274" i="3"/>
  <c r="C27275" i="3"/>
  <c r="C27276" i="3"/>
  <c r="C27277" i="3"/>
  <c r="C27278" i="3"/>
  <c r="C27279" i="3"/>
  <c r="C27280" i="3"/>
  <c r="C27281" i="3"/>
  <c r="C27282" i="3"/>
  <c r="C27283" i="3"/>
  <c r="C27284" i="3"/>
  <c r="C27285" i="3"/>
  <c r="C27286" i="3"/>
  <c r="C27287" i="3"/>
  <c r="C27288" i="3"/>
  <c r="C27289" i="3"/>
  <c r="C27290" i="3"/>
  <c r="C27291" i="3"/>
  <c r="C27292" i="3"/>
  <c r="C27293" i="3"/>
  <c r="C27294" i="3"/>
  <c r="C27295" i="3"/>
  <c r="C27296" i="3"/>
  <c r="C27297" i="3"/>
  <c r="C27298" i="3"/>
  <c r="C27299" i="3"/>
  <c r="C27300" i="3"/>
  <c r="C27301" i="3"/>
  <c r="C27302" i="3"/>
  <c r="C27303" i="3"/>
  <c r="C27304" i="3"/>
  <c r="C27305" i="3"/>
  <c r="C27306" i="3"/>
  <c r="C27307" i="3"/>
  <c r="C27308" i="3"/>
  <c r="C27309" i="3"/>
  <c r="C27310" i="3"/>
  <c r="C27311" i="3"/>
  <c r="C27312" i="3"/>
  <c r="C27313" i="3"/>
  <c r="C27314" i="3"/>
  <c r="C27315" i="3"/>
  <c r="C27316" i="3"/>
  <c r="C27317" i="3"/>
  <c r="C27318" i="3"/>
  <c r="C27319" i="3"/>
  <c r="C27320" i="3"/>
  <c r="C27321" i="3"/>
  <c r="C27322" i="3"/>
  <c r="C27323" i="3"/>
  <c r="C27324" i="3"/>
  <c r="C27325" i="3"/>
  <c r="C27326" i="3"/>
  <c r="C27327" i="3"/>
  <c r="C27328" i="3"/>
  <c r="C27329" i="3"/>
  <c r="C27330" i="3"/>
  <c r="C27331" i="3"/>
  <c r="C27332" i="3"/>
  <c r="C27333" i="3"/>
  <c r="C27334" i="3"/>
  <c r="C27335" i="3"/>
  <c r="C27336" i="3"/>
  <c r="C27337" i="3"/>
  <c r="C27338" i="3"/>
  <c r="C27339" i="3"/>
  <c r="C27340" i="3"/>
  <c r="C27341" i="3"/>
  <c r="C27342" i="3"/>
  <c r="C27343" i="3"/>
  <c r="C27344" i="3"/>
  <c r="C27345" i="3"/>
  <c r="C27346" i="3"/>
  <c r="C27347" i="3"/>
  <c r="C27348" i="3"/>
  <c r="C27349" i="3"/>
  <c r="C27350" i="3"/>
  <c r="C27351" i="3"/>
  <c r="C27352" i="3"/>
  <c r="C27353" i="3"/>
  <c r="C27354" i="3"/>
  <c r="C27355" i="3"/>
  <c r="C27356" i="3"/>
  <c r="C27357" i="3"/>
  <c r="C27358" i="3"/>
  <c r="C27359" i="3"/>
  <c r="C27360" i="3"/>
  <c r="C27361" i="3"/>
  <c r="C27362" i="3"/>
  <c r="C27363" i="3"/>
  <c r="C27364" i="3"/>
  <c r="C27365" i="3"/>
  <c r="C27366" i="3"/>
  <c r="C27367" i="3"/>
  <c r="C27368" i="3"/>
  <c r="C27369" i="3"/>
  <c r="C27370" i="3"/>
  <c r="C27371" i="3"/>
  <c r="C27372" i="3"/>
  <c r="C27373" i="3"/>
  <c r="C27374" i="3"/>
  <c r="C27375" i="3"/>
  <c r="C27376" i="3"/>
  <c r="C27377" i="3"/>
  <c r="C27378" i="3"/>
  <c r="C27379" i="3"/>
  <c r="C27380" i="3"/>
  <c r="C27381" i="3"/>
  <c r="C27382" i="3"/>
  <c r="C27383" i="3"/>
  <c r="C27384" i="3"/>
  <c r="C27385" i="3"/>
  <c r="C27386" i="3"/>
  <c r="C27387" i="3"/>
  <c r="C27388" i="3"/>
  <c r="C27389" i="3"/>
  <c r="C27390" i="3"/>
  <c r="C27391" i="3"/>
  <c r="C27392" i="3"/>
  <c r="C27393" i="3"/>
  <c r="C27394" i="3"/>
  <c r="C27395" i="3"/>
  <c r="C27396" i="3"/>
  <c r="C27397" i="3"/>
  <c r="C27398" i="3"/>
  <c r="C27399" i="3"/>
  <c r="C27400" i="3"/>
  <c r="C27401" i="3"/>
  <c r="C27402" i="3"/>
  <c r="C27403" i="3"/>
  <c r="C27404" i="3"/>
  <c r="C27405" i="3"/>
  <c r="C27406" i="3"/>
  <c r="C27407" i="3"/>
  <c r="C27408" i="3"/>
  <c r="C27409" i="3"/>
  <c r="C27410" i="3"/>
  <c r="C27411" i="3"/>
  <c r="C27412" i="3"/>
  <c r="C27413" i="3"/>
  <c r="C27414" i="3"/>
  <c r="C27415" i="3"/>
  <c r="C27416" i="3"/>
  <c r="C27417" i="3"/>
  <c r="C27418" i="3"/>
  <c r="C27419" i="3"/>
  <c r="C27420" i="3"/>
  <c r="C27421" i="3"/>
  <c r="C27422" i="3"/>
  <c r="C27423" i="3"/>
  <c r="C27424" i="3"/>
  <c r="C27425" i="3"/>
  <c r="C27426" i="3"/>
  <c r="C27427" i="3"/>
  <c r="C27428" i="3"/>
  <c r="C27429" i="3"/>
  <c r="C27430" i="3"/>
  <c r="C27431" i="3"/>
  <c r="C27432" i="3"/>
  <c r="C27433" i="3"/>
  <c r="C27434" i="3"/>
  <c r="C27435" i="3"/>
  <c r="C27436" i="3"/>
  <c r="C27437" i="3"/>
  <c r="C27438" i="3"/>
  <c r="C27439" i="3"/>
  <c r="C27440" i="3"/>
  <c r="C27441" i="3"/>
  <c r="C27442" i="3"/>
  <c r="C27443" i="3"/>
  <c r="C27444" i="3"/>
  <c r="C27445" i="3"/>
  <c r="C27446" i="3"/>
  <c r="C27447" i="3"/>
  <c r="C27448" i="3"/>
  <c r="C27449" i="3"/>
  <c r="C27450" i="3"/>
  <c r="C27451" i="3"/>
  <c r="C27452" i="3"/>
  <c r="C27453" i="3"/>
  <c r="C27454" i="3"/>
  <c r="C27455" i="3"/>
  <c r="C27456" i="3"/>
  <c r="C27457" i="3"/>
  <c r="C27458" i="3"/>
  <c r="C27459" i="3"/>
  <c r="C27460" i="3"/>
  <c r="C27461" i="3"/>
  <c r="C27462" i="3"/>
  <c r="C27463" i="3"/>
  <c r="C27464" i="3"/>
  <c r="C27465" i="3"/>
  <c r="C27466" i="3"/>
  <c r="C27467" i="3"/>
  <c r="C27468" i="3"/>
  <c r="C27469" i="3"/>
  <c r="C27470" i="3"/>
  <c r="C27471" i="3"/>
  <c r="C27472" i="3"/>
  <c r="C27473" i="3"/>
  <c r="C27474" i="3"/>
  <c r="C27475" i="3"/>
  <c r="C27476" i="3"/>
  <c r="C27477" i="3"/>
  <c r="C27478" i="3"/>
  <c r="C27479" i="3"/>
  <c r="C27480" i="3"/>
  <c r="C27481" i="3"/>
  <c r="C27482" i="3"/>
  <c r="C27483" i="3"/>
  <c r="C27484" i="3"/>
  <c r="C27485" i="3"/>
  <c r="C27486" i="3"/>
  <c r="C27487" i="3"/>
  <c r="C27488" i="3"/>
  <c r="C27489" i="3"/>
  <c r="C27490" i="3"/>
  <c r="C27491" i="3"/>
  <c r="C27492" i="3"/>
  <c r="C27493" i="3"/>
  <c r="C27494" i="3"/>
  <c r="C27495" i="3"/>
  <c r="C27496" i="3"/>
  <c r="C27497" i="3"/>
  <c r="C27498" i="3"/>
  <c r="C27499" i="3"/>
  <c r="C27500" i="3"/>
  <c r="C27501" i="3"/>
  <c r="C27502" i="3"/>
  <c r="C27503" i="3"/>
  <c r="C27504" i="3"/>
  <c r="C27505" i="3"/>
  <c r="C27506" i="3"/>
  <c r="C27507" i="3"/>
  <c r="C27508" i="3"/>
  <c r="C27509" i="3"/>
  <c r="C27510" i="3"/>
  <c r="C27511" i="3"/>
  <c r="C27512" i="3"/>
  <c r="C27513" i="3"/>
  <c r="C27514" i="3"/>
  <c r="C27515" i="3"/>
  <c r="C27516" i="3"/>
  <c r="C27517" i="3"/>
  <c r="C27518" i="3"/>
  <c r="C27519" i="3"/>
  <c r="C27520" i="3"/>
  <c r="C27521" i="3"/>
  <c r="C27522" i="3"/>
  <c r="C27523" i="3"/>
  <c r="C27524" i="3"/>
  <c r="C27525" i="3"/>
  <c r="C27526" i="3"/>
  <c r="C27527" i="3"/>
  <c r="C27528" i="3"/>
  <c r="C27529" i="3"/>
  <c r="C27530" i="3"/>
  <c r="C27531" i="3"/>
  <c r="C27532" i="3"/>
  <c r="C27533" i="3"/>
  <c r="C27534" i="3"/>
  <c r="C27535" i="3"/>
  <c r="C27536" i="3"/>
  <c r="C27537" i="3"/>
  <c r="C27538" i="3"/>
  <c r="C27539" i="3"/>
  <c r="C27540" i="3"/>
  <c r="C27541" i="3"/>
  <c r="C27542" i="3"/>
  <c r="C27543" i="3"/>
  <c r="C27544" i="3"/>
  <c r="C27545" i="3"/>
  <c r="C27546" i="3"/>
  <c r="C27547" i="3"/>
  <c r="C27548" i="3"/>
  <c r="C27549" i="3"/>
  <c r="C27550" i="3"/>
  <c r="C27551" i="3"/>
  <c r="C27552" i="3"/>
  <c r="C27553" i="3"/>
  <c r="C27554" i="3"/>
  <c r="C27555" i="3"/>
  <c r="C27556" i="3"/>
  <c r="C27557" i="3"/>
  <c r="C27558" i="3"/>
  <c r="C27559" i="3"/>
  <c r="C27560" i="3"/>
  <c r="C27561" i="3"/>
  <c r="C27562" i="3"/>
  <c r="C27563" i="3"/>
  <c r="C27564" i="3"/>
  <c r="C27565" i="3"/>
  <c r="C27566" i="3"/>
  <c r="C27567" i="3"/>
  <c r="C27568" i="3"/>
  <c r="C27569" i="3"/>
  <c r="C27570" i="3"/>
  <c r="C27571" i="3"/>
  <c r="C27572" i="3"/>
  <c r="C27573" i="3"/>
  <c r="C27574" i="3"/>
  <c r="C27575" i="3"/>
  <c r="C27576" i="3"/>
  <c r="C27577" i="3"/>
  <c r="C27578" i="3"/>
  <c r="C27579" i="3"/>
  <c r="C27580" i="3"/>
  <c r="C27581" i="3"/>
  <c r="C27582" i="3"/>
  <c r="C27583" i="3"/>
  <c r="C27584" i="3"/>
  <c r="C27585" i="3"/>
  <c r="C27586" i="3"/>
  <c r="C27587" i="3"/>
  <c r="C27588" i="3"/>
  <c r="C27589" i="3"/>
  <c r="C27590" i="3"/>
  <c r="C27591" i="3"/>
  <c r="C27592" i="3"/>
  <c r="C27593" i="3"/>
  <c r="C27594" i="3"/>
  <c r="C27595" i="3"/>
  <c r="C27596" i="3"/>
  <c r="C27597" i="3"/>
  <c r="C27598" i="3"/>
  <c r="C27599" i="3"/>
  <c r="C27600" i="3"/>
  <c r="C27601" i="3"/>
  <c r="C27602" i="3"/>
  <c r="C27603" i="3"/>
  <c r="C27604" i="3"/>
  <c r="C27605" i="3"/>
  <c r="C27606" i="3"/>
  <c r="C27607" i="3"/>
  <c r="C27608" i="3"/>
  <c r="C27609" i="3"/>
  <c r="C27610" i="3"/>
  <c r="C27611" i="3"/>
  <c r="C27612" i="3"/>
  <c r="C27613" i="3"/>
  <c r="C27614" i="3"/>
  <c r="C27615" i="3"/>
  <c r="C27616" i="3"/>
  <c r="C27617" i="3"/>
  <c r="C27618" i="3"/>
  <c r="C27619" i="3"/>
  <c r="C27620" i="3"/>
  <c r="C27621" i="3"/>
  <c r="C27622" i="3"/>
  <c r="C27623" i="3"/>
  <c r="C27624" i="3"/>
  <c r="C27625" i="3"/>
  <c r="C27626" i="3"/>
  <c r="C27627" i="3"/>
  <c r="C27628" i="3"/>
  <c r="C27629" i="3"/>
  <c r="C27630" i="3"/>
  <c r="C27631" i="3"/>
  <c r="C27632" i="3"/>
  <c r="C27633" i="3"/>
  <c r="C27634" i="3"/>
  <c r="C27635" i="3"/>
  <c r="C27636" i="3"/>
  <c r="C27637" i="3"/>
  <c r="C27638" i="3"/>
  <c r="C27639" i="3"/>
  <c r="C27640" i="3"/>
  <c r="C27641" i="3"/>
  <c r="C27642" i="3"/>
  <c r="C27643" i="3"/>
  <c r="C27644" i="3"/>
  <c r="C27645" i="3"/>
  <c r="C27646" i="3"/>
  <c r="C27647" i="3"/>
  <c r="C27648" i="3"/>
  <c r="C27649" i="3"/>
  <c r="C27650" i="3"/>
  <c r="C27651" i="3"/>
  <c r="C27652" i="3"/>
  <c r="C27653" i="3"/>
  <c r="C27654" i="3"/>
  <c r="C27655" i="3"/>
  <c r="C27656" i="3"/>
  <c r="C27657" i="3"/>
  <c r="C27658" i="3"/>
  <c r="C27659" i="3"/>
  <c r="C27660" i="3"/>
  <c r="C27661" i="3"/>
  <c r="C27662" i="3"/>
  <c r="C27663" i="3"/>
  <c r="C27664" i="3"/>
  <c r="C27665" i="3"/>
  <c r="C27666" i="3"/>
  <c r="C27667" i="3"/>
  <c r="C27668" i="3"/>
  <c r="C27669" i="3"/>
  <c r="C27670" i="3"/>
  <c r="C27671" i="3"/>
  <c r="C27672" i="3"/>
  <c r="C27673" i="3"/>
  <c r="C27674" i="3"/>
  <c r="C27675" i="3"/>
  <c r="C27676" i="3"/>
  <c r="C27677" i="3"/>
  <c r="C27678" i="3"/>
  <c r="C27679" i="3"/>
  <c r="C27680" i="3"/>
  <c r="C27681" i="3"/>
  <c r="C27682" i="3"/>
  <c r="C27683" i="3"/>
  <c r="C27684" i="3"/>
  <c r="C27685" i="3"/>
  <c r="C27686" i="3"/>
  <c r="C27687" i="3"/>
  <c r="C27688" i="3"/>
  <c r="C27689" i="3"/>
  <c r="C27690" i="3"/>
  <c r="C27691" i="3"/>
  <c r="C27692" i="3"/>
  <c r="C27693" i="3"/>
  <c r="C27694" i="3"/>
  <c r="C27695" i="3"/>
  <c r="C27696" i="3"/>
  <c r="C27697" i="3"/>
  <c r="C27698" i="3"/>
  <c r="C27699" i="3"/>
  <c r="C27700" i="3"/>
  <c r="C27701" i="3"/>
  <c r="C27702" i="3"/>
  <c r="C27703" i="3"/>
  <c r="C27704" i="3"/>
  <c r="C27705" i="3"/>
  <c r="C27706" i="3"/>
  <c r="C27707" i="3"/>
  <c r="C27708" i="3"/>
  <c r="C27709" i="3"/>
  <c r="C27710" i="3"/>
  <c r="C27711" i="3"/>
  <c r="C27712" i="3"/>
  <c r="C27713" i="3"/>
  <c r="C27714" i="3"/>
  <c r="C27715" i="3"/>
  <c r="C27716" i="3"/>
  <c r="C27717" i="3"/>
  <c r="C27718" i="3"/>
  <c r="C27719" i="3"/>
  <c r="C27720" i="3"/>
  <c r="C27721" i="3"/>
  <c r="C27722" i="3"/>
  <c r="C27723" i="3"/>
  <c r="C27724" i="3"/>
  <c r="C27725" i="3"/>
  <c r="C27726" i="3"/>
  <c r="C27727" i="3"/>
  <c r="C27728" i="3"/>
  <c r="C27729" i="3"/>
  <c r="C27730" i="3"/>
  <c r="C27731" i="3"/>
  <c r="C27732" i="3"/>
  <c r="C27733" i="3"/>
  <c r="C27734" i="3"/>
  <c r="C27735" i="3"/>
  <c r="C27736" i="3"/>
  <c r="C27737" i="3"/>
  <c r="C27738" i="3"/>
  <c r="C27739" i="3"/>
  <c r="C27740" i="3"/>
  <c r="C27741" i="3"/>
  <c r="C27742" i="3"/>
  <c r="C27743" i="3"/>
  <c r="C27744" i="3"/>
  <c r="C27745" i="3"/>
  <c r="C27746" i="3"/>
  <c r="C27747" i="3"/>
  <c r="C27748" i="3"/>
  <c r="C27749" i="3"/>
  <c r="C27750" i="3"/>
  <c r="C27751" i="3"/>
  <c r="C27752" i="3"/>
  <c r="C27753" i="3"/>
  <c r="C27754" i="3"/>
  <c r="C27755" i="3"/>
  <c r="C27756" i="3"/>
  <c r="C27757" i="3"/>
  <c r="C27758" i="3"/>
  <c r="C27759" i="3"/>
  <c r="C27760" i="3"/>
  <c r="C27761" i="3"/>
  <c r="C27762" i="3"/>
  <c r="C27763" i="3"/>
  <c r="C27764" i="3"/>
  <c r="C27765" i="3"/>
  <c r="C27766" i="3"/>
  <c r="C27767" i="3"/>
  <c r="C27768" i="3"/>
  <c r="C27769" i="3"/>
  <c r="C27770" i="3"/>
  <c r="C27771" i="3"/>
  <c r="C27772" i="3"/>
  <c r="C27773" i="3"/>
  <c r="C27774" i="3"/>
  <c r="C27775" i="3"/>
  <c r="C27776" i="3"/>
  <c r="C27777" i="3"/>
  <c r="C27778" i="3"/>
  <c r="C27779" i="3"/>
  <c r="C27780" i="3"/>
  <c r="C27781" i="3"/>
  <c r="C27782" i="3"/>
  <c r="C27783" i="3"/>
  <c r="C27784" i="3"/>
  <c r="C27785" i="3"/>
  <c r="C27786" i="3"/>
  <c r="C27787" i="3"/>
  <c r="C27788" i="3"/>
  <c r="C27789" i="3"/>
  <c r="C27790" i="3"/>
  <c r="C27791" i="3"/>
  <c r="C27792" i="3"/>
  <c r="C27793" i="3"/>
  <c r="C27794" i="3"/>
  <c r="C27795" i="3"/>
  <c r="C27796" i="3"/>
  <c r="C27797" i="3"/>
  <c r="C27798" i="3"/>
  <c r="C27799" i="3"/>
  <c r="C27800" i="3"/>
  <c r="C27801" i="3"/>
  <c r="C27802" i="3"/>
  <c r="C27803" i="3"/>
  <c r="C27804" i="3"/>
  <c r="C27805" i="3"/>
  <c r="C27806" i="3"/>
  <c r="C27807" i="3"/>
  <c r="C27808" i="3"/>
  <c r="C27809" i="3"/>
  <c r="C27810" i="3"/>
  <c r="C27811" i="3"/>
  <c r="C27812" i="3"/>
  <c r="C27813" i="3"/>
  <c r="C27814" i="3"/>
  <c r="C27815" i="3"/>
  <c r="C27816" i="3"/>
  <c r="C27817" i="3"/>
  <c r="C27818" i="3"/>
  <c r="C27819" i="3"/>
  <c r="C27820" i="3"/>
  <c r="C27821" i="3"/>
  <c r="C27822" i="3"/>
  <c r="C27823" i="3"/>
  <c r="C27824" i="3"/>
  <c r="C27825" i="3"/>
  <c r="C27826" i="3"/>
  <c r="C27827" i="3"/>
  <c r="C27828" i="3"/>
  <c r="C27829" i="3"/>
  <c r="C27830" i="3"/>
  <c r="C27831" i="3"/>
  <c r="C27832" i="3"/>
  <c r="C27833" i="3"/>
  <c r="C27834" i="3"/>
  <c r="C27835" i="3"/>
  <c r="C27836" i="3"/>
  <c r="C27837" i="3"/>
  <c r="C27838" i="3"/>
  <c r="C27839" i="3"/>
  <c r="C27840" i="3"/>
  <c r="C27841" i="3"/>
  <c r="C27842" i="3"/>
  <c r="C27843" i="3"/>
  <c r="C27844" i="3"/>
  <c r="C27845" i="3"/>
  <c r="C27846" i="3"/>
  <c r="C27847" i="3"/>
  <c r="C27848" i="3"/>
  <c r="C27849" i="3"/>
  <c r="C27850" i="3"/>
  <c r="C27851" i="3"/>
  <c r="C27852" i="3"/>
  <c r="C27853" i="3"/>
  <c r="C27854" i="3"/>
  <c r="C27855" i="3"/>
  <c r="C27856" i="3"/>
  <c r="C27857" i="3"/>
  <c r="C27858" i="3"/>
  <c r="C27859" i="3"/>
  <c r="C27860" i="3"/>
  <c r="C27861" i="3"/>
  <c r="C27862" i="3"/>
  <c r="C27863" i="3"/>
  <c r="C27864" i="3"/>
  <c r="C27865" i="3"/>
  <c r="C27866" i="3"/>
  <c r="C27867" i="3"/>
  <c r="C27868" i="3"/>
  <c r="C27869" i="3"/>
  <c r="C27870" i="3"/>
  <c r="C27871" i="3"/>
  <c r="C27872" i="3"/>
  <c r="C27873" i="3"/>
  <c r="C27874" i="3"/>
  <c r="C27875" i="3"/>
  <c r="C27876" i="3"/>
  <c r="C27877" i="3"/>
  <c r="C27878" i="3"/>
  <c r="C27879" i="3"/>
  <c r="C27880" i="3"/>
  <c r="C27881" i="3"/>
  <c r="C27882" i="3"/>
  <c r="C27883" i="3"/>
  <c r="C27884" i="3"/>
  <c r="C27885" i="3"/>
  <c r="C27886" i="3"/>
  <c r="C27887" i="3"/>
  <c r="C27888" i="3"/>
  <c r="C27889" i="3"/>
  <c r="C27890" i="3"/>
  <c r="C27891" i="3"/>
  <c r="C27892" i="3"/>
  <c r="C27893" i="3"/>
  <c r="C27894" i="3"/>
  <c r="C27895" i="3"/>
  <c r="C27896" i="3"/>
  <c r="C27897" i="3"/>
  <c r="C27898" i="3"/>
  <c r="C27899" i="3"/>
  <c r="C27900" i="3"/>
  <c r="C27901" i="3"/>
  <c r="C27902" i="3"/>
  <c r="C27903" i="3"/>
  <c r="C27904" i="3"/>
  <c r="C27905" i="3"/>
  <c r="C27906" i="3"/>
  <c r="C27907" i="3"/>
  <c r="C27908" i="3"/>
  <c r="C27909" i="3"/>
  <c r="C27910" i="3"/>
  <c r="C27911" i="3"/>
  <c r="C27912" i="3"/>
  <c r="C27913" i="3"/>
  <c r="C27914" i="3"/>
  <c r="C27915" i="3"/>
  <c r="C27916" i="3"/>
  <c r="C27917" i="3"/>
  <c r="C27918" i="3"/>
  <c r="C27919" i="3"/>
  <c r="C27920" i="3"/>
  <c r="C27921" i="3"/>
  <c r="C27922" i="3"/>
  <c r="C27923" i="3"/>
  <c r="C27924" i="3"/>
  <c r="C27925" i="3"/>
  <c r="C27926" i="3"/>
  <c r="C27927" i="3"/>
  <c r="C27928" i="3"/>
  <c r="C27929" i="3"/>
  <c r="C27930" i="3"/>
  <c r="C27931" i="3"/>
  <c r="C27932" i="3"/>
  <c r="C27933" i="3"/>
  <c r="C27934" i="3"/>
  <c r="C27935" i="3"/>
  <c r="C27936" i="3"/>
  <c r="C27937" i="3"/>
  <c r="C27938" i="3"/>
  <c r="C27939" i="3"/>
  <c r="C27940" i="3"/>
  <c r="C27941" i="3"/>
  <c r="C27942" i="3"/>
  <c r="C27943" i="3"/>
  <c r="C27944" i="3"/>
  <c r="C27945" i="3"/>
  <c r="C27946" i="3"/>
  <c r="C27947" i="3"/>
  <c r="C27948" i="3"/>
  <c r="C27949" i="3"/>
  <c r="C27950" i="3"/>
  <c r="C27951" i="3"/>
  <c r="C27952" i="3"/>
  <c r="C27953" i="3"/>
  <c r="C27954" i="3"/>
  <c r="C27955" i="3"/>
  <c r="C27956" i="3"/>
  <c r="C27957" i="3"/>
  <c r="C27958" i="3"/>
  <c r="C27959" i="3"/>
  <c r="C27960" i="3"/>
  <c r="C27961" i="3"/>
  <c r="C27962" i="3"/>
  <c r="C27963" i="3"/>
  <c r="C27964" i="3"/>
  <c r="C27965" i="3"/>
  <c r="C27966" i="3"/>
  <c r="C27967" i="3"/>
  <c r="C27968" i="3"/>
  <c r="C27969" i="3"/>
  <c r="C27970" i="3"/>
  <c r="C27971" i="3"/>
  <c r="C27972" i="3"/>
  <c r="C27973" i="3"/>
  <c r="C27974" i="3"/>
  <c r="C27975" i="3"/>
  <c r="C27976" i="3"/>
  <c r="C27977" i="3"/>
  <c r="C27978" i="3"/>
  <c r="C27979" i="3"/>
  <c r="C27980" i="3"/>
  <c r="C27981" i="3"/>
  <c r="C27982" i="3"/>
  <c r="C27983" i="3"/>
  <c r="C27984" i="3"/>
  <c r="C27985" i="3"/>
  <c r="C27986" i="3"/>
  <c r="C27987" i="3"/>
  <c r="C27988" i="3"/>
  <c r="C27989" i="3"/>
  <c r="C27990" i="3"/>
  <c r="C27991" i="3"/>
  <c r="C27992" i="3"/>
  <c r="C27993" i="3"/>
  <c r="C27994" i="3"/>
  <c r="C27995" i="3"/>
  <c r="C27996" i="3"/>
  <c r="C27997" i="3"/>
  <c r="C27998" i="3"/>
  <c r="C27999" i="3"/>
  <c r="C28000" i="3"/>
  <c r="C28001" i="3"/>
  <c r="C28002" i="3"/>
  <c r="C28003" i="3"/>
  <c r="C28004" i="3"/>
  <c r="C28005" i="3"/>
  <c r="C28006" i="3"/>
  <c r="C28007" i="3"/>
  <c r="C28008" i="3"/>
  <c r="C28009" i="3"/>
  <c r="C28010" i="3"/>
  <c r="C28011" i="3"/>
  <c r="C28012" i="3"/>
  <c r="C28013" i="3"/>
  <c r="C28014" i="3"/>
  <c r="C28015" i="3"/>
  <c r="C28016" i="3"/>
  <c r="C28017" i="3"/>
  <c r="C28018" i="3"/>
  <c r="C28019" i="3"/>
  <c r="C28020" i="3"/>
  <c r="C28021" i="3"/>
  <c r="C28022" i="3"/>
  <c r="C28023" i="3"/>
  <c r="C28024" i="3"/>
  <c r="C28025" i="3"/>
  <c r="C28026" i="3"/>
  <c r="C28027" i="3"/>
  <c r="C28028" i="3"/>
  <c r="C28029" i="3"/>
  <c r="C28030" i="3"/>
  <c r="C28031" i="3"/>
  <c r="C28032" i="3"/>
  <c r="C28033" i="3"/>
  <c r="C28034" i="3"/>
  <c r="C28035" i="3"/>
  <c r="C28036" i="3"/>
  <c r="C28037" i="3"/>
  <c r="C28038" i="3"/>
  <c r="C28039" i="3"/>
  <c r="C28040" i="3"/>
  <c r="C28041" i="3"/>
  <c r="C28042" i="3"/>
  <c r="C28043" i="3"/>
  <c r="C28044" i="3"/>
  <c r="C28045" i="3"/>
  <c r="C28046" i="3"/>
  <c r="C28047" i="3"/>
  <c r="C28048" i="3"/>
  <c r="C28049" i="3"/>
  <c r="C28050" i="3"/>
  <c r="C28051" i="3"/>
  <c r="C28052" i="3"/>
  <c r="C28053" i="3"/>
  <c r="C28054" i="3"/>
  <c r="C28055" i="3"/>
  <c r="C28056" i="3"/>
  <c r="C28057" i="3"/>
  <c r="C28058" i="3"/>
  <c r="C28059" i="3"/>
  <c r="C28060" i="3"/>
  <c r="C28061" i="3"/>
  <c r="C28062" i="3"/>
  <c r="C28063" i="3"/>
  <c r="C28064" i="3"/>
  <c r="C28065" i="3"/>
  <c r="C28066" i="3"/>
  <c r="C28067" i="3"/>
  <c r="C28068" i="3"/>
  <c r="C28069" i="3"/>
  <c r="C28070" i="3"/>
  <c r="C28071" i="3"/>
  <c r="C28072" i="3"/>
  <c r="C28073" i="3"/>
  <c r="C28074" i="3"/>
  <c r="C28075" i="3"/>
  <c r="C28076" i="3"/>
  <c r="C28077" i="3"/>
  <c r="C28078" i="3"/>
  <c r="C28079" i="3"/>
  <c r="C28080" i="3"/>
  <c r="C28081" i="3"/>
  <c r="C28082" i="3"/>
  <c r="C28083" i="3"/>
  <c r="C28084" i="3"/>
  <c r="C28085" i="3"/>
  <c r="C28086" i="3"/>
  <c r="C28087" i="3"/>
  <c r="C28088" i="3"/>
  <c r="C28089" i="3"/>
  <c r="C28090" i="3"/>
  <c r="C28091" i="3"/>
  <c r="C28092" i="3"/>
  <c r="C28093" i="3"/>
  <c r="C28094" i="3"/>
  <c r="C28095" i="3"/>
  <c r="C28096" i="3"/>
  <c r="C28097" i="3"/>
  <c r="C28098" i="3"/>
  <c r="C28099" i="3"/>
  <c r="C28100" i="3"/>
  <c r="C28101" i="3"/>
  <c r="C28102" i="3"/>
  <c r="C28103" i="3"/>
  <c r="C28104" i="3"/>
  <c r="C28105" i="3"/>
  <c r="C28106" i="3"/>
  <c r="C28107" i="3"/>
  <c r="C28108" i="3"/>
  <c r="C28109" i="3"/>
  <c r="C28110" i="3"/>
  <c r="C28111" i="3"/>
  <c r="C28112" i="3"/>
  <c r="C28113" i="3"/>
  <c r="C28114" i="3"/>
  <c r="C28115" i="3"/>
  <c r="C28116" i="3"/>
  <c r="C28117" i="3"/>
  <c r="C28118" i="3"/>
  <c r="C28119" i="3"/>
  <c r="C28120" i="3"/>
  <c r="C28121" i="3"/>
  <c r="C28122" i="3"/>
  <c r="C28123" i="3"/>
  <c r="C28124" i="3"/>
  <c r="C28125" i="3"/>
  <c r="C28126" i="3"/>
  <c r="C28127" i="3"/>
  <c r="C28128" i="3"/>
  <c r="C28129" i="3"/>
  <c r="C28130" i="3"/>
  <c r="C28131" i="3"/>
  <c r="C28132" i="3"/>
  <c r="C28133" i="3"/>
  <c r="C28134" i="3"/>
  <c r="C28135" i="3"/>
  <c r="C28136" i="3"/>
  <c r="C28137" i="3"/>
  <c r="C28138" i="3"/>
  <c r="C28139" i="3"/>
  <c r="C28140" i="3"/>
  <c r="C28141" i="3"/>
  <c r="C28142" i="3"/>
  <c r="C28143" i="3"/>
  <c r="C28144" i="3"/>
  <c r="C28145" i="3"/>
  <c r="C28146" i="3"/>
  <c r="C28147" i="3"/>
  <c r="C28148" i="3"/>
  <c r="C28149" i="3"/>
  <c r="C28150" i="3"/>
  <c r="C28151" i="3"/>
  <c r="C28152" i="3"/>
  <c r="C28153" i="3"/>
  <c r="C28154" i="3"/>
  <c r="C28155" i="3"/>
  <c r="C28156" i="3"/>
  <c r="C28157" i="3"/>
  <c r="C28158" i="3"/>
  <c r="C28159" i="3"/>
  <c r="C28160" i="3"/>
  <c r="C28161" i="3"/>
  <c r="C28162" i="3"/>
  <c r="C28163" i="3"/>
  <c r="C28164" i="3"/>
  <c r="C28165" i="3"/>
  <c r="C28166" i="3"/>
  <c r="C28167" i="3"/>
  <c r="C28168" i="3"/>
  <c r="C28169" i="3"/>
  <c r="C28170" i="3"/>
  <c r="C28171" i="3"/>
  <c r="C28172" i="3"/>
  <c r="C28173" i="3"/>
  <c r="C28174" i="3"/>
  <c r="C28175" i="3"/>
  <c r="C28176" i="3"/>
  <c r="C28177" i="3"/>
  <c r="C28178" i="3"/>
  <c r="C28179" i="3"/>
  <c r="C28180" i="3"/>
  <c r="C28181" i="3"/>
  <c r="C28182" i="3"/>
  <c r="C28183" i="3"/>
  <c r="C28184" i="3"/>
  <c r="C28185" i="3"/>
  <c r="C28186" i="3"/>
  <c r="C28187" i="3"/>
  <c r="C28188" i="3"/>
  <c r="C28189" i="3"/>
  <c r="C28190" i="3"/>
  <c r="C28191" i="3"/>
  <c r="C28192" i="3"/>
  <c r="C28193" i="3"/>
  <c r="C28194" i="3"/>
  <c r="C28195" i="3"/>
  <c r="C28196" i="3"/>
  <c r="C28197" i="3"/>
  <c r="C28198" i="3"/>
  <c r="C28199" i="3"/>
  <c r="C28200" i="3"/>
  <c r="C28201" i="3"/>
  <c r="C28202" i="3"/>
  <c r="C28203" i="3"/>
  <c r="C28204" i="3"/>
  <c r="C28205" i="3"/>
  <c r="C28206" i="3"/>
  <c r="C28207" i="3"/>
  <c r="C28208" i="3"/>
  <c r="C28209" i="3"/>
  <c r="C28210" i="3"/>
  <c r="C28211" i="3"/>
  <c r="C28212" i="3"/>
  <c r="C28213" i="3"/>
  <c r="C28214" i="3"/>
  <c r="C28215" i="3"/>
  <c r="C28216" i="3"/>
  <c r="C28217" i="3"/>
  <c r="C28218" i="3"/>
  <c r="C28219" i="3"/>
  <c r="C28220" i="3"/>
  <c r="C28221" i="3"/>
  <c r="C28222" i="3"/>
  <c r="C28223" i="3"/>
  <c r="C28224" i="3"/>
  <c r="C28225" i="3"/>
  <c r="C28226" i="3"/>
  <c r="C28227" i="3"/>
  <c r="C28228" i="3"/>
  <c r="C28229" i="3"/>
  <c r="C28230" i="3"/>
  <c r="C28231" i="3"/>
  <c r="C28232" i="3"/>
  <c r="C28233" i="3"/>
  <c r="C28234" i="3"/>
  <c r="C28235" i="3"/>
  <c r="C28236" i="3"/>
  <c r="C28237" i="3"/>
  <c r="C28238" i="3"/>
  <c r="C28239" i="3"/>
  <c r="C28240" i="3"/>
  <c r="C28241" i="3"/>
  <c r="C28242" i="3"/>
  <c r="C28243" i="3"/>
  <c r="C28244" i="3"/>
  <c r="C28245" i="3"/>
  <c r="C28246" i="3"/>
  <c r="C28247" i="3"/>
  <c r="C28248" i="3"/>
  <c r="C28249" i="3"/>
  <c r="C28250" i="3"/>
  <c r="C28251" i="3"/>
  <c r="C28252" i="3"/>
  <c r="C28253" i="3"/>
  <c r="C28254" i="3"/>
  <c r="C28255" i="3"/>
  <c r="C28256" i="3"/>
  <c r="C28257" i="3"/>
  <c r="C28258" i="3"/>
  <c r="C28259" i="3"/>
  <c r="C28260" i="3"/>
  <c r="C28261" i="3"/>
  <c r="C28262" i="3"/>
  <c r="C28263" i="3"/>
  <c r="C28264" i="3"/>
  <c r="C28265" i="3"/>
  <c r="C28266" i="3"/>
  <c r="C28267" i="3"/>
  <c r="C28268" i="3"/>
  <c r="C28269" i="3"/>
  <c r="C28270" i="3"/>
  <c r="C28271" i="3"/>
  <c r="C28272" i="3"/>
  <c r="C28273" i="3"/>
  <c r="C28274" i="3"/>
  <c r="C28275" i="3"/>
  <c r="C28276" i="3"/>
  <c r="C28277" i="3"/>
  <c r="C28278" i="3"/>
  <c r="C28279" i="3"/>
  <c r="C28280" i="3"/>
  <c r="C28281" i="3"/>
  <c r="C28282" i="3"/>
  <c r="C28283" i="3"/>
  <c r="C28284" i="3"/>
  <c r="C28285" i="3"/>
  <c r="C28286" i="3"/>
  <c r="C28287" i="3"/>
  <c r="C28288" i="3"/>
  <c r="C28289" i="3"/>
  <c r="C28290" i="3"/>
  <c r="C28291" i="3"/>
  <c r="C28292" i="3"/>
  <c r="C28293" i="3"/>
  <c r="C28294" i="3"/>
  <c r="C28295" i="3"/>
  <c r="C28296" i="3"/>
  <c r="C28297" i="3"/>
  <c r="C28298" i="3"/>
  <c r="C28299" i="3"/>
  <c r="C28300" i="3"/>
  <c r="C28301" i="3"/>
  <c r="C28302" i="3"/>
  <c r="C28303" i="3"/>
  <c r="C28304" i="3"/>
  <c r="C28305" i="3"/>
  <c r="C28306" i="3"/>
  <c r="C28307" i="3"/>
  <c r="C28308" i="3"/>
  <c r="C28309" i="3"/>
  <c r="C28310" i="3"/>
  <c r="C28311" i="3"/>
  <c r="C28312" i="3"/>
  <c r="C28313" i="3"/>
  <c r="C28314" i="3"/>
  <c r="C28315" i="3"/>
  <c r="C28316" i="3"/>
  <c r="C28317" i="3"/>
  <c r="C28318" i="3"/>
  <c r="C28319" i="3"/>
  <c r="C28320" i="3"/>
  <c r="C28321" i="3"/>
  <c r="C28322" i="3"/>
  <c r="C28323" i="3"/>
  <c r="C28324" i="3"/>
  <c r="C28325" i="3"/>
  <c r="C28326" i="3"/>
  <c r="C28327" i="3"/>
  <c r="C28328" i="3"/>
  <c r="C28329" i="3"/>
  <c r="C28330" i="3"/>
  <c r="C28331" i="3"/>
  <c r="C28332" i="3"/>
  <c r="C28333" i="3"/>
  <c r="C28334" i="3"/>
  <c r="C28335" i="3"/>
  <c r="C28336" i="3"/>
  <c r="C28337" i="3"/>
  <c r="C28338" i="3"/>
  <c r="C28339" i="3"/>
  <c r="C28340" i="3"/>
  <c r="C28341" i="3"/>
  <c r="C28342" i="3"/>
  <c r="C28343" i="3"/>
  <c r="C28344" i="3"/>
  <c r="C28345" i="3"/>
  <c r="C28346" i="3"/>
  <c r="C28347" i="3"/>
  <c r="C28348" i="3"/>
  <c r="C28349" i="3"/>
  <c r="C28350" i="3"/>
  <c r="C28351" i="3"/>
  <c r="C28352" i="3"/>
  <c r="C28353" i="3"/>
  <c r="C28354" i="3"/>
  <c r="C28355" i="3"/>
  <c r="C28356" i="3"/>
  <c r="C28357" i="3"/>
  <c r="C28358" i="3"/>
  <c r="C28359" i="3"/>
  <c r="C28360" i="3"/>
  <c r="C28361" i="3"/>
  <c r="C28362" i="3"/>
  <c r="C28363" i="3"/>
  <c r="C28364" i="3"/>
  <c r="C28365" i="3"/>
  <c r="C28366" i="3"/>
  <c r="C28367" i="3"/>
  <c r="C28368" i="3"/>
  <c r="C28369" i="3"/>
  <c r="C28370" i="3"/>
  <c r="C28371" i="3"/>
  <c r="C28372" i="3"/>
  <c r="C28373" i="3"/>
  <c r="C28374" i="3"/>
  <c r="C28375" i="3"/>
  <c r="C28376" i="3"/>
  <c r="C28377" i="3"/>
  <c r="C28378" i="3"/>
  <c r="C28379" i="3"/>
  <c r="C28380" i="3"/>
  <c r="C28381" i="3"/>
  <c r="C28382" i="3"/>
  <c r="C28383" i="3"/>
  <c r="C28384" i="3"/>
  <c r="C28385" i="3"/>
  <c r="C28386" i="3"/>
  <c r="C28387" i="3"/>
  <c r="C28388" i="3"/>
  <c r="C28389" i="3"/>
  <c r="C28390" i="3"/>
  <c r="C28391" i="3"/>
  <c r="C28392" i="3"/>
  <c r="C28393" i="3"/>
  <c r="C28394" i="3"/>
  <c r="C28395" i="3"/>
  <c r="C28396" i="3"/>
  <c r="C28397" i="3"/>
  <c r="C28398" i="3"/>
  <c r="C28399" i="3"/>
  <c r="C28400" i="3"/>
  <c r="C28401" i="3"/>
  <c r="C28402" i="3"/>
  <c r="C28403" i="3"/>
  <c r="C28404" i="3"/>
  <c r="C28405" i="3"/>
  <c r="C28406" i="3"/>
  <c r="C28407" i="3"/>
  <c r="C28408" i="3"/>
  <c r="C28409" i="3"/>
  <c r="C28410" i="3"/>
  <c r="C28411" i="3"/>
  <c r="C28412" i="3"/>
  <c r="C28413" i="3"/>
  <c r="C28414" i="3"/>
  <c r="C28415" i="3"/>
  <c r="C28416" i="3"/>
  <c r="C28417" i="3"/>
  <c r="C28418" i="3"/>
  <c r="C28419" i="3"/>
  <c r="C28420" i="3"/>
  <c r="C28421" i="3"/>
  <c r="C28422" i="3"/>
  <c r="C28423" i="3"/>
  <c r="C28424" i="3"/>
  <c r="C28425" i="3"/>
  <c r="C28426" i="3"/>
  <c r="C28427" i="3"/>
  <c r="C28428" i="3"/>
  <c r="C28429" i="3"/>
  <c r="C28430" i="3"/>
  <c r="C28431" i="3"/>
  <c r="C28432" i="3"/>
  <c r="C28433" i="3"/>
  <c r="C28434" i="3"/>
  <c r="C28435" i="3"/>
  <c r="C28436" i="3"/>
  <c r="C28437" i="3"/>
  <c r="C28438" i="3"/>
  <c r="C28439" i="3"/>
  <c r="C28440" i="3"/>
  <c r="C28441" i="3"/>
  <c r="C28442" i="3"/>
  <c r="C28443" i="3"/>
  <c r="C28444" i="3"/>
  <c r="C28445" i="3"/>
  <c r="C28446" i="3"/>
  <c r="C28447" i="3"/>
  <c r="C28448" i="3"/>
  <c r="C28449" i="3"/>
  <c r="C28450" i="3"/>
  <c r="C28451" i="3"/>
  <c r="C28452" i="3"/>
  <c r="C28453" i="3"/>
  <c r="C28454" i="3"/>
  <c r="C28455" i="3"/>
  <c r="C28456" i="3"/>
  <c r="C28457" i="3"/>
  <c r="C28458" i="3"/>
  <c r="C28459" i="3"/>
  <c r="C28460" i="3"/>
  <c r="C28461" i="3"/>
  <c r="C28462" i="3"/>
  <c r="C28463" i="3"/>
  <c r="C28464" i="3"/>
  <c r="C28465" i="3"/>
  <c r="C28466" i="3"/>
  <c r="C28467" i="3"/>
  <c r="C28468" i="3"/>
  <c r="C28469" i="3"/>
  <c r="C28470" i="3"/>
  <c r="C28471" i="3"/>
  <c r="C28472" i="3"/>
  <c r="C28473" i="3"/>
  <c r="C28474" i="3"/>
  <c r="C28475" i="3"/>
  <c r="C28476" i="3"/>
  <c r="C28477" i="3"/>
  <c r="C28478" i="3"/>
  <c r="C28479" i="3"/>
  <c r="C28480" i="3"/>
  <c r="C28481" i="3"/>
  <c r="C28482" i="3"/>
  <c r="C28483" i="3"/>
  <c r="C28484" i="3"/>
  <c r="C28485" i="3"/>
  <c r="C28486" i="3"/>
  <c r="C28487" i="3"/>
  <c r="C28488" i="3"/>
  <c r="C28489" i="3"/>
  <c r="C28490" i="3"/>
  <c r="C28491" i="3"/>
  <c r="C28492" i="3"/>
  <c r="C28493" i="3"/>
  <c r="C28494" i="3"/>
  <c r="C28495" i="3"/>
  <c r="C28496" i="3"/>
  <c r="C28497" i="3"/>
  <c r="C28498" i="3"/>
  <c r="C28499" i="3"/>
  <c r="C28500" i="3"/>
  <c r="C28501" i="3"/>
  <c r="C28502" i="3"/>
  <c r="C28503" i="3"/>
  <c r="C28504" i="3"/>
  <c r="C28505" i="3"/>
  <c r="C28506" i="3"/>
  <c r="C28507" i="3"/>
  <c r="C28508" i="3"/>
  <c r="C28509" i="3"/>
  <c r="C28510" i="3"/>
  <c r="C28511" i="3"/>
  <c r="C28512" i="3"/>
  <c r="C28513" i="3"/>
  <c r="C28514" i="3"/>
  <c r="C28515" i="3"/>
  <c r="C28516" i="3"/>
  <c r="C28517" i="3"/>
  <c r="C28518" i="3"/>
  <c r="C28519" i="3"/>
  <c r="C28520" i="3"/>
  <c r="C28521" i="3"/>
  <c r="C28522" i="3"/>
  <c r="C28523" i="3"/>
  <c r="C28524" i="3"/>
  <c r="C28525" i="3"/>
  <c r="C28526" i="3"/>
  <c r="C28527" i="3"/>
  <c r="C28528" i="3"/>
  <c r="C28529" i="3"/>
  <c r="C28530" i="3"/>
  <c r="C28531" i="3"/>
  <c r="C28532" i="3"/>
  <c r="C28533" i="3"/>
  <c r="C28534" i="3"/>
  <c r="C28535" i="3"/>
  <c r="C28536" i="3"/>
  <c r="C28537" i="3"/>
  <c r="C28538" i="3"/>
  <c r="C28539" i="3"/>
  <c r="C28540" i="3"/>
  <c r="C28541" i="3"/>
  <c r="C28542" i="3"/>
  <c r="C28543" i="3"/>
  <c r="C28544" i="3"/>
  <c r="C28545" i="3"/>
  <c r="C28546" i="3"/>
  <c r="C28547" i="3"/>
  <c r="C28548" i="3"/>
  <c r="C28549" i="3"/>
  <c r="C28550" i="3"/>
  <c r="C28551" i="3"/>
  <c r="C28552" i="3"/>
  <c r="C28553" i="3"/>
  <c r="C28554" i="3"/>
  <c r="C28555" i="3"/>
  <c r="C28556" i="3"/>
  <c r="C28557" i="3"/>
  <c r="C28558" i="3"/>
  <c r="C28559" i="3"/>
  <c r="C28560" i="3"/>
  <c r="C28561" i="3"/>
  <c r="C28562" i="3"/>
  <c r="C28563" i="3"/>
  <c r="C28564" i="3"/>
  <c r="C28565" i="3"/>
  <c r="C28566" i="3"/>
  <c r="C28567" i="3"/>
  <c r="C28568" i="3"/>
  <c r="C28569" i="3"/>
  <c r="C28570" i="3"/>
  <c r="C28571" i="3"/>
  <c r="C28572" i="3"/>
  <c r="C28573" i="3"/>
  <c r="C28574" i="3"/>
  <c r="C28575" i="3"/>
  <c r="C28576" i="3"/>
  <c r="C28577" i="3"/>
  <c r="C28578" i="3"/>
  <c r="C28579" i="3"/>
  <c r="C28580" i="3"/>
  <c r="C28581" i="3"/>
  <c r="C28582" i="3"/>
  <c r="C28583" i="3"/>
  <c r="C28584" i="3"/>
  <c r="C28585" i="3"/>
  <c r="C28586" i="3"/>
  <c r="C28587" i="3"/>
  <c r="C28588" i="3"/>
  <c r="C28589" i="3"/>
  <c r="C28590" i="3"/>
  <c r="C28591" i="3"/>
  <c r="C28592" i="3"/>
  <c r="C28593" i="3"/>
  <c r="C28594" i="3"/>
  <c r="C28595" i="3"/>
  <c r="C28596" i="3"/>
  <c r="C28597" i="3"/>
  <c r="C28598" i="3"/>
  <c r="C28599" i="3"/>
  <c r="C28600" i="3"/>
  <c r="C28601" i="3"/>
  <c r="C28602" i="3"/>
  <c r="C28603" i="3"/>
  <c r="C28604" i="3"/>
  <c r="C28605" i="3"/>
  <c r="C28606" i="3"/>
  <c r="C28607" i="3"/>
  <c r="C28608" i="3"/>
  <c r="C28609" i="3"/>
  <c r="C28610" i="3"/>
  <c r="C28611" i="3"/>
  <c r="C28612" i="3"/>
  <c r="C28613" i="3"/>
  <c r="C28614" i="3"/>
  <c r="C28615" i="3"/>
  <c r="C28616" i="3"/>
  <c r="C28617" i="3"/>
  <c r="C28618" i="3"/>
  <c r="C28619" i="3"/>
  <c r="C28620" i="3"/>
  <c r="C28621" i="3"/>
  <c r="C28622" i="3"/>
  <c r="C28623" i="3"/>
  <c r="C28624" i="3"/>
  <c r="C28625" i="3"/>
  <c r="C28626" i="3"/>
  <c r="C28627" i="3"/>
  <c r="C28628" i="3"/>
  <c r="C28629" i="3"/>
  <c r="C28630" i="3"/>
  <c r="C28631" i="3"/>
  <c r="C28632" i="3"/>
  <c r="C28633" i="3"/>
  <c r="C28634" i="3"/>
  <c r="C28635" i="3"/>
  <c r="C28636" i="3"/>
  <c r="C28637" i="3"/>
  <c r="C28638" i="3"/>
  <c r="C28639" i="3"/>
  <c r="C28640" i="3"/>
  <c r="C28641" i="3"/>
  <c r="C28642" i="3"/>
  <c r="C28643" i="3"/>
  <c r="C28644" i="3"/>
  <c r="C28645" i="3"/>
  <c r="C28646" i="3"/>
  <c r="C28647" i="3"/>
  <c r="C28648" i="3"/>
  <c r="C28649" i="3"/>
  <c r="C28650" i="3"/>
  <c r="C28651" i="3"/>
  <c r="C28652" i="3"/>
  <c r="C28653" i="3"/>
  <c r="C28654" i="3"/>
  <c r="C28655" i="3"/>
  <c r="C28656" i="3"/>
  <c r="C28657" i="3"/>
  <c r="C28658" i="3"/>
  <c r="C28659" i="3"/>
  <c r="C28660" i="3"/>
  <c r="C28661" i="3"/>
  <c r="C28662" i="3"/>
  <c r="C28663" i="3"/>
  <c r="C28664" i="3"/>
  <c r="C28665" i="3"/>
  <c r="C28666" i="3"/>
  <c r="C28667" i="3"/>
  <c r="C28668" i="3"/>
  <c r="C28669" i="3"/>
  <c r="C28670" i="3"/>
  <c r="C28671" i="3"/>
  <c r="C28672" i="3"/>
  <c r="C28673" i="3"/>
  <c r="C28674" i="3"/>
  <c r="C28675" i="3"/>
  <c r="C28676" i="3"/>
  <c r="C28677" i="3"/>
  <c r="C28678" i="3"/>
  <c r="C28679" i="3"/>
  <c r="C28680" i="3"/>
  <c r="C28681" i="3"/>
  <c r="C28682" i="3"/>
  <c r="C28683" i="3"/>
  <c r="C28684" i="3"/>
  <c r="C28685" i="3"/>
  <c r="C28686" i="3"/>
  <c r="C28687" i="3"/>
  <c r="C28688" i="3"/>
  <c r="C28689" i="3"/>
  <c r="C28690" i="3"/>
  <c r="C28691" i="3"/>
  <c r="C28692" i="3"/>
  <c r="C28693" i="3"/>
  <c r="C28694" i="3"/>
  <c r="C28695" i="3"/>
  <c r="C28696" i="3"/>
  <c r="C28697" i="3"/>
  <c r="C28698" i="3"/>
  <c r="C28699" i="3"/>
  <c r="C28700" i="3"/>
  <c r="C28701" i="3"/>
  <c r="C28702" i="3"/>
  <c r="C28703" i="3"/>
  <c r="C28704" i="3"/>
  <c r="C28705" i="3"/>
  <c r="C28706" i="3"/>
  <c r="C28707" i="3"/>
  <c r="C28708" i="3"/>
  <c r="C28709" i="3"/>
  <c r="C28710" i="3"/>
  <c r="C28711" i="3"/>
  <c r="C28712" i="3"/>
  <c r="C28713" i="3"/>
  <c r="C28714" i="3"/>
  <c r="C28715" i="3"/>
  <c r="C28716" i="3"/>
  <c r="C28717" i="3"/>
  <c r="C28718" i="3"/>
  <c r="C28719" i="3"/>
  <c r="C28720" i="3"/>
  <c r="C28721" i="3"/>
  <c r="C28722" i="3"/>
  <c r="C28723" i="3"/>
  <c r="C28724" i="3"/>
  <c r="C28725" i="3"/>
  <c r="C28726" i="3"/>
  <c r="C28727" i="3"/>
  <c r="C28728" i="3"/>
  <c r="C28729" i="3"/>
  <c r="C28730" i="3"/>
  <c r="C28731" i="3"/>
  <c r="C28732" i="3"/>
  <c r="C28733" i="3"/>
  <c r="C28734" i="3"/>
  <c r="C28735" i="3"/>
  <c r="C28736" i="3"/>
  <c r="C28737" i="3"/>
  <c r="C28738" i="3"/>
  <c r="C28739" i="3"/>
  <c r="C28740" i="3"/>
  <c r="C28741" i="3"/>
  <c r="C28742" i="3"/>
  <c r="C28743" i="3"/>
  <c r="C28744" i="3"/>
  <c r="C28745" i="3"/>
  <c r="C28746" i="3"/>
  <c r="C28747" i="3"/>
  <c r="C28748" i="3"/>
  <c r="C28749" i="3"/>
  <c r="C28750" i="3"/>
  <c r="C28751" i="3"/>
  <c r="C28752" i="3"/>
  <c r="C28753" i="3"/>
  <c r="C28754" i="3"/>
  <c r="C28755" i="3"/>
  <c r="C28756" i="3"/>
  <c r="C28757" i="3"/>
  <c r="C28758" i="3"/>
  <c r="C28759" i="3"/>
  <c r="C28760" i="3"/>
  <c r="C28761" i="3"/>
  <c r="C28762" i="3"/>
  <c r="C28763" i="3"/>
  <c r="C28764" i="3"/>
  <c r="C28765" i="3"/>
  <c r="C28766" i="3"/>
  <c r="C28767" i="3"/>
  <c r="C28768" i="3"/>
  <c r="C28769" i="3"/>
  <c r="C28770" i="3"/>
  <c r="C28771" i="3"/>
  <c r="C28772" i="3"/>
  <c r="C28773" i="3"/>
  <c r="C28774" i="3"/>
  <c r="C28775" i="3"/>
  <c r="C28776" i="3"/>
  <c r="C28777" i="3"/>
  <c r="C28778" i="3"/>
  <c r="C28779" i="3"/>
  <c r="C28780" i="3"/>
  <c r="C28781" i="3"/>
  <c r="C28782" i="3"/>
  <c r="C28783" i="3"/>
  <c r="C28784" i="3"/>
  <c r="C28785" i="3"/>
  <c r="C28786" i="3"/>
  <c r="C28787" i="3"/>
  <c r="C28788" i="3"/>
  <c r="C28789" i="3"/>
  <c r="C28790" i="3"/>
  <c r="C28791" i="3"/>
  <c r="C28792" i="3"/>
  <c r="C28793" i="3"/>
  <c r="C28794" i="3"/>
  <c r="C28795" i="3"/>
  <c r="C28796" i="3"/>
  <c r="C28797" i="3"/>
  <c r="C28798" i="3"/>
  <c r="C28799" i="3"/>
  <c r="C28800" i="3"/>
  <c r="C28801" i="3"/>
  <c r="C28802" i="3"/>
  <c r="C28803" i="3"/>
  <c r="C28804" i="3"/>
  <c r="C28805" i="3"/>
  <c r="C28806" i="3"/>
  <c r="C28807" i="3"/>
  <c r="C28808" i="3"/>
  <c r="C28809" i="3"/>
  <c r="C28810" i="3"/>
  <c r="C28811" i="3"/>
  <c r="C28812" i="3"/>
  <c r="C28813" i="3"/>
  <c r="C28814" i="3"/>
  <c r="C28815" i="3"/>
  <c r="C28816" i="3"/>
  <c r="C28817" i="3"/>
  <c r="C28818" i="3"/>
  <c r="C28819" i="3"/>
  <c r="C28820" i="3"/>
  <c r="C28821" i="3"/>
  <c r="C28822" i="3"/>
  <c r="C28823" i="3"/>
  <c r="C28824" i="3"/>
  <c r="C28825" i="3"/>
  <c r="C28826" i="3"/>
  <c r="C28827" i="3"/>
  <c r="C28828" i="3"/>
  <c r="C28829" i="3"/>
  <c r="C28830" i="3"/>
  <c r="C28831" i="3"/>
  <c r="C28832" i="3"/>
  <c r="C28833" i="3"/>
  <c r="C28834" i="3"/>
  <c r="C28835" i="3"/>
  <c r="C28836" i="3"/>
  <c r="C28837" i="3"/>
  <c r="C28838" i="3"/>
  <c r="C28839" i="3"/>
  <c r="C28840" i="3"/>
  <c r="C28841" i="3"/>
  <c r="C28842" i="3"/>
  <c r="C28843" i="3"/>
  <c r="C28844" i="3"/>
  <c r="C28845" i="3"/>
  <c r="C28846" i="3"/>
  <c r="C28847" i="3"/>
  <c r="C28848" i="3"/>
  <c r="C28849" i="3"/>
  <c r="C28850" i="3"/>
  <c r="C28851" i="3"/>
  <c r="C28852" i="3"/>
  <c r="C28853" i="3"/>
  <c r="C28854" i="3"/>
  <c r="C28855" i="3"/>
  <c r="C28856" i="3"/>
  <c r="C28857" i="3"/>
  <c r="C28858" i="3"/>
  <c r="C28859" i="3"/>
  <c r="C28860" i="3"/>
  <c r="C28861" i="3"/>
  <c r="C28862" i="3"/>
  <c r="C28863" i="3"/>
  <c r="C28864" i="3"/>
  <c r="C28865" i="3"/>
  <c r="C28866" i="3"/>
  <c r="C28867" i="3"/>
  <c r="C28868" i="3"/>
  <c r="C28869" i="3"/>
  <c r="C28870" i="3"/>
  <c r="C28871" i="3"/>
  <c r="C28872" i="3"/>
  <c r="C28873" i="3"/>
  <c r="C28874" i="3"/>
  <c r="C28875" i="3"/>
  <c r="C28876" i="3"/>
  <c r="C28877" i="3"/>
  <c r="C28878" i="3"/>
  <c r="C28879" i="3"/>
  <c r="C28880" i="3"/>
  <c r="C28881" i="3"/>
  <c r="C28882" i="3"/>
  <c r="C28883" i="3"/>
  <c r="C28884" i="3"/>
  <c r="C28885" i="3"/>
  <c r="C28886" i="3"/>
  <c r="C28887" i="3"/>
  <c r="C28888" i="3"/>
  <c r="C28889" i="3"/>
  <c r="C28890" i="3"/>
  <c r="C28891" i="3"/>
  <c r="C28892" i="3"/>
  <c r="C28893" i="3"/>
  <c r="C28894" i="3"/>
  <c r="C28895" i="3"/>
  <c r="C28896" i="3"/>
  <c r="C28897" i="3"/>
  <c r="C28898" i="3"/>
  <c r="C28899" i="3"/>
  <c r="C28900" i="3"/>
  <c r="C28901" i="3"/>
  <c r="C28902" i="3"/>
  <c r="C28903" i="3"/>
  <c r="C28904" i="3"/>
  <c r="C28905" i="3"/>
  <c r="C28906" i="3"/>
  <c r="C28907" i="3"/>
  <c r="C28908" i="3"/>
  <c r="C28909" i="3"/>
  <c r="C28910" i="3"/>
  <c r="C28911" i="3"/>
  <c r="C28912" i="3"/>
  <c r="C28913" i="3"/>
  <c r="C28914" i="3"/>
  <c r="C28915" i="3"/>
  <c r="C28916" i="3"/>
  <c r="C28917" i="3"/>
  <c r="C28918" i="3"/>
  <c r="C28919" i="3"/>
  <c r="C28920" i="3"/>
  <c r="C28921" i="3"/>
  <c r="C28922" i="3"/>
  <c r="C28923" i="3"/>
  <c r="C28924" i="3"/>
  <c r="C28925" i="3"/>
  <c r="C28926" i="3"/>
  <c r="C28927" i="3"/>
  <c r="C28928" i="3"/>
  <c r="C28929" i="3"/>
  <c r="C28930" i="3"/>
  <c r="C28931" i="3"/>
  <c r="C28932" i="3"/>
  <c r="C28933" i="3"/>
  <c r="C28934" i="3"/>
  <c r="C28935" i="3"/>
  <c r="C28936" i="3"/>
  <c r="C28937" i="3"/>
  <c r="C28938" i="3"/>
  <c r="C28939" i="3"/>
  <c r="C28940" i="3"/>
  <c r="C28941" i="3"/>
  <c r="C28942" i="3"/>
  <c r="C28943" i="3"/>
  <c r="C28944" i="3"/>
  <c r="C28945" i="3"/>
  <c r="C28946" i="3"/>
  <c r="C28947" i="3"/>
  <c r="C28948" i="3"/>
  <c r="C28949" i="3"/>
  <c r="C28950" i="3"/>
  <c r="C28951" i="3"/>
  <c r="C28952" i="3"/>
  <c r="C28953" i="3"/>
  <c r="C28954" i="3"/>
  <c r="C28955" i="3"/>
  <c r="C28956" i="3"/>
  <c r="C28957" i="3"/>
  <c r="C28958" i="3"/>
  <c r="C28959" i="3"/>
  <c r="C28960" i="3"/>
  <c r="C28961" i="3"/>
  <c r="C28962" i="3"/>
  <c r="C28963" i="3"/>
  <c r="C28964" i="3"/>
  <c r="C28965" i="3"/>
  <c r="C28966" i="3"/>
  <c r="C28967" i="3"/>
  <c r="C28968" i="3"/>
  <c r="C28969" i="3"/>
  <c r="C28970" i="3"/>
  <c r="C28971" i="3"/>
  <c r="C28972" i="3"/>
  <c r="C28973" i="3"/>
  <c r="C28974" i="3"/>
  <c r="C28975" i="3"/>
  <c r="C28976" i="3"/>
  <c r="C28977" i="3"/>
  <c r="C28978" i="3"/>
  <c r="C28979" i="3"/>
  <c r="C28980" i="3"/>
  <c r="C28981" i="3"/>
  <c r="C28982" i="3"/>
  <c r="C28983" i="3"/>
  <c r="C28984" i="3"/>
  <c r="C28985" i="3"/>
  <c r="C28986" i="3"/>
  <c r="C28987" i="3"/>
  <c r="C28988" i="3"/>
  <c r="C28989" i="3"/>
  <c r="C28990" i="3"/>
  <c r="C28991" i="3"/>
  <c r="C28992" i="3"/>
  <c r="C28993" i="3"/>
  <c r="C28994" i="3"/>
  <c r="C28995" i="3"/>
  <c r="C28996" i="3"/>
  <c r="C28997" i="3"/>
  <c r="C28998" i="3"/>
  <c r="C28999" i="3"/>
  <c r="C29000" i="3"/>
  <c r="C29001" i="3"/>
  <c r="C29002" i="3"/>
  <c r="C29003" i="3"/>
  <c r="C29004" i="3"/>
  <c r="C29005" i="3"/>
  <c r="C29006" i="3"/>
  <c r="C29007" i="3"/>
  <c r="C29008" i="3"/>
  <c r="C29009" i="3"/>
  <c r="C29010" i="3"/>
  <c r="C29011" i="3"/>
  <c r="C29012" i="3"/>
  <c r="C29013" i="3"/>
  <c r="C29014" i="3"/>
  <c r="C29015" i="3"/>
  <c r="C29016" i="3"/>
  <c r="C29017" i="3"/>
  <c r="C29018" i="3"/>
  <c r="C29019" i="3"/>
  <c r="C29020" i="3"/>
  <c r="C29021" i="3"/>
  <c r="C29022" i="3"/>
  <c r="C29023" i="3"/>
  <c r="C29024" i="3"/>
  <c r="C29025" i="3"/>
  <c r="C29026" i="3"/>
  <c r="C29027" i="3"/>
  <c r="C29028" i="3"/>
  <c r="C29029" i="3"/>
  <c r="C29030" i="3"/>
  <c r="C29031" i="3"/>
  <c r="C29032" i="3"/>
  <c r="C29033" i="3"/>
  <c r="C29034" i="3"/>
  <c r="C29035" i="3"/>
  <c r="C29036" i="3"/>
  <c r="C29037" i="3"/>
  <c r="C29038" i="3"/>
  <c r="C29039" i="3"/>
  <c r="C29040" i="3"/>
  <c r="C29041" i="3"/>
  <c r="C29042" i="3"/>
  <c r="C29043" i="3"/>
  <c r="C29044" i="3"/>
  <c r="C29045" i="3"/>
  <c r="C29046" i="3"/>
  <c r="C29047" i="3"/>
  <c r="C29048" i="3"/>
  <c r="C29049" i="3"/>
  <c r="C29050" i="3"/>
  <c r="C29051" i="3"/>
  <c r="C29052" i="3"/>
  <c r="C29053" i="3"/>
  <c r="C29054" i="3"/>
  <c r="C29055" i="3"/>
  <c r="C29056" i="3"/>
  <c r="C29057" i="3"/>
  <c r="C29058" i="3"/>
  <c r="C29059" i="3"/>
  <c r="C29060" i="3"/>
  <c r="C29061" i="3"/>
  <c r="C29062" i="3"/>
  <c r="C29063" i="3"/>
  <c r="C29064" i="3"/>
  <c r="C29065" i="3"/>
  <c r="C29066" i="3"/>
  <c r="C29067" i="3"/>
  <c r="C29068" i="3"/>
  <c r="C29069" i="3"/>
  <c r="C29070" i="3"/>
  <c r="C29071" i="3"/>
  <c r="C29072" i="3"/>
  <c r="C29073" i="3"/>
  <c r="C29074" i="3"/>
  <c r="C29075" i="3"/>
  <c r="C29076" i="3"/>
  <c r="C29077" i="3"/>
  <c r="C29078" i="3"/>
  <c r="C29079" i="3"/>
  <c r="C29080" i="3"/>
  <c r="C29081" i="3"/>
  <c r="C29082" i="3"/>
  <c r="C29083" i="3"/>
  <c r="C29084" i="3"/>
  <c r="C29085" i="3"/>
  <c r="C29086" i="3"/>
  <c r="C29087" i="3"/>
  <c r="C29088" i="3"/>
  <c r="C29089" i="3"/>
  <c r="C29090" i="3"/>
  <c r="C29091" i="3"/>
  <c r="C29092" i="3"/>
  <c r="C29093" i="3"/>
  <c r="C29094" i="3"/>
  <c r="C29095" i="3"/>
  <c r="C29096" i="3"/>
  <c r="C29097" i="3"/>
  <c r="C29098" i="3"/>
  <c r="C29099" i="3"/>
  <c r="C29100" i="3"/>
  <c r="C29101" i="3"/>
  <c r="C29102" i="3"/>
  <c r="C29103" i="3"/>
  <c r="C29104" i="3"/>
  <c r="C29105" i="3"/>
  <c r="C29106" i="3"/>
  <c r="C29107" i="3"/>
  <c r="C29108" i="3"/>
  <c r="C29109" i="3"/>
  <c r="C29110" i="3"/>
  <c r="C29111" i="3"/>
  <c r="C29112" i="3"/>
  <c r="C29113" i="3"/>
  <c r="C29114" i="3"/>
  <c r="C29115" i="3"/>
  <c r="C29116" i="3"/>
  <c r="C29117" i="3"/>
  <c r="C29118" i="3"/>
  <c r="C29119" i="3"/>
  <c r="C29120" i="3"/>
  <c r="C29121" i="3"/>
  <c r="C29122" i="3"/>
  <c r="C29123" i="3"/>
  <c r="C29124" i="3"/>
  <c r="C29125" i="3"/>
  <c r="C29126" i="3"/>
  <c r="C29127" i="3"/>
  <c r="C29128" i="3"/>
  <c r="C29129" i="3"/>
  <c r="C29130" i="3"/>
  <c r="C29131" i="3"/>
  <c r="C29132" i="3"/>
  <c r="C29133" i="3"/>
  <c r="C29134" i="3"/>
  <c r="C29135" i="3"/>
  <c r="C29136" i="3"/>
  <c r="C29137" i="3"/>
  <c r="C29138" i="3"/>
  <c r="C29139" i="3"/>
  <c r="C29140" i="3"/>
  <c r="C29141" i="3"/>
  <c r="C29142" i="3"/>
  <c r="C29143" i="3"/>
  <c r="C29144" i="3"/>
  <c r="C29145" i="3"/>
  <c r="C29146" i="3"/>
  <c r="C29147" i="3"/>
  <c r="C29148" i="3"/>
  <c r="C29149" i="3"/>
  <c r="C29150" i="3"/>
  <c r="C29151" i="3"/>
  <c r="C29152" i="3"/>
  <c r="C29153" i="3"/>
  <c r="C29154" i="3"/>
  <c r="C29155" i="3"/>
  <c r="C29156" i="3"/>
  <c r="C29157" i="3"/>
  <c r="C29158" i="3"/>
  <c r="C29159" i="3"/>
  <c r="C29160" i="3"/>
  <c r="C29161" i="3"/>
  <c r="C29162" i="3"/>
  <c r="C29163" i="3"/>
  <c r="C29164" i="3"/>
  <c r="C29165" i="3"/>
  <c r="C29166" i="3"/>
  <c r="C29167" i="3"/>
  <c r="C29168" i="3"/>
  <c r="C29169" i="3"/>
  <c r="C29170" i="3"/>
  <c r="C29171" i="3"/>
  <c r="C29172" i="3"/>
  <c r="C29173" i="3"/>
  <c r="C29174" i="3"/>
  <c r="C29175" i="3"/>
  <c r="C29176" i="3"/>
  <c r="C29177" i="3"/>
  <c r="C29178" i="3"/>
  <c r="C29179" i="3"/>
  <c r="C29180" i="3"/>
  <c r="C29181" i="3"/>
  <c r="C29182" i="3"/>
  <c r="C29183" i="3"/>
  <c r="C29184" i="3"/>
  <c r="C29185" i="3"/>
  <c r="C29186" i="3"/>
  <c r="C29187" i="3"/>
  <c r="C29188" i="3"/>
  <c r="C29189" i="3"/>
  <c r="C29190" i="3"/>
  <c r="C29191" i="3"/>
  <c r="C29192" i="3"/>
  <c r="C29193" i="3"/>
  <c r="C29194" i="3"/>
  <c r="C29195" i="3"/>
  <c r="C29196" i="3"/>
  <c r="C29197" i="3"/>
  <c r="C29198" i="3"/>
  <c r="C29199" i="3"/>
  <c r="C29200" i="3"/>
  <c r="C29201" i="3"/>
  <c r="C29202" i="3"/>
  <c r="C29203" i="3"/>
  <c r="C29204" i="3"/>
  <c r="C29205" i="3"/>
  <c r="C29206" i="3"/>
  <c r="C29207" i="3"/>
  <c r="C29208" i="3"/>
  <c r="C29209" i="3"/>
  <c r="C29210" i="3"/>
  <c r="C29211" i="3"/>
  <c r="C29212" i="3"/>
  <c r="C29213" i="3"/>
  <c r="C29214" i="3"/>
  <c r="C29215" i="3"/>
  <c r="C29216" i="3"/>
  <c r="C29217" i="3"/>
  <c r="C29218" i="3"/>
  <c r="C29219" i="3"/>
  <c r="C29220" i="3"/>
  <c r="C29221" i="3"/>
  <c r="C29222" i="3"/>
  <c r="C29223" i="3"/>
  <c r="C29224" i="3"/>
  <c r="C29225" i="3"/>
  <c r="C29226" i="3"/>
  <c r="C29227" i="3"/>
  <c r="C29228" i="3"/>
  <c r="C29229" i="3"/>
  <c r="C29230" i="3"/>
  <c r="C29231" i="3"/>
  <c r="C29232" i="3"/>
  <c r="C29233" i="3"/>
  <c r="C29234" i="3"/>
  <c r="C29235" i="3"/>
  <c r="C29236" i="3"/>
  <c r="C29237" i="3"/>
  <c r="C29238" i="3"/>
  <c r="C29239" i="3"/>
  <c r="C29240" i="3"/>
  <c r="C29241" i="3"/>
  <c r="C29242" i="3"/>
  <c r="C29243" i="3"/>
  <c r="C29244" i="3"/>
  <c r="C29245" i="3"/>
  <c r="C29246" i="3"/>
  <c r="C29247" i="3"/>
  <c r="C29248" i="3"/>
  <c r="C29249" i="3"/>
  <c r="C29250" i="3"/>
  <c r="C29251" i="3"/>
  <c r="C29252" i="3"/>
  <c r="C29253" i="3"/>
  <c r="C29254" i="3"/>
  <c r="C29255" i="3"/>
  <c r="C29256" i="3"/>
  <c r="C29257" i="3"/>
  <c r="C29258" i="3"/>
  <c r="C29259" i="3"/>
  <c r="C29260" i="3"/>
  <c r="C29261" i="3"/>
  <c r="C29262" i="3"/>
  <c r="C29263" i="3"/>
  <c r="C29264" i="3"/>
  <c r="C29265" i="3"/>
  <c r="C29266" i="3"/>
  <c r="C29267" i="3"/>
  <c r="C29268" i="3"/>
  <c r="C29269" i="3"/>
  <c r="C29270" i="3"/>
  <c r="C29271" i="3"/>
  <c r="C29272" i="3"/>
  <c r="C29273" i="3"/>
  <c r="C29274" i="3"/>
  <c r="C29275" i="3"/>
  <c r="C29276" i="3"/>
  <c r="C29277" i="3"/>
  <c r="C29278" i="3"/>
  <c r="C29279" i="3"/>
  <c r="C29280" i="3"/>
  <c r="C29281" i="3"/>
  <c r="C29282" i="3"/>
  <c r="C29283" i="3"/>
  <c r="C29284" i="3"/>
  <c r="C29285" i="3"/>
  <c r="C29286" i="3"/>
  <c r="C29287" i="3"/>
  <c r="C29288" i="3"/>
  <c r="C29289" i="3"/>
  <c r="C29290" i="3"/>
  <c r="C29291" i="3"/>
  <c r="C29292" i="3"/>
  <c r="C29293" i="3"/>
  <c r="C29294" i="3"/>
  <c r="C29295" i="3"/>
  <c r="C29296" i="3"/>
  <c r="C29297" i="3"/>
  <c r="C29298" i="3"/>
  <c r="C29299" i="3"/>
  <c r="C29300" i="3"/>
  <c r="C29301" i="3"/>
  <c r="C29302" i="3"/>
  <c r="C29303" i="3"/>
  <c r="C29304" i="3"/>
  <c r="C29305" i="3"/>
  <c r="C29306" i="3"/>
  <c r="C29307" i="3"/>
  <c r="C29308" i="3"/>
  <c r="C29309" i="3"/>
  <c r="C29310" i="3"/>
  <c r="C29311" i="3"/>
  <c r="C29312" i="3"/>
  <c r="C29313" i="3"/>
  <c r="C29314" i="3"/>
  <c r="C29315" i="3"/>
  <c r="C29316" i="3"/>
  <c r="C29317" i="3"/>
  <c r="C29318" i="3"/>
  <c r="C29319" i="3"/>
  <c r="C29320" i="3"/>
  <c r="C29321" i="3"/>
  <c r="C29322" i="3"/>
  <c r="C29323" i="3"/>
  <c r="C29324" i="3"/>
  <c r="C29325" i="3"/>
  <c r="C29326" i="3"/>
  <c r="C29327" i="3"/>
  <c r="C29328" i="3"/>
  <c r="C29329" i="3"/>
  <c r="C29330" i="3"/>
  <c r="C29331" i="3"/>
  <c r="C29332" i="3"/>
  <c r="C29333" i="3"/>
  <c r="C29334" i="3"/>
  <c r="C29335" i="3"/>
  <c r="C29336" i="3"/>
  <c r="C29337" i="3"/>
  <c r="C29338" i="3"/>
  <c r="C29339" i="3"/>
  <c r="C29340" i="3"/>
  <c r="C29341" i="3"/>
  <c r="C29342" i="3"/>
  <c r="C29343" i="3"/>
  <c r="C29344" i="3"/>
  <c r="C29345" i="3"/>
  <c r="C29346" i="3"/>
  <c r="C29347" i="3"/>
  <c r="C29348" i="3"/>
  <c r="C29349" i="3"/>
  <c r="C29350" i="3"/>
  <c r="C29351" i="3"/>
  <c r="C29352" i="3"/>
  <c r="C29353" i="3"/>
  <c r="C29354" i="3"/>
  <c r="C29355" i="3"/>
  <c r="C29356" i="3"/>
  <c r="C29357" i="3"/>
  <c r="C29358" i="3"/>
  <c r="C29359" i="3"/>
  <c r="C29360" i="3"/>
  <c r="C29361" i="3"/>
  <c r="C29362" i="3"/>
  <c r="C29363" i="3"/>
  <c r="C29364" i="3"/>
  <c r="C29365" i="3"/>
  <c r="C29366" i="3"/>
  <c r="C29367" i="3"/>
  <c r="C29368" i="3"/>
  <c r="C29369" i="3"/>
  <c r="C29370" i="3"/>
  <c r="C29371" i="3"/>
  <c r="C29372" i="3"/>
  <c r="C29373" i="3"/>
  <c r="C29374" i="3"/>
  <c r="C29375" i="3"/>
  <c r="C29376" i="3"/>
  <c r="C29377" i="3"/>
  <c r="C29378" i="3"/>
  <c r="C29379" i="3"/>
  <c r="C29380" i="3"/>
  <c r="C29381" i="3"/>
  <c r="C29382" i="3"/>
  <c r="C29383" i="3"/>
  <c r="C29384" i="3"/>
  <c r="C29385" i="3"/>
  <c r="C29386" i="3"/>
  <c r="C29387" i="3"/>
  <c r="C29388" i="3"/>
  <c r="C29389" i="3"/>
  <c r="C29390" i="3"/>
  <c r="C29391" i="3"/>
  <c r="C29392" i="3"/>
  <c r="C29393" i="3"/>
  <c r="C29394" i="3"/>
  <c r="C29395" i="3"/>
  <c r="C29396" i="3"/>
  <c r="C29397" i="3"/>
  <c r="C29398" i="3"/>
  <c r="C29399" i="3"/>
  <c r="C29400" i="3"/>
  <c r="C29401" i="3"/>
  <c r="C29402" i="3"/>
  <c r="C29403" i="3"/>
  <c r="C29404" i="3"/>
  <c r="C29405" i="3"/>
  <c r="C29406" i="3"/>
  <c r="C29407" i="3"/>
  <c r="C29408" i="3"/>
  <c r="C29409" i="3"/>
  <c r="C29410" i="3"/>
  <c r="C29411" i="3"/>
  <c r="C29412" i="3"/>
  <c r="C29413" i="3"/>
  <c r="C29414" i="3"/>
  <c r="C29415" i="3"/>
  <c r="C29416" i="3"/>
  <c r="C29417" i="3"/>
  <c r="C29418" i="3"/>
  <c r="C29419" i="3"/>
  <c r="C29420" i="3"/>
  <c r="C29421" i="3"/>
  <c r="C29422" i="3"/>
  <c r="C29423" i="3"/>
  <c r="C29424" i="3"/>
  <c r="C29425" i="3"/>
  <c r="C29426" i="3"/>
  <c r="C29427" i="3"/>
  <c r="C29428" i="3"/>
  <c r="C29429" i="3"/>
  <c r="C29430" i="3"/>
  <c r="C29431" i="3"/>
  <c r="C29432" i="3"/>
  <c r="C29433" i="3"/>
  <c r="C29434" i="3"/>
  <c r="C29435" i="3"/>
  <c r="C29436" i="3"/>
  <c r="C29437" i="3"/>
  <c r="C29438" i="3"/>
  <c r="C29439" i="3"/>
  <c r="C29440" i="3"/>
  <c r="C29441" i="3"/>
  <c r="C29442" i="3"/>
  <c r="C29443" i="3"/>
  <c r="C29444" i="3"/>
  <c r="C29445" i="3"/>
  <c r="C29446" i="3"/>
  <c r="C29447" i="3"/>
  <c r="C29448" i="3"/>
  <c r="C29449" i="3"/>
  <c r="C29450" i="3"/>
  <c r="C29451" i="3"/>
  <c r="C29452" i="3"/>
  <c r="C29453" i="3"/>
  <c r="C29454" i="3"/>
  <c r="C29455" i="3"/>
  <c r="C29456" i="3"/>
  <c r="C29457" i="3"/>
  <c r="C29458" i="3"/>
  <c r="C29459" i="3"/>
  <c r="C29460" i="3"/>
  <c r="C29461" i="3"/>
  <c r="C29462" i="3"/>
  <c r="C29463" i="3"/>
  <c r="C29464" i="3"/>
  <c r="C29465" i="3"/>
  <c r="C29466" i="3"/>
  <c r="C29467" i="3"/>
  <c r="C29468" i="3"/>
  <c r="C29469" i="3"/>
  <c r="C29470" i="3"/>
  <c r="C29471" i="3"/>
  <c r="C29472" i="3"/>
  <c r="C29473" i="3"/>
  <c r="C29474" i="3"/>
  <c r="C29475" i="3"/>
  <c r="C29476" i="3"/>
  <c r="C29477" i="3"/>
  <c r="C29478" i="3"/>
  <c r="C29479" i="3"/>
  <c r="C29480" i="3"/>
  <c r="C29481" i="3"/>
  <c r="C29482" i="3"/>
  <c r="C29483" i="3"/>
  <c r="C29484" i="3"/>
  <c r="C29485" i="3"/>
  <c r="C29486" i="3"/>
  <c r="C29487" i="3"/>
  <c r="C29488" i="3"/>
  <c r="C29489" i="3"/>
  <c r="C29490" i="3"/>
  <c r="C29491" i="3"/>
  <c r="C29492" i="3"/>
  <c r="C29493" i="3"/>
  <c r="C29494" i="3"/>
  <c r="C29495" i="3"/>
  <c r="C29496" i="3"/>
  <c r="C29497" i="3"/>
  <c r="C29498" i="3"/>
  <c r="C29499" i="3"/>
  <c r="C29500" i="3"/>
  <c r="C29501" i="3"/>
  <c r="C29502" i="3"/>
  <c r="C29503" i="3"/>
  <c r="C29504" i="3"/>
  <c r="C29505" i="3"/>
  <c r="C29506" i="3"/>
  <c r="C29507" i="3"/>
  <c r="C29508" i="3"/>
  <c r="C29509" i="3"/>
  <c r="C29510" i="3"/>
  <c r="C29511" i="3"/>
  <c r="C29512" i="3"/>
  <c r="C29513" i="3"/>
  <c r="C29514" i="3"/>
  <c r="C29515" i="3"/>
  <c r="C29516" i="3"/>
  <c r="C29517" i="3"/>
  <c r="C29518" i="3"/>
  <c r="C29519" i="3"/>
  <c r="C29520" i="3"/>
  <c r="C29521" i="3"/>
  <c r="C29522" i="3"/>
  <c r="C29523" i="3"/>
  <c r="C29524" i="3"/>
  <c r="C29525" i="3"/>
  <c r="C29526" i="3"/>
  <c r="C29527" i="3"/>
  <c r="C29528" i="3"/>
  <c r="C29529" i="3"/>
  <c r="C29530" i="3"/>
  <c r="C29531" i="3"/>
  <c r="C29532" i="3"/>
  <c r="C29533" i="3"/>
  <c r="C29534" i="3"/>
  <c r="C29535" i="3"/>
  <c r="C29536" i="3"/>
  <c r="C29537" i="3"/>
  <c r="C29538" i="3"/>
  <c r="C29539" i="3"/>
  <c r="C29540" i="3"/>
  <c r="C29541" i="3"/>
  <c r="C29542" i="3"/>
  <c r="C29543" i="3"/>
  <c r="C29544" i="3"/>
  <c r="C29545" i="3"/>
  <c r="C29546" i="3"/>
  <c r="C29547" i="3"/>
  <c r="C29548" i="3"/>
  <c r="C29549" i="3"/>
  <c r="C29550" i="3"/>
  <c r="C29551" i="3"/>
  <c r="C29552" i="3"/>
  <c r="C29553" i="3"/>
  <c r="C29554" i="3"/>
  <c r="C29555" i="3"/>
  <c r="C29556" i="3"/>
  <c r="C29557" i="3"/>
  <c r="C29558" i="3"/>
  <c r="C29559" i="3"/>
  <c r="C29560" i="3"/>
  <c r="C29561" i="3"/>
  <c r="C29562" i="3"/>
  <c r="C29563" i="3"/>
  <c r="C29564" i="3"/>
  <c r="C29565" i="3"/>
  <c r="C29566" i="3"/>
  <c r="C29567" i="3"/>
  <c r="C29568" i="3"/>
  <c r="C29569" i="3"/>
  <c r="C29570" i="3"/>
  <c r="C29571" i="3"/>
  <c r="C29572" i="3"/>
  <c r="C29573" i="3"/>
  <c r="C29574" i="3"/>
  <c r="C29575" i="3"/>
  <c r="C29576" i="3"/>
  <c r="C29577" i="3"/>
  <c r="C29578" i="3"/>
  <c r="C29579" i="3"/>
  <c r="C29580" i="3"/>
  <c r="C29581" i="3"/>
  <c r="C29582" i="3"/>
  <c r="C29583" i="3"/>
  <c r="C29584" i="3"/>
  <c r="C29585" i="3"/>
  <c r="C29586" i="3"/>
  <c r="C29587" i="3"/>
  <c r="C29588" i="3"/>
  <c r="C29589" i="3"/>
  <c r="C29590" i="3"/>
  <c r="C29591" i="3"/>
  <c r="C29592" i="3"/>
  <c r="C29593" i="3"/>
  <c r="C29594" i="3"/>
  <c r="C29595" i="3"/>
  <c r="C29596" i="3"/>
  <c r="C29597" i="3"/>
  <c r="C29598" i="3"/>
  <c r="C29599" i="3"/>
  <c r="C29600" i="3"/>
  <c r="C29601" i="3"/>
  <c r="C29602" i="3"/>
  <c r="C29603" i="3"/>
  <c r="C29604" i="3"/>
  <c r="C29605" i="3"/>
  <c r="C29606" i="3"/>
  <c r="C29607" i="3"/>
  <c r="C29608" i="3"/>
  <c r="C29609" i="3"/>
  <c r="C29610" i="3"/>
  <c r="C29611" i="3"/>
  <c r="C29612" i="3"/>
  <c r="C29613" i="3"/>
  <c r="C29614" i="3"/>
  <c r="C29615" i="3"/>
  <c r="C29616" i="3"/>
  <c r="C29617" i="3"/>
  <c r="C29618" i="3"/>
  <c r="C29619" i="3"/>
  <c r="C29620" i="3"/>
  <c r="C29621" i="3"/>
  <c r="C29622" i="3"/>
  <c r="C29623" i="3"/>
  <c r="C29624" i="3"/>
  <c r="C29625" i="3"/>
  <c r="C29626" i="3"/>
  <c r="C29627" i="3"/>
  <c r="C29628" i="3"/>
  <c r="C29629" i="3"/>
  <c r="C29630" i="3"/>
  <c r="C29631" i="3"/>
  <c r="C29632" i="3"/>
  <c r="C29633" i="3"/>
  <c r="C29634" i="3"/>
  <c r="C29635" i="3"/>
  <c r="C29636" i="3"/>
  <c r="C29637" i="3"/>
  <c r="C29638" i="3"/>
  <c r="C29639" i="3"/>
  <c r="C29640" i="3"/>
  <c r="C29641" i="3"/>
  <c r="C29642" i="3"/>
  <c r="C29643" i="3"/>
  <c r="C29644" i="3"/>
  <c r="C29645" i="3"/>
  <c r="C29646" i="3"/>
  <c r="C29647" i="3"/>
  <c r="C29648" i="3"/>
  <c r="C29649" i="3"/>
  <c r="C29650" i="3"/>
  <c r="C29651" i="3"/>
  <c r="C29652" i="3"/>
  <c r="C29653" i="3"/>
  <c r="C29654" i="3"/>
  <c r="C29655" i="3"/>
  <c r="C29656" i="3"/>
  <c r="C29657" i="3"/>
  <c r="C29658" i="3"/>
  <c r="C29659" i="3"/>
  <c r="C29660" i="3"/>
  <c r="C29661" i="3"/>
  <c r="C29662" i="3"/>
  <c r="C29663" i="3"/>
  <c r="C29664" i="3"/>
  <c r="C29665" i="3"/>
  <c r="C29666" i="3"/>
  <c r="C29667" i="3"/>
  <c r="C29668" i="3"/>
  <c r="C29669" i="3"/>
  <c r="C29670" i="3"/>
  <c r="C29671" i="3"/>
  <c r="C29672" i="3"/>
  <c r="C29673" i="3"/>
  <c r="C29674" i="3"/>
  <c r="C29675" i="3"/>
  <c r="C29676" i="3"/>
  <c r="C29677" i="3"/>
  <c r="C29678" i="3"/>
  <c r="C29679" i="3"/>
  <c r="C29680" i="3"/>
  <c r="C29681" i="3"/>
  <c r="C29682" i="3"/>
  <c r="C29683" i="3"/>
  <c r="C29684" i="3"/>
  <c r="C29685" i="3"/>
  <c r="C29686" i="3"/>
  <c r="C29687" i="3"/>
  <c r="C29688" i="3"/>
  <c r="C29689" i="3"/>
  <c r="C29690" i="3"/>
  <c r="C29691" i="3"/>
  <c r="C29692" i="3"/>
  <c r="C29693" i="3"/>
  <c r="C29694" i="3"/>
  <c r="C29695" i="3"/>
  <c r="C29696" i="3"/>
  <c r="C29697" i="3"/>
  <c r="C29698" i="3"/>
  <c r="C29699" i="3"/>
  <c r="C29700" i="3"/>
  <c r="C29701" i="3"/>
  <c r="C29702" i="3"/>
  <c r="C29703" i="3"/>
  <c r="C29704" i="3"/>
  <c r="C29705" i="3"/>
  <c r="C29706" i="3"/>
  <c r="C29707" i="3"/>
  <c r="C29708" i="3"/>
  <c r="C29709" i="3"/>
  <c r="C29710" i="3"/>
  <c r="C29711" i="3"/>
  <c r="C29712" i="3"/>
  <c r="C29713" i="3"/>
  <c r="C29714" i="3"/>
  <c r="C29715" i="3"/>
  <c r="C29716" i="3"/>
  <c r="C29717" i="3"/>
  <c r="C29718" i="3"/>
  <c r="C29719" i="3"/>
  <c r="C29720" i="3"/>
  <c r="C29721" i="3"/>
  <c r="C29722" i="3"/>
  <c r="C29723" i="3"/>
  <c r="C29724" i="3"/>
  <c r="C29725" i="3"/>
  <c r="C29726" i="3"/>
  <c r="C29727" i="3"/>
  <c r="C29728" i="3"/>
  <c r="C29729" i="3"/>
  <c r="C29730" i="3"/>
  <c r="C29731" i="3"/>
  <c r="C29732" i="3"/>
  <c r="C29733" i="3"/>
  <c r="C29734" i="3"/>
  <c r="C29735" i="3"/>
  <c r="C29736" i="3"/>
  <c r="C29737" i="3"/>
  <c r="C29738" i="3"/>
  <c r="C29739" i="3"/>
  <c r="C29740" i="3"/>
  <c r="C29741" i="3"/>
  <c r="C29742" i="3"/>
  <c r="C29743" i="3"/>
  <c r="C29744" i="3"/>
  <c r="C29745" i="3"/>
  <c r="C29746" i="3"/>
  <c r="C29747" i="3"/>
  <c r="C29748" i="3"/>
  <c r="C29749" i="3"/>
  <c r="C29750" i="3"/>
  <c r="C29751" i="3"/>
  <c r="C29752" i="3"/>
  <c r="C29753" i="3"/>
  <c r="C29754" i="3"/>
  <c r="C29755" i="3"/>
  <c r="C29756" i="3"/>
  <c r="C29757" i="3"/>
  <c r="C29758" i="3"/>
  <c r="C29759" i="3"/>
  <c r="C29760" i="3"/>
  <c r="C29761" i="3"/>
  <c r="C29762" i="3"/>
  <c r="C29763" i="3"/>
  <c r="C29764" i="3"/>
  <c r="C29765" i="3"/>
  <c r="C29766" i="3"/>
  <c r="C29767" i="3"/>
  <c r="C29768" i="3"/>
  <c r="C29769" i="3"/>
  <c r="C29770" i="3"/>
  <c r="C29771" i="3"/>
  <c r="C29772" i="3"/>
  <c r="C29773" i="3"/>
  <c r="C29774" i="3"/>
  <c r="C29775" i="3"/>
  <c r="C29776" i="3"/>
  <c r="C29777" i="3"/>
  <c r="C29778" i="3"/>
  <c r="C29779" i="3"/>
  <c r="C29780" i="3"/>
  <c r="C29781" i="3"/>
  <c r="C29782" i="3"/>
  <c r="C29783" i="3"/>
  <c r="C29784" i="3"/>
  <c r="C29785" i="3"/>
  <c r="C29786" i="3"/>
  <c r="C29787" i="3"/>
  <c r="C29788" i="3"/>
  <c r="C29789" i="3"/>
  <c r="C29790" i="3"/>
  <c r="C29791" i="3"/>
  <c r="C29792" i="3"/>
  <c r="C29793" i="3"/>
  <c r="C29794" i="3"/>
  <c r="C29795" i="3"/>
  <c r="C29796" i="3"/>
  <c r="C29797" i="3"/>
  <c r="C29798" i="3"/>
  <c r="C29799" i="3"/>
  <c r="C29800" i="3"/>
  <c r="C29801" i="3"/>
  <c r="C29802" i="3"/>
  <c r="C29803" i="3"/>
  <c r="C29804" i="3"/>
  <c r="C29805" i="3"/>
  <c r="C29806" i="3"/>
  <c r="C29807" i="3"/>
  <c r="C29808" i="3"/>
  <c r="C29809" i="3"/>
  <c r="C29810" i="3"/>
  <c r="C29811" i="3"/>
  <c r="C29812" i="3"/>
  <c r="C29813" i="3"/>
  <c r="C29814" i="3"/>
  <c r="C29815" i="3"/>
  <c r="C29816" i="3"/>
  <c r="C29817" i="3"/>
  <c r="C29818" i="3"/>
  <c r="C29819" i="3"/>
  <c r="C29820" i="3"/>
  <c r="C29821" i="3"/>
  <c r="C29822" i="3"/>
  <c r="C29823" i="3"/>
  <c r="C29824" i="3"/>
  <c r="C29825" i="3"/>
  <c r="C29826" i="3"/>
  <c r="C29827" i="3"/>
  <c r="C29828" i="3"/>
  <c r="C29829" i="3"/>
  <c r="C29830" i="3"/>
  <c r="C29831" i="3"/>
  <c r="C29832" i="3"/>
  <c r="C29833" i="3"/>
  <c r="C29834" i="3"/>
  <c r="C29835" i="3"/>
  <c r="C29836" i="3"/>
  <c r="C29837" i="3"/>
  <c r="C29838" i="3"/>
  <c r="C29839" i="3"/>
  <c r="C29840" i="3"/>
  <c r="C29841" i="3"/>
  <c r="C29842" i="3"/>
  <c r="C29843" i="3"/>
  <c r="C29844" i="3"/>
  <c r="C29845" i="3"/>
  <c r="C29846" i="3"/>
  <c r="C29847" i="3"/>
  <c r="C29848" i="3"/>
  <c r="C29849" i="3"/>
  <c r="C29850" i="3"/>
  <c r="C29851" i="3"/>
  <c r="C29852" i="3"/>
  <c r="C29853" i="3"/>
  <c r="C29854" i="3"/>
  <c r="C29855" i="3"/>
  <c r="C29856" i="3"/>
  <c r="C29857" i="3"/>
  <c r="C29858" i="3"/>
  <c r="C29859" i="3"/>
  <c r="C29860" i="3"/>
  <c r="C29861" i="3"/>
  <c r="C29862" i="3"/>
  <c r="C29863" i="3"/>
  <c r="C29864" i="3"/>
  <c r="C29865" i="3"/>
  <c r="C29866" i="3"/>
  <c r="C29867" i="3"/>
  <c r="C29868" i="3"/>
  <c r="C29869" i="3"/>
  <c r="C29870" i="3"/>
  <c r="C29871" i="3"/>
  <c r="C29872" i="3"/>
  <c r="C29873" i="3"/>
  <c r="C29874" i="3"/>
  <c r="C29875" i="3"/>
  <c r="C29876" i="3"/>
  <c r="C29877" i="3"/>
  <c r="C29878" i="3"/>
  <c r="C29879" i="3"/>
  <c r="C29880" i="3"/>
  <c r="C29881" i="3"/>
  <c r="C29882" i="3"/>
  <c r="C29883" i="3"/>
  <c r="C29884" i="3"/>
  <c r="C29885" i="3"/>
  <c r="C29886" i="3"/>
  <c r="C29887" i="3"/>
  <c r="C29888" i="3"/>
  <c r="C29889" i="3"/>
  <c r="C29890" i="3"/>
  <c r="C29891" i="3"/>
  <c r="C29892" i="3"/>
  <c r="C29893" i="3"/>
  <c r="C29894" i="3"/>
  <c r="C29895" i="3"/>
  <c r="C29896" i="3"/>
  <c r="C29897" i="3"/>
  <c r="C29898" i="3"/>
  <c r="C29899" i="3"/>
  <c r="C29900" i="3"/>
  <c r="C29901" i="3"/>
  <c r="C29902" i="3"/>
  <c r="C29903" i="3"/>
  <c r="C29904" i="3"/>
  <c r="C29905" i="3"/>
  <c r="C29906" i="3"/>
  <c r="C29907" i="3"/>
  <c r="C29908" i="3"/>
  <c r="C29909" i="3"/>
  <c r="C29910" i="3"/>
  <c r="C29911" i="3"/>
  <c r="C29912" i="3"/>
  <c r="C29913" i="3"/>
  <c r="C29914" i="3"/>
  <c r="C29915" i="3"/>
  <c r="C29916" i="3"/>
  <c r="C29917" i="3"/>
  <c r="C29918" i="3"/>
  <c r="C29919" i="3"/>
  <c r="C29920" i="3"/>
  <c r="C29921" i="3"/>
  <c r="C29922" i="3"/>
  <c r="C29923" i="3"/>
  <c r="C29924" i="3"/>
  <c r="C29925" i="3"/>
  <c r="C29926" i="3"/>
  <c r="C29927" i="3"/>
  <c r="C29928" i="3"/>
  <c r="C29929" i="3"/>
  <c r="C29930" i="3"/>
  <c r="C29931" i="3"/>
  <c r="C29932" i="3"/>
  <c r="C29933" i="3"/>
  <c r="C29934" i="3"/>
  <c r="C29935" i="3"/>
  <c r="C29936" i="3"/>
  <c r="C29937" i="3"/>
  <c r="C29938" i="3"/>
  <c r="C29939" i="3"/>
  <c r="C29940" i="3"/>
  <c r="C29941" i="3"/>
  <c r="C29942" i="3"/>
  <c r="C29943" i="3"/>
  <c r="C29944" i="3"/>
  <c r="C29945" i="3"/>
  <c r="C29946" i="3"/>
  <c r="C29947" i="3"/>
  <c r="C29948" i="3"/>
  <c r="C29949" i="3"/>
  <c r="C29950" i="3"/>
  <c r="C29951" i="3"/>
  <c r="C29952" i="3"/>
  <c r="C29953" i="3"/>
  <c r="C29954" i="3"/>
  <c r="C29955" i="3"/>
  <c r="C29956" i="3"/>
  <c r="C29957" i="3"/>
  <c r="C29958" i="3"/>
  <c r="C29959" i="3"/>
  <c r="C29960" i="3"/>
  <c r="C29961" i="3"/>
  <c r="C29962" i="3"/>
  <c r="C29963" i="3"/>
  <c r="C29964" i="3"/>
  <c r="C29965" i="3"/>
  <c r="C29966" i="3"/>
  <c r="C29967" i="3"/>
  <c r="C29968" i="3"/>
  <c r="C29969" i="3"/>
  <c r="C29970" i="3"/>
  <c r="C29971" i="3"/>
  <c r="C29972" i="3"/>
  <c r="C29973" i="3"/>
  <c r="C29974" i="3"/>
  <c r="C29975" i="3"/>
  <c r="C29976" i="3"/>
  <c r="C29977" i="3"/>
  <c r="C29978" i="3"/>
  <c r="C29979" i="3"/>
  <c r="C29980" i="3"/>
  <c r="C29981" i="3"/>
  <c r="C29982" i="3"/>
  <c r="C29983" i="3"/>
  <c r="C29984" i="3"/>
  <c r="C29985" i="3"/>
  <c r="C29986" i="3"/>
  <c r="C29987" i="3"/>
  <c r="C29988" i="3"/>
  <c r="C29989" i="3"/>
  <c r="C29990" i="3"/>
  <c r="C29991" i="3"/>
  <c r="C29992" i="3"/>
  <c r="C29993" i="3"/>
  <c r="C29994" i="3"/>
  <c r="C29995" i="3"/>
  <c r="C29996" i="3"/>
  <c r="C29997" i="3"/>
  <c r="C29998" i="3"/>
  <c r="C29999" i="3"/>
  <c r="C30000" i="3"/>
  <c r="C30001" i="3"/>
  <c r="C30002" i="3"/>
  <c r="C30003" i="3"/>
  <c r="C30004" i="3"/>
  <c r="C30005" i="3"/>
  <c r="C30006" i="3"/>
  <c r="C30007" i="3"/>
  <c r="C30008" i="3"/>
  <c r="C30009" i="3"/>
  <c r="C30010" i="3"/>
  <c r="C30011" i="3"/>
  <c r="C30012" i="3"/>
  <c r="C30013" i="3"/>
  <c r="C30014" i="3"/>
  <c r="C30015" i="3"/>
  <c r="C30016" i="3"/>
  <c r="C30017" i="3"/>
  <c r="C30018" i="3"/>
  <c r="C30019" i="3"/>
  <c r="C30020" i="3"/>
  <c r="C30021" i="3"/>
  <c r="C30022" i="3"/>
  <c r="C30023" i="3"/>
  <c r="C30024" i="3"/>
  <c r="C30025" i="3"/>
  <c r="C30026" i="3"/>
  <c r="C30027" i="3"/>
  <c r="C30028" i="3"/>
  <c r="C30029" i="3"/>
  <c r="C30030" i="3"/>
  <c r="C30031" i="3"/>
  <c r="C30032" i="3"/>
  <c r="C30033" i="3"/>
  <c r="C30034" i="3"/>
  <c r="C30035" i="3"/>
  <c r="C30036" i="3"/>
  <c r="C30037" i="3"/>
  <c r="C30038" i="3"/>
  <c r="C30039" i="3"/>
  <c r="C30040" i="3"/>
  <c r="C30041" i="3"/>
  <c r="C30042" i="3"/>
  <c r="C30043" i="3"/>
  <c r="C30044" i="3"/>
  <c r="C30045" i="3"/>
  <c r="C30046" i="3"/>
  <c r="C30047" i="3"/>
  <c r="C30048" i="3"/>
  <c r="C30049" i="3"/>
  <c r="C30050" i="3"/>
  <c r="C30051" i="3"/>
  <c r="C30052" i="3"/>
  <c r="C30053" i="3"/>
  <c r="C30054" i="3"/>
  <c r="C30055" i="3"/>
  <c r="C30056" i="3"/>
  <c r="C30057" i="3"/>
  <c r="C30058" i="3"/>
  <c r="C30059" i="3"/>
  <c r="C30060" i="3"/>
  <c r="C30061" i="3"/>
  <c r="C30062" i="3"/>
  <c r="C30063" i="3"/>
  <c r="C30064" i="3"/>
  <c r="C30065" i="3"/>
  <c r="C30066" i="3"/>
  <c r="C30067" i="3"/>
  <c r="C30068" i="3"/>
  <c r="C30069" i="3"/>
  <c r="C30070" i="3"/>
  <c r="C30071" i="3"/>
  <c r="C30072" i="3"/>
  <c r="C30073" i="3"/>
  <c r="C30074" i="3"/>
  <c r="C30075" i="3"/>
  <c r="C30076" i="3"/>
  <c r="C30077" i="3"/>
  <c r="C30078" i="3"/>
  <c r="C30079" i="3"/>
  <c r="C30080" i="3"/>
  <c r="C30081" i="3"/>
  <c r="C30082" i="3"/>
  <c r="C30083" i="3"/>
  <c r="C30084" i="3"/>
  <c r="C30085" i="3"/>
  <c r="C30086" i="3"/>
  <c r="C30087" i="3"/>
  <c r="C30088" i="3"/>
  <c r="C30089" i="3"/>
  <c r="C30090" i="3"/>
  <c r="C30091" i="3"/>
  <c r="C30092" i="3"/>
  <c r="C30093" i="3"/>
  <c r="C30094" i="3"/>
  <c r="C30095" i="3"/>
  <c r="C30096" i="3"/>
  <c r="C30097" i="3"/>
  <c r="C30098" i="3"/>
  <c r="C30099" i="3"/>
  <c r="C30100" i="3"/>
  <c r="C30101" i="3"/>
  <c r="C30102" i="3"/>
  <c r="C30103" i="3"/>
  <c r="C30104" i="3"/>
  <c r="C30105" i="3"/>
  <c r="C30106" i="3"/>
  <c r="C30107" i="3"/>
  <c r="C30108" i="3"/>
  <c r="C30109" i="3"/>
  <c r="C30110" i="3"/>
  <c r="C30111" i="3"/>
  <c r="C30112" i="3"/>
  <c r="C30113" i="3"/>
  <c r="C30114" i="3"/>
  <c r="C30115" i="3"/>
  <c r="C30116" i="3"/>
  <c r="C30117" i="3"/>
  <c r="C30118" i="3"/>
  <c r="C30119" i="3"/>
  <c r="C30120" i="3"/>
  <c r="C30121" i="3"/>
  <c r="C30122" i="3"/>
  <c r="C30123" i="3"/>
  <c r="C30124" i="3"/>
  <c r="C30125" i="3"/>
  <c r="C30126" i="3"/>
  <c r="C30127" i="3"/>
  <c r="C30128" i="3"/>
  <c r="C30129" i="3"/>
  <c r="C30130" i="3"/>
  <c r="C30131" i="3"/>
  <c r="C30132" i="3"/>
  <c r="C30133" i="3"/>
  <c r="C30134" i="3"/>
  <c r="C30135" i="3"/>
  <c r="C30136" i="3"/>
  <c r="C30137" i="3"/>
  <c r="C30138" i="3"/>
  <c r="C30139" i="3"/>
  <c r="C30140" i="3"/>
  <c r="C30141" i="3"/>
  <c r="C30142" i="3"/>
  <c r="C30143" i="3"/>
  <c r="C30144" i="3"/>
  <c r="C30145" i="3"/>
  <c r="C30146" i="3"/>
  <c r="C30147" i="3"/>
  <c r="C30148" i="3"/>
  <c r="C30149" i="3"/>
  <c r="C30150" i="3"/>
  <c r="C30151" i="3"/>
  <c r="C30152" i="3"/>
  <c r="C30153" i="3"/>
  <c r="C30154" i="3"/>
  <c r="C30155" i="3"/>
  <c r="C30156" i="3"/>
  <c r="C30157" i="3"/>
  <c r="C30158" i="3"/>
  <c r="C30159" i="3"/>
  <c r="C30160" i="3"/>
  <c r="C30161" i="3"/>
  <c r="C30162" i="3"/>
  <c r="C30163" i="3"/>
  <c r="C30164" i="3"/>
  <c r="C30165" i="3"/>
  <c r="C30166" i="3"/>
  <c r="C30167" i="3"/>
  <c r="C30168" i="3"/>
  <c r="C30169" i="3"/>
  <c r="C30170" i="3"/>
  <c r="C30171" i="3"/>
  <c r="C30172" i="3"/>
  <c r="C30173" i="3"/>
  <c r="C30174" i="3"/>
  <c r="C30175" i="3"/>
  <c r="C30176" i="3"/>
  <c r="C30177" i="3"/>
  <c r="C30178" i="3"/>
  <c r="C30179" i="3"/>
  <c r="C30180" i="3"/>
  <c r="C30181" i="3"/>
  <c r="C30182" i="3"/>
  <c r="C30183" i="3"/>
  <c r="C30184" i="3"/>
  <c r="C30185" i="3"/>
  <c r="C30186" i="3"/>
  <c r="C30187" i="3"/>
  <c r="C30188" i="3"/>
  <c r="C30189" i="3"/>
  <c r="C30190" i="3"/>
  <c r="C30191" i="3"/>
  <c r="C30192" i="3"/>
  <c r="C30193" i="3"/>
  <c r="C30194" i="3"/>
  <c r="C30195" i="3"/>
  <c r="C30196" i="3"/>
  <c r="C30197" i="3"/>
  <c r="C30198" i="3"/>
  <c r="C30199" i="3"/>
  <c r="C30200" i="3"/>
  <c r="C30201" i="3"/>
  <c r="C30202" i="3"/>
  <c r="C30203" i="3"/>
  <c r="C30204" i="3"/>
  <c r="C30205" i="3"/>
  <c r="C30206" i="3"/>
  <c r="C30207" i="3"/>
  <c r="C30208" i="3"/>
  <c r="C30209" i="3"/>
  <c r="C30210" i="3"/>
  <c r="C30211" i="3"/>
  <c r="C30212" i="3"/>
  <c r="C30213" i="3"/>
  <c r="C30214" i="3"/>
  <c r="C30215" i="3"/>
  <c r="C30216" i="3"/>
  <c r="C30217" i="3"/>
  <c r="C30218" i="3"/>
  <c r="C30219" i="3"/>
  <c r="C30220" i="3"/>
  <c r="C30221" i="3"/>
  <c r="C30222" i="3"/>
  <c r="C30223" i="3"/>
  <c r="C30224" i="3"/>
  <c r="C30225" i="3"/>
  <c r="C30226" i="3"/>
  <c r="C30227" i="3"/>
  <c r="C30228" i="3"/>
  <c r="C30229" i="3"/>
  <c r="C30230" i="3"/>
  <c r="C30231" i="3"/>
  <c r="C30232" i="3"/>
  <c r="C30233" i="3"/>
  <c r="C30234" i="3"/>
  <c r="C30235" i="3"/>
  <c r="C30236" i="3"/>
  <c r="C30237" i="3"/>
  <c r="C30238" i="3"/>
  <c r="C30239" i="3"/>
  <c r="C30240" i="3"/>
  <c r="C30241" i="3"/>
  <c r="C30242" i="3"/>
  <c r="C30243" i="3"/>
  <c r="C30244" i="3"/>
  <c r="C30245" i="3"/>
  <c r="C30246" i="3"/>
  <c r="C30247" i="3"/>
  <c r="C30248" i="3"/>
  <c r="C30249" i="3"/>
  <c r="C30250" i="3"/>
  <c r="C30251" i="3"/>
  <c r="C30252" i="3"/>
  <c r="C30253" i="3"/>
  <c r="C30254" i="3"/>
  <c r="C30255" i="3"/>
  <c r="C30256" i="3"/>
  <c r="C30257" i="3"/>
  <c r="C30258" i="3"/>
  <c r="C30259" i="3"/>
  <c r="C30260" i="3"/>
  <c r="C30261" i="3"/>
  <c r="C30262" i="3"/>
  <c r="C30263" i="3"/>
  <c r="C30264" i="3"/>
  <c r="C30265" i="3"/>
  <c r="C30266" i="3"/>
  <c r="C30267" i="3"/>
  <c r="C30268" i="3"/>
  <c r="C30269" i="3"/>
  <c r="C30270" i="3"/>
  <c r="C30271" i="3"/>
  <c r="C30272" i="3"/>
  <c r="C30273" i="3"/>
  <c r="C30274" i="3"/>
  <c r="C30275" i="3"/>
  <c r="C30276" i="3"/>
  <c r="C30277" i="3"/>
  <c r="C30278" i="3"/>
  <c r="C30279" i="3"/>
  <c r="C30280" i="3"/>
  <c r="C30281" i="3"/>
  <c r="C30282" i="3"/>
  <c r="C30283" i="3"/>
  <c r="C30284" i="3"/>
  <c r="C30285" i="3"/>
  <c r="C30286" i="3"/>
  <c r="C30287" i="3"/>
  <c r="C30288" i="3"/>
  <c r="C30289" i="3"/>
  <c r="C30290" i="3"/>
  <c r="C30291" i="3"/>
  <c r="C30292" i="3"/>
  <c r="C30293" i="3"/>
  <c r="C30294" i="3"/>
  <c r="C30295" i="3"/>
  <c r="C30296" i="3"/>
  <c r="C30297" i="3"/>
  <c r="C30298" i="3"/>
  <c r="C30299" i="3"/>
  <c r="C30300" i="3"/>
  <c r="C30301" i="3"/>
  <c r="C30302" i="3"/>
  <c r="C30303" i="3"/>
  <c r="C30304" i="3"/>
  <c r="C30305" i="3"/>
  <c r="C30306" i="3"/>
  <c r="C30307" i="3"/>
  <c r="C30308" i="3"/>
  <c r="C30309" i="3"/>
  <c r="C30310" i="3"/>
  <c r="C30311" i="3"/>
  <c r="C30312" i="3"/>
  <c r="C30313" i="3"/>
  <c r="C30314" i="3"/>
  <c r="C30315" i="3"/>
  <c r="C30316" i="3"/>
  <c r="C30317" i="3"/>
  <c r="C30318" i="3"/>
  <c r="C30319" i="3"/>
  <c r="C30320" i="3"/>
  <c r="C30321" i="3"/>
  <c r="C30322" i="3"/>
  <c r="C30323" i="3"/>
  <c r="C30324" i="3"/>
  <c r="C30325" i="3"/>
  <c r="C30326" i="3"/>
  <c r="C30327" i="3"/>
  <c r="C30328" i="3"/>
  <c r="C30329" i="3"/>
  <c r="C30330" i="3"/>
  <c r="C30331" i="3"/>
  <c r="C30332" i="3"/>
  <c r="C30333" i="3"/>
  <c r="C30334" i="3"/>
  <c r="C30335" i="3"/>
  <c r="C30336" i="3"/>
  <c r="C30337" i="3"/>
  <c r="C30338" i="3"/>
  <c r="C30339" i="3"/>
  <c r="C30340" i="3"/>
  <c r="C30341" i="3"/>
  <c r="C30342" i="3"/>
  <c r="C30343" i="3"/>
  <c r="C30344" i="3"/>
  <c r="C30345" i="3"/>
  <c r="C30346" i="3"/>
  <c r="C30347" i="3"/>
  <c r="C30348" i="3"/>
  <c r="C30349" i="3"/>
  <c r="C30350" i="3"/>
  <c r="C30351" i="3"/>
  <c r="C30352" i="3"/>
  <c r="C30353" i="3"/>
  <c r="C30354" i="3"/>
  <c r="C30355" i="3"/>
  <c r="C30356" i="3"/>
  <c r="C30357" i="3"/>
  <c r="C30358" i="3"/>
  <c r="C30359" i="3"/>
  <c r="C30360" i="3"/>
  <c r="C30361" i="3"/>
  <c r="C30362" i="3"/>
  <c r="C30363" i="3"/>
  <c r="C30364" i="3"/>
  <c r="C30365" i="3"/>
  <c r="C30366" i="3"/>
  <c r="C30367" i="3"/>
  <c r="C30368" i="3"/>
  <c r="C30369" i="3"/>
  <c r="C30370" i="3"/>
  <c r="C30371" i="3"/>
  <c r="C30372" i="3"/>
  <c r="C30373" i="3"/>
  <c r="C30374" i="3"/>
  <c r="C30375" i="3"/>
  <c r="C30376" i="3"/>
  <c r="C30377" i="3"/>
  <c r="C30378" i="3"/>
  <c r="C30379" i="3"/>
  <c r="C30380" i="3"/>
  <c r="C30381" i="3"/>
  <c r="C30382" i="3"/>
  <c r="C30383" i="3"/>
  <c r="C30384" i="3"/>
  <c r="C30385" i="3"/>
  <c r="C30386" i="3"/>
  <c r="C30387" i="3"/>
  <c r="C30388" i="3"/>
  <c r="C30389" i="3"/>
  <c r="C30390" i="3"/>
  <c r="C30391" i="3"/>
  <c r="C30392" i="3"/>
  <c r="C30393" i="3"/>
  <c r="C30394" i="3"/>
  <c r="C30395" i="3"/>
  <c r="C30396" i="3"/>
  <c r="C30397" i="3"/>
  <c r="C30398" i="3"/>
  <c r="C30399" i="3"/>
  <c r="C30400" i="3"/>
  <c r="C30401" i="3"/>
  <c r="C30402" i="3"/>
  <c r="C30403" i="3"/>
  <c r="C30404" i="3"/>
  <c r="C30405" i="3"/>
  <c r="C30406" i="3"/>
  <c r="C30407" i="3"/>
  <c r="C30408" i="3"/>
  <c r="C30409" i="3"/>
  <c r="C30410" i="3"/>
  <c r="C30411" i="3"/>
  <c r="C30412" i="3"/>
  <c r="C30413" i="3"/>
  <c r="C30414" i="3"/>
  <c r="C30415" i="3"/>
  <c r="C30416" i="3"/>
  <c r="C30417" i="3"/>
  <c r="C30418" i="3"/>
  <c r="C30419" i="3"/>
  <c r="C30420" i="3"/>
  <c r="C30421" i="3"/>
  <c r="C30422" i="3"/>
  <c r="C30423" i="3"/>
  <c r="C30424" i="3"/>
  <c r="C30425" i="3"/>
  <c r="C30426" i="3"/>
  <c r="C30427" i="3"/>
  <c r="C30428" i="3"/>
  <c r="C30429" i="3"/>
  <c r="C30430" i="3"/>
  <c r="C30431" i="3"/>
  <c r="C30432" i="3"/>
  <c r="C30433" i="3"/>
  <c r="C30434" i="3"/>
  <c r="C30435" i="3"/>
  <c r="C30436" i="3"/>
  <c r="C30437" i="3"/>
  <c r="C30438" i="3"/>
  <c r="C30439" i="3"/>
  <c r="C30440" i="3"/>
  <c r="C30441" i="3"/>
  <c r="C30442" i="3"/>
  <c r="C30443" i="3"/>
  <c r="C30444" i="3"/>
  <c r="C30445" i="3"/>
  <c r="C30446" i="3"/>
  <c r="C30447" i="3"/>
  <c r="C30448" i="3"/>
  <c r="C30449" i="3"/>
  <c r="C30450" i="3"/>
  <c r="C30451" i="3"/>
  <c r="C30452" i="3"/>
  <c r="C30453" i="3"/>
  <c r="C30454" i="3"/>
  <c r="C30455" i="3"/>
  <c r="C30456" i="3"/>
  <c r="C30457" i="3"/>
  <c r="C30458" i="3"/>
  <c r="C30459" i="3"/>
  <c r="C30460" i="3"/>
  <c r="C30461" i="3"/>
  <c r="C30462" i="3"/>
  <c r="C30463" i="3"/>
  <c r="C30464" i="3"/>
  <c r="C30465" i="3"/>
  <c r="C30466" i="3"/>
  <c r="C30467" i="3"/>
  <c r="C30468" i="3"/>
  <c r="C30469" i="3"/>
  <c r="C30470" i="3"/>
  <c r="C30471" i="3"/>
  <c r="C30472" i="3"/>
  <c r="C30473" i="3"/>
  <c r="C30474" i="3"/>
  <c r="C30475" i="3"/>
  <c r="C30476" i="3"/>
  <c r="C30477" i="3"/>
  <c r="C30478" i="3"/>
  <c r="C30479" i="3"/>
  <c r="C30480" i="3"/>
  <c r="C30481" i="3"/>
  <c r="C30482" i="3"/>
  <c r="C30483" i="3"/>
  <c r="C30484" i="3"/>
  <c r="C30485" i="3"/>
  <c r="C30486" i="3"/>
  <c r="C30487" i="3"/>
  <c r="C30488" i="3"/>
  <c r="C30489" i="3"/>
  <c r="C30490" i="3"/>
  <c r="C30491" i="3"/>
  <c r="C30492" i="3"/>
  <c r="C30493" i="3"/>
  <c r="C30494" i="3"/>
  <c r="C30495" i="3"/>
  <c r="C30496" i="3"/>
  <c r="C30497" i="3"/>
  <c r="C30498" i="3"/>
  <c r="C30499" i="3"/>
  <c r="C30500" i="3"/>
  <c r="C30501" i="3"/>
  <c r="C30502" i="3"/>
  <c r="C30503" i="3"/>
  <c r="C30504" i="3"/>
  <c r="C30505" i="3"/>
  <c r="C30506" i="3"/>
  <c r="C30507" i="3"/>
  <c r="C30508" i="3"/>
  <c r="C30509" i="3"/>
  <c r="C30510" i="3"/>
  <c r="C30511" i="3"/>
  <c r="C30512" i="3"/>
  <c r="C30513" i="3"/>
  <c r="C30514" i="3"/>
  <c r="C30515" i="3"/>
  <c r="C30516" i="3"/>
  <c r="C30517" i="3"/>
  <c r="C30518" i="3"/>
  <c r="C30519" i="3"/>
  <c r="C30520" i="3"/>
  <c r="C30521" i="3"/>
  <c r="C30522" i="3"/>
  <c r="C30523" i="3"/>
  <c r="C30524" i="3"/>
  <c r="C30525" i="3"/>
  <c r="C30526" i="3"/>
  <c r="C30527" i="3"/>
  <c r="C30528" i="3"/>
  <c r="C30529" i="3"/>
  <c r="C30530" i="3"/>
  <c r="C30531" i="3"/>
  <c r="C30532" i="3"/>
  <c r="C30533" i="3"/>
  <c r="C30534" i="3"/>
  <c r="C30535" i="3"/>
  <c r="C30536" i="3"/>
  <c r="C30537" i="3"/>
  <c r="C30538" i="3"/>
  <c r="C30539" i="3"/>
  <c r="C30540" i="3"/>
  <c r="C30541" i="3"/>
  <c r="C30542" i="3"/>
  <c r="C30543" i="3"/>
  <c r="C30544" i="3"/>
  <c r="C30545" i="3"/>
  <c r="C30546" i="3"/>
  <c r="C30547" i="3"/>
  <c r="C30548" i="3"/>
  <c r="C30549" i="3"/>
  <c r="C30550" i="3"/>
  <c r="C30551" i="3"/>
  <c r="C30552" i="3"/>
  <c r="C30553" i="3"/>
  <c r="C30554" i="3"/>
  <c r="C30555" i="3"/>
  <c r="C30556" i="3"/>
  <c r="C30557" i="3"/>
  <c r="C30558" i="3"/>
  <c r="C30559" i="3"/>
  <c r="C30560" i="3"/>
  <c r="C30561" i="3"/>
  <c r="C30562" i="3"/>
  <c r="C30563" i="3"/>
  <c r="C30564" i="3"/>
  <c r="C30565" i="3"/>
  <c r="C30566" i="3"/>
  <c r="C30567" i="3"/>
  <c r="C30568" i="3"/>
  <c r="C30569" i="3"/>
  <c r="C30570" i="3"/>
  <c r="C30571" i="3"/>
  <c r="C30572" i="3"/>
  <c r="C30573" i="3"/>
  <c r="C30574" i="3"/>
  <c r="C30575" i="3"/>
  <c r="C30576" i="3"/>
  <c r="C30577" i="3"/>
  <c r="C30578" i="3"/>
  <c r="C30579" i="3"/>
  <c r="C30580" i="3"/>
  <c r="C30581" i="3"/>
  <c r="C30582" i="3"/>
  <c r="C30583" i="3"/>
  <c r="C30584" i="3"/>
  <c r="C30585" i="3"/>
  <c r="C30586" i="3"/>
  <c r="C30587" i="3"/>
  <c r="C30588" i="3"/>
  <c r="C30589" i="3"/>
  <c r="C30590" i="3"/>
  <c r="C30591" i="3"/>
  <c r="C30592" i="3"/>
  <c r="C30593" i="3"/>
  <c r="C30594" i="3"/>
  <c r="C30595" i="3"/>
  <c r="C30596" i="3"/>
  <c r="C30597" i="3"/>
  <c r="C30598" i="3"/>
  <c r="C30599" i="3"/>
  <c r="C30600" i="3"/>
  <c r="C30601" i="3"/>
  <c r="C30602" i="3"/>
  <c r="C30603" i="3"/>
  <c r="C30604" i="3"/>
  <c r="C30605" i="3"/>
  <c r="C30606" i="3"/>
  <c r="C30607" i="3"/>
  <c r="C30608" i="3"/>
  <c r="C30609" i="3"/>
  <c r="C30610" i="3"/>
  <c r="C30611" i="3"/>
  <c r="C30612" i="3"/>
  <c r="C30613" i="3"/>
  <c r="C30614" i="3"/>
  <c r="C30615" i="3"/>
  <c r="C30616" i="3"/>
  <c r="C30617" i="3"/>
  <c r="C30618" i="3"/>
  <c r="C30619" i="3"/>
  <c r="C30620" i="3"/>
  <c r="C30621" i="3"/>
  <c r="C30622" i="3"/>
  <c r="C30623" i="3"/>
  <c r="C30624" i="3"/>
  <c r="C30625" i="3"/>
  <c r="C30626" i="3"/>
  <c r="C30627" i="3"/>
  <c r="C30628" i="3"/>
  <c r="C30629" i="3"/>
  <c r="C30630" i="3"/>
  <c r="C30631" i="3"/>
  <c r="C30632" i="3"/>
  <c r="C30633" i="3"/>
  <c r="C30634" i="3"/>
  <c r="C30635" i="3"/>
  <c r="C30636" i="3"/>
  <c r="C30637" i="3"/>
  <c r="C30638" i="3"/>
  <c r="C30639" i="3"/>
  <c r="C30640" i="3"/>
  <c r="C30641" i="3"/>
  <c r="C30642" i="3"/>
  <c r="C30643" i="3"/>
  <c r="C30644" i="3"/>
  <c r="C30645" i="3"/>
  <c r="C30646" i="3"/>
  <c r="C30647" i="3"/>
  <c r="C30648" i="3"/>
  <c r="C30649" i="3"/>
  <c r="C30650" i="3"/>
  <c r="C30651" i="3"/>
  <c r="C30652" i="3"/>
  <c r="C30653" i="3"/>
  <c r="C30654" i="3"/>
  <c r="C30655" i="3"/>
  <c r="C30656" i="3"/>
  <c r="C30657" i="3"/>
  <c r="C30658" i="3"/>
  <c r="C30659" i="3"/>
  <c r="C30660" i="3"/>
  <c r="C30661" i="3"/>
  <c r="C30662" i="3"/>
  <c r="C30663" i="3"/>
  <c r="C30664" i="3"/>
  <c r="C30665" i="3"/>
  <c r="C30666" i="3"/>
  <c r="C30667" i="3"/>
  <c r="C30668" i="3"/>
  <c r="C30669" i="3"/>
  <c r="C30670" i="3"/>
  <c r="C30671" i="3"/>
  <c r="C30672" i="3"/>
  <c r="C30673" i="3"/>
  <c r="C30674" i="3"/>
  <c r="C30675" i="3"/>
  <c r="C30676" i="3"/>
  <c r="C30677" i="3"/>
  <c r="C30678" i="3"/>
  <c r="C30679" i="3"/>
  <c r="C30680" i="3"/>
  <c r="C30681" i="3"/>
  <c r="C30682" i="3"/>
  <c r="C30683" i="3"/>
  <c r="C30684" i="3"/>
  <c r="C30685" i="3"/>
  <c r="C30686" i="3"/>
  <c r="C30687" i="3"/>
  <c r="C30688" i="3"/>
  <c r="C30689" i="3"/>
  <c r="C30690" i="3"/>
  <c r="C30691" i="3"/>
  <c r="C30692" i="3"/>
  <c r="C30693" i="3"/>
  <c r="C30694" i="3"/>
  <c r="C30695" i="3"/>
  <c r="C30696" i="3"/>
  <c r="C30697" i="3"/>
  <c r="C30698" i="3"/>
  <c r="C30699" i="3"/>
  <c r="C30700" i="3"/>
  <c r="C30701" i="3"/>
  <c r="C30702" i="3"/>
  <c r="C30703" i="3"/>
  <c r="C30704" i="3"/>
  <c r="C30705" i="3"/>
  <c r="C30706" i="3"/>
  <c r="C30707" i="3"/>
  <c r="C30708" i="3"/>
  <c r="C30709" i="3"/>
  <c r="C30710" i="3"/>
  <c r="C30711" i="3"/>
  <c r="C30712" i="3"/>
  <c r="C30713" i="3"/>
  <c r="C30714" i="3"/>
  <c r="C30715" i="3"/>
  <c r="C30716" i="3"/>
  <c r="C30717" i="3"/>
  <c r="C30718" i="3"/>
  <c r="C30719" i="3"/>
  <c r="C30720" i="3"/>
  <c r="C30721" i="3"/>
  <c r="C30722" i="3"/>
  <c r="C30723" i="3"/>
  <c r="C30724" i="3"/>
  <c r="C30725" i="3"/>
  <c r="C30726" i="3"/>
  <c r="C30727" i="3"/>
  <c r="C30728" i="3"/>
  <c r="C30729" i="3"/>
  <c r="C30730" i="3"/>
  <c r="C30731" i="3"/>
  <c r="C30732" i="3"/>
  <c r="C30733" i="3"/>
  <c r="C30734" i="3"/>
  <c r="C30735" i="3"/>
  <c r="C30736" i="3"/>
  <c r="C30737" i="3"/>
  <c r="C30738" i="3"/>
  <c r="C30739" i="3"/>
  <c r="C30740" i="3"/>
  <c r="C30741" i="3"/>
  <c r="C30742" i="3"/>
  <c r="C30743" i="3"/>
  <c r="C30744" i="3"/>
  <c r="C30745" i="3"/>
  <c r="C30746" i="3"/>
  <c r="C30747" i="3"/>
  <c r="C30748" i="3"/>
  <c r="C30749" i="3"/>
  <c r="C30750" i="3"/>
  <c r="C30751" i="3"/>
  <c r="C30752" i="3"/>
  <c r="C30753" i="3"/>
  <c r="C30754" i="3"/>
  <c r="C30755" i="3"/>
  <c r="C30756" i="3"/>
  <c r="C30757" i="3"/>
  <c r="C30758" i="3"/>
  <c r="C30759" i="3"/>
  <c r="C30760" i="3"/>
  <c r="C30761" i="3"/>
  <c r="C30762" i="3"/>
  <c r="C30763" i="3"/>
  <c r="C30764" i="3"/>
  <c r="C30765" i="3"/>
  <c r="C30766" i="3"/>
  <c r="C30767" i="3"/>
  <c r="C30768" i="3"/>
  <c r="C30769" i="3"/>
  <c r="C30770" i="3"/>
  <c r="C30771" i="3"/>
  <c r="C30772" i="3"/>
  <c r="C30773" i="3"/>
  <c r="C30774" i="3"/>
  <c r="C30775" i="3"/>
  <c r="C30776" i="3"/>
  <c r="C30777" i="3"/>
  <c r="C30778" i="3"/>
  <c r="C30779" i="3"/>
  <c r="C30780" i="3"/>
  <c r="C30781" i="3"/>
  <c r="C30782" i="3"/>
  <c r="C30783" i="3"/>
  <c r="C30784" i="3"/>
  <c r="C30785" i="3"/>
  <c r="C30786" i="3"/>
  <c r="C30787" i="3"/>
  <c r="C30788" i="3"/>
  <c r="C30789" i="3"/>
  <c r="C30790" i="3"/>
  <c r="C30791" i="3"/>
  <c r="C30792" i="3"/>
  <c r="C30793" i="3"/>
  <c r="C30794" i="3"/>
  <c r="C30795" i="3"/>
  <c r="C30796" i="3"/>
  <c r="C30797" i="3"/>
  <c r="C30798" i="3"/>
  <c r="C30799" i="3"/>
  <c r="C30800" i="3"/>
  <c r="C30801" i="3"/>
  <c r="C30802" i="3"/>
  <c r="C30803" i="3"/>
  <c r="C30804" i="3"/>
  <c r="C30805" i="3"/>
  <c r="C30806" i="3"/>
  <c r="C30807" i="3"/>
  <c r="C30808" i="3"/>
  <c r="C30809" i="3"/>
  <c r="C30810" i="3"/>
  <c r="C30811" i="3"/>
  <c r="C30812" i="3"/>
  <c r="C30813" i="3"/>
  <c r="C30814" i="3"/>
  <c r="C30815" i="3"/>
  <c r="C30816" i="3"/>
  <c r="C30817" i="3"/>
  <c r="C30818" i="3"/>
  <c r="C30819" i="3"/>
  <c r="C30820" i="3"/>
  <c r="C30821" i="3"/>
  <c r="C30822" i="3"/>
  <c r="C30823" i="3"/>
  <c r="C30824" i="3"/>
  <c r="C30825" i="3"/>
  <c r="C30826" i="3"/>
  <c r="C30827" i="3"/>
  <c r="C30828" i="3"/>
  <c r="C30829" i="3"/>
  <c r="C30830" i="3"/>
  <c r="C30831" i="3"/>
  <c r="C30832" i="3"/>
  <c r="C30833" i="3"/>
  <c r="C30834" i="3"/>
  <c r="C30835" i="3"/>
  <c r="C30836" i="3"/>
  <c r="C30837" i="3"/>
  <c r="C30838" i="3"/>
  <c r="C30839" i="3"/>
  <c r="C30840" i="3"/>
  <c r="C30841" i="3"/>
  <c r="C30842" i="3"/>
  <c r="C30843" i="3"/>
  <c r="C30844" i="3"/>
  <c r="C30845" i="3"/>
  <c r="C30846" i="3"/>
  <c r="C30847" i="3"/>
  <c r="C30848" i="3"/>
  <c r="C30849" i="3"/>
  <c r="C30850" i="3"/>
  <c r="C30851" i="3"/>
  <c r="C30852" i="3"/>
  <c r="C30853" i="3"/>
  <c r="C30854" i="3"/>
  <c r="C30855" i="3"/>
  <c r="C30856" i="3"/>
  <c r="C30857" i="3"/>
  <c r="C30858" i="3"/>
  <c r="C30859" i="3"/>
  <c r="C30860" i="3"/>
  <c r="C30861" i="3"/>
  <c r="C30862" i="3"/>
  <c r="C30863" i="3"/>
  <c r="C30864" i="3"/>
  <c r="C30865" i="3"/>
  <c r="C30866" i="3"/>
  <c r="C30867" i="3"/>
  <c r="C30868" i="3"/>
  <c r="C30869" i="3"/>
  <c r="C30870" i="3"/>
  <c r="C30871" i="3"/>
  <c r="C30872" i="3"/>
  <c r="C30873" i="3"/>
  <c r="C30874" i="3"/>
  <c r="C30875" i="3"/>
  <c r="C30876" i="3"/>
  <c r="C30877" i="3"/>
  <c r="C30878" i="3"/>
  <c r="C30879" i="3"/>
  <c r="C30880" i="3"/>
  <c r="C30881" i="3"/>
  <c r="C30882" i="3"/>
  <c r="C30883" i="3"/>
  <c r="C30884" i="3"/>
  <c r="C30885" i="3"/>
  <c r="C30886" i="3"/>
  <c r="C30887" i="3"/>
  <c r="C30888" i="3"/>
  <c r="C30889" i="3"/>
  <c r="C30890" i="3"/>
  <c r="C30891" i="3"/>
  <c r="C30892" i="3"/>
  <c r="C30893" i="3"/>
  <c r="C30894" i="3"/>
  <c r="C30895" i="3"/>
  <c r="C30896" i="3"/>
  <c r="C30897" i="3"/>
  <c r="C30898" i="3"/>
  <c r="C30899" i="3"/>
  <c r="C30900" i="3"/>
  <c r="C30901" i="3"/>
  <c r="C30902" i="3"/>
  <c r="C30903" i="3"/>
  <c r="C30904" i="3"/>
  <c r="C30905" i="3"/>
  <c r="C30906" i="3"/>
  <c r="C30907" i="3"/>
  <c r="C30908" i="3"/>
  <c r="C30909" i="3"/>
  <c r="C30910" i="3"/>
  <c r="C30911" i="3"/>
  <c r="C30912" i="3"/>
  <c r="C30913" i="3"/>
  <c r="C30914" i="3"/>
  <c r="C30915" i="3"/>
  <c r="C30916" i="3"/>
  <c r="C30917" i="3"/>
  <c r="C30918" i="3"/>
  <c r="C30919" i="3"/>
  <c r="C30920" i="3"/>
  <c r="C30921" i="3"/>
  <c r="C30922" i="3"/>
  <c r="C30923" i="3"/>
  <c r="C30924" i="3"/>
  <c r="C30925" i="3"/>
  <c r="C30926" i="3"/>
  <c r="C30927" i="3"/>
  <c r="C30928" i="3"/>
  <c r="C30929" i="3"/>
  <c r="C30930" i="3"/>
  <c r="C30931" i="3"/>
  <c r="C30932" i="3"/>
  <c r="C30933" i="3"/>
  <c r="C30934" i="3"/>
  <c r="C30935" i="3"/>
  <c r="C30936" i="3"/>
  <c r="C30937" i="3"/>
  <c r="C30938" i="3"/>
  <c r="C30939" i="3"/>
  <c r="C30940" i="3"/>
  <c r="C30941" i="3"/>
  <c r="C30942" i="3"/>
  <c r="C30943" i="3"/>
  <c r="C30944" i="3"/>
  <c r="C30945" i="3"/>
  <c r="C30946" i="3"/>
  <c r="C30947" i="3"/>
  <c r="C30948" i="3"/>
  <c r="C30949" i="3"/>
  <c r="C30950" i="3"/>
  <c r="C30951" i="3"/>
  <c r="C30952" i="3"/>
  <c r="C30953" i="3"/>
  <c r="C30954" i="3"/>
  <c r="C30955" i="3"/>
  <c r="C30956" i="3"/>
  <c r="C30957" i="3"/>
  <c r="C30958" i="3"/>
  <c r="C30959" i="3"/>
  <c r="C30960" i="3"/>
  <c r="C30961" i="3"/>
  <c r="C30962" i="3"/>
  <c r="C30963" i="3"/>
  <c r="C30964" i="3"/>
  <c r="C30965" i="3"/>
  <c r="C30966" i="3"/>
  <c r="C30967" i="3"/>
  <c r="C30968" i="3"/>
  <c r="C30969" i="3"/>
  <c r="C30970" i="3"/>
  <c r="C30971" i="3"/>
  <c r="C30972" i="3"/>
  <c r="C30973" i="3"/>
  <c r="C30974" i="3"/>
  <c r="C30975" i="3"/>
  <c r="C30976" i="3"/>
  <c r="C30977" i="3"/>
  <c r="C30978" i="3"/>
  <c r="C30979" i="3"/>
  <c r="C30980" i="3"/>
  <c r="C30981" i="3"/>
  <c r="C30982" i="3"/>
  <c r="C30983" i="3"/>
  <c r="C30984" i="3"/>
  <c r="C30985" i="3"/>
  <c r="C30986" i="3"/>
  <c r="C30987" i="3"/>
  <c r="C30988" i="3"/>
  <c r="C30989" i="3"/>
  <c r="C30990" i="3"/>
  <c r="C30991" i="3"/>
  <c r="C30992" i="3"/>
  <c r="C30993" i="3"/>
  <c r="C30994" i="3"/>
  <c r="C30995" i="3"/>
  <c r="C30996" i="3"/>
  <c r="C30997" i="3"/>
  <c r="C30998" i="3"/>
  <c r="C30999" i="3"/>
  <c r="C31000" i="3"/>
  <c r="C31001" i="3"/>
  <c r="C31002" i="3"/>
  <c r="C31003" i="3"/>
  <c r="C31004" i="3"/>
  <c r="C31005" i="3"/>
  <c r="C31006" i="3"/>
  <c r="C31007" i="3"/>
  <c r="C31008" i="3"/>
  <c r="C31009" i="3"/>
  <c r="C31010" i="3"/>
  <c r="C31011" i="3"/>
  <c r="C31012" i="3"/>
  <c r="C31013" i="3"/>
  <c r="C31014" i="3"/>
  <c r="C31015" i="3"/>
  <c r="C31016" i="3"/>
  <c r="C31017" i="3"/>
  <c r="C31018" i="3"/>
  <c r="C31019" i="3"/>
  <c r="C31020" i="3"/>
  <c r="C31021" i="3"/>
  <c r="C31022" i="3"/>
  <c r="C31023" i="3"/>
  <c r="C31024" i="3"/>
  <c r="C31025" i="3"/>
  <c r="C31026" i="3"/>
  <c r="C31027" i="3"/>
  <c r="C31028" i="3"/>
  <c r="C31029" i="3"/>
  <c r="C31030" i="3"/>
  <c r="C31031" i="3"/>
  <c r="C31032" i="3"/>
  <c r="C31033" i="3"/>
  <c r="C31034" i="3"/>
  <c r="C31035" i="3"/>
  <c r="C31036" i="3"/>
  <c r="C31037" i="3"/>
  <c r="C31038" i="3"/>
  <c r="C31039" i="3"/>
  <c r="C31040" i="3"/>
  <c r="C31041" i="3"/>
  <c r="C31042" i="3"/>
  <c r="C31043" i="3"/>
  <c r="C31044" i="3"/>
  <c r="C31045" i="3"/>
  <c r="C31046" i="3"/>
  <c r="C31047" i="3"/>
  <c r="C31048" i="3"/>
  <c r="C31049" i="3"/>
  <c r="C31050" i="3"/>
  <c r="C31051" i="3"/>
  <c r="C31052" i="3"/>
  <c r="C31053" i="3"/>
  <c r="C31054" i="3"/>
  <c r="C31055" i="3"/>
  <c r="C31056" i="3"/>
  <c r="C31057" i="3"/>
  <c r="C31058" i="3"/>
  <c r="C31059" i="3"/>
  <c r="C31060" i="3"/>
  <c r="C31061" i="3"/>
  <c r="C31062" i="3"/>
  <c r="C31063" i="3"/>
  <c r="C31064" i="3"/>
  <c r="C31065" i="3"/>
  <c r="C31066" i="3"/>
  <c r="C31067" i="3"/>
  <c r="C31068" i="3"/>
  <c r="C31069" i="3"/>
  <c r="C31070" i="3"/>
  <c r="C31071" i="3"/>
  <c r="C31072" i="3"/>
  <c r="C31073" i="3"/>
  <c r="C31074" i="3"/>
  <c r="C31075" i="3"/>
  <c r="C31076" i="3"/>
  <c r="C31077" i="3"/>
  <c r="C31078" i="3"/>
  <c r="C31079" i="3"/>
  <c r="C31080" i="3"/>
  <c r="C31081" i="3"/>
  <c r="C31082" i="3"/>
  <c r="C31083" i="3"/>
  <c r="C31084" i="3"/>
  <c r="C31085" i="3"/>
  <c r="C31086" i="3"/>
  <c r="C31087" i="3"/>
  <c r="C31088" i="3"/>
  <c r="C31089" i="3"/>
  <c r="C31090" i="3"/>
  <c r="C31091" i="3"/>
  <c r="C31092" i="3"/>
  <c r="C31093" i="3"/>
  <c r="C31094" i="3"/>
  <c r="C31095" i="3"/>
  <c r="C31096" i="3"/>
  <c r="C31097" i="3"/>
  <c r="C31098" i="3"/>
  <c r="C31099" i="3"/>
  <c r="C31100" i="3"/>
  <c r="C31101" i="3"/>
  <c r="C31102" i="3"/>
  <c r="C31103" i="3"/>
  <c r="C31104" i="3"/>
  <c r="C31105" i="3"/>
  <c r="C31106" i="3"/>
  <c r="C31107" i="3"/>
  <c r="C31108" i="3"/>
  <c r="C31109" i="3"/>
  <c r="C31110" i="3"/>
  <c r="C31111" i="3"/>
  <c r="C31112" i="3"/>
  <c r="C31113" i="3"/>
  <c r="C31114" i="3"/>
  <c r="C31115" i="3"/>
  <c r="C31116" i="3"/>
  <c r="C31117" i="3"/>
  <c r="C31118" i="3"/>
  <c r="C31119" i="3"/>
  <c r="C31120" i="3"/>
  <c r="C31121" i="3"/>
  <c r="C31122" i="3"/>
  <c r="C31123" i="3"/>
  <c r="C31124" i="3"/>
  <c r="C31125" i="3"/>
  <c r="C31126" i="3"/>
  <c r="C31127" i="3"/>
  <c r="C31128" i="3"/>
  <c r="C31129" i="3"/>
  <c r="C31130" i="3"/>
  <c r="C31131" i="3"/>
  <c r="C31132" i="3"/>
  <c r="C31133" i="3"/>
  <c r="C31134" i="3"/>
  <c r="C31135" i="3"/>
  <c r="C31136" i="3"/>
  <c r="C31137" i="3"/>
  <c r="C31138" i="3"/>
  <c r="C31139" i="3"/>
  <c r="C31140" i="3"/>
  <c r="C31141" i="3"/>
  <c r="C31142" i="3"/>
  <c r="C31143" i="3"/>
  <c r="C31144" i="3"/>
  <c r="C31145" i="3"/>
  <c r="C31146" i="3"/>
  <c r="C31147" i="3"/>
  <c r="C31148" i="3"/>
  <c r="C31149" i="3"/>
  <c r="C31150" i="3"/>
  <c r="C31151" i="3"/>
  <c r="C31152" i="3"/>
  <c r="C31153" i="3"/>
  <c r="C31154" i="3"/>
  <c r="C31155" i="3"/>
  <c r="C31156" i="3"/>
  <c r="C31157" i="3"/>
  <c r="C31158" i="3"/>
  <c r="C31159" i="3"/>
  <c r="C31160" i="3"/>
  <c r="C31161" i="3"/>
  <c r="C31162" i="3"/>
  <c r="C31163" i="3"/>
  <c r="C31164" i="3"/>
  <c r="C31165" i="3"/>
  <c r="C31166" i="3"/>
  <c r="C31167" i="3"/>
  <c r="C31168" i="3"/>
  <c r="C31169" i="3"/>
  <c r="C31170" i="3"/>
  <c r="C31171" i="3"/>
  <c r="C31172" i="3"/>
  <c r="C31173" i="3"/>
  <c r="C31174" i="3"/>
  <c r="C31175" i="3"/>
  <c r="C31176" i="3"/>
  <c r="C31177" i="3"/>
  <c r="C31178" i="3"/>
  <c r="C31179" i="3"/>
  <c r="C31180" i="3"/>
  <c r="C31181" i="3"/>
  <c r="C31182" i="3"/>
  <c r="C31183" i="3"/>
  <c r="C31184" i="3"/>
  <c r="C31185" i="3"/>
  <c r="C31186" i="3"/>
  <c r="C31187" i="3"/>
  <c r="C31188" i="3"/>
  <c r="C31189" i="3"/>
  <c r="C31190" i="3"/>
  <c r="C31191" i="3"/>
  <c r="C31192" i="3"/>
  <c r="C31193" i="3"/>
  <c r="C31194" i="3"/>
  <c r="C31195" i="3"/>
  <c r="C31196" i="3"/>
  <c r="C31197" i="3"/>
  <c r="C31198" i="3"/>
  <c r="C31199" i="3"/>
  <c r="C31200" i="3"/>
  <c r="C31201" i="3"/>
  <c r="C31202" i="3"/>
  <c r="C31203" i="3"/>
  <c r="C31204" i="3"/>
  <c r="C31205" i="3"/>
  <c r="C31206" i="3"/>
  <c r="C31207" i="3"/>
  <c r="C31208" i="3"/>
  <c r="C31209" i="3"/>
  <c r="C31210" i="3"/>
  <c r="C31211" i="3"/>
  <c r="C31212" i="3"/>
  <c r="C31213" i="3"/>
  <c r="C31214" i="3"/>
  <c r="C31215" i="3"/>
  <c r="C31216" i="3"/>
  <c r="C31217" i="3"/>
  <c r="C31218" i="3"/>
  <c r="C31219" i="3"/>
  <c r="C31220" i="3"/>
  <c r="C31221" i="3"/>
  <c r="C31222" i="3"/>
  <c r="C31223" i="3"/>
  <c r="C31224" i="3"/>
  <c r="C31225" i="3"/>
  <c r="C31226" i="3"/>
  <c r="C31227" i="3"/>
  <c r="C31228" i="3"/>
  <c r="C31229" i="3"/>
  <c r="C31230" i="3"/>
  <c r="C31231" i="3"/>
  <c r="C31232" i="3"/>
  <c r="C31233" i="3"/>
  <c r="C31234" i="3"/>
  <c r="C31235" i="3"/>
  <c r="C31236" i="3"/>
  <c r="C31237" i="3"/>
  <c r="C31238" i="3"/>
  <c r="C31239" i="3"/>
  <c r="C31240" i="3"/>
  <c r="C31241" i="3"/>
  <c r="C31242" i="3"/>
  <c r="C31243" i="3"/>
  <c r="C31244" i="3"/>
  <c r="C31245" i="3"/>
  <c r="C31246" i="3"/>
  <c r="C31247" i="3"/>
  <c r="C31248" i="3"/>
  <c r="C31249" i="3"/>
  <c r="C31250" i="3"/>
  <c r="C31251" i="3"/>
  <c r="C31252" i="3"/>
  <c r="C31253" i="3"/>
  <c r="C31254" i="3"/>
  <c r="C31255" i="3"/>
  <c r="C31256" i="3"/>
  <c r="C31257" i="3"/>
  <c r="C31258" i="3"/>
  <c r="C31259" i="3"/>
  <c r="C31260" i="3"/>
  <c r="C31261" i="3"/>
  <c r="C31262" i="3"/>
  <c r="C31263" i="3"/>
  <c r="C31264" i="3"/>
  <c r="C31265" i="3"/>
  <c r="C31266" i="3"/>
  <c r="C31267" i="3"/>
  <c r="C31268" i="3"/>
  <c r="C31269" i="3"/>
  <c r="C31270" i="3"/>
  <c r="C31271" i="3"/>
  <c r="C31272" i="3"/>
  <c r="C31273" i="3"/>
  <c r="C31274" i="3"/>
  <c r="C31275" i="3"/>
  <c r="C31276" i="3"/>
  <c r="C31277" i="3"/>
  <c r="C31278" i="3"/>
  <c r="C31279" i="3"/>
  <c r="C31280" i="3"/>
  <c r="C31281" i="3"/>
  <c r="C31282" i="3"/>
  <c r="C31283" i="3"/>
  <c r="C31284" i="3"/>
  <c r="C31285" i="3"/>
  <c r="C31286" i="3"/>
  <c r="C31287" i="3"/>
  <c r="C31288" i="3"/>
  <c r="C31289" i="3"/>
  <c r="C31290" i="3"/>
  <c r="C31291" i="3"/>
  <c r="C31292" i="3"/>
  <c r="C31293" i="3"/>
  <c r="C31294" i="3"/>
  <c r="C31295" i="3"/>
  <c r="C31296" i="3"/>
  <c r="C31297" i="3"/>
  <c r="C31298" i="3"/>
  <c r="C31299" i="3"/>
  <c r="C31300" i="3"/>
  <c r="C31301" i="3"/>
  <c r="C31302" i="3"/>
  <c r="C31303" i="3"/>
  <c r="C31304" i="3"/>
  <c r="C31305" i="3"/>
  <c r="C31306" i="3"/>
  <c r="C31307" i="3"/>
  <c r="C31308" i="3"/>
  <c r="C31309" i="3"/>
  <c r="C31310" i="3"/>
  <c r="C31311" i="3"/>
  <c r="C31312" i="3"/>
  <c r="C31313" i="3"/>
  <c r="C31314" i="3"/>
  <c r="C31315" i="3"/>
  <c r="C31316" i="3"/>
  <c r="C31317" i="3"/>
  <c r="C31318" i="3"/>
  <c r="C31319" i="3"/>
  <c r="C31320" i="3"/>
  <c r="C31321" i="3"/>
  <c r="C31322" i="3"/>
  <c r="C31323" i="3"/>
  <c r="C31324" i="3"/>
  <c r="C31325" i="3"/>
  <c r="C31326" i="3"/>
  <c r="C31327" i="3"/>
  <c r="C31328" i="3"/>
  <c r="C31329" i="3"/>
  <c r="C31330" i="3"/>
  <c r="C31331" i="3"/>
  <c r="C31332" i="3"/>
  <c r="C31333" i="3"/>
  <c r="C31334" i="3"/>
  <c r="C31335" i="3"/>
  <c r="C31336" i="3"/>
  <c r="C31337" i="3"/>
  <c r="C31338" i="3"/>
  <c r="C31339" i="3"/>
  <c r="C31340" i="3"/>
  <c r="C31341" i="3"/>
  <c r="C31342" i="3"/>
  <c r="C31343" i="3"/>
  <c r="C31344" i="3"/>
  <c r="C31345" i="3"/>
  <c r="C31346" i="3"/>
  <c r="C31347" i="3"/>
  <c r="C31348" i="3"/>
  <c r="C31349" i="3"/>
  <c r="C31350" i="3"/>
  <c r="C31351" i="3"/>
  <c r="C31352" i="3"/>
  <c r="C31353" i="3"/>
  <c r="C31354" i="3"/>
  <c r="C31355" i="3"/>
  <c r="C31356" i="3"/>
  <c r="C31357" i="3"/>
  <c r="C31358" i="3"/>
  <c r="C31359" i="3"/>
  <c r="C31360" i="3"/>
  <c r="C31361" i="3"/>
  <c r="C31362" i="3"/>
  <c r="C31363" i="3"/>
  <c r="C31364" i="3"/>
  <c r="C31365" i="3"/>
  <c r="C31366" i="3"/>
  <c r="C31367" i="3"/>
  <c r="C31368" i="3"/>
  <c r="C31369" i="3"/>
  <c r="C31370" i="3"/>
  <c r="C31371" i="3"/>
  <c r="C31372" i="3"/>
  <c r="C31373" i="3"/>
  <c r="C31374" i="3"/>
  <c r="C31375" i="3"/>
  <c r="C31376" i="3"/>
  <c r="C31377" i="3"/>
  <c r="C31378" i="3"/>
  <c r="C31379" i="3"/>
  <c r="C31380" i="3"/>
  <c r="C31381" i="3"/>
  <c r="C31382" i="3"/>
  <c r="C31383" i="3"/>
  <c r="C31384" i="3"/>
  <c r="C31385" i="3"/>
  <c r="C31386" i="3"/>
  <c r="C31387" i="3"/>
  <c r="C31388" i="3"/>
  <c r="C31389" i="3"/>
  <c r="C31390" i="3"/>
  <c r="C31391" i="3"/>
  <c r="C31392" i="3"/>
  <c r="C31393" i="3"/>
  <c r="C31394" i="3"/>
  <c r="C31395" i="3"/>
  <c r="C31396" i="3"/>
  <c r="C31397" i="3"/>
  <c r="C31398" i="3"/>
  <c r="C31399" i="3"/>
  <c r="C31400" i="3"/>
  <c r="C31401" i="3"/>
  <c r="C31402" i="3"/>
  <c r="C31403" i="3"/>
  <c r="C31404" i="3"/>
  <c r="C31405" i="3"/>
  <c r="C31406" i="3"/>
  <c r="C31407" i="3"/>
  <c r="C31408" i="3"/>
  <c r="C31409" i="3"/>
  <c r="C31410" i="3"/>
  <c r="C31411" i="3"/>
  <c r="C31412" i="3"/>
  <c r="C31413" i="3"/>
  <c r="C31414" i="3"/>
  <c r="C31415" i="3"/>
  <c r="C31416" i="3"/>
  <c r="C31417" i="3"/>
  <c r="C31418" i="3"/>
  <c r="C31419" i="3"/>
  <c r="C31420" i="3"/>
  <c r="C31421" i="3"/>
  <c r="C31422" i="3"/>
  <c r="C31423" i="3"/>
  <c r="C31424" i="3"/>
  <c r="C31425" i="3"/>
  <c r="C31426" i="3"/>
  <c r="C31427" i="3"/>
  <c r="C31428" i="3"/>
  <c r="C31429" i="3"/>
  <c r="C31430" i="3"/>
  <c r="C31431" i="3"/>
  <c r="C31432" i="3"/>
  <c r="C31433" i="3"/>
  <c r="C31434" i="3"/>
  <c r="C31435" i="3"/>
  <c r="C31436" i="3"/>
  <c r="C31437" i="3"/>
  <c r="C31438" i="3"/>
  <c r="C31439" i="3"/>
  <c r="C31440" i="3"/>
  <c r="C31441" i="3"/>
  <c r="C31442" i="3"/>
  <c r="C31443" i="3"/>
  <c r="C31444" i="3"/>
  <c r="C31445" i="3"/>
  <c r="C31446" i="3"/>
  <c r="C31447" i="3"/>
  <c r="C31448" i="3"/>
  <c r="C31449" i="3"/>
  <c r="C31450" i="3"/>
  <c r="C31451" i="3"/>
  <c r="C31452" i="3"/>
  <c r="C31453" i="3"/>
  <c r="C31454" i="3"/>
  <c r="C31455" i="3"/>
  <c r="C31456" i="3"/>
  <c r="C31457" i="3"/>
  <c r="C31458" i="3"/>
  <c r="C31459" i="3"/>
  <c r="C31460" i="3"/>
  <c r="C31461" i="3"/>
  <c r="C31462" i="3"/>
  <c r="C31463" i="3"/>
  <c r="C31464" i="3"/>
  <c r="C31465" i="3"/>
  <c r="C31466" i="3"/>
  <c r="C31467" i="3"/>
  <c r="C31468" i="3"/>
  <c r="C31469" i="3"/>
  <c r="C31470" i="3"/>
  <c r="C31471" i="3"/>
  <c r="C31472" i="3"/>
  <c r="C31473" i="3"/>
  <c r="C31474" i="3"/>
  <c r="C31475" i="3"/>
  <c r="C31476" i="3"/>
  <c r="C31477" i="3"/>
  <c r="C31478" i="3"/>
  <c r="C31479" i="3"/>
  <c r="C31480" i="3"/>
  <c r="C31481" i="3"/>
  <c r="C31482" i="3"/>
  <c r="C31483" i="3"/>
  <c r="C31484" i="3"/>
  <c r="C31485" i="3"/>
  <c r="C31486" i="3"/>
  <c r="C31487" i="3"/>
  <c r="C31488" i="3"/>
  <c r="C31489" i="3"/>
  <c r="C31490" i="3"/>
  <c r="C31491" i="3"/>
  <c r="C31492" i="3"/>
  <c r="C31493" i="3"/>
  <c r="C31494" i="3"/>
  <c r="C31495" i="3"/>
  <c r="C31496" i="3"/>
  <c r="C31497" i="3"/>
  <c r="C31498" i="3"/>
  <c r="C31499" i="3"/>
  <c r="C31500" i="3"/>
  <c r="C31501" i="3"/>
  <c r="C31502" i="3"/>
  <c r="C31503" i="3"/>
  <c r="C31504" i="3"/>
  <c r="C31505" i="3"/>
  <c r="C31506" i="3"/>
  <c r="C31507" i="3"/>
  <c r="C31508" i="3"/>
  <c r="C31509" i="3"/>
  <c r="C31510" i="3"/>
  <c r="C31511" i="3"/>
  <c r="C31512" i="3"/>
  <c r="C31513" i="3"/>
  <c r="C31514" i="3"/>
  <c r="C31515" i="3"/>
  <c r="C31516" i="3"/>
  <c r="C31517" i="3"/>
  <c r="C31518" i="3"/>
  <c r="C31519" i="3"/>
  <c r="C31520" i="3"/>
  <c r="C31521" i="3"/>
  <c r="C31522" i="3"/>
  <c r="C31523" i="3"/>
  <c r="C31524" i="3"/>
  <c r="C31525" i="3"/>
  <c r="C31526" i="3"/>
  <c r="C31527" i="3"/>
  <c r="C31528" i="3"/>
  <c r="C31529" i="3"/>
  <c r="C31530" i="3"/>
  <c r="C31531" i="3"/>
  <c r="C31532" i="3"/>
  <c r="C31533" i="3"/>
  <c r="C31534" i="3"/>
  <c r="C31535" i="3"/>
  <c r="C31536" i="3"/>
  <c r="C31537" i="3"/>
  <c r="C31538" i="3"/>
  <c r="C31539" i="3"/>
  <c r="C31540" i="3"/>
  <c r="C31541" i="3"/>
  <c r="C31542" i="3"/>
  <c r="C31543" i="3"/>
  <c r="C31544" i="3"/>
  <c r="C31545" i="3"/>
  <c r="C31546" i="3"/>
  <c r="C31547" i="3"/>
  <c r="C31548" i="3"/>
  <c r="C31549" i="3"/>
  <c r="C31550" i="3"/>
  <c r="C31551" i="3"/>
  <c r="C31552" i="3"/>
  <c r="C31553" i="3"/>
  <c r="C31554" i="3"/>
  <c r="C31555" i="3"/>
  <c r="C31556" i="3"/>
  <c r="C31557" i="3"/>
  <c r="C31558" i="3"/>
  <c r="C31559" i="3"/>
  <c r="C31560" i="3"/>
  <c r="C31561" i="3"/>
  <c r="C31562" i="3"/>
  <c r="C31563" i="3"/>
  <c r="C31564" i="3"/>
  <c r="C31565" i="3"/>
  <c r="C31566" i="3"/>
  <c r="C31567" i="3"/>
  <c r="C31568" i="3"/>
  <c r="C31569" i="3"/>
  <c r="C31570" i="3"/>
  <c r="C31571" i="3"/>
  <c r="C31572" i="3"/>
  <c r="C31573" i="3"/>
  <c r="C31574" i="3"/>
  <c r="C31575" i="3"/>
  <c r="C31576" i="3"/>
  <c r="C31577" i="3"/>
  <c r="C31578" i="3"/>
  <c r="C31579" i="3"/>
  <c r="C31580" i="3"/>
  <c r="C31581" i="3"/>
  <c r="C31582" i="3"/>
  <c r="C31583" i="3"/>
  <c r="C31584" i="3"/>
  <c r="C31585" i="3"/>
  <c r="C31586" i="3"/>
  <c r="C31587" i="3"/>
  <c r="C31588" i="3"/>
  <c r="C31589" i="3"/>
  <c r="C31590" i="3"/>
  <c r="C31591" i="3"/>
  <c r="C31592" i="3"/>
  <c r="C31593" i="3"/>
  <c r="C31594" i="3"/>
  <c r="C31595" i="3"/>
  <c r="C31596" i="3"/>
  <c r="C31597" i="3"/>
  <c r="C31598" i="3"/>
  <c r="C31599" i="3"/>
  <c r="C31600" i="3"/>
  <c r="C31601" i="3"/>
  <c r="C31602" i="3"/>
  <c r="C31603" i="3"/>
  <c r="C31604" i="3"/>
  <c r="C31605" i="3"/>
  <c r="C31606" i="3"/>
  <c r="C31607" i="3"/>
  <c r="C31608" i="3"/>
  <c r="C31609" i="3"/>
  <c r="C31610" i="3"/>
  <c r="C31611" i="3"/>
  <c r="C31612" i="3"/>
  <c r="C31613" i="3"/>
  <c r="C31614" i="3"/>
  <c r="C31615" i="3"/>
  <c r="C31616" i="3"/>
  <c r="C31617" i="3"/>
  <c r="C31618" i="3"/>
  <c r="C31619" i="3"/>
  <c r="C31620" i="3"/>
  <c r="C31621" i="3"/>
  <c r="C31622" i="3"/>
  <c r="C31623" i="3"/>
  <c r="C31624" i="3"/>
  <c r="C31625" i="3"/>
  <c r="C31626" i="3"/>
  <c r="C31627" i="3"/>
  <c r="C31628" i="3"/>
  <c r="C31629" i="3"/>
  <c r="C31630" i="3"/>
  <c r="C31631" i="3"/>
  <c r="C31632" i="3"/>
  <c r="C31633" i="3"/>
  <c r="C31634" i="3"/>
  <c r="C31635" i="3"/>
  <c r="C31636" i="3"/>
  <c r="C31637" i="3"/>
  <c r="C31638" i="3"/>
  <c r="C31639" i="3"/>
  <c r="C31640" i="3"/>
  <c r="C31641" i="3"/>
  <c r="C31642" i="3"/>
  <c r="C31643" i="3"/>
  <c r="C31644" i="3"/>
  <c r="C31645" i="3"/>
  <c r="C31646" i="3"/>
  <c r="C31647" i="3"/>
  <c r="C31648" i="3"/>
  <c r="C31649" i="3"/>
  <c r="C31650" i="3"/>
  <c r="C31651" i="3"/>
  <c r="C31652" i="3"/>
  <c r="C31653" i="3"/>
  <c r="C31654" i="3"/>
  <c r="C31655" i="3"/>
  <c r="C31656" i="3"/>
  <c r="C31657" i="3"/>
  <c r="C31658" i="3"/>
  <c r="C31659" i="3"/>
  <c r="C31660" i="3"/>
  <c r="C31661" i="3"/>
  <c r="C31662" i="3"/>
  <c r="C31663" i="3"/>
  <c r="C31664" i="3"/>
  <c r="C31665" i="3"/>
  <c r="C31666" i="3"/>
  <c r="C31667" i="3"/>
  <c r="C31668" i="3"/>
  <c r="C31669" i="3"/>
  <c r="C31670" i="3"/>
  <c r="C31671" i="3"/>
  <c r="C31672" i="3"/>
  <c r="C31673" i="3"/>
  <c r="C31674" i="3"/>
  <c r="C31675" i="3"/>
  <c r="C31676" i="3"/>
  <c r="C31677" i="3"/>
  <c r="C31678" i="3"/>
  <c r="C31679" i="3"/>
  <c r="C31680" i="3"/>
  <c r="C31681" i="3"/>
  <c r="C31682" i="3"/>
  <c r="C31683" i="3"/>
  <c r="C31684" i="3"/>
  <c r="C31685" i="3"/>
  <c r="C31686" i="3"/>
  <c r="C31687" i="3"/>
  <c r="C31688" i="3"/>
  <c r="C31689" i="3"/>
  <c r="C31690" i="3"/>
  <c r="C31691" i="3"/>
  <c r="C31692" i="3"/>
  <c r="C31693" i="3"/>
  <c r="C31694" i="3"/>
  <c r="C31695" i="3"/>
  <c r="C31696" i="3"/>
  <c r="C31697" i="3"/>
  <c r="C31698" i="3"/>
  <c r="C31699" i="3"/>
  <c r="C31700" i="3"/>
  <c r="C31701" i="3"/>
  <c r="C31702" i="3"/>
  <c r="C31703" i="3"/>
  <c r="C31704" i="3"/>
  <c r="C31705" i="3"/>
  <c r="C31706" i="3"/>
  <c r="C31707" i="3"/>
  <c r="C31708" i="3"/>
  <c r="C31709" i="3"/>
  <c r="C31710" i="3"/>
  <c r="C31711" i="3"/>
  <c r="C31712" i="3"/>
  <c r="C31713" i="3"/>
  <c r="C31714" i="3"/>
  <c r="C31715" i="3"/>
  <c r="C31716" i="3"/>
  <c r="C31717" i="3"/>
  <c r="C31718" i="3"/>
  <c r="C31719" i="3"/>
  <c r="C31720" i="3"/>
  <c r="C31721" i="3"/>
  <c r="C31722" i="3"/>
  <c r="C31723" i="3"/>
  <c r="C31724" i="3"/>
  <c r="C31725" i="3"/>
  <c r="C31726" i="3"/>
  <c r="C31727" i="3"/>
  <c r="C31728" i="3"/>
  <c r="C31729" i="3"/>
  <c r="C31730" i="3"/>
  <c r="C31731" i="3"/>
  <c r="C31732" i="3"/>
  <c r="C31733" i="3"/>
  <c r="C31734" i="3"/>
  <c r="C31735" i="3"/>
  <c r="C31736" i="3"/>
  <c r="C31737" i="3"/>
  <c r="C31738" i="3"/>
  <c r="C31739" i="3"/>
  <c r="C31740" i="3"/>
  <c r="C31741" i="3"/>
  <c r="C31742" i="3"/>
  <c r="C31743" i="3"/>
  <c r="C31744" i="3"/>
  <c r="C31745" i="3"/>
  <c r="C31746" i="3"/>
  <c r="C31747" i="3"/>
  <c r="C31748" i="3"/>
  <c r="C31749" i="3"/>
  <c r="C31750" i="3"/>
  <c r="C31751" i="3"/>
  <c r="C31752" i="3"/>
  <c r="C31753" i="3"/>
  <c r="C31754" i="3"/>
  <c r="C31755" i="3"/>
  <c r="C31756" i="3"/>
  <c r="C31757" i="3"/>
  <c r="C31758" i="3"/>
  <c r="C31759" i="3"/>
  <c r="C31760" i="3"/>
  <c r="C31761" i="3"/>
  <c r="C31762" i="3"/>
  <c r="C31763" i="3"/>
  <c r="C31764" i="3"/>
  <c r="C31765" i="3"/>
  <c r="C31766" i="3"/>
  <c r="C31767" i="3"/>
  <c r="C31768" i="3"/>
  <c r="C31769" i="3"/>
  <c r="C31770" i="3"/>
  <c r="C31771" i="3"/>
  <c r="C31772" i="3"/>
  <c r="C31773" i="3"/>
  <c r="C31774" i="3"/>
  <c r="C31775" i="3"/>
  <c r="C31776" i="3"/>
  <c r="C31777" i="3"/>
  <c r="C31778" i="3"/>
  <c r="C31779" i="3"/>
  <c r="C31780" i="3"/>
  <c r="C31781" i="3"/>
  <c r="C31782" i="3"/>
  <c r="C31783" i="3"/>
  <c r="C31784" i="3"/>
  <c r="C31785" i="3"/>
  <c r="C31786" i="3"/>
  <c r="C31787" i="3"/>
  <c r="C31788" i="3"/>
  <c r="C31789" i="3"/>
  <c r="C31790" i="3"/>
  <c r="C31791" i="3"/>
  <c r="C31792" i="3"/>
  <c r="C31793" i="3"/>
  <c r="C31794" i="3"/>
  <c r="C31795" i="3"/>
  <c r="C31796" i="3"/>
  <c r="C31797" i="3"/>
  <c r="C31798" i="3"/>
  <c r="C31799" i="3"/>
  <c r="C31800" i="3"/>
  <c r="C31801" i="3"/>
  <c r="C31802" i="3"/>
  <c r="C31803" i="3"/>
  <c r="C31804" i="3"/>
  <c r="C31805" i="3"/>
  <c r="C31806" i="3"/>
  <c r="C31807" i="3"/>
  <c r="C31808" i="3"/>
  <c r="C31809" i="3"/>
  <c r="C31810" i="3"/>
  <c r="C31811" i="3"/>
  <c r="C31812" i="3"/>
  <c r="C31813" i="3"/>
  <c r="C31814" i="3"/>
  <c r="C31815" i="3"/>
  <c r="C31816" i="3"/>
  <c r="C31817" i="3"/>
  <c r="C31818" i="3"/>
  <c r="C31819" i="3"/>
  <c r="C31820" i="3"/>
  <c r="C31821" i="3"/>
  <c r="C31822" i="3"/>
  <c r="C31823" i="3"/>
  <c r="C31824" i="3"/>
  <c r="C31825" i="3"/>
  <c r="C31826" i="3"/>
  <c r="C31827" i="3"/>
  <c r="C31828" i="3"/>
  <c r="C31829" i="3"/>
  <c r="C31830" i="3"/>
  <c r="C31831" i="3"/>
  <c r="C31832" i="3"/>
  <c r="C31833" i="3"/>
  <c r="C31834" i="3"/>
  <c r="C31835" i="3"/>
  <c r="C31836" i="3"/>
  <c r="C31837" i="3"/>
  <c r="C31838" i="3"/>
  <c r="C31839" i="3"/>
  <c r="C31840" i="3"/>
  <c r="C31841" i="3"/>
  <c r="C31842" i="3"/>
  <c r="C31843" i="3"/>
  <c r="C31844" i="3"/>
  <c r="C31845" i="3"/>
  <c r="C31846" i="3"/>
  <c r="C31847" i="3"/>
  <c r="C31848" i="3"/>
  <c r="C31849" i="3"/>
  <c r="C31850" i="3"/>
  <c r="C31851" i="3"/>
  <c r="C31852" i="3"/>
  <c r="C31853" i="3"/>
  <c r="C31854" i="3"/>
  <c r="C31855" i="3"/>
  <c r="C31856" i="3"/>
  <c r="C31857" i="3"/>
  <c r="C31858" i="3"/>
  <c r="C31859" i="3"/>
  <c r="C31860" i="3"/>
  <c r="C31861" i="3"/>
  <c r="C31862" i="3"/>
  <c r="C31863" i="3"/>
  <c r="C31864" i="3"/>
  <c r="C31865" i="3"/>
  <c r="C31866" i="3"/>
  <c r="C31867" i="3"/>
  <c r="C31868" i="3"/>
  <c r="C31869" i="3"/>
  <c r="C31870" i="3"/>
  <c r="C31871" i="3"/>
  <c r="C31872" i="3"/>
  <c r="C31873" i="3"/>
  <c r="C31874" i="3"/>
  <c r="C31875" i="3"/>
  <c r="C31876" i="3"/>
  <c r="C31877" i="3"/>
  <c r="C31878" i="3"/>
  <c r="C31879" i="3"/>
  <c r="C31880" i="3"/>
  <c r="C31881" i="3"/>
  <c r="C31882" i="3"/>
  <c r="C31883" i="3"/>
  <c r="C31884" i="3"/>
  <c r="C31885" i="3"/>
  <c r="C31886" i="3"/>
  <c r="C31887" i="3"/>
  <c r="C31888" i="3"/>
  <c r="C31889" i="3"/>
  <c r="C31890" i="3"/>
  <c r="C31891" i="3"/>
  <c r="C31892" i="3"/>
  <c r="C31893" i="3"/>
  <c r="C31894" i="3"/>
  <c r="C31895" i="3"/>
  <c r="C31896" i="3"/>
  <c r="C31897" i="3"/>
  <c r="C31898" i="3"/>
  <c r="C31899" i="3"/>
  <c r="C31900" i="3"/>
  <c r="C31901" i="3"/>
  <c r="C31902" i="3"/>
  <c r="C31903" i="3"/>
  <c r="C31904" i="3"/>
  <c r="C31905" i="3"/>
  <c r="C31906" i="3"/>
  <c r="C31907" i="3"/>
  <c r="C31908" i="3"/>
  <c r="C31909" i="3"/>
  <c r="C31910" i="3"/>
  <c r="C31911" i="3"/>
  <c r="C31912" i="3"/>
  <c r="C31913" i="3"/>
  <c r="C31914" i="3"/>
  <c r="C31915" i="3"/>
  <c r="C31916" i="3"/>
  <c r="C31917" i="3"/>
  <c r="C31918" i="3"/>
  <c r="C31919" i="3"/>
  <c r="C31920" i="3"/>
  <c r="C31921" i="3"/>
  <c r="C31922" i="3"/>
  <c r="C31923" i="3"/>
  <c r="C31924" i="3"/>
  <c r="C31925" i="3"/>
  <c r="C31926" i="3"/>
  <c r="C31927" i="3"/>
  <c r="C31928" i="3"/>
  <c r="C31929" i="3"/>
  <c r="C31930" i="3"/>
  <c r="C31931" i="3"/>
  <c r="C31932" i="3"/>
  <c r="C31933" i="3"/>
  <c r="C31934" i="3"/>
  <c r="C31935" i="3"/>
  <c r="C31936" i="3"/>
  <c r="C31937" i="3"/>
  <c r="C31938" i="3"/>
  <c r="C31939" i="3"/>
  <c r="C31940" i="3"/>
  <c r="C31941" i="3"/>
  <c r="C31942" i="3"/>
  <c r="C31943" i="3"/>
  <c r="C31944" i="3"/>
  <c r="C31945" i="3"/>
  <c r="C31946" i="3"/>
  <c r="C31947" i="3"/>
  <c r="C31948" i="3"/>
  <c r="C31949" i="3"/>
  <c r="C31950" i="3"/>
  <c r="C31951" i="3"/>
  <c r="C31952" i="3"/>
  <c r="C31953" i="3"/>
  <c r="C31954" i="3"/>
  <c r="C31955" i="3"/>
  <c r="C31956" i="3"/>
  <c r="C31957" i="3"/>
  <c r="C31958" i="3"/>
  <c r="C31959" i="3"/>
  <c r="C31960" i="3"/>
  <c r="C31961" i="3"/>
  <c r="C31962" i="3"/>
  <c r="C31963" i="3"/>
  <c r="C31964" i="3"/>
  <c r="C31965" i="3"/>
  <c r="C31966" i="3"/>
  <c r="C31967" i="3"/>
  <c r="C31968" i="3"/>
  <c r="C31969" i="3"/>
  <c r="C31970" i="3"/>
  <c r="C31971" i="3"/>
  <c r="C31972" i="3"/>
  <c r="C31973" i="3"/>
  <c r="C31974" i="3"/>
  <c r="C31975" i="3"/>
  <c r="C31976" i="3"/>
  <c r="C31977" i="3"/>
  <c r="C31978" i="3"/>
  <c r="C31979" i="3"/>
  <c r="C31980" i="3"/>
  <c r="C31981" i="3"/>
  <c r="C31982" i="3"/>
  <c r="C31983" i="3"/>
  <c r="C31984" i="3"/>
  <c r="C31985" i="3"/>
  <c r="C31986" i="3"/>
  <c r="C31987" i="3"/>
  <c r="C31988" i="3"/>
  <c r="C31989" i="3"/>
  <c r="C31990" i="3"/>
  <c r="C31991" i="3"/>
  <c r="C31992" i="3"/>
  <c r="C31993" i="3"/>
  <c r="C31994" i="3"/>
  <c r="C31995" i="3"/>
  <c r="C31996" i="3"/>
  <c r="C31997" i="3"/>
  <c r="C31998" i="3"/>
  <c r="C31999" i="3"/>
  <c r="C32000" i="3"/>
  <c r="C32001" i="3"/>
  <c r="C32002" i="3"/>
  <c r="C32003" i="3"/>
  <c r="C32004" i="3"/>
  <c r="C32005" i="3"/>
  <c r="C32006" i="3"/>
  <c r="C32007" i="3"/>
  <c r="C32008" i="3"/>
  <c r="C32009" i="3"/>
  <c r="C32010" i="3"/>
  <c r="C32011" i="3"/>
  <c r="C32012" i="3"/>
  <c r="C32013" i="3"/>
  <c r="C32014" i="3"/>
  <c r="C32015" i="3"/>
  <c r="C32016" i="3"/>
  <c r="C32017" i="3"/>
  <c r="C32018" i="3"/>
  <c r="C32019" i="3"/>
  <c r="C32020" i="3"/>
  <c r="C32021" i="3"/>
  <c r="C32022" i="3"/>
  <c r="C32023" i="3"/>
  <c r="C32024" i="3"/>
  <c r="C32025" i="3"/>
  <c r="C32026" i="3"/>
  <c r="C32027" i="3"/>
  <c r="C32028" i="3"/>
  <c r="C32029" i="3"/>
  <c r="C32030" i="3"/>
  <c r="C32031" i="3"/>
  <c r="C32032" i="3"/>
  <c r="C32033" i="3"/>
  <c r="C32034" i="3"/>
  <c r="C32035" i="3"/>
  <c r="C32036" i="3"/>
  <c r="C32037" i="3"/>
  <c r="C32038" i="3"/>
  <c r="C32039" i="3"/>
  <c r="C32040" i="3"/>
  <c r="C32041" i="3"/>
  <c r="C32042" i="3"/>
  <c r="C32043" i="3"/>
  <c r="C32044" i="3"/>
  <c r="C32045" i="3"/>
  <c r="C32046" i="3"/>
  <c r="C32047" i="3"/>
  <c r="C32048" i="3"/>
  <c r="C32049" i="3"/>
  <c r="C32050" i="3"/>
  <c r="C32051" i="3"/>
  <c r="C32052" i="3"/>
  <c r="C32053" i="3"/>
  <c r="C32054" i="3"/>
  <c r="C32055" i="3"/>
  <c r="C32056" i="3"/>
  <c r="C32057" i="3"/>
  <c r="C32058" i="3"/>
  <c r="C32059" i="3"/>
  <c r="C32060" i="3"/>
  <c r="C32061" i="3"/>
  <c r="C32062" i="3"/>
  <c r="C32063" i="3"/>
  <c r="C32064" i="3"/>
  <c r="C32065" i="3"/>
  <c r="C32066" i="3"/>
  <c r="C32067" i="3"/>
  <c r="C32068" i="3"/>
  <c r="C32069" i="3"/>
  <c r="C32070" i="3"/>
  <c r="C32071" i="3"/>
  <c r="C32072" i="3"/>
  <c r="C32073" i="3"/>
  <c r="C32074" i="3"/>
  <c r="C32075" i="3"/>
  <c r="C32076" i="3"/>
  <c r="C32077" i="3"/>
  <c r="C32078" i="3"/>
  <c r="C32079" i="3"/>
  <c r="C32080" i="3"/>
  <c r="C32081" i="3"/>
  <c r="C32082" i="3"/>
  <c r="C32083" i="3"/>
  <c r="C32084" i="3"/>
  <c r="C32085" i="3"/>
  <c r="C32086" i="3"/>
  <c r="C32087" i="3"/>
  <c r="C32088" i="3"/>
  <c r="C32089" i="3"/>
  <c r="C32090" i="3"/>
  <c r="C32091" i="3"/>
  <c r="C32092" i="3"/>
  <c r="C32093" i="3"/>
  <c r="C32094" i="3"/>
  <c r="C32095" i="3"/>
  <c r="C32096" i="3"/>
  <c r="C32097" i="3"/>
  <c r="C32098" i="3"/>
  <c r="C32099" i="3"/>
  <c r="C32100" i="3"/>
  <c r="C32101" i="3"/>
  <c r="C32102" i="3"/>
  <c r="C32103" i="3"/>
  <c r="C32104" i="3"/>
  <c r="C32105" i="3"/>
  <c r="C32106" i="3"/>
  <c r="C32107" i="3"/>
  <c r="C32108" i="3"/>
  <c r="C32109" i="3"/>
  <c r="C32110" i="3"/>
  <c r="C32111" i="3"/>
  <c r="C32112" i="3"/>
  <c r="C32113" i="3"/>
  <c r="C32114" i="3"/>
  <c r="C32115" i="3"/>
  <c r="C32116" i="3"/>
  <c r="C32117" i="3"/>
  <c r="C32118" i="3"/>
  <c r="C32119" i="3"/>
  <c r="C32120" i="3"/>
  <c r="C32121" i="3"/>
  <c r="C32122" i="3"/>
  <c r="C32123" i="3"/>
  <c r="C32124" i="3"/>
  <c r="C32125" i="3"/>
  <c r="C32126" i="3"/>
  <c r="C32127" i="3"/>
  <c r="C32128" i="3"/>
  <c r="C32129" i="3"/>
  <c r="C32130" i="3"/>
  <c r="C32131" i="3"/>
  <c r="C32132" i="3"/>
  <c r="C32133" i="3"/>
  <c r="C32134" i="3"/>
  <c r="C32135" i="3"/>
  <c r="C32136" i="3"/>
  <c r="C32137" i="3"/>
  <c r="C32138" i="3"/>
  <c r="C32139" i="3"/>
  <c r="C32140" i="3"/>
  <c r="C32141" i="3"/>
  <c r="C32142" i="3"/>
  <c r="C32143" i="3"/>
  <c r="C32144" i="3"/>
  <c r="C32145" i="3"/>
  <c r="C32146" i="3"/>
  <c r="C32147" i="3"/>
  <c r="C32148" i="3"/>
  <c r="C32149" i="3"/>
  <c r="C32150" i="3"/>
  <c r="C32151" i="3"/>
  <c r="C32152" i="3"/>
  <c r="C32153" i="3"/>
  <c r="C32154" i="3"/>
  <c r="C32155" i="3"/>
  <c r="C32156" i="3"/>
  <c r="C32157" i="3"/>
  <c r="C32158" i="3"/>
  <c r="C32159" i="3"/>
  <c r="C32160" i="3"/>
  <c r="C32161" i="3"/>
  <c r="C32162" i="3"/>
  <c r="C32163" i="3"/>
  <c r="C32164" i="3"/>
  <c r="C32165" i="3"/>
  <c r="C32166" i="3"/>
  <c r="C32167" i="3"/>
  <c r="C32168" i="3"/>
  <c r="C32169" i="3"/>
  <c r="C32170" i="3"/>
  <c r="C32171" i="3"/>
  <c r="C32172" i="3"/>
  <c r="C32173" i="3"/>
  <c r="C32174" i="3"/>
  <c r="C32175" i="3"/>
  <c r="C32176" i="3"/>
  <c r="C32177" i="3"/>
  <c r="C32178" i="3"/>
  <c r="C32179" i="3"/>
  <c r="C32180" i="3"/>
  <c r="C32181" i="3"/>
  <c r="C32182" i="3"/>
  <c r="C32183" i="3"/>
  <c r="C32184" i="3"/>
  <c r="C32185" i="3"/>
  <c r="C32186" i="3"/>
  <c r="C32187" i="3"/>
  <c r="C32188" i="3"/>
  <c r="C32189" i="3"/>
  <c r="C32190" i="3"/>
  <c r="C32191" i="3"/>
  <c r="C32192" i="3"/>
  <c r="C32193" i="3"/>
  <c r="C32194" i="3"/>
  <c r="C32195" i="3"/>
  <c r="C32196" i="3"/>
  <c r="C32197" i="3"/>
  <c r="C32198" i="3"/>
  <c r="C32199" i="3"/>
  <c r="C32200" i="3"/>
  <c r="C32201" i="3"/>
  <c r="C32202" i="3"/>
  <c r="C32203" i="3"/>
  <c r="C32204" i="3"/>
  <c r="C32205" i="3"/>
  <c r="C32206" i="3"/>
  <c r="C32207" i="3"/>
  <c r="C32208" i="3"/>
  <c r="C32209" i="3"/>
  <c r="C32210" i="3"/>
  <c r="C32211" i="3"/>
  <c r="C32212" i="3"/>
  <c r="C32213" i="3"/>
  <c r="C32214" i="3"/>
  <c r="C32215" i="3"/>
  <c r="C32216" i="3"/>
  <c r="C32217" i="3"/>
  <c r="C32218" i="3"/>
  <c r="C32219" i="3"/>
  <c r="C32220" i="3"/>
  <c r="C32221" i="3"/>
  <c r="C32222" i="3"/>
  <c r="C32223" i="3"/>
  <c r="C32224" i="3"/>
  <c r="C32225" i="3"/>
  <c r="C32226" i="3"/>
  <c r="C32227" i="3"/>
  <c r="C32228" i="3"/>
  <c r="C32229" i="3"/>
  <c r="C32230" i="3"/>
  <c r="C32231" i="3"/>
  <c r="C32232" i="3"/>
  <c r="C32233" i="3"/>
  <c r="C32234" i="3"/>
  <c r="C32235" i="3"/>
  <c r="C32236" i="3"/>
  <c r="C32237" i="3"/>
  <c r="C32238" i="3"/>
  <c r="C32239" i="3"/>
  <c r="C32240" i="3"/>
  <c r="C32241" i="3"/>
  <c r="C32242" i="3"/>
  <c r="C32243" i="3"/>
  <c r="C32244" i="3"/>
  <c r="C32245" i="3"/>
  <c r="C32246" i="3"/>
  <c r="C32247" i="3"/>
  <c r="C32248" i="3"/>
  <c r="C32249" i="3"/>
  <c r="C32250" i="3"/>
  <c r="C32251" i="3"/>
  <c r="C32252" i="3"/>
  <c r="C32253" i="3"/>
  <c r="C32254" i="3"/>
  <c r="C32255" i="3"/>
  <c r="C32256" i="3"/>
  <c r="C32257" i="3"/>
  <c r="C32258" i="3"/>
  <c r="C32259" i="3"/>
  <c r="C32260" i="3"/>
  <c r="C32261" i="3"/>
  <c r="C32262" i="3"/>
  <c r="C32263" i="3"/>
  <c r="C32264" i="3"/>
  <c r="C32265" i="3"/>
  <c r="C32266" i="3"/>
  <c r="C32267" i="3"/>
  <c r="C32268" i="3"/>
  <c r="C32269" i="3"/>
  <c r="C32270" i="3"/>
  <c r="C32271" i="3"/>
  <c r="C32272" i="3"/>
  <c r="C32273" i="3"/>
  <c r="C32274" i="3"/>
  <c r="C32275" i="3"/>
  <c r="C32276" i="3"/>
  <c r="C32277" i="3"/>
  <c r="C32278" i="3"/>
  <c r="C32279" i="3"/>
  <c r="C32280" i="3"/>
  <c r="C32281" i="3"/>
  <c r="C32282" i="3"/>
  <c r="C32283" i="3"/>
  <c r="C32284" i="3"/>
  <c r="C32285" i="3"/>
  <c r="C32286" i="3"/>
  <c r="C32287" i="3"/>
  <c r="C32288" i="3"/>
  <c r="C32289" i="3"/>
  <c r="C32290" i="3"/>
  <c r="C32291" i="3"/>
  <c r="C32292" i="3"/>
  <c r="C32293" i="3"/>
  <c r="C32294" i="3"/>
  <c r="C32295" i="3"/>
  <c r="C32296" i="3"/>
  <c r="C32297" i="3"/>
  <c r="C32298" i="3"/>
  <c r="C32299" i="3"/>
  <c r="C32300" i="3"/>
  <c r="C32301" i="3"/>
  <c r="C32302" i="3"/>
  <c r="C32303" i="3"/>
  <c r="C32304" i="3"/>
  <c r="C32305" i="3"/>
  <c r="C32306" i="3"/>
  <c r="C32307" i="3"/>
  <c r="C32308" i="3"/>
  <c r="C32309" i="3"/>
  <c r="C32310" i="3"/>
  <c r="C32311" i="3"/>
  <c r="C32312" i="3"/>
  <c r="C32313" i="3"/>
  <c r="C32314" i="3"/>
  <c r="C32315" i="3"/>
  <c r="C32316" i="3"/>
  <c r="C32317" i="3"/>
  <c r="C32318" i="3"/>
  <c r="C32319" i="3"/>
  <c r="C32320" i="3"/>
  <c r="C32321" i="3"/>
  <c r="C32322" i="3"/>
  <c r="C32323" i="3"/>
  <c r="C32324" i="3"/>
  <c r="C32325" i="3"/>
  <c r="C32326" i="3"/>
  <c r="C32327" i="3"/>
  <c r="C32328" i="3"/>
  <c r="C32329" i="3"/>
  <c r="C32330" i="3"/>
  <c r="C32331" i="3"/>
  <c r="C32332" i="3"/>
  <c r="C32333" i="3"/>
  <c r="C32334" i="3"/>
  <c r="C32335" i="3"/>
  <c r="C32336" i="3"/>
  <c r="C32337" i="3"/>
  <c r="C32338" i="3"/>
  <c r="C32339" i="3"/>
  <c r="C32340" i="3"/>
  <c r="C32341" i="3"/>
  <c r="C32342" i="3"/>
  <c r="C32343" i="3"/>
  <c r="C32344" i="3"/>
  <c r="C32345" i="3"/>
  <c r="C32346" i="3"/>
  <c r="C32347" i="3"/>
  <c r="C32348" i="3"/>
  <c r="C32349" i="3"/>
  <c r="C32350" i="3"/>
  <c r="C32351" i="3"/>
  <c r="C32352" i="3"/>
  <c r="C32353" i="3"/>
  <c r="C32354" i="3"/>
  <c r="C32355" i="3"/>
  <c r="C32356" i="3"/>
  <c r="C32357" i="3"/>
  <c r="C32358" i="3"/>
  <c r="C32359" i="3"/>
  <c r="C32360" i="3"/>
  <c r="C32361" i="3"/>
  <c r="C32362" i="3"/>
  <c r="C32363" i="3"/>
  <c r="C32364" i="3"/>
  <c r="C32365" i="3"/>
  <c r="C32366" i="3"/>
  <c r="C32367" i="3"/>
  <c r="C32368" i="3"/>
  <c r="C32369" i="3"/>
  <c r="C32370" i="3"/>
  <c r="C32371" i="3"/>
  <c r="C32372" i="3"/>
  <c r="C32373" i="3"/>
  <c r="C32374" i="3"/>
  <c r="C32375" i="3"/>
  <c r="C32376" i="3"/>
  <c r="C32377" i="3"/>
  <c r="C32378" i="3"/>
  <c r="C32379" i="3"/>
  <c r="C32380" i="3"/>
  <c r="C32381" i="3"/>
  <c r="C32382" i="3"/>
  <c r="C32383" i="3"/>
  <c r="C32384" i="3"/>
  <c r="C32385" i="3"/>
  <c r="C32386" i="3"/>
  <c r="C32387" i="3"/>
  <c r="C32388" i="3"/>
  <c r="C32389" i="3"/>
  <c r="C32390" i="3"/>
  <c r="C32391" i="3"/>
  <c r="C32392" i="3"/>
  <c r="C32393" i="3"/>
  <c r="C32394" i="3"/>
  <c r="C32395" i="3"/>
  <c r="C32396" i="3"/>
  <c r="C32397" i="3"/>
  <c r="C32398" i="3"/>
  <c r="C32399" i="3"/>
  <c r="C32400" i="3"/>
  <c r="C32401" i="3"/>
  <c r="C32402" i="3"/>
  <c r="C32403" i="3"/>
  <c r="C32404" i="3"/>
  <c r="C32405" i="3"/>
  <c r="C32406" i="3"/>
  <c r="C32407" i="3"/>
  <c r="C32408" i="3"/>
  <c r="C32409" i="3"/>
  <c r="C32410" i="3"/>
  <c r="C32411" i="3"/>
  <c r="C32412" i="3"/>
  <c r="C32413" i="3"/>
  <c r="C32414" i="3"/>
  <c r="C32415" i="3"/>
  <c r="C32416" i="3"/>
  <c r="C32417" i="3"/>
  <c r="C32418" i="3"/>
  <c r="C32419" i="3"/>
  <c r="C32420" i="3"/>
  <c r="C32421" i="3"/>
  <c r="C32422" i="3"/>
  <c r="C32423" i="3"/>
  <c r="C32424" i="3"/>
  <c r="C32425" i="3"/>
  <c r="C32426" i="3"/>
  <c r="C32427" i="3"/>
  <c r="C32428" i="3"/>
  <c r="C32429" i="3"/>
  <c r="C32430" i="3"/>
  <c r="C32431" i="3"/>
  <c r="C32432" i="3"/>
  <c r="C32433" i="3"/>
  <c r="C32434" i="3"/>
  <c r="C32435" i="3"/>
  <c r="C32436" i="3"/>
  <c r="C32437" i="3"/>
  <c r="C32438" i="3"/>
  <c r="C32439" i="3"/>
  <c r="C32440" i="3"/>
  <c r="C32441" i="3"/>
  <c r="C32442" i="3"/>
  <c r="C32443" i="3"/>
  <c r="C32444" i="3"/>
  <c r="C32445" i="3"/>
  <c r="C32446" i="3"/>
  <c r="C32447" i="3"/>
  <c r="C32448" i="3"/>
  <c r="C32449" i="3"/>
  <c r="C32450" i="3"/>
  <c r="C32451" i="3"/>
  <c r="C32452" i="3"/>
  <c r="C32453" i="3"/>
  <c r="C32454" i="3"/>
  <c r="C32455" i="3"/>
  <c r="C32456" i="3"/>
  <c r="C32457" i="3"/>
  <c r="C32458" i="3"/>
  <c r="C32459" i="3"/>
  <c r="C32460" i="3"/>
  <c r="C32461" i="3"/>
  <c r="C32462" i="3"/>
  <c r="C32463" i="3"/>
  <c r="C32464" i="3"/>
  <c r="C32465" i="3"/>
  <c r="C32466" i="3"/>
  <c r="C32467" i="3"/>
  <c r="C32468" i="3"/>
  <c r="C32469" i="3"/>
  <c r="C32470" i="3"/>
  <c r="C32471" i="3"/>
  <c r="C32472" i="3"/>
  <c r="C32473" i="3"/>
  <c r="C32474" i="3"/>
  <c r="C32475" i="3"/>
  <c r="C32476" i="3"/>
  <c r="C32477" i="3"/>
  <c r="C32478" i="3"/>
  <c r="C32479" i="3"/>
  <c r="C32480" i="3"/>
  <c r="C32481" i="3"/>
  <c r="C32482" i="3"/>
  <c r="C32483" i="3"/>
  <c r="C32484" i="3"/>
  <c r="C32485" i="3"/>
  <c r="C32486" i="3"/>
  <c r="C32487" i="3"/>
  <c r="C32488" i="3"/>
  <c r="C32489" i="3"/>
  <c r="C32490" i="3"/>
  <c r="C32491" i="3"/>
  <c r="C32492" i="3"/>
  <c r="C32493" i="3"/>
  <c r="C32494" i="3"/>
  <c r="C32495" i="3"/>
  <c r="C32496" i="3"/>
  <c r="C32497" i="3"/>
  <c r="C32498" i="3"/>
  <c r="C32499" i="3"/>
  <c r="C32500" i="3"/>
  <c r="C32501" i="3"/>
  <c r="C32502" i="3"/>
  <c r="C32503" i="3"/>
  <c r="C32504" i="3"/>
  <c r="C32505" i="3"/>
  <c r="C32506" i="3"/>
  <c r="C32507" i="3"/>
  <c r="C32508" i="3"/>
  <c r="C32509" i="3"/>
  <c r="C32510" i="3"/>
  <c r="C32511" i="3"/>
  <c r="C32512" i="3"/>
  <c r="C32513" i="3"/>
  <c r="C32514" i="3"/>
  <c r="C32515" i="3"/>
  <c r="C32516" i="3"/>
  <c r="C32517" i="3"/>
  <c r="C32518" i="3"/>
  <c r="C32519" i="3"/>
  <c r="C32520" i="3"/>
  <c r="C32521" i="3"/>
  <c r="C32522" i="3"/>
  <c r="C32523" i="3"/>
  <c r="C32524" i="3"/>
  <c r="C32525" i="3"/>
  <c r="C32526" i="3"/>
  <c r="C32527" i="3"/>
  <c r="C32528" i="3"/>
  <c r="C32529" i="3"/>
  <c r="C32530" i="3"/>
  <c r="C32531" i="3"/>
  <c r="C32532" i="3"/>
  <c r="C32533" i="3"/>
  <c r="C32534" i="3"/>
  <c r="C32535" i="3"/>
  <c r="C32536" i="3"/>
  <c r="C32537" i="3"/>
  <c r="C32538" i="3"/>
  <c r="C32539" i="3"/>
  <c r="C32540" i="3"/>
  <c r="C32541" i="3"/>
  <c r="C32542" i="3"/>
  <c r="C32543" i="3"/>
  <c r="C32544" i="3"/>
  <c r="C32545" i="3"/>
  <c r="C32546" i="3"/>
  <c r="C32547" i="3"/>
  <c r="C32548" i="3"/>
  <c r="C32549" i="3"/>
  <c r="C32550" i="3"/>
  <c r="C32551" i="3"/>
  <c r="C32552" i="3"/>
  <c r="C32553" i="3"/>
  <c r="C32554" i="3"/>
  <c r="C32555" i="3"/>
  <c r="C32556" i="3"/>
  <c r="C32557" i="3"/>
  <c r="C32558" i="3"/>
  <c r="C32559" i="3"/>
  <c r="C32560" i="3"/>
  <c r="C32561" i="3"/>
  <c r="C32562" i="3"/>
  <c r="C32563" i="3"/>
  <c r="C32564" i="3"/>
  <c r="C32565" i="3"/>
  <c r="C32566" i="3"/>
  <c r="C32567" i="3"/>
  <c r="C32568" i="3"/>
  <c r="C32569" i="3"/>
  <c r="C32570" i="3"/>
  <c r="C32571" i="3"/>
  <c r="C32572" i="3"/>
  <c r="C32573" i="3"/>
  <c r="C32574" i="3"/>
  <c r="C32575" i="3"/>
  <c r="C32576" i="3"/>
  <c r="C32577" i="3"/>
  <c r="C32578" i="3"/>
  <c r="C32579" i="3"/>
  <c r="C32580" i="3"/>
  <c r="C32581" i="3"/>
  <c r="C32582" i="3"/>
  <c r="C32583" i="3"/>
  <c r="C32584" i="3"/>
  <c r="C32585" i="3"/>
  <c r="C32586" i="3"/>
  <c r="C32587" i="3"/>
  <c r="C32588" i="3"/>
  <c r="C32589" i="3"/>
  <c r="C32590" i="3"/>
  <c r="C32591" i="3"/>
  <c r="C32592" i="3"/>
  <c r="C32593" i="3"/>
  <c r="C32594" i="3"/>
  <c r="C32595" i="3"/>
  <c r="C32596" i="3"/>
  <c r="C32597" i="3"/>
  <c r="C32598" i="3"/>
  <c r="C32599" i="3"/>
  <c r="C32600" i="3"/>
  <c r="C32601" i="3"/>
  <c r="C32602" i="3"/>
  <c r="C32603" i="3"/>
  <c r="C32604" i="3"/>
  <c r="C32605" i="3"/>
  <c r="C32606" i="3"/>
  <c r="C32607" i="3"/>
  <c r="C32608" i="3"/>
  <c r="C32609" i="3"/>
  <c r="C32610" i="3"/>
  <c r="C32611" i="3"/>
  <c r="C32612" i="3"/>
  <c r="C32613" i="3"/>
  <c r="C32614" i="3"/>
  <c r="C32615" i="3"/>
  <c r="C32616" i="3"/>
  <c r="C32617" i="3"/>
  <c r="C32618" i="3"/>
  <c r="C32619" i="3"/>
  <c r="C32620" i="3"/>
  <c r="C32621" i="3"/>
  <c r="C32622" i="3"/>
  <c r="C32623" i="3"/>
  <c r="C32624" i="3"/>
  <c r="C32625" i="3"/>
  <c r="C32626" i="3"/>
  <c r="C32627" i="3"/>
  <c r="C32628" i="3"/>
  <c r="C32629" i="3"/>
  <c r="C32630" i="3"/>
  <c r="C32631" i="3"/>
  <c r="C32632" i="3"/>
  <c r="C32633" i="3"/>
  <c r="C32634" i="3"/>
  <c r="C32635" i="3"/>
  <c r="C32636" i="3"/>
  <c r="C32637" i="3"/>
  <c r="C32638" i="3"/>
  <c r="C32639" i="3"/>
  <c r="C32640" i="3"/>
  <c r="C32641" i="3"/>
  <c r="C32642" i="3"/>
  <c r="C32643" i="3"/>
  <c r="C32644" i="3"/>
  <c r="C32645" i="3"/>
  <c r="C32646" i="3"/>
  <c r="C32647" i="3"/>
  <c r="C32648" i="3"/>
  <c r="C32649" i="3"/>
  <c r="C32650" i="3"/>
  <c r="C32651" i="3"/>
  <c r="C32652" i="3"/>
  <c r="C32653" i="3"/>
  <c r="C32654" i="3"/>
  <c r="C32655" i="3"/>
  <c r="C32656" i="3"/>
  <c r="C32657" i="3"/>
  <c r="C32658" i="3"/>
  <c r="C32659" i="3"/>
  <c r="C32660" i="3"/>
  <c r="C32661" i="3"/>
  <c r="C32662" i="3"/>
  <c r="C32663" i="3"/>
  <c r="C32664" i="3"/>
  <c r="C32665" i="3"/>
  <c r="C32666" i="3"/>
  <c r="C32667" i="3"/>
  <c r="C32668" i="3"/>
  <c r="C32669" i="3"/>
  <c r="C32670" i="3"/>
  <c r="C32671" i="3"/>
  <c r="C32672" i="3"/>
  <c r="C32673" i="3"/>
  <c r="C32674" i="3"/>
  <c r="C32675" i="3"/>
  <c r="C32676" i="3"/>
  <c r="C32677" i="3"/>
  <c r="C32678" i="3"/>
  <c r="C32679" i="3"/>
  <c r="C32680" i="3"/>
  <c r="C32681" i="3"/>
  <c r="C32682" i="3"/>
  <c r="C32683" i="3"/>
  <c r="C32684" i="3"/>
  <c r="C32685" i="3"/>
  <c r="C32686" i="3"/>
  <c r="C32687" i="3"/>
  <c r="C32688" i="3"/>
  <c r="C32689" i="3"/>
  <c r="C32690" i="3"/>
  <c r="C32691" i="3"/>
  <c r="C32692" i="3"/>
  <c r="C32693" i="3"/>
  <c r="C32694" i="3"/>
  <c r="C32695" i="3"/>
  <c r="C32696" i="3"/>
  <c r="C32697" i="3"/>
  <c r="C32698" i="3"/>
  <c r="C32699" i="3"/>
  <c r="C32700" i="3"/>
  <c r="C32701" i="3"/>
  <c r="C32702" i="3"/>
  <c r="C32703" i="3"/>
  <c r="C32704" i="3"/>
  <c r="C32705" i="3"/>
  <c r="C32706" i="3"/>
  <c r="C32707" i="3"/>
  <c r="C32708" i="3"/>
  <c r="C32709" i="3"/>
  <c r="C32710" i="3"/>
  <c r="C32711" i="3"/>
  <c r="C32712" i="3"/>
  <c r="C32713" i="3"/>
  <c r="C32714" i="3"/>
  <c r="C32715" i="3"/>
  <c r="C32716" i="3"/>
  <c r="C32717" i="3"/>
  <c r="C32718" i="3"/>
  <c r="C32719" i="3"/>
  <c r="C32720" i="3"/>
  <c r="C32721" i="3"/>
  <c r="C32722" i="3"/>
  <c r="C32723" i="3"/>
  <c r="C32724" i="3"/>
  <c r="C32725" i="3"/>
  <c r="C32726" i="3"/>
  <c r="C32727" i="3"/>
  <c r="C32728" i="3"/>
  <c r="C32729" i="3"/>
  <c r="C32730" i="3"/>
  <c r="C32731" i="3"/>
  <c r="C32732" i="3"/>
  <c r="C32733" i="3"/>
  <c r="C32734" i="3"/>
  <c r="C32735" i="3"/>
  <c r="C32736" i="3"/>
  <c r="C32737" i="3"/>
  <c r="C32738" i="3"/>
  <c r="C32739" i="3"/>
  <c r="C32740" i="3"/>
  <c r="C32741" i="3"/>
  <c r="C32742" i="3"/>
  <c r="C32743" i="3"/>
  <c r="C32744" i="3"/>
  <c r="C32745" i="3"/>
  <c r="C32746" i="3"/>
  <c r="C32747" i="3"/>
  <c r="C32748" i="3"/>
  <c r="C32749" i="3"/>
  <c r="C32750" i="3"/>
  <c r="C32751" i="3"/>
  <c r="C32752" i="3"/>
  <c r="C32753" i="3"/>
  <c r="C32754" i="3"/>
  <c r="C32755" i="3"/>
  <c r="C32756" i="3"/>
  <c r="C32757" i="3"/>
  <c r="C32758" i="3"/>
  <c r="C32759" i="3"/>
  <c r="C32760" i="3"/>
  <c r="C32761" i="3"/>
  <c r="C32762" i="3"/>
  <c r="C32763" i="3"/>
  <c r="C32764" i="3"/>
  <c r="C32765" i="3"/>
  <c r="C32766" i="3"/>
  <c r="C32767" i="3"/>
  <c r="C32768" i="3"/>
  <c r="C32769" i="3"/>
  <c r="C32770" i="3"/>
  <c r="C32771" i="3"/>
  <c r="C32772" i="3"/>
  <c r="C32773" i="3"/>
  <c r="C32774" i="3"/>
  <c r="C32775" i="3"/>
  <c r="C32776" i="3"/>
  <c r="C32777" i="3"/>
  <c r="C32778" i="3"/>
  <c r="C32779" i="3"/>
  <c r="C32780" i="3"/>
  <c r="C32781" i="3"/>
  <c r="C32782" i="3"/>
  <c r="C32783" i="3"/>
  <c r="C32784" i="3"/>
  <c r="C32785" i="3"/>
  <c r="C32786" i="3"/>
  <c r="C32787" i="3"/>
  <c r="C32788" i="3"/>
  <c r="C32789" i="3"/>
  <c r="C32790" i="3"/>
  <c r="C32791" i="3"/>
  <c r="C32792" i="3"/>
  <c r="C32793" i="3"/>
  <c r="C32794" i="3"/>
  <c r="C32795" i="3"/>
  <c r="C32796" i="3"/>
  <c r="C32797" i="3"/>
  <c r="C32798" i="3"/>
  <c r="C32799" i="3"/>
  <c r="C32800" i="3"/>
  <c r="C32801" i="3"/>
  <c r="C32802" i="3"/>
  <c r="C32803" i="3"/>
  <c r="C32804" i="3"/>
  <c r="C32805" i="3"/>
  <c r="C32806" i="3"/>
  <c r="C32807" i="3"/>
  <c r="C32808" i="3"/>
  <c r="C32809" i="3"/>
  <c r="C32810" i="3"/>
  <c r="C32811" i="3"/>
  <c r="C32812" i="3"/>
  <c r="C32813" i="3"/>
  <c r="C32814" i="3"/>
  <c r="C32815" i="3"/>
  <c r="C32816" i="3"/>
  <c r="C32817" i="3"/>
  <c r="C32818" i="3"/>
  <c r="C32819" i="3"/>
  <c r="C32820" i="3"/>
  <c r="C32821" i="3"/>
  <c r="C32822" i="3"/>
  <c r="C32823" i="3"/>
  <c r="C32824" i="3"/>
  <c r="C32825" i="3"/>
  <c r="C32826" i="3"/>
  <c r="C32827" i="3"/>
  <c r="C32828" i="3"/>
  <c r="C32829" i="3"/>
  <c r="C32830" i="3"/>
  <c r="C32831" i="3"/>
  <c r="C32832" i="3"/>
  <c r="C32833" i="3"/>
  <c r="C32834" i="3"/>
  <c r="C32835" i="3"/>
  <c r="C32836" i="3"/>
  <c r="C32837" i="3"/>
  <c r="C32838" i="3"/>
  <c r="C32839" i="3"/>
  <c r="C32840" i="3"/>
  <c r="C32841" i="3"/>
  <c r="C32842" i="3"/>
  <c r="C32843" i="3"/>
  <c r="C32844" i="3"/>
  <c r="C32845" i="3"/>
  <c r="C32846" i="3"/>
  <c r="C32847" i="3"/>
  <c r="C32848" i="3"/>
  <c r="C32849" i="3"/>
  <c r="C32850" i="3"/>
  <c r="C32851" i="3"/>
  <c r="C32852" i="3"/>
  <c r="C32853" i="3"/>
  <c r="C32854" i="3"/>
  <c r="C32855" i="3"/>
  <c r="C32856" i="3"/>
  <c r="C32857" i="3"/>
  <c r="C32858" i="3"/>
  <c r="C32859" i="3"/>
  <c r="C32860" i="3"/>
  <c r="C32861" i="3"/>
  <c r="C32862" i="3"/>
  <c r="C32863" i="3"/>
  <c r="C32864" i="3"/>
  <c r="C32865" i="3"/>
  <c r="C32866" i="3"/>
  <c r="C32867" i="3"/>
  <c r="C32868" i="3"/>
  <c r="C32869" i="3"/>
  <c r="C32870" i="3"/>
  <c r="C32871" i="3"/>
  <c r="C32872" i="3"/>
  <c r="C32873" i="3"/>
  <c r="C32874" i="3"/>
  <c r="C32875" i="3"/>
  <c r="C32876" i="3"/>
  <c r="C32877" i="3"/>
  <c r="C32878" i="3"/>
  <c r="C32879" i="3"/>
  <c r="C32880" i="3"/>
  <c r="C32881" i="3"/>
  <c r="C32882" i="3"/>
  <c r="C32883" i="3"/>
  <c r="C32884" i="3"/>
  <c r="C32885" i="3"/>
  <c r="C32886" i="3"/>
  <c r="C32887" i="3"/>
  <c r="C32888" i="3"/>
  <c r="C32889" i="3"/>
  <c r="C32890" i="3"/>
  <c r="C32891" i="3"/>
  <c r="C32892" i="3"/>
  <c r="C32893" i="3"/>
  <c r="C32894" i="3"/>
  <c r="C32895" i="3"/>
  <c r="C32896" i="3"/>
  <c r="C32897" i="3"/>
  <c r="C32898" i="3"/>
  <c r="C32899" i="3"/>
  <c r="C32900" i="3"/>
  <c r="C32901" i="3"/>
  <c r="C32902" i="3"/>
  <c r="C32903" i="3"/>
  <c r="C32904" i="3"/>
  <c r="C32905" i="3"/>
  <c r="C32906" i="3"/>
  <c r="C32907" i="3"/>
  <c r="C32908" i="3"/>
  <c r="C32909" i="3"/>
  <c r="C32910" i="3"/>
  <c r="C32911" i="3"/>
  <c r="C32912" i="3"/>
  <c r="C32913" i="3"/>
  <c r="C32914" i="3"/>
  <c r="C32915" i="3"/>
  <c r="C32916" i="3"/>
  <c r="C32917" i="3"/>
  <c r="C32918" i="3"/>
  <c r="C32919" i="3"/>
  <c r="C32920" i="3"/>
  <c r="C32921" i="3"/>
  <c r="C32922" i="3"/>
  <c r="C32923" i="3"/>
  <c r="C32924" i="3"/>
  <c r="C32925" i="3"/>
  <c r="C32926" i="3"/>
  <c r="C32927" i="3"/>
  <c r="C32928" i="3"/>
  <c r="C32929" i="3"/>
  <c r="C32930" i="3"/>
  <c r="C32931" i="3"/>
  <c r="C32932" i="3"/>
  <c r="C32933" i="3"/>
  <c r="C32934" i="3"/>
  <c r="C32935" i="3"/>
  <c r="C32936" i="3"/>
  <c r="C32937" i="3"/>
  <c r="C32938" i="3"/>
  <c r="C32939" i="3"/>
  <c r="C32940" i="3"/>
  <c r="C32941" i="3"/>
  <c r="C32942" i="3"/>
  <c r="C32943" i="3"/>
  <c r="C32944" i="3"/>
  <c r="C32945" i="3"/>
  <c r="C32946" i="3"/>
  <c r="C32947" i="3"/>
  <c r="C32948" i="3"/>
  <c r="C32949" i="3"/>
  <c r="C32950" i="3"/>
  <c r="C32951" i="3"/>
  <c r="C32952" i="3"/>
  <c r="C32953" i="3"/>
  <c r="C32954" i="3"/>
  <c r="C32955" i="3"/>
  <c r="C32956" i="3"/>
  <c r="C32957" i="3"/>
  <c r="C32958" i="3"/>
  <c r="C32959" i="3"/>
  <c r="C32960" i="3"/>
  <c r="C32961" i="3"/>
  <c r="C32962" i="3"/>
  <c r="C32963" i="3"/>
  <c r="C32964" i="3"/>
  <c r="C32965" i="3"/>
  <c r="C32966" i="3"/>
  <c r="C32967" i="3"/>
  <c r="C32968" i="3"/>
  <c r="C32969" i="3"/>
  <c r="C32970" i="3"/>
  <c r="C32971" i="3"/>
  <c r="C32972" i="3"/>
  <c r="C32973" i="3"/>
  <c r="C32974" i="3"/>
  <c r="C32975" i="3"/>
  <c r="C32976" i="3"/>
  <c r="C32977" i="3"/>
  <c r="C32978" i="3"/>
  <c r="C32979" i="3"/>
  <c r="C32980" i="3"/>
  <c r="C32981" i="3"/>
  <c r="C32982" i="3"/>
  <c r="C32983" i="3"/>
  <c r="C32984" i="3"/>
  <c r="C32985" i="3"/>
  <c r="C32986" i="3"/>
  <c r="C32987" i="3"/>
  <c r="C32988" i="3"/>
  <c r="C32989" i="3"/>
  <c r="C32990" i="3"/>
  <c r="C32991" i="3"/>
  <c r="C32992" i="3"/>
  <c r="C32993" i="3"/>
  <c r="C32994" i="3"/>
  <c r="C32995" i="3"/>
  <c r="C32996" i="3"/>
  <c r="C32997" i="3"/>
  <c r="C32998" i="3"/>
  <c r="C32999" i="3"/>
  <c r="C33000" i="3"/>
  <c r="C33001" i="3"/>
  <c r="C33002" i="3"/>
  <c r="C33003" i="3"/>
  <c r="C33004" i="3"/>
  <c r="C33005" i="3"/>
  <c r="C33006" i="3"/>
  <c r="C33007" i="3"/>
  <c r="C33008" i="3"/>
  <c r="C33009" i="3"/>
  <c r="C33010" i="3"/>
  <c r="C33011" i="3"/>
  <c r="C33012" i="3"/>
  <c r="C33013" i="3"/>
  <c r="C33014" i="3"/>
  <c r="C33015" i="3"/>
  <c r="C33016" i="3"/>
  <c r="C33017" i="3"/>
  <c r="C33018" i="3"/>
  <c r="C33019" i="3"/>
  <c r="C33020" i="3"/>
  <c r="C33021" i="3"/>
  <c r="C33022" i="3"/>
  <c r="C33023" i="3"/>
  <c r="C33024" i="3"/>
  <c r="C33025" i="3"/>
  <c r="C33026" i="3"/>
  <c r="C33027" i="3"/>
  <c r="C33028" i="3"/>
  <c r="C33029" i="3"/>
  <c r="C33030" i="3"/>
  <c r="C33031" i="3"/>
  <c r="C33032" i="3"/>
  <c r="C33033" i="3"/>
  <c r="C33034" i="3"/>
  <c r="C33035" i="3"/>
  <c r="C33036" i="3"/>
  <c r="C33037" i="3"/>
  <c r="C33038" i="3"/>
  <c r="C33039" i="3"/>
  <c r="C33040" i="3"/>
  <c r="C33041" i="3"/>
  <c r="C33042" i="3"/>
  <c r="C33043" i="3"/>
  <c r="C33044" i="3"/>
  <c r="C33045" i="3"/>
  <c r="C33046" i="3"/>
  <c r="C33047" i="3"/>
  <c r="C33048" i="3"/>
  <c r="C33049" i="3"/>
  <c r="C33050" i="3"/>
  <c r="C33051" i="3"/>
  <c r="C33052" i="3"/>
  <c r="C33053" i="3"/>
  <c r="C33054" i="3"/>
  <c r="C33055" i="3"/>
  <c r="C33056" i="3"/>
  <c r="C33057" i="3"/>
  <c r="C33058" i="3"/>
  <c r="C33059" i="3"/>
  <c r="C33060" i="3"/>
  <c r="C33061" i="3"/>
  <c r="C33062" i="3"/>
  <c r="C33063" i="3"/>
  <c r="C33064" i="3"/>
  <c r="C33065" i="3"/>
  <c r="C33066" i="3"/>
  <c r="C33067" i="3"/>
  <c r="C33068" i="3"/>
  <c r="C33069" i="3"/>
  <c r="C33070" i="3"/>
  <c r="C33071" i="3"/>
  <c r="C33072" i="3"/>
  <c r="C33073" i="3"/>
  <c r="C33074" i="3"/>
  <c r="C33075" i="3"/>
  <c r="C33076" i="3"/>
  <c r="C33077" i="3"/>
  <c r="C33078" i="3"/>
  <c r="C33079" i="3"/>
  <c r="C33080" i="3"/>
  <c r="C33081" i="3"/>
  <c r="C33082" i="3"/>
  <c r="C33083" i="3"/>
  <c r="C33084" i="3"/>
  <c r="C33085" i="3"/>
  <c r="C33086" i="3"/>
  <c r="C33087" i="3"/>
  <c r="C33088" i="3"/>
  <c r="C33089" i="3"/>
  <c r="C33090" i="3"/>
  <c r="C33091" i="3"/>
  <c r="C33092" i="3"/>
  <c r="C33093" i="3"/>
  <c r="C33094" i="3"/>
  <c r="C33095" i="3"/>
  <c r="C33096" i="3"/>
  <c r="C33097" i="3"/>
  <c r="C33098" i="3"/>
  <c r="C33099" i="3"/>
  <c r="C33100" i="3"/>
  <c r="C33101" i="3"/>
  <c r="C33102" i="3"/>
  <c r="C33103" i="3"/>
  <c r="C33104" i="3"/>
  <c r="C33105" i="3"/>
  <c r="C33106" i="3"/>
  <c r="C33107" i="3"/>
  <c r="C33108" i="3"/>
  <c r="C33109" i="3"/>
  <c r="C33110" i="3"/>
  <c r="C33111" i="3"/>
  <c r="C33112" i="3"/>
  <c r="C33113" i="3"/>
  <c r="C33114" i="3"/>
  <c r="C33115" i="3"/>
  <c r="C33116" i="3"/>
  <c r="C33117" i="3"/>
  <c r="C33118" i="3"/>
  <c r="C33119" i="3"/>
  <c r="C33120" i="3"/>
  <c r="C33121" i="3"/>
  <c r="C33122" i="3"/>
  <c r="C33123" i="3"/>
  <c r="C33124" i="3"/>
  <c r="C33125" i="3"/>
  <c r="C33126" i="3"/>
  <c r="C33127" i="3"/>
  <c r="C33128" i="3"/>
  <c r="C33129" i="3"/>
  <c r="C33130" i="3"/>
  <c r="C33131" i="3"/>
  <c r="C33132" i="3"/>
  <c r="C33133" i="3"/>
  <c r="C33134" i="3"/>
  <c r="C33135" i="3"/>
  <c r="C33136" i="3"/>
  <c r="C33137" i="3"/>
  <c r="C33138" i="3"/>
  <c r="C33139" i="3"/>
  <c r="C33140" i="3"/>
  <c r="C33141" i="3"/>
  <c r="C33142" i="3"/>
  <c r="C33143" i="3"/>
  <c r="C33144" i="3"/>
  <c r="C33145" i="3"/>
  <c r="C33146" i="3"/>
  <c r="C33147" i="3"/>
  <c r="C33148" i="3"/>
  <c r="C33149" i="3"/>
  <c r="C33150" i="3"/>
  <c r="C33151" i="3"/>
  <c r="C33152" i="3"/>
  <c r="C33153" i="3"/>
  <c r="C33154" i="3"/>
  <c r="C33155" i="3"/>
  <c r="C33156" i="3"/>
  <c r="C33157" i="3"/>
  <c r="C33158" i="3"/>
  <c r="C33159" i="3"/>
  <c r="C33160" i="3"/>
  <c r="C33161" i="3"/>
  <c r="C33162" i="3"/>
  <c r="C33163" i="3"/>
  <c r="C33164" i="3"/>
  <c r="C33165" i="3"/>
  <c r="C33166" i="3"/>
  <c r="C33167" i="3"/>
  <c r="C33168" i="3"/>
  <c r="C33169" i="3"/>
  <c r="C33170" i="3"/>
  <c r="C33171" i="3"/>
  <c r="C33172" i="3"/>
  <c r="C33173" i="3"/>
  <c r="C33174" i="3"/>
  <c r="C33175" i="3"/>
  <c r="C33176" i="3"/>
  <c r="C33177" i="3"/>
  <c r="C33178" i="3"/>
  <c r="C33179" i="3"/>
  <c r="C33180" i="3"/>
  <c r="C33181" i="3"/>
  <c r="C33182" i="3"/>
  <c r="C33183" i="3"/>
  <c r="C33184" i="3"/>
  <c r="C33185" i="3"/>
  <c r="C33186" i="3"/>
  <c r="C33187" i="3"/>
  <c r="C33188" i="3"/>
  <c r="C33189" i="3"/>
  <c r="C33190" i="3"/>
  <c r="C33191" i="3"/>
  <c r="C33192" i="3"/>
  <c r="C33193" i="3"/>
  <c r="C33194" i="3"/>
  <c r="C33195" i="3"/>
  <c r="C33196" i="3"/>
  <c r="C33197" i="3"/>
  <c r="C33198" i="3"/>
  <c r="C33199" i="3"/>
  <c r="C33200" i="3"/>
  <c r="C33201" i="3"/>
  <c r="C33202" i="3"/>
  <c r="C33203" i="3"/>
  <c r="C33204" i="3"/>
  <c r="C33205" i="3"/>
  <c r="C33206" i="3"/>
  <c r="C33207" i="3"/>
  <c r="C33208" i="3"/>
  <c r="C33209" i="3"/>
  <c r="C33210" i="3"/>
  <c r="C33211" i="3"/>
  <c r="C33212" i="3"/>
  <c r="C33213" i="3"/>
  <c r="C33214" i="3"/>
  <c r="C33215" i="3"/>
  <c r="C33216" i="3"/>
  <c r="C33217" i="3"/>
  <c r="C33218" i="3"/>
  <c r="C33219" i="3"/>
  <c r="C33220" i="3"/>
  <c r="C33221" i="3"/>
  <c r="C33222" i="3"/>
  <c r="C33223" i="3"/>
  <c r="C33224" i="3"/>
  <c r="C33225" i="3"/>
  <c r="C33226" i="3"/>
  <c r="C33227" i="3"/>
  <c r="C33228" i="3"/>
  <c r="C33229" i="3"/>
  <c r="C33230" i="3"/>
  <c r="C33231" i="3"/>
  <c r="C33232" i="3"/>
  <c r="C33233" i="3"/>
  <c r="C33234" i="3"/>
  <c r="C33235" i="3"/>
  <c r="C33236" i="3"/>
  <c r="C33237" i="3"/>
  <c r="C33238" i="3"/>
  <c r="C33239" i="3"/>
  <c r="C33240" i="3"/>
  <c r="C33241" i="3"/>
  <c r="C33242" i="3"/>
  <c r="C33243" i="3"/>
  <c r="C33244" i="3"/>
  <c r="C33245" i="3"/>
  <c r="C33246" i="3"/>
  <c r="C33247" i="3"/>
  <c r="C33248" i="3"/>
  <c r="C33249" i="3"/>
  <c r="C33250" i="3"/>
  <c r="C33251" i="3"/>
  <c r="C33252" i="3"/>
  <c r="C33253" i="3"/>
  <c r="C33254" i="3"/>
  <c r="C33255" i="3"/>
  <c r="C33256" i="3"/>
  <c r="C33257" i="3"/>
  <c r="C33258" i="3"/>
  <c r="C33259" i="3"/>
  <c r="C33260" i="3"/>
  <c r="C33261" i="3"/>
  <c r="C33262" i="3"/>
  <c r="C33263" i="3"/>
  <c r="C33264" i="3"/>
  <c r="C33265" i="3"/>
  <c r="C33266" i="3"/>
  <c r="C33267" i="3"/>
  <c r="C33268" i="3"/>
  <c r="C33269" i="3"/>
  <c r="C33270" i="3"/>
  <c r="C33271" i="3"/>
  <c r="C33272" i="3"/>
  <c r="C33273" i="3"/>
  <c r="C33274" i="3"/>
  <c r="C33275" i="3"/>
  <c r="C33276" i="3"/>
  <c r="C33277" i="3"/>
  <c r="C33278" i="3"/>
  <c r="C33279" i="3"/>
  <c r="C33280" i="3"/>
  <c r="C33281" i="3"/>
  <c r="C33282" i="3"/>
  <c r="C33283" i="3"/>
  <c r="C33284" i="3"/>
  <c r="C33285" i="3"/>
  <c r="C33286" i="3"/>
  <c r="C33287" i="3"/>
  <c r="C33288" i="3"/>
  <c r="C33289" i="3"/>
  <c r="C33290" i="3"/>
  <c r="C33291" i="3"/>
  <c r="C33292" i="3"/>
  <c r="C33293" i="3"/>
  <c r="C33294" i="3"/>
  <c r="C33295" i="3"/>
  <c r="C33296" i="3"/>
  <c r="C33297" i="3"/>
  <c r="C33298" i="3"/>
  <c r="C33299" i="3"/>
  <c r="C33300" i="3"/>
  <c r="C33301" i="3"/>
  <c r="C33302" i="3"/>
  <c r="C33303" i="3"/>
  <c r="C33304" i="3"/>
  <c r="C33305" i="3"/>
  <c r="C33306" i="3"/>
  <c r="C33307" i="3"/>
  <c r="C33308" i="3"/>
  <c r="C33309" i="3"/>
  <c r="C33310" i="3"/>
  <c r="C33311" i="3"/>
  <c r="C33312" i="3"/>
  <c r="C33313" i="3"/>
  <c r="C33314" i="3"/>
  <c r="C33315" i="3"/>
  <c r="C33316" i="3"/>
  <c r="C33317" i="3"/>
  <c r="C33318" i="3"/>
  <c r="C33319" i="3"/>
  <c r="C33320" i="3"/>
  <c r="C33321" i="3"/>
  <c r="C33322" i="3"/>
  <c r="C33323" i="3"/>
  <c r="C33324" i="3"/>
  <c r="C33325" i="3"/>
  <c r="C33326" i="3"/>
  <c r="C33327" i="3"/>
  <c r="C33328" i="3"/>
  <c r="C33329" i="3"/>
  <c r="C33330" i="3"/>
  <c r="C33331" i="3"/>
  <c r="C33332" i="3"/>
  <c r="C33333" i="3"/>
  <c r="C33334" i="3"/>
  <c r="C33335" i="3"/>
  <c r="C33336" i="3"/>
  <c r="C33337" i="3"/>
  <c r="C33338" i="3"/>
  <c r="C33339" i="3"/>
  <c r="C33340" i="3"/>
  <c r="C33341" i="3"/>
  <c r="C33342" i="3"/>
  <c r="C33343" i="3"/>
  <c r="C33344" i="3"/>
  <c r="C33345" i="3"/>
  <c r="C33346" i="3"/>
  <c r="C33347" i="3"/>
  <c r="C33348" i="3"/>
  <c r="C33349" i="3"/>
  <c r="C33350" i="3"/>
  <c r="C33351" i="3"/>
  <c r="C33352" i="3"/>
  <c r="C33353" i="3"/>
  <c r="C33354" i="3"/>
  <c r="C33355" i="3"/>
  <c r="C33356" i="3"/>
  <c r="C33357" i="3"/>
  <c r="C33358" i="3"/>
  <c r="C33359" i="3"/>
  <c r="C33360" i="3"/>
  <c r="C33361" i="3"/>
  <c r="C33362" i="3"/>
  <c r="C33363" i="3"/>
  <c r="C33364" i="3"/>
  <c r="C33365" i="3"/>
  <c r="C33366" i="3"/>
  <c r="C33367" i="3"/>
  <c r="C33368" i="3"/>
  <c r="C33369" i="3"/>
  <c r="C33370" i="3"/>
  <c r="C33371" i="3"/>
  <c r="C33372" i="3"/>
  <c r="C33373" i="3"/>
  <c r="C33374" i="3"/>
  <c r="C33375" i="3"/>
  <c r="C33376" i="3"/>
  <c r="C33377" i="3"/>
  <c r="C33378" i="3"/>
  <c r="C33379" i="3"/>
  <c r="C33380" i="3"/>
  <c r="C33381" i="3"/>
  <c r="C33382" i="3"/>
  <c r="C33383" i="3"/>
  <c r="C33384" i="3"/>
  <c r="C33385" i="3"/>
  <c r="C33386" i="3"/>
  <c r="C33387" i="3"/>
  <c r="C33388" i="3"/>
  <c r="C33389" i="3"/>
  <c r="C33390" i="3"/>
  <c r="C33391" i="3"/>
  <c r="C33392" i="3"/>
  <c r="C33393" i="3"/>
  <c r="C33394" i="3"/>
  <c r="C33395" i="3"/>
  <c r="C33396" i="3"/>
  <c r="C33397" i="3"/>
  <c r="C33398" i="3"/>
  <c r="C33399" i="3"/>
  <c r="C33400" i="3"/>
  <c r="C33401" i="3"/>
  <c r="C33402" i="3"/>
  <c r="C33403" i="3"/>
  <c r="C33404" i="3"/>
  <c r="C33405" i="3"/>
  <c r="C33406" i="3"/>
  <c r="C33407" i="3"/>
  <c r="C33408" i="3"/>
  <c r="C33409" i="3"/>
  <c r="C33410" i="3"/>
  <c r="C33411" i="3"/>
  <c r="C33412" i="3"/>
  <c r="C33413" i="3"/>
  <c r="C33414" i="3"/>
  <c r="C33415" i="3"/>
  <c r="C33416" i="3"/>
  <c r="C33417" i="3"/>
  <c r="C33418" i="3"/>
  <c r="C33419" i="3"/>
  <c r="C33420" i="3"/>
  <c r="C33421" i="3"/>
  <c r="C33422" i="3"/>
  <c r="C33423" i="3"/>
  <c r="C33424" i="3"/>
  <c r="C33425" i="3"/>
  <c r="C33426" i="3"/>
  <c r="C33427" i="3"/>
  <c r="C33428" i="3"/>
  <c r="C33429" i="3"/>
  <c r="C33430" i="3"/>
  <c r="C33431" i="3"/>
  <c r="C33432" i="3"/>
  <c r="C33433" i="3"/>
  <c r="C33434" i="3"/>
  <c r="C33435" i="3"/>
  <c r="C33436" i="3"/>
  <c r="C33437" i="3"/>
  <c r="C33438" i="3"/>
  <c r="C33439" i="3"/>
  <c r="C33440" i="3"/>
  <c r="C33441" i="3"/>
  <c r="C33442" i="3"/>
  <c r="C33443" i="3"/>
  <c r="C33444" i="3"/>
  <c r="C33445" i="3"/>
  <c r="C33446" i="3"/>
  <c r="C33447" i="3"/>
  <c r="C33448" i="3"/>
  <c r="C33449" i="3"/>
  <c r="C33450" i="3"/>
  <c r="C33451" i="3"/>
  <c r="C33452" i="3"/>
  <c r="C33453" i="3"/>
  <c r="C33454" i="3"/>
  <c r="C33455" i="3"/>
  <c r="C33456" i="3"/>
  <c r="C33457" i="3"/>
  <c r="C33458" i="3"/>
  <c r="C33459" i="3"/>
  <c r="C33460" i="3"/>
  <c r="C33461" i="3"/>
  <c r="C33462" i="3"/>
  <c r="C33463" i="3"/>
  <c r="C33464" i="3"/>
  <c r="C33465" i="3"/>
  <c r="C33466" i="3"/>
  <c r="C33467" i="3"/>
  <c r="C33468" i="3"/>
  <c r="C33469" i="3"/>
  <c r="C33470" i="3"/>
  <c r="C33471" i="3"/>
  <c r="C33472" i="3"/>
  <c r="C33473" i="3"/>
  <c r="C33474" i="3"/>
  <c r="C33475" i="3"/>
  <c r="C33476" i="3"/>
  <c r="C33477" i="3"/>
  <c r="C33478" i="3"/>
  <c r="C33479" i="3"/>
  <c r="C33480" i="3"/>
  <c r="C33481" i="3"/>
  <c r="C33482" i="3"/>
  <c r="C33483" i="3"/>
  <c r="C33484" i="3"/>
  <c r="C33485" i="3"/>
  <c r="C33486" i="3"/>
  <c r="C33487" i="3"/>
  <c r="C33488" i="3"/>
  <c r="C33489" i="3"/>
  <c r="C33490" i="3"/>
  <c r="C33491" i="3"/>
  <c r="C33492" i="3"/>
  <c r="C33493" i="3"/>
  <c r="C33494" i="3"/>
  <c r="C33495" i="3"/>
  <c r="C33496" i="3"/>
  <c r="C33497" i="3"/>
  <c r="C33498" i="3"/>
  <c r="C33499" i="3"/>
  <c r="C33500" i="3"/>
  <c r="C33501" i="3"/>
  <c r="C33502" i="3"/>
  <c r="C33503" i="3"/>
  <c r="C33504" i="3"/>
  <c r="C33505" i="3"/>
  <c r="C33506" i="3"/>
  <c r="C33507" i="3"/>
  <c r="C33508" i="3"/>
  <c r="C33509" i="3"/>
  <c r="C33510" i="3"/>
  <c r="C33511" i="3"/>
  <c r="C33512" i="3"/>
  <c r="C33513" i="3"/>
  <c r="C33514" i="3"/>
  <c r="C33515" i="3"/>
  <c r="C33516" i="3"/>
  <c r="C33517" i="3"/>
  <c r="C33518" i="3"/>
  <c r="C33519" i="3"/>
  <c r="C33520" i="3"/>
  <c r="C33521" i="3"/>
  <c r="C33522" i="3"/>
  <c r="C33523" i="3"/>
  <c r="C33524" i="3"/>
  <c r="C33525" i="3"/>
  <c r="C33526" i="3"/>
  <c r="C33527" i="3"/>
  <c r="C33528" i="3"/>
  <c r="C33529" i="3"/>
  <c r="C33530" i="3"/>
  <c r="C33531" i="3"/>
  <c r="C33532" i="3"/>
  <c r="C33533" i="3"/>
  <c r="C33534" i="3"/>
  <c r="C33535" i="3"/>
  <c r="C33536" i="3"/>
  <c r="C33537" i="3"/>
  <c r="C33538" i="3"/>
  <c r="C33539" i="3"/>
  <c r="C33540" i="3"/>
  <c r="C33541" i="3"/>
  <c r="C33542" i="3"/>
  <c r="C33543" i="3"/>
  <c r="C33544" i="3"/>
  <c r="C33545" i="3"/>
  <c r="C33546" i="3"/>
  <c r="C33547" i="3"/>
  <c r="C33548" i="3"/>
  <c r="C33549" i="3"/>
  <c r="C33550" i="3"/>
  <c r="C33551" i="3"/>
  <c r="C33552" i="3"/>
  <c r="C33553" i="3"/>
  <c r="C33554" i="3"/>
  <c r="C33555" i="3"/>
  <c r="C33556" i="3"/>
  <c r="C33557" i="3"/>
  <c r="C33558" i="3"/>
  <c r="C33559" i="3"/>
  <c r="C33560" i="3"/>
  <c r="C33561" i="3"/>
  <c r="C33562" i="3"/>
  <c r="C33563" i="3"/>
  <c r="C33564" i="3"/>
  <c r="C33565" i="3"/>
  <c r="C33566" i="3"/>
  <c r="C33567" i="3"/>
  <c r="C33568" i="3"/>
  <c r="C33569" i="3"/>
  <c r="C33570" i="3"/>
  <c r="C33571" i="3"/>
  <c r="C33572" i="3"/>
  <c r="C33573" i="3"/>
  <c r="C33574" i="3"/>
  <c r="C33575" i="3"/>
  <c r="C33576" i="3"/>
  <c r="C33577" i="3"/>
  <c r="C33578" i="3"/>
  <c r="C33579" i="3"/>
  <c r="C33580" i="3"/>
  <c r="C33581" i="3"/>
  <c r="C33582" i="3"/>
  <c r="C33583" i="3"/>
  <c r="C33584" i="3"/>
  <c r="C33585" i="3"/>
  <c r="C33586" i="3"/>
  <c r="C33587" i="3"/>
  <c r="C33588" i="3"/>
  <c r="C33589" i="3"/>
  <c r="C33590" i="3"/>
  <c r="C33591" i="3"/>
  <c r="C33592" i="3"/>
  <c r="C33593" i="3"/>
  <c r="C33594" i="3"/>
  <c r="C33595" i="3"/>
  <c r="C33596" i="3"/>
  <c r="C33597" i="3"/>
  <c r="C33598" i="3"/>
  <c r="C33599" i="3"/>
  <c r="C33600" i="3"/>
  <c r="C33601" i="3"/>
  <c r="C33602" i="3"/>
  <c r="C33603" i="3"/>
  <c r="C33604" i="3"/>
  <c r="C33605" i="3"/>
  <c r="C33606" i="3"/>
  <c r="C33607" i="3"/>
  <c r="C33608" i="3"/>
  <c r="C33609" i="3"/>
  <c r="C33610" i="3"/>
  <c r="C33611" i="3"/>
  <c r="C33612" i="3"/>
  <c r="C33613" i="3"/>
  <c r="C33614" i="3"/>
  <c r="C33615" i="3"/>
  <c r="C33616" i="3"/>
  <c r="C33617" i="3"/>
  <c r="C33618" i="3"/>
  <c r="C33619" i="3"/>
  <c r="C33620" i="3"/>
  <c r="C33621" i="3"/>
  <c r="C33622" i="3"/>
  <c r="C33623" i="3"/>
  <c r="C33624" i="3"/>
  <c r="C33625" i="3"/>
  <c r="C33626" i="3"/>
  <c r="C33627" i="3"/>
  <c r="C33628" i="3"/>
  <c r="C33629" i="3"/>
  <c r="C33630" i="3"/>
  <c r="C33631" i="3"/>
  <c r="C33632" i="3"/>
  <c r="C33633" i="3"/>
  <c r="C33634" i="3"/>
  <c r="C33635" i="3"/>
  <c r="C33636" i="3"/>
  <c r="C33637" i="3"/>
  <c r="C33638" i="3"/>
  <c r="C33639" i="3"/>
  <c r="C33640" i="3"/>
  <c r="C33641" i="3"/>
  <c r="C33642" i="3"/>
  <c r="C33643" i="3"/>
  <c r="C33644" i="3"/>
  <c r="C33645" i="3"/>
  <c r="C33646" i="3"/>
  <c r="C33647" i="3"/>
  <c r="C33648" i="3"/>
  <c r="C33649" i="3"/>
  <c r="C33650" i="3"/>
  <c r="C33651" i="3"/>
  <c r="C33652" i="3"/>
  <c r="C33653" i="3"/>
  <c r="C33654" i="3"/>
  <c r="C33655" i="3"/>
  <c r="C33656" i="3"/>
  <c r="C33657" i="3"/>
  <c r="C33658" i="3"/>
  <c r="C33659" i="3"/>
  <c r="C33660" i="3"/>
  <c r="C33661" i="3"/>
  <c r="C33662" i="3"/>
  <c r="C33663" i="3"/>
  <c r="C33664" i="3"/>
  <c r="C33665" i="3"/>
  <c r="C33666" i="3"/>
  <c r="C33667" i="3"/>
  <c r="C33668" i="3"/>
  <c r="C33669" i="3"/>
  <c r="C33670" i="3"/>
  <c r="C33671" i="3"/>
  <c r="C33672" i="3"/>
  <c r="C33673" i="3"/>
  <c r="C33674" i="3"/>
  <c r="C33675" i="3"/>
  <c r="C33676" i="3"/>
  <c r="C33677" i="3"/>
  <c r="C33678" i="3"/>
  <c r="C33679" i="3"/>
  <c r="C33680" i="3"/>
  <c r="C33681" i="3"/>
  <c r="C33682" i="3"/>
  <c r="C33683" i="3"/>
  <c r="C33684" i="3"/>
  <c r="C33685" i="3"/>
  <c r="C33686" i="3"/>
  <c r="C33687" i="3"/>
  <c r="C33688" i="3"/>
  <c r="C33689" i="3"/>
  <c r="C33690" i="3"/>
  <c r="C33691" i="3"/>
  <c r="C33692" i="3"/>
  <c r="C33693" i="3"/>
  <c r="C33694" i="3"/>
  <c r="C33695" i="3"/>
  <c r="C33696" i="3"/>
  <c r="C33697" i="3"/>
  <c r="C33698" i="3"/>
  <c r="C33699" i="3"/>
  <c r="C33700" i="3"/>
  <c r="C33701" i="3"/>
  <c r="C33702" i="3"/>
  <c r="C33703" i="3"/>
  <c r="C33704" i="3"/>
  <c r="C33705" i="3"/>
  <c r="C33706" i="3"/>
  <c r="C33707" i="3"/>
  <c r="C33708" i="3"/>
  <c r="C33709" i="3"/>
  <c r="C33710" i="3"/>
  <c r="C33711" i="3"/>
  <c r="C33712" i="3"/>
  <c r="C33713" i="3"/>
  <c r="C33714" i="3"/>
  <c r="C33715" i="3"/>
  <c r="C33716" i="3"/>
  <c r="C33717" i="3"/>
  <c r="C33718" i="3"/>
  <c r="C33719" i="3"/>
  <c r="C33720" i="3"/>
  <c r="C33721" i="3"/>
  <c r="C33722" i="3"/>
  <c r="C33723" i="3"/>
  <c r="C33724" i="3"/>
  <c r="C33725" i="3"/>
  <c r="C33726" i="3"/>
  <c r="C33727" i="3"/>
  <c r="C33728" i="3"/>
  <c r="C33729" i="3"/>
  <c r="C33730" i="3"/>
  <c r="C33731" i="3"/>
  <c r="C33732" i="3"/>
  <c r="C33733" i="3"/>
  <c r="C33734" i="3"/>
  <c r="C33735" i="3"/>
  <c r="C33736" i="3"/>
  <c r="C33737" i="3"/>
  <c r="C33738" i="3"/>
  <c r="C33739" i="3"/>
  <c r="C33740" i="3"/>
  <c r="C33741" i="3"/>
  <c r="C33742" i="3"/>
  <c r="C33743" i="3"/>
  <c r="C33744" i="3"/>
  <c r="C33745" i="3"/>
  <c r="C33746" i="3"/>
  <c r="C33747" i="3"/>
  <c r="C33748" i="3"/>
  <c r="C33749" i="3"/>
  <c r="C33750" i="3"/>
  <c r="C33751" i="3"/>
  <c r="C33752" i="3"/>
  <c r="C33753" i="3"/>
  <c r="C33754" i="3"/>
  <c r="C33755" i="3"/>
  <c r="C33756" i="3"/>
  <c r="C33757" i="3"/>
  <c r="C33758" i="3"/>
  <c r="C33759" i="3"/>
  <c r="C33760" i="3"/>
  <c r="C33761" i="3"/>
  <c r="C33762" i="3"/>
  <c r="C33763" i="3"/>
  <c r="C33764" i="3"/>
  <c r="C33765" i="3"/>
  <c r="C33766" i="3"/>
  <c r="C33767" i="3"/>
  <c r="C33768" i="3"/>
  <c r="C33769" i="3"/>
  <c r="C33770" i="3"/>
  <c r="C33771" i="3"/>
  <c r="C33772" i="3"/>
  <c r="C33773" i="3"/>
  <c r="C33774" i="3"/>
  <c r="C33775" i="3"/>
  <c r="C33776" i="3"/>
  <c r="C33777" i="3"/>
  <c r="C33778" i="3"/>
  <c r="C33779" i="3"/>
  <c r="C33780" i="3"/>
  <c r="C33781" i="3"/>
  <c r="C33782" i="3"/>
  <c r="C33783" i="3"/>
  <c r="C33784" i="3"/>
  <c r="C33785" i="3"/>
  <c r="C33786" i="3"/>
  <c r="C33787" i="3"/>
  <c r="C33788" i="3"/>
  <c r="C33789" i="3"/>
  <c r="C33790" i="3"/>
  <c r="C33791" i="3"/>
  <c r="C33792" i="3"/>
  <c r="C33793" i="3"/>
  <c r="C33794" i="3"/>
  <c r="C33795" i="3"/>
  <c r="C33796" i="3"/>
  <c r="C33797" i="3"/>
  <c r="C33798" i="3"/>
  <c r="C33799" i="3"/>
  <c r="C33800" i="3"/>
  <c r="C33801" i="3"/>
  <c r="C33802" i="3"/>
  <c r="C33803" i="3"/>
  <c r="C33804" i="3"/>
  <c r="C33805" i="3"/>
  <c r="C33806" i="3"/>
  <c r="C33807" i="3"/>
  <c r="C33808" i="3"/>
  <c r="C33809" i="3"/>
  <c r="C33810" i="3"/>
  <c r="C33811" i="3"/>
  <c r="C33812" i="3"/>
  <c r="C33813" i="3"/>
  <c r="C33814" i="3"/>
  <c r="C33815" i="3"/>
  <c r="C33816" i="3"/>
  <c r="C33817" i="3"/>
  <c r="C33818" i="3"/>
  <c r="C33819" i="3"/>
  <c r="C33820" i="3"/>
  <c r="C33821" i="3"/>
  <c r="C33822" i="3"/>
  <c r="C33823" i="3"/>
  <c r="C33824" i="3"/>
  <c r="C33825" i="3"/>
  <c r="C33826" i="3"/>
  <c r="C33827" i="3"/>
  <c r="C33828" i="3"/>
  <c r="C33829" i="3"/>
  <c r="C33830" i="3"/>
  <c r="C33831" i="3"/>
  <c r="C33832" i="3"/>
  <c r="C33833" i="3"/>
  <c r="C33834" i="3"/>
  <c r="C33835" i="3"/>
  <c r="C33836" i="3"/>
  <c r="C33837" i="3"/>
  <c r="C33838" i="3"/>
  <c r="C33839" i="3"/>
  <c r="C33840" i="3"/>
  <c r="C33841" i="3"/>
  <c r="C33842" i="3"/>
  <c r="C33843" i="3"/>
  <c r="C33844" i="3"/>
  <c r="C33845" i="3"/>
  <c r="C33846" i="3"/>
  <c r="C33847" i="3"/>
  <c r="C33848" i="3"/>
  <c r="C33849" i="3"/>
  <c r="C33850" i="3"/>
  <c r="C33851" i="3"/>
  <c r="C33852" i="3"/>
  <c r="C33853" i="3"/>
  <c r="C33854" i="3"/>
  <c r="C33855" i="3"/>
  <c r="C33856" i="3"/>
  <c r="C33857" i="3"/>
  <c r="C33858" i="3"/>
  <c r="C33859" i="3"/>
  <c r="C33860" i="3"/>
  <c r="C33861" i="3"/>
  <c r="C33862" i="3"/>
  <c r="C33863" i="3"/>
  <c r="C33864" i="3"/>
  <c r="C33865" i="3"/>
  <c r="C33866" i="3"/>
  <c r="C33867" i="3"/>
  <c r="C33868" i="3"/>
  <c r="C33869" i="3"/>
  <c r="C33870" i="3"/>
  <c r="C33871" i="3"/>
  <c r="C33872" i="3"/>
  <c r="C33873" i="3"/>
  <c r="C33874" i="3"/>
  <c r="C33875" i="3"/>
  <c r="C33876" i="3"/>
  <c r="C33877" i="3"/>
  <c r="C33878" i="3"/>
  <c r="C33879" i="3"/>
  <c r="C33880" i="3"/>
  <c r="C33881" i="3"/>
  <c r="C33882" i="3"/>
  <c r="C33883" i="3"/>
  <c r="C33884" i="3"/>
  <c r="C33885" i="3"/>
  <c r="C33886" i="3"/>
  <c r="C33887" i="3"/>
  <c r="C33888" i="3"/>
  <c r="C33889" i="3"/>
  <c r="C33890" i="3"/>
  <c r="C33891" i="3"/>
  <c r="C33892" i="3"/>
  <c r="C33893" i="3"/>
  <c r="C33894" i="3"/>
  <c r="C33895" i="3"/>
  <c r="C33896" i="3"/>
  <c r="C33897" i="3"/>
  <c r="C33898" i="3"/>
  <c r="C33899" i="3"/>
  <c r="C33900" i="3"/>
  <c r="C33901" i="3"/>
  <c r="C33902" i="3"/>
  <c r="C33903" i="3"/>
  <c r="C33904" i="3"/>
  <c r="C33905" i="3"/>
  <c r="C33906" i="3"/>
  <c r="C33907" i="3"/>
  <c r="C33908" i="3"/>
  <c r="C33909" i="3"/>
  <c r="C33910" i="3"/>
  <c r="C33911" i="3"/>
  <c r="C33912" i="3"/>
  <c r="C33913" i="3"/>
  <c r="C33914" i="3"/>
  <c r="C33915" i="3"/>
  <c r="C33916" i="3"/>
  <c r="C33917" i="3"/>
  <c r="C33918" i="3"/>
  <c r="C33919" i="3"/>
  <c r="C33920" i="3"/>
  <c r="C33921" i="3"/>
  <c r="C33922" i="3"/>
  <c r="C33923" i="3"/>
  <c r="C33924" i="3"/>
  <c r="C33925" i="3"/>
  <c r="C33926" i="3"/>
  <c r="C33927" i="3"/>
  <c r="C33928" i="3"/>
  <c r="C33929" i="3"/>
  <c r="C33930" i="3"/>
  <c r="C33931" i="3"/>
  <c r="C33932" i="3"/>
  <c r="C33933" i="3"/>
  <c r="C33934" i="3"/>
  <c r="C33935" i="3"/>
  <c r="C33936" i="3"/>
  <c r="C33937" i="3"/>
  <c r="C33938" i="3"/>
  <c r="C33939" i="3"/>
  <c r="C33940" i="3"/>
  <c r="C33941" i="3"/>
  <c r="C33942" i="3"/>
  <c r="C33943" i="3"/>
  <c r="C33944" i="3"/>
  <c r="C33945" i="3"/>
  <c r="C33946" i="3"/>
  <c r="C33947" i="3"/>
  <c r="C33948" i="3"/>
  <c r="C33949" i="3"/>
  <c r="C33950" i="3"/>
  <c r="C33951" i="3"/>
  <c r="C33952" i="3"/>
  <c r="C33953" i="3"/>
  <c r="C33954" i="3"/>
  <c r="C33955" i="3"/>
  <c r="C33956" i="3"/>
  <c r="C33957" i="3"/>
  <c r="C33958" i="3"/>
  <c r="C33959" i="3"/>
  <c r="C33960" i="3"/>
  <c r="C33961" i="3"/>
  <c r="C33962" i="3"/>
  <c r="C33963" i="3"/>
  <c r="C33964" i="3"/>
  <c r="C33965" i="3"/>
  <c r="C33966" i="3"/>
  <c r="C33967" i="3"/>
  <c r="C33968" i="3"/>
  <c r="C33969" i="3"/>
  <c r="C33970" i="3"/>
  <c r="C33971" i="3"/>
  <c r="C33972" i="3"/>
  <c r="C33973" i="3"/>
  <c r="C33974" i="3"/>
  <c r="C33975" i="3"/>
  <c r="C33976" i="3"/>
  <c r="C33977" i="3"/>
  <c r="C33978" i="3"/>
  <c r="C33979" i="3"/>
  <c r="C33980" i="3"/>
  <c r="C33981" i="3"/>
  <c r="C33982" i="3"/>
  <c r="C33983" i="3"/>
  <c r="C33984" i="3"/>
  <c r="C33985" i="3"/>
  <c r="C33986" i="3"/>
  <c r="C33987" i="3"/>
  <c r="C33988" i="3"/>
  <c r="C33989" i="3"/>
  <c r="C33990" i="3"/>
  <c r="C33991" i="3"/>
  <c r="C33992" i="3"/>
  <c r="C33993" i="3"/>
  <c r="C33994" i="3"/>
  <c r="C33995" i="3"/>
  <c r="C33996" i="3"/>
  <c r="C33997" i="3"/>
  <c r="C33998" i="3"/>
  <c r="C33999" i="3"/>
  <c r="C34000" i="3"/>
  <c r="C34001" i="3"/>
  <c r="C34002" i="3"/>
  <c r="C34003" i="3"/>
  <c r="C34004" i="3"/>
  <c r="C34005" i="3"/>
  <c r="C34006" i="3"/>
  <c r="C34007" i="3"/>
  <c r="C34008" i="3"/>
  <c r="C34009" i="3"/>
  <c r="C34010" i="3"/>
  <c r="C34011" i="3"/>
  <c r="C34012" i="3"/>
  <c r="C34013" i="3"/>
  <c r="C34014" i="3"/>
  <c r="C34015" i="3"/>
  <c r="C34016" i="3"/>
  <c r="C34017" i="3"/>
  <c r="C34018" i="3"/>
  <c r="C34019" i="3"/>
  <c r="C34020" i="3"/>
  <c r="C34021" i="3"/>
  <c r="C34022" i="3"/>
  <c r="C34023" i="3"/>
  <c r="C34024" i="3"/>
  <c r="C34025" i="3"/>
  <c r="C34026" i="3"/>
  <c r="C34027" i="3"/>
  <c r="C34028" i="3"/>
  <c r="C34029" i="3"/>
  <c r="C34030" i="3"/>
  <c r="C34031" i="3"/>
  <c r="C34032" i="3"/>
  <c r="C34033" i="3"/>
  <c r="C34034" i="3"/>
  <c r="C34035" i="3"/>
  <c r="C34036" i="3"/>
  <c r="C34037" i="3"/>
  <c r="C34038" i="3"/>
  <c r="C34039" i="3"/>
  <c r="C34040" i="3"/>
  <c r="C34041" i="3"/>
  <c r="C34042" i="3"/>
  <c r="C34043" i="3"/>
  <c r="C34044" i="3"/>
  <c r="C34045" i="3"/>
  <c r="C34046" i="3"/>
  <c r="C34047" i="3"/>
  <c r="C34048" i="3"/>
  <c r="C34049" i="3"/>
  <c r="C34050" i="3"/>
  <c r="C34051" i="3"/>
  <c r="C34052" i="3"/>
  <c r="C34053" i="3"/>
  <c r="C34054" i="3"/>
  <c r="C34055" i="3"/>
  <c r="C34056" i="3"/>
  <c r="C34057" i="3"/>
  <c r="C34058" i="3"/>
  <c r="C34059" i="3"/>
  <c r="C34060" i="3"/>
  <c r="C34061" i="3"/>
  <c r="C34062" i="3"/>
  <c r="C34063" i="3"/>
  <c r="C34064" i="3"/>
  <c r="C34065" i="3"/>
  <c r="C34066" i="3"/>
  <c r="C34067" i="3"/>
  <c r="C34068" i="3"/>
  <c r="C34069" i="3"/>
  <c r="C34070" i="3"/>
  <c r="C34071" i="3"/>
  <c r="C34072" i="3"/>
  <c r="C34073" i="3"/>
  <c r="C34074" i="3"/>
  <c r="C34075" i="3"/>
  <c r="C34076" i="3"/>
  <c r="C34077" i="3"/>
  <c r="C34078" i="3"/>
  <c r="C34079" i="3"/>
  <c r="C34080" i="3"/>
  <c r="C34081" i="3"/>
  <c r="C34082" i="3"/>
  <c r="C34083" i="3"/>
  <c r="C34084" i="3"/>
  <c r="C34085" i="3"/>
  <c r="C34086" i="3"/>
  <c r="C34087" i="3"/>
  <c r="C34088" i="3"/>
  <c r="C34089" i="3"/>
  <c r="C34090" i="3"/>
  <c r="C34091" i="3"/>
  <c r="C34092" i="3"/>
  <c r="C34093" i="3"/>
  <c r="C34094" i="3"/>
  <c r="C34095" i="3"/>
  <c r="C34096" i="3"/>
  <c r="C34097" i="3"/>
  <c r="C34098" i="3"/>
  <c r="C34099" i="3"/>
  <c r="C34100" i="3"/>
  <c r="C34101" i="3"/>
  <c r="C34102" i="3"/>
  <c r="C34103" i="3"/>
  <c r="C34104" i="3"/>
  <c r="C34105" i="3"/>
  <c r="C34106" i="3"/>
  <c r="C34107" i="3"/>
  <c r="C34108" i="3"/>
  <c r="C34109" i="3"/>
  <c r="C34110" i="3"/>
  <c r="C34111" i="3"/>
  <c r="C34112" i="3"/>
  <c r="C34113" i="3"/>
  <c r="C34114" i="3"/>
  <c r="C34115" i="3"/>
  <c r="C34116" i="3"/>
  <c r="C34117" i="3"/>
  <c r="C34118" i="3"/>
  <c r="C34119" i="3"/>
  <c r="C34120" i="3"/>
  <c r="C34121" i="3"/>
  <c r="C34122" i="3"/>
  <c r="C34123" i="3"/>
  <c r="C34124" i="3"/>
  <c r="C34125" i="3"/>
  <c r="C34126" i="3"/>
  <c r="C34127" i="3"/>
  <c r="C34128" i="3"/>
  <c r="C34129" i="3"/>
  <c r="C34130" i="3"/>
  <c r="C34131" i="3"/>
  <c r="C34132" i="3"/>
  <c r="C34133" i="3"/>
  <c r="C34134" i="3"/>
  <c r="C34135" i="3"/>
  <c r="C34136" i="3"/>
  <c r="C34137" i="3"/>
  <c r="C34138" i="3"/>
  <c r="C34139" i="3"/>
  <c r="C34140" i="3"/>
  <c r="C34141" i="3"/>
  <c r="C34142" i="3"/>
  <c r="C34143" i="3"/>
  <c r="C34144" i="3"/>
  <c r="C34145" i="3"/>
  <c r="C34146" i="3"/>
  <c r="C34147" i="3"/>
  <c r="C34148" i="3"/>
  <c r="C34149" i="3"/>
  <c r="C34150" i="3"/>
  <c r="C34151" i="3"/>
  <c r="C34152" i="3"/>
  <c r="C34153" i="3"/>
  <c r="C34154" i="3"/>
  <c r="C34155" i="3"/>
  <c r="C34156" i="3"/>
  <c r="C34157" i="3"/>
  <c r="C34158" i="3"/>
  <c r="C34159" i="3"/>
  <c r="C34160" i="3"/>
  <c r="C34161" i="3"/>
  <c r="C34162" i="3"/>
  <c r="C34163" i="3"/>
  <c r="C34164" i="3"/>
  <c r="C34165" i="3"/>
  <c r="C34166" i="3"/>
  <c r="C34167" i="3"/>
  <c r="C34168" i="3"/>
  <c r="C34169" i="3"/>
  <c r="C34170" i="3"/>
  <c r="C34171" i="3"/>
  <c r="C34172" i="3"/>
  <c r="C34173" i="3"/>
  <c r="C34174" i="3"/>
  <c r="C34175" i="3"/>
  <c r="C34176" i="3"/>
  <c r="C34177" i="3"/>
  <c r="C34178" i="3"/>
  <c r="C34179" i="3"/>
  <c r="C34180" i="3"/>
  <c r="C34181" i="3"/>
  <c r="C34182" i="3"/>
  <c r="C34183" i="3"/>
  <c r="C34184" i="3"/>
  <c r="C34185" i="3"/>
  <c r="C34186" i="3"/>
  <c r="C34187" i="3"/>
  <c r="C34188" i="3"/>
  <c r="C34189" i="3"/>
  <c r="C34190" i="3"/>
  <c r="C34191" i="3"/>
  <c r="C34192" i="3"/>
  <c r="C34193" i="3"/>
  <c r="C34194" i="3"/>
  <c r="C34195" i="3"/>
  <c r="C34196" i="3"/>
  <c r="C34197" i="3"/>
  <c r="C34198" i="3"/>
  <c r="C34199" i="3"/>
  <c r="C34200" i="3"/>
  <c r="C34201" i="3"/>
  <c r="C34202" i="3"/>
  <c r="C34203" i="3"/>
  <c r="C34204" i="3"/>
  <c r="C34205" i="3"/>
  <c r="C34206" i="3"/>
  <c r="C34207" i="3"/>
  <c r="C34208" i="3"/>
  <c r="C34209" i="3"/>
  <c r="C34210" i="3"/>
  <c r="C34211" i="3"/>
  <c r="C34212" i="3"/>
  <c r="C34213" i="3"/>
  <c r="C34214" i="3"/>
  <c r="C34215" i="3"/>
  <c r="C34216" i="3"/>
  <c r="C34217" i="3"/>
  <c r="C34218" i="3"/>
  <c r="C34219" i="3"/>
  <c r="C34220" i="3"/>
  <c r="C34221" i="3"/>
  <c r="C34222" i="3"/>
  <c r="C34223" i="3"/>
  <c r="C34224" i="3"/>
  <c r="C34225" i="3"/>
  <c r="C34226" i="3"/>
  <c r="C34227" i="3"/>
  <c r="C34228" i="3"/>
  <c r="C34229" i="3"/>
  <c r="C34230" i="3"/>
  <c r="C34231" i="3"/>
  <c r="C34232" i="3"/>
  <c r="C34233" i="3"/>
  <c r="C34234" i="3"/>
  <c r="C34235" i="3"/>
  <c r="C34236" i="3"/>
  <c r="C34237" i="3"/>
  <c r="C34238" i="3"/>
  <c r="C34239" i="3"/>
  <c r="C34240" i="3"/>
  <c r="C34241" i="3"/>
  <c r="C34242" i="3"/>
  <c r="C34243" i="3"/>
  <c r="C34244" i="3"/>
  <c r="C34245" i="3"/>
  <c r="C34246" i="3"/>
  <c r="C34247" i="3"/>
  <c r="C34248" i="3"/>
  <c r="C34249" i="3"/>
  <c r="C34250" i="3"/>
  <c r="C34251" i="3"/>
  <c r="C34252" i="3"/>
  <c r="C34253" i="3"/>
  <c r="C34254" i="3"/>
  <c r="C34255" i="3"/>
  <c r="C34256" i="3"/>
  <c r="C34257" i="3"/>
  <c r="C34258" i="3"/>
  <c r="C34259" i="3"/>
  <c r="C34260" i="3"/>
  <c r="C34261" i="3"/>
  <c r="C34262" i="3"/>
  <c r="C34263" i="3"/>
  <c r="C34264" i="3"/>
  <c r="C34265" i="3"/>
  <c r="C34266" i="3"/>
  <c r="C34267" i="3"/>
  <c r="C34268" i="3"/>
  <c r="C34269" i="3"/>
  <c r="C34270" i="3"/>
  <c r="C34271" i="3"/>
  <c r="C34272" i="3"/>
  <c r="C34273" i="3"/>
  <c r="C34274" i="3"/>
  <c r="C34275" i="3"/>
  <c r="C34276" i="3"/>
  <c r="C34277" i="3"/>
  <c r="C34278" i="3"/>
  <c r="C34279" i="3"/>
  <c r="C34280" i="3"/>
  <c r="C34281" i="3"/>
  <c r="C34282" i="3"/>
  <c r="C34283" i="3"/>
  <c r="C34284" i="3"/>
  <c r="C34285" i="3"/>
  <c r="C34286" i="3"/>
  <c r="C34287" i="3"/>
  <c r="C34288" i="3"/>
  <c r="C34289" i="3"/>
  <c r="C34290" i="3"/>
  <c r="C34291" i="3"/>
  <c r="C34292" i="3"/>
  <c r="C34293" i="3"/>
  <c r="C34294" i="3"/>
  <c r="C34295" i="3"/>
  <c r="C34296" i="3"/>
  <c r="C34297" i="3"/>
  <c r="C34298" i="3"/>
  <c r="C34299" i="3"/>
  <c r="C34300" i="3"/>
  <c r="C34301" i="3"/>
  <c r="C34302" i="3"/>
  <c r="C34303" i="3"/>
  <c r="C34304" i="3"/>
  <c r="C34305" i="3"/>
  <c r="C34306" i="3"/>
  <c r="C34307" i="3"/>
  <c r="C34308" i="3"/>
  <c r="C34309" i="3"/>
  <c r="C34310" i="3"/>
  <c r="C34311" i="3"/>
  <c r="C34312" i="3"/>
  <c r="C34313" i="3"/>
  <c r="C34314" i="3"/>
  <c r="C34315" i="3"/>
  <c r="C34316" i="3"/>
  <c r="C34317" i="3"/>
  <c r="C34318" i="3"/>
  <c r="C34319" i="3"/>
  <c r="C34320" i="3"/>
  <c r="C34321" i="3"/>
  <c r="C34322" i="3"/>
  <c r="C34323" i="3"/>
  <c r="C34324" i="3"/>
  <c r="C34325" i="3"/>
  <c r="C34326" i="3"/>
  <c r="C34327" i="3"/>
  <c r="C34328" i="3"/>
  <c r="C34329" i="3"/>
  <c r="C34330" i="3"/>
  <c r="C34331" i="3"/>
  <c r="C34332" i="3"/>
  <c r="C34333" i="3"/>
  <c r="C34334" i="3"/>
  <c r="C34335" i="3"/>
  <c r="C34336" i="3"/>
  <c r="C34337" i="3"/>
  <c r="C34338" i="3"/>
  <c r="C34339" i="3"/>
  <c r="C34340" i="3"/>
  <c r="C34341" i="3"/>
  <c r="C34342" i="3"/>
  <c r="C34343" i="3"/>
  <c r="C34344" i="3"/>
  <c r="C34345" i="3"/>
  <c r="C34346" i="3"/>
  <c r="C34347" i="3"/>
  <c r="C34348" i="3"/>
  <c r="C34349" i="3"/>
  <c r="C34350" i="3"/>
  <c r="C34351" i="3"/>
  <c r="C34352" i="3"/>
  <c r="C34353" i="3"/>
  <c r="C34354" i="3"/>
  <c r="C34355" i="3"/>
  <c r="C34356" i="3"/>
  <c r="C34357" i="3"/>
  <c r="C34358" i="3"/>
  <c r="C34359" i="3"/>
  <c r="C34360" i="3"/>
  <c r="C34361" i="3"/>
  <c r="C34362" i="3"/>
  <c r="C34363" i="3"/>
  <c r="C34364" i="3"/>
  <c r="C34365" i="3"/>
  <c r="C34366" i="3"/>
  <c r="C34367" i="3"/>
  <c r="C34368" i="3"/>
  <c r="C34369" i="3"/>
  <c r="C34370" i="3"/>
  <c r="C34371" i="3"/>
  <c r="C34372" i="3"/>
  <c r="C34373" i="3"/>
  <c r="C34374" i="3"/>
  <c r="C34375" i="3"/>
  <c r="C34376" i="3"/>
  <c r="C34377" i="3"/>
  <c r="C34378" i="3"/>
  <c r="C34379" i="3"/>
  <c r="C34380" i="3"/>
  <c r="C34381" i="3"/>
  <c r="C34382" i="3"/>
  <c r="C34383" i="3"/>
  <c r="C34384" i="3"/>
  <c r="C34385" i="3"/>
  <c r="C34386" i="3"/>
  <c r="C34387" i="3"/>
  <c r="C34388" i="3"/>
  <c r="C34389" i="3"/>
  <c r="C34390" i="3"/>
  <c r="C34391" i="3"/>
  <c r="C34392" i="3"/>
  <c r="C34393" i="3"/>
  <c r="C34394" i="3"/>
  <c r="C34395" i="3"/>
  <c r="C34396" i="3"/>
  <c r="C34397" i="3"/>
  <c r="C34398" i="3"/>
  <c r="C34399" i="3"/>
  <c r="C34400" i="3"/>
  <c r="C34401" i="3"/>
  <c r="C34402" i="3"/>
  <c r="C34403" i="3"/>
  <c r="C34404" i="3"/>
  <c r="C34405" i="3"/>
  <c r="C34406" i="3"/>
  <c r="C34407" i="3"/>
  <c r="C34408" i="3"/>
  <c r="C34409" i="3"/>
  <c r="C34410" i="3"/>
  <c r="C34411" i="3"/>
  <c r="C34412" i="3"/>
  <c r="C34413" i="3"/>
  <c r="C34414" i="3"/>
  <c r="C34415" i="3"/>
  <c r="C34416" i="3"/>
  <c r="C34417" i="3"/>
  <c r="C34418" i="3"/>
  <c r="C34419" i="3"/>
  <c r="C34420" i="3"/>
  <c r="C34421" i="3"/>
  <c r="C34422" i="3"/>
  <c r="C34423" i="3"/>
  <c r="C34424" i="3"/>
  <c r="C34425" i="3"/>
  <c r="C34426" i="3"/>
  <c r="C34427" i="3"/>
  <c r="C34428" i="3"/>
  <c r="C34429" i="3"/>
  <c r="C34430" i="3"/>
  <c r="C34431" i="3"/>
  <c r="C34432" i="3"/>
  <c r="C34433" i="3"/>
  <c r="C34434" i="3"/>
  <c r="C34435" i="3"/>
  <c r="C34436" i="3"/>
  <c r="C34437" i="3"/>
  <c r="C34438" i="3"/>
  <c r="C34439" i="3"/>
  <c r="C34440" i="3"/>
  <c r="C34441" i="3"/>
  <c r="C34442" i="3"/>
  <c r="C34443" i="3"/>
  <c r="C34444" i="3"/>
  <c r="C34445" i="3"/>
  <c r="C34446" i="3"/>
  <c r="C34447" i="3"/>
  <c r="C34448" i="3"/>
  <c r="C34449" i="3"/>
  <c r="C34450" i="3"/>
  <c r="C34451" i="3"/>
  <c r="C34452" i="3"/>
  <c r="C34453" i="3"/>
  <c r="C34454" i="3"/>
  <c r="C34455" i="3"/>
  <c r="C34456" i="3"/>
  <c r="C34457" i="3"/>
  <c r="C34458" i="3"/>
  <c r="C34459" i="3"/>
  <c r="C34460" i="3"/>
  <c r="C34461" i="3"/>
  <c r="C34462" i="3"/>
  <c r="C34463" i="3"/>
  <c r="C34464" i="3"/>
  <c r="C34465" i="3"/>
  <c r="C34466" i="3"/>
  <c r="C34467" i="3"/>
  <c r="C34468" i="3"/>
  <c r="C34469" i="3"/>
  <c r="C34470" i="3"/>
  <c r="C34471" i="3"/>
  <c r="C34472" i="3"/>
  <c r="C34473" i="3"/>
  <c r="C34474" i="3"/>
  <c r="C34475" i="3"/>
  <c r="C34476" i="3"/>
  <c r="C34477" i="3"/>
  <c r="C34478" i="3"/>
  <c r="C34479" i="3"/>
  <c r="C34480" i="3"/>
  <c r="C34481" i="3"/>
  <c r="C34482" i="3"/>
  <c r="C34483" i="3"/>
  <c r="C34484" i="3"/>
  <c r="C34485" i="3"/>
  <c r="C34486" i="3"/>
  <c r="C34487" i="3"/>
  <c r="C34488" i="3"/>
  <c r="C34489" i="3"/>
  <c r="C34490" i="3"/>
  <c r="C34491" i="3"/>
  <c r="C34492" i="3"/>
  <c r="C34493" i="3"/>
  <c r="C34494" i="3"/>
  <c r="C34495" i="3"/>
  <c r="C34496" i="3"/>
  <c r="C34497" i="3"/>
  <c r="C34498" i="3"/>
  <c r="C34499" i="3"/>
  <c r="C34500" i="3"/>
  <c r="C34501" i="3"/>
  <c r="C34502" i="3"/>
  <c r="C34503" i="3"/>
  <c r="C34504" i="3"/>
  <c r="C34505" i="3"/>
  <c r="C34506" i="3"/>
  <c r="C34507" i="3"/>
  <c r="C34508" i="3"/>
  <c r="C34509" i="3"/>
  <c r="C34510" i="3"/>
  <c r="C34511" i="3"/>
  <c r="C34512" i="3"/>
  <c r="C34513" i="3"/>
  <c r="C34514" i="3"/>
  <c r="C34515" i="3"/>
  <c r="C34516" i="3"/>
  <c r="C34517" i="3"/>
  <c r="C34518" i="3"/>
  <c r="C34519" i="3"/>
  <c r="C34520" i="3"/>
  <c r="C34521" i="3"/>
  <c r="C34522" i="3"/>
  <c r="C34523" i="3"/>
  <c r="C34524" i="3"/>
  <c r="C34525" i="3"/>
  <c r="C34526" i="3"/>
  <c r="C34527" i="3"/>
  <c r="C34528" i="3"/>
  <c r="C34529" i="3"/>
  <c r="C34530" i="3"/>
  <c r="C34531" i="3"/>
  <c r="C34532" i="3"/>
  <c r="C34533" i="3"/>
  <c r="C34534" i="3"/>
  <c r="C34535" i="3"/>
  <c r="C34536" i="3"/>
  <c r="C34537" i="3"/>
  <c r="C34538" i="3"/>
  <c r="C34539" i="3"/>
  <c r="C34540" i="3"/>
  <c r="C34541" i="3"/>
  <c r="C34542" i="3"/>
  <c r="C34543" i="3"/>
  <c r="C34544" i="3"/>
  <c r="C34545" i="3"/>
  <c r="C34546" i="3"/>
  <c r="C34547" i="3"/>
  <c r="C34548" i="3"/>
  <c r="C34549" i="3"/>
  <c r="C34550" i="3"/>
  <c r="C34551" i="3"/>
  <c r="C34552" i="3"/>
  <c r="C34553" i="3"/>
  <c r="C34554" i="3"/>
  <c r="C34555" i="3"/>
  <c r="C34556" i="3"/>
  <c r="C34557" i="3"/>
  <c r="C34558" i="3"/>
  <c r="C34559" i="3"/>
  <c r="C34560" i="3"/>
  <c r="C34561" i="3"/>
  <c r="C34562" i="3"/>
  <c r="C34563" i="3"/>
  <c r="C34564" i="3"/>
  <c r="C34565" i="3"/>
  <c r="C34566" i="3"/>
  <c r="C34567" i="3"/>
  <c r="C34568" i="3"/>
  <c r="C34569" i="3"/>
  <c r="C34570" i="3"/>
  <c r="C34571" i="3"/>
  <c r="C34572" i="3"/>
  <c r="C34573" i="3"/>
  <c r="C34574" i="3"/>
  <c r="C34575" i="3"/>
  <c r="C34576" i="3"/>
  <c r="C34577" i="3"/>
  <c r="C34578" i="3"/>
  <c r="C34579" i="3"/>
  <c r="C34580" i="3"/>
  <c r="C34581" i="3"/>
  <c r="C34582" i="3"/>
  <c r="C34583" i="3"/>
  <c r="C34584" i="3"/>
  <c r="C34585" i="3"/>
  <c r="C34586" i="3"/>
  <c r="C34587" i="3"/>
  <c r="C34588" i="3"/>
  <c r="C34589" i="3"/>
  <c r="C34590" i="3"/>
  <c r="C34591" i="3"/>
  <c r="C34592" i="3"/>
  <c r="C34593" i="3"/>
  <c r="C34594" i="3"/>
  <c r="C34595" i="3"/>
  <c r="C34596" i="3"/>
  <c r="C34597" i="3"/>
  <c r="C34598" i="3"/>
  <c r="C34599" i="3"/>
  <c r="C34600" i="3"/>
  <c r="C34601" i="3"/>
  <c r="C34602" i="3"/>
  <c r="C34603" i="3"/>
  <c r="C34604" i="3"/>
  <c r="C34605" i="3"/>
  <c r="C34606" i="3"/>
  <c r="C34607" i="3"/>
  <c r="C34608" i="3"/>
  <c r="C34609" i="3"/>
  <c r="C34610" i="3"/>
  <c r="C34611" i="3"/>
  <c r="C34612" i="3"/>
  <c r="C34613" i="3"/>
  <c r="C34614" i="3"/>
  <c r="C34615" i="3"/>
  <c r="C34616" i="3"/>
  <c r="C34617" i="3"/>
  <c r="C34618" i="3"/>
  <c r="C34619" i="3"/>
  <c r="C34620" i="3"/>
  <c r="C34621" i="3"/>
  <c r="C34622" i="3"/>
  <c r="C34623" i="3"/>
  <c r="C34624" i="3"/>
  <c r="C34625" i="3"/>
  <c r="C34626" i="3"/>
  <c r="C34627" i="3"/>
  <c r="C34628" i="3"/>
  <c r="C34629" i="3"/>
  <c r="C34630" i="3"/>
  <c r="C34631" i="3"/>
  <c r="C34632" i="3"/>
  <c r="C34633" i="3"/>
  <c r="C34634" i="3"/>
  <c r="C34635" i="3"/>
  <c r="C34636" i="3"/>
  <c r="C34637" i="3"/>
  <c r="C34638" i="3"/>
  <c r="C34639" i="3"/>
  <c r="C34640" i="3"/>
  <c r="C34641" i="3"/>
  <c r="C34642" i="3"/>
  <c r="C34643" i="3"/>
  <c r="C34644" i="3"/>
  <c r="C34645" i="3"/>
  <c r="C34646" i="3"/>
  <c r="C34647" i="3"/>
  <c r="C34648" i="3"/>
  <c r="C34649" i="3"/>
  <c r="C34650" i="3"/>
  <c r="C34651" i="3"/>
  <c r="C34652" i="3"/>
  <c r="C34653" i="3"/>
  <c r="C34654" i="3"/>
  <c r="C34655" i="3"/>
  <c r="C34656" i="3"/>
  <c r="C34657" i="3"/>
  <c r="C34658" i="3"/>
  <c r="C34659" i="3"/>
  <c r="C34660" i="3"/>
  <c r="C34661" i="3"/>
  <c r="C34662" i="3"/>
  <c r="C34663" i="3"/>
  <c r="C34664" i="3"/>
  <c r="C34665" i="3"/>
  <c r="C34666" i="3"/>
  <c r="C34667" i="3"/>
  <c r="C34668" i="3"/>
  <c r="C34669" i="3"/>
  <c r="C34670" i="3"/>
  <c r="C34671" i="3"/>
  <c r="C34672" i="3"/>
  <c r="C34673" i="3"/>
  <c r="C34674" i="3"/>
  <c r="C34675" i="3"/>
  <c r="C34676" i="3"/>
  <c r="C34677" i="3"/>
  <c r="C34678" i="3"/>
  <c r="C34679" i="3"/>
  <c r="C34680" i="3"/>
  <c r="C34681" i="3"/>
  <c r="C34682" i="3"/>
  <c r="C34683" i="3"/>
  <c r="C34684" i="3"/>
  <c r="C34685" i="3"/>
  <c r="C34686" i="3"/>
  <c r="C34687" i="3"/>
  <c r="C34688" i="3"/>
  <c r="C34689" i="3"/>
  <c r="C34690" i="3"/>
  <c r="C34691" i="3"/>
  <c r="C34692" i="3"/>
  <c r="C34693" i="3"/>
  <c r="C34694" i="3"/>
  <c r="C34695" i="3"/>
  <c r="C34696" i="3"/>
  <c r="C34697" i="3"/>
  <c r="C34698" i="3"/>
  <c r="C34699" i="3"/>
  <c r="C34700" i="3"/>
  <c r="C34701" i="3"/>
  <c r="C34702" i="3"/>
  <c r="C34703" i="3"/>
  <c r="C34704" i="3"/>
  <c r="C34705" i="3"/>
  <c r="C34706" i="3"/>
  <c r="C34707" i="3"/>
  <c r="C34708" i="3"/>
  <c r="C34709" i="3"/>
  <c r="C34710" i="3"/>
  <c r="C34711" i="3"/>
  <c r="C34712" i="3"/>
  <c r="C34713" i="3"/>
  <c r="C34714" i="3"/>
  <c r="C34715" i="3"/>
  <c r="C34716" i="3"/>
  <c r="C34717" i="3"/>
  <c r="C34718" i="3"/>
  <c r="C34719" i="3"/>
  <c r="C34720" i="3"/>
  <c r="C34721" i="3"/>
  <c r="C34722" i="3"/>
  <c r="C34723" i="3"/>
  <c r="C34724" i="3"/>
  <c r="C34725" i="3"/>
  <c r="C34726" i="3"/>
  <c r="C34727" i="3"/>
  <c r="C34728" i="3"/>
  <c r="C34729" i="3"/>
  <c r="C34730" i="3"/>
  <c r="C34731" i="3"/>
  <c r="C34732" i="3"/>
  <c r="C34733" i="3"/>
  <c r="C34734" i="3"/>
  <c r="C34735" i="3"/>
  <c r="C34736" i="3"/>
  <c r="C34737" i="3"/>
  <c r="C34738" i="3"/>
  <c r="C34739" i="3"/>
  <c r="C34740" i="3"/>
  <c r="C34741" i="3"/>
  <c r="C34742" i="3"/>
  <c r="C34743" i="3"/>
  <c r="C34744" i="3"/>
  <c r="C34745" i="3"/>
  <c r="C34746" i="3"/>
  <c r="C34747" i="3"/>
  <c r="C34748" i="3"/>
  <c r="C34749" i="3"/>
  <c r="C34750" i="3"/>
  <c r="C34751" i="3"/>
  <c r="C34752" i="3"/>
  <c r="C34753" i="3"/>
  <c r="C34754" i="3"/>
  <c r="C34755" i="3"/>
  <c r="C34756" i="3"/>
  <c r="C34757" i="3"/>
  <c r="C34758" i="3"/>
  <c r="C34759" i="3"/>
  <c r="C34760" i="3"/>
  <c r="C34761" i="3"/>
  <c r="C34762" i="3"/>
  <c r="C34763" i="3"/>
  <c r="C34764" i="3"/>
  <c r="C34765" i="3"/>
  <c r="C34766" i="3"/>
  <c r="C34767" i="3"/>
  <c r="C34768" i="3"/>
  <c r="C34769" i="3"/>
  <c r="C34770" i="3"/>
  <c r="C34771" i="3"/>
  <c r="C34772" i="3"/>
  <c r="C34773" i="3"/>
  <c r="C34774" i="3"/>
  <c r="C34775" i="3"/>
  <c r="C34776" i="3"/>
  <c r="C34777" i="3"/>
  <c r="C34778" i="3"/>
  <c r="C34779" i="3"/>
  <c r="C34780" i="3"/>
  <c r="C34781" i="3"/>
  <c r="C34782" i="3"/>
  <c r="C34783" i="3"/>
  <c r="C34784" i="3"/>
  <c r="C34785" i="3"/>
  <c r="C34786" i="3"/>
  <c r="C34787" i="3"/>
  <c r="C34788" i="3"/>
  <c r="C34789" i="3"/>
  <c r="C34790" i="3"/>
  <c r="C34791" i="3"/>
  <c r="C34792" i="3"/>
  <c r="C34793" i="3"/>
  <c r="C34794" i="3"/>
  <c r="C34795" i="3"/>
  <c r="C34796" i="3"/>
  <c r="C34797" i="3"/>
  <c r="C34798" i="3"/>
  <c r="C34799" i="3"/>
  <c r="C34800" i="3"/>
  <c r="C34801" i="3"/>
  <c r="C34802" i="3"/>
  <c r="C34803" i="3"/>
  <c r="C34804" i="3"/>
  <c r="C34805" i="3"/>
  <c r="C34806" i="3"/>
  <c r="C34807" i="3"/>
  <c r="C34808" i="3"/>
  <c r="C34809" i="3"/>
  <c r="C34810" i="3"/>
  <c r="C34811" i="3"/>
  <c r="C34812" i="3"/>
  <c r="C34813" i="3"/>
  <c r="C34814" i="3"/>
  <c r="C34815" i="3"/>
  <c r="C34816" i="3"/>
  <c r="C34817" i="3"/>
  <c r="C34818" i="3"/>
  <c r="C34819" i="3"/>
  <c r="C34820" i="3"/>
  <c r="C34821" i="3"/>
  <c r="C34822" i="3"/>
  <c r="C34823" i="3"/>
  <c r="C34824" i="3"/>
  <c r="C34825" i="3"/>
  <c r="C34826" i="3"/>
  <c r="C34827" i="3"/>
  <c r="C34828" i="3"/>
  <c r="C34829" i="3"/>
  <c r="C34830" i="3"/>
  <c r="C34831" i="3"/>
  <c r="C34832" i="3"/>
  <c r="C34833" i="3"/>
  <c r="C34834" i="3"/>
  <c r="C34835" i="3"/>
  <c r="C34836" i="3"/>
  <c r="C34837" i="3"/>
  <c r="C34838" i="3"/>
  <c r="C34839" i="3"/>
  <c r="C34840" i="3"/>
  <c r="C34841" i="3"/>
  <c r="C34842" i="3"/>
  <c r="C34843" i="3"/>
  <c r="C34844" i="3"/>
  <c r="C34845" i="3"/>
  <c r="C34846" i="3"/>
  <c r="C34847" i="3"/>
  <c r="C34848" i="3"/>
  <c r="C34849" i="3"/>
  <c r="C34850" i="3"/>
  <c r="C34851" i="3"/>
  <c r="C34852" i="3"/>
  <c r="C34853" i="3"/>
  <c r="C34854" i="3"/>
  <c r="C34855" i="3"/>
  <c r="C34856" i="3"/>
  <c r="C34857" i="3"/>
  <c r="C34858" i="3"/>
  <c r="C34859" i="3"/>
  <c r="C34860" i="3"/>
  <c r="C34861" i="3"/>
  <c r="C34862" i="3"/>
  <c r="C34863" i="3"/>
  <c r="C34864" i="3"/>
  <c r="C34865" i="3"/>
  <c r="C34866" i="3"/>
  <c r="C34867" i="3"/>
  <c r="C34868" i="3"/>
  <c r="C34869" i="3"/>
  <c r="C34870" i="3"/>
  <c r="C34871" i="3"/>
  <c r="C34872" i="3"/>
  <c r="C34873" i="3"/>
  <c r="C34874" i="3"/>
  <c r="C34875" i="3"/>
  <c r="C34876" i="3"/>
  <c r="C34877" i="3"/>
  <c r="C34878" i="3"/>
  <c r="C34879" i="3"/>
  <c r="C34880" i="3"/>
  <c r="C34881" i="3"/>
  <c r="C34882" i="3"/>
  <c r="C34883" i="3"/>
  <c r="C34884" i="3"/>
  <c r="C34885" i="3"/>
  <c r="C34886" i="3"/>
  <c r="C34887" i="3"/>
  <c r="C34888" i="3"/>
  <c r="C34889" i="3"/>
  <c r="C34890" i="3"/>
  <c r="C34891" i="3"/>
  <c r="C34892" i="3"/>
  <c r="C34893" i="3"/>
  <c r="C34894" i="3"/>
  <c r="C34895" i="3"/>
  <c r="C34896" i="3"/>
  <c r="C34897" i="3"/>
  <c r="C34898" i="3"/>
  <c r="C34899" i="3"/>
  <c r="C34900" i="3"/>
  <c r="C34901" i="3"/>
  <c r="C34902" i="3"/>
  <c r="C34903" i="3"/>
  <c r="C34904" i="3"/>
  <c r="C34905" i="3"/>
  <c r="C34906" i="3"/>
  <c r="C34907" i="3"/>
  <c r="C34908" i="3"/>
  <c r="C34909" i="3"/>
  <c r="C34910" i="3"/>
  <c r="C34911" i="3"/>
  <c r="C34912" i="3"/>
  <c r="C34913" i="3"/>
  <c r="C34914" i="3"/>
  <c r="C34915" i="3"/>
  <c r="C34916" i="3"/>
  <c r="C34917" i="3"/>
  <c r="C34918" i="3"/>
  <c r="C34919" i="3"/>
  <c r="C34920" i="3"/>
  <c r="C34921" i="3"/>
  <c r="C34922" i="3"/>
  <c r="C34923" i="3"/>
  <c r="C34924" i="3"/>
  <c r="C34925" i="3"/>
  <c r="C34926" i="3"/>
  <c r="C34927" i="3"/>
  <c r="C34928" i="3"/>
  <c r="C34929" i="3"/>
  <c r="C34930" i="3"/>
  <c r="C34931" i="3"/>
  <c r="C34932" i="3"/>
  <c r="C34933" i="3"/>
  <c r="C34934" i="3"/>
  <c r="C34935" i="3"/>
  <c r="C34936" i="3"/>
  <c r="C34937" i="3"/>
  <c r="C34938" i="3"/>
  <c r="C34939" i="3"/>
  <c r="C34940" i="3"/>
  <c r="C34941" i="3"/>
  <c r="C34942" i="3"/>
  <c r="C34943" i="3"/>
  <c r="C34944" i="3"/>
  <c r="C34945" i="3"/>
  <c r="C34946" i="3"/>
  <c r="C34947" i="3"/>
  <c r="C34948" i="3"/>
  <c r="C34949" i="3"/>
  <c r="C34950" i="3"/>
  <c r="C34951" i="3"/>
  <c r="C34952" i="3"/>
  <c r="C34953" i="3"/>
  <c r="C34954" i="3"/>
  <c r="C34955" i="3"/>
  <c r="C34956" i="3"/>
  <c r="C34957" i="3"/>
  <c r="C34958" i="3"/>
  <c r="C34959" i="3"/>
  <c r="C34960" i="3"/>
  <c r="C34961" i="3"/>
  <c r="C34962" i="3"/>
  <c r="C34963" i="3"/>
  <c r="C34964" i="3"/>
  <c r="C34965" i="3"/>
  <c r="C34966" i="3"/>
  <c r="C34967" i="3"/>
  <c r="C34968" i="3"/>
  <c r="C34969" i="3"/>
  <c r="C34970" i="3"/>
  <c r="C34971" i="3"/>
  <c r="C34972" i="3"/>
  <c r="C34973" i="3"/>
  <c r="C34974" i="3"/>
  <c r="C34975" i="3"/>
  <c r="C34976" i="3"/>
  <c r="C34977" i="3"/>
  <c r="C34978" i="3"/>
  <c r="C34979" i="3"/>
  <c r="C34980" i="3"/>
  <c r="C34981" i="3"/>
  <c r="C34982" i="3"/>
  <c r="C34983" i="3"/>
  <c r="C34984" i="3"/>
  <c r="C34985" i="3"/>
  <c r="C34986" i="3"/>
  <c r="C34987" i="3"/>
  <c r="C34988" i="3"/>
  <c r="C34989" i="3"/>
  <c r="C34990" i="3"/>
  <c r="C34991" i="3"/>
  <c r="C34992" i="3"/>
  <c r="C34993" i="3"/>
  <c r="C34994" i="3"/>
  <c r="C34995" i="3"/>
  <c r="C34996" i="3"/>
  <c r="C34997" i="3"/>
  <c r="C34998" i="3"/>
  <c r="C34999" i="3"/>
  <c r="C35000" i="3"/>
  <c r="C35001" i="3"/>
  <c r="C35002" i="3"/>
  <c r="C35003" i="3"/>
  <c r="C35004" i="3"/>
  <c r="C35005" i="3"/>
  <c r="C35006" i="3"/>
  <c r="C35007" i="3"/>
  <c r="C35008" i="3"/>
  <c r="C35009" i="3"/>
  <c r="C35010" i="3"/>
  <c r="C35011" i="3"/>
  <c r="C35012" i="3"/>
  <c r="C35013" i="3"/>
  <c r="C35014" i="3"/>
  <c r="C35015" i="3"/>
  <c r="C35016" i="3"/>
  <c r="C35017" i="3"/>
  <c r="C35018" i="3"/>
  <c r="C35019" i="3"/>
  <c r="C35020" i="3"/>
  <c r="C35021" i="3"/>
  <c r="C35022" i="3"/>
  <c r="C35023" i="3"/>
  <c r="C35024" i="3"/>
  <c r="C35025" i="3"/>
  <c r="C35026" i="3"/>
  <c r="C35027" i="3"/>
  <c r="C35028" i="3"/>
  <c r="C35029" i="3"/>
  <c r="C35030" i="3"/>
  <c r="C35031" i="3"/>
  <c r="C35032" i="3"/>
  <c r="C35033" i="3"/>
  <c r="C35034" i="3"/>
  <c r="C35035" i="3"/>
  <c r="C35036" i="3"/>
  <c r="C35037" i="3"/>
  <c r="C35038" i="3"/>
  <c r="C35039" i="3"/>
  <c r="C35040" i="3"/>
  <c r="C35041" i="3"/>
  <c r="C35042" i="3"/>
  <c r="C35043" i="3"/>
  <c r="C35044" i="3"/>
  <c r="C35045" i="3"/>
  <c r="C35046" i="3"/>
  <c r="C35047" i="3"/>
  <c r="C35048" i="3"/>
  <c r="C35049" i="3"/>
  <c r="C35050" i="3"/>
  <c r="C35051" i="3"/>
  <c r="C35052" i="3"/>
  <c r="C35053" i="3"/>
  <c r="C35054" i="3"/>
  <c r="C35055" i="3"/>
  <c r="C35056" i="3"/>
  <c r="C35057" i="3"/>
  <c r="C35058" i="3"/>
  <c r="C35059" i="3"/>
  <c r="C35060" i="3"/>
  <c r="C35061" i="3"/>
  <c r="C35062" i="3"/>
  <c r="C35063" i="3"/>
  <c r="C35064" i="3"/>
  <c r="C35065" i="3"/>
  <c r="C35066" i="3"/>
  <c r="C35067" i="3"/>
  <c r="C35068" i="3"/>
  <c r="C35069" i="3"/>
  <c r="C35070" i="3"/>
  <c r="C35071" i="3"/>
  <c r="C35072" i="3"/>
  <c r="C35073" i="3"/>
  <c r="C35074" i="3"/>
  <c r="C35075" i="3"/>
  <c r="C35076" i="3"/>
  <c r="C35077" i="3"/>
  <c r="C35078" i="3"/>
  <c r="C35079" i="3"/>
  <c r="C35080" i="3"/>
  <c r="C35081" i="3"/>
  <c r="C35082" i="3"/>
  <c r="C35083" i="3"/>
  <c r="C35084" i="3"/>
  <c r="C35085" i="3"/>
  <c r="C35086" i="3"/>
  <c r="C35087" i="3"/>
  <c r="C35088" i="3"/>
  <c r="C35089" i="3"/>
  <c r="C35090" i="3"/>
  <c r="C35091" i="3"/>
  <c r="C35092" i="3"/>
  <c r="C35093" i="3"/>
  <c r="C35094" i="3"/>
  <c r="C35095" i="3"/>
  <c r="C35096" i="3"/>
  <c r="C35097" i="3"/>
  <c r="C35098" i="3"/>
  <c r="C35099" i="3"/>
  <c r="C35100" i="3"/>
  <c r="C35101" i="3"/>
  <c r="C35102" i="3"/>
  <c r="C35103" i="3"/>
  <c r="C35104" i="3"/>
  <c r="C35105" i="3"/>
  <c r="C35106" i="3"/>
  <c r="C35107" i="3"/>
  <c r="C35108" i="3"/>
  <c r="C35109" i="3"/>
  <c r="C35110" i="3"/>
  <c r="C35111" i="3"/>
  <c r="C35112" i="3"/>
  <c r="C35113" i="3"/>
  <c r="C35114" i="3"/>
  <c r="C35115" i="3"/>
  <c r="C35116" i="3"/>
  <c r="C35117" i="3"/>
  <c r="C35118" i="3"/>
  <c r="C35119" i="3"/>
  <c r="C35120" i="3"/>
  <c r="C35121" i="3"/>
  <c r="C35122" i="3"/>
  <c r="C35123" i="3"/>
  <c r="C35124" i="3"/>
  <c r="C35125" i="3"/>
  <c r="C35126" i="3"/>
  <c r="C35127" i="3"/>
  <c r="C35128" i="3"/>
  <c r="C35129" i="3"/>
  <c r="C35130" i="3"/>
  <c r="C35131" i="3"/>
  <c r="C35132" i="3"/>
  <c r="C35133" i="3"/>
  <c r="C35134" i="3"/>
  <c r="C35135" i="3"/>
  <c r="C35136" i="3"/>
  <c r="C35137" i="3"/>
  <c r="C35138" i="3"/>
  <c r="C35139" i="3"/>
  <c r="C35140" i="3"/>
  <c r="C35141" i="3"/>
  <c r="C35142" i="3"/>
  <c r="C35143" i="3"/>
  <c r="C35144" i="3"/>
  <c r="C35145" i="3"/>
  <c r="C35146" i="3"/>
  <c r="C35147" i="3"/>
  <c r="C35148" i="3"/>
  <c r="C35149" i="3"/>
  <c r="C35150" i="3"/>
  <c r="C35151" i="3"/>
  <c r="C35152" i="3"/>
  <c r="C35153" i="3"/>
  <c r="C35154" i="3"/>
  <c r="C35155" i="3"/>
  <c r="C35156" i="3"/>
  <c r="C35157" i="3"/>
  <c r="C35158" i="3"/>
  <c r="C35159" i="3"/>
  <c r="C35160" i="3"/>
  <c r="C35161" i="3"/>
  <c r="C35162" i="3"/>
  <c r="C35163" i="3"/>
  <c r="C35164" i="3"/>
  <c r="C35165" i="3"/>
  <c r="C35166" i="3"/>
  <c r="C35167" i="3"/>
  <c r="C35168" i="3"/>
  <c r="C35169" i="3"/>
  <c r="C35170" i="3"/>
  <c r="C35171" i="3"/>
  <c r="C35172" i="3"/>
  <c r="C35173" i="3"/>
  <c r="C35174" i="3"/>
  <c r="C35175" i="3"/>
  <c r="C35176" i="3"/>
  <c r="C35177" i="3"/>
  <c r="C35178" i="3"/>
  <c r="C35179" i="3"/>
  <c r="C35180" i="3"/>
  <c r="C35181" i="3"/>
  <c r="C35182" i="3"/>
  <c r="C35183" i="3"/>
  <c r="C35184" i="3"/>
  <c r="C35185" i="3"/>
  <c r="C35186" i="3"/>
  <c r="C35187" i="3"/>
  <c r="C35188" i="3"/>
  <c r="C35189" i="3"/>
  <c r="C35190" i="3"/>
  <c r="C35191" i="3"/>
  <c r="C35192" i="3"/>
  <c r="C35193" i="3"/>
  <c r="C35194" i="3"/>
  <c r="C35195" i="3"/>
  <c r="C35196" i="3"/>
  <c r="C35197" i="3"/>
  <c r="C35198" i="3"/>
  <c r="C35199" i="3"/>
  <c r="C35200" i="3"/>
  <c r="C35201" i="3"/>
  <c r="C35202" i="3"/>
  <c r="C35203" i="3"/>
  <c r="C35204" i="3"/>
  <c r="C35205" i="3"/>
  <c r="C35206" i="3"/>
  <c r="C35207" i="3"/>
  <c r="C35208" i="3"/>
  <c r="C35209" i="3"/>
  <c r="C35210" i="3"/>
  <c r="C35211" i="3"/>
  <c r="C35212" i="3"/>
  <c r="C35213" i="3"/>
  <c r="C35214" i="3"/>
  <c r="C35215" i="3"/>
  <c r="C35216" i="3"/>
  <c r="C35217" i="3"/>
  <c r="C35218" i="3"/>
  <c r="C35219" i="3"/>
  <c r="C35220" i="3"/>
  <c r="C35221" i="3"/>
  <c r="C35222" i="3"/>
  <c r="C35223" i="3"/>
  <c r="C35224" i="3"/>
  <c r="C35225" i="3"/>
  <c r="C35226" i="3"/>
  <c r="C35227" i="3"/>
  <c r="C35228" i="3"/>
  <c r="C35229" i="3"/>
  <c r="C35230" i="3"/>
  <c r="C35231" i="3"/>
  <c r="C35232" i="3"/>
  <c r="C35233" i="3"/>
  <c r="C35234" i="3"/>
  <c r="C35235" i="3"/>
  <c r="C35236" i="3"/>
  <c r="C35237" i="3"/>
  <c r="C35238" i="3"/>
  <c r="C35239" i="3"/>
  <c r="C35240" i="3"/>
  <c r="C35241" i="3"/>
  <c r="C35242" i="3"/>
  <c r="C35243" i="3"/>
  <c r="C35244" i="3"/>
  <c r="C35245" i="3"/>
  <c r="C35246" i="3"/>
  <c r="C35247" i="3"/>
  <c r="C35248" i="3"/>
  <c r="C35249" i="3"/>
  <c r="C35250" i="3"/>
  <c r="C35251" i="3"/>
  <c r="C35252" i="3"/>
  <c r="C35253" i="3"/>
  <c r="C35254" i="3"/>
  <c r="C35255" i="3"/>
  <c r="C35256" i="3"/>
  <c r="C35257" i="3"/>
  <c r="C35258" i="3"/>
  <c r="C35259" i="3"/>
  <c r="C35260" i="3"/>
  <c r="C35261" i="3"/>
  <c r="C35262" i="3"/>
  <c r="C35263" i="3"/>
  <c r="C35264" i="3"/>
  <c r="C35265" i="3"/>
  <c r="C35266" i="3"/>
  <c r="C35267" i="3"/>
  <c r="C35268" i="3"/>
  <c r="C35269" i="3"/>
  <c r="C35270" i="3"/>
  <c r="C35271" i="3"/>
  <c r="C35272" i="3"/>
  <c r="C35273" i="3"/>
  <c r="C35274" i="3"/>
  <c r="C35275" i="3"/>
  <c r="C35276" i="3"/>
  <c r="C35277" i="3"/>
  <c r="C35278" i="3"/>
  <c r="C35279" i="3"/>
  <c r="C35280" i="3"/>
  <c r="C35281" i="3"/>
  <c r="C35282" i="3"/>
  <c r="C35283" i="3"/>
  <c r="C35284" i="3"/>
  <c r="C35285" i="3"/>
  <c r="C35286" i="3"/>
  <c r="C35287" i="3"/>
  <c r="C35288" i="3"/>
  <c r="C35289" i="3"/>
  <c r="C35290" i="3"/>
  <c r="C35291" i="3"/>
  <c r="C35292" i="3"/>
  <c r="C35293" i="3"/>
  <c r="C35294" i="3"/>
  <c r="C35295" i="3"/>
  <c r="C35296" i="3"/>
  <c r="C35297" i="3"/>
  <c r="C35298" i="3"/>
  <c r="C35299" i="3"/>
  <c r="C35300" i="3"/>
  <c r="C35301" i="3"/>
  <c r="C35302" i="3"/>
  <c r="C35303" i="3"/>
  <c r="C35304" i="3"/>
  <c r="C35305" i="3"/>
  <c r="C35306" i="3"/>
  <c r="C35307" i="3"/>
  <c r="C35308" i="3"/>
  <c r="C35309" i="3"/>
  <c r="C35310" i="3"/>
  <c r="C35311" i="3"/>
  <c r="C35312" i="3"/>
  <c r="C35313" i="3"/>
  <c r="C35314" i="3"/>
  <c r="C35315" i="3"/>
  <c r="C35316" i="3"/>
  <c r="C35317" i="3"/>
  <c r="C35318" i="3"/>
  <c r="C35319" i="3"/>
  <c r="C35320" i="3"/>
  <c r="C35321" i="3"/>
  <c r="C35322" i="3"/>
  <c r="C35323" i="3"/>
  <c r="C35324" i="3"/>
  <c r="C35325" i="3"/>
  <c r="C35326" i="3"/>
  <c r="C35327" i="3"/>
  <c r="C35328" i="3"/>
  <c r="C35329" i="3"/>
  <c r="C35330" i="3"/>
  <c r="C35331" i="3"/>
  <c r="C35332" i="3"/>
  <c r="C35333" i="3"/>
  <c r="C35334" i="3"/>
  <c r="C35335" i="3"/>
  <c r="C35336" i="3"/>
  <c r="C35337" i="3"/>
  <c r="C35338" i="3"/>
  <c r="C35339" i="3"/>
  <c r="C35340" i="3"/>
  <c r="C35341" i="3"/>
  <c r="C35342" i="3"/>
  <c r="C35343" i="3"/>
  <c r="C35344" i="3"/>
  <c r="C35345" i="3"/>
  <c r="C35346" i="3"/>
  <c r="C35347" i="3"/>
  <c r="C35348" i="3"/>
  <c r="C35349" i="3"/>
  <c r="C35350" i="3"/>
  <c r="C35351" i="3"/>
  <c r="C35352" i="3"/>
  <c r="C35353" i="3"/>
  <c r="C35354" i="3"/>
  <c r="C35355" i="3"/>
  <c r="C35356" i="3"/>
  <c r="C35357" i="3"/>
  <c r="C35358" i="3"/>
  <c r="C35359" i="3"/>
  <c r="C35360" i="3"/>
  <c r="C35361" i="3"/>
  <c r="C35362" i="3"/>
  <c r="C35363" i="3"/>
  <c r="C35364" i="3"/>
  <c r="C35365" i="3"/>
  <c r="C35366" i="3"/>
  <c r="C35367" i="3"/>
  <c r="C35368" i="3"/>
  <c r="C35369" i="3"/>
  <c r="C35370" i="3"/>
  <c r="C35371" i="3"/>
  <c r="C35372" i="3"/>
  <c r="C35373" i="3"/>
  <c r="C35374" i="3"/>
  <c r="C35375" i="3"/>
  <c r="C35376" i="3"/>
  <c r="C35377" i="3"/>
  <c r="C35378" i="3"/>
  <c r="C35379" i="3"/>
  <c r="C35380" i="3"/>
  <c r="C35381" i="3"/>
  <c r="C35382" i="3"/>
  <c r="C35383" i="3"/>
  <c r="C35384" i="3"/>
  <c r="C35385" i="3"/>
  <c r="C35386" i="3"/>
  <c r="C35387" i="3"/>
  <c r="C35388" i="3"/>
  <c r="C35389" i="3"/>
  <c r="C35390" i="3"/>
  <c r="C35391" i="3"/>
  <c r="C35392" i="3"/>
  <c r="C35393" i="3"/>
  <c r="C35394" i="3"/>
  <c r="C35395" i="3"/>
  <c r="C35396" i="3"/>
  <c r="C35397" i="3"/>
  <c r="C35398" i="3"/>
  <c r="C35399" i="3"/>
  <c r="C35400" i="3"/>
  <c r="C35401" i="3"/>
  <c r="C35402" i="3"/>
  <c r="C35403" i="3"/>
  <c r="C35404" i="3"/>
  <c r="C35405" i="3"/>
  <c r="C35406" i="3"/>
  <c r="C35407" i="3"/>
  <c r="C35408" i="3"/>
  <c r="C35409" i="3"/>
  <c r="C35410" i="3"/>
  <c r="C35411" i="3"/>
  <c r="C35412" i="3"/>
  <c r="C35413" i="3"/>
  <c r="C35414" i="3"/>
  <c r="C35415" i="3"/>
  <c r="C35416" i="3"/>
  <c r="C35417" i="3"/>
  <c r="C35418" i="3"/>
  <c r="C35419" i="3"/>
  <c r="C35420" i="3"/>
  <c r="C35421" i="3"/>
  <c r="C35422" i="3"/>
  <c r="C35423" i="3"/>
  <c r="C35424" i="3"/>
  <c r="C35425" i="3"/>
  <c r="C35426" i="3"/>
  <c r="C35427" i="3"/>
  <c r="C35428" i="3"/>
  <c r="C35429" i="3"/>
  <c r="C35430" i="3"/>
  <c r="C35431" i="3"/>
  <c r="C35432" i="3"/>
  <c r="C35433" i="3"/>
  <c r="C35434" i="3"/>
  <c r="C35435" i="3"/>
  <c r="C35436" i="3"/>
  <c r="C35437" i="3"/>
  <c r="C35438" i="3"/>
  <c r="C35439" i="3"/>
  <c r="C35440" i="3"/>
  <c r="C35441" i="3"/>
  <c r="C35442" i="3"/>
  <c r="C35443" i="3"/>
  <c r="C35444" i="3"/>
  <c r="C35445" i="3"/>
  <c r="C35446" i="3"/>
  <c r="C35447" i="3"/>
  <c r="C35448" i="3"/>
  <c r="C35449" i="3"/>
  <c r="C35450" i="3"/>
  <c r="C35451" i="3"/>
  <c r="C35452" i="3"/>
  <c r="C35453" i="3"/>
  <c r="C35454" i="3"/>
  <c r="C35455" i="3"/>
  <c r="C35456" i="3"/>
  <c r="C35457" i="3"/>
  <c r="C35458" i="3"/>
  <c r="C35459" i="3"/>
  <c r="C35460" i="3"/>
  <c r="C35461" i="3"/>
  <c r="C35462" i="3"/>
  <c r="C35463" i="3"/>
  <c r="C35464" i="3"/>
  <c r="C35465" i="3"/>
  <c r="C35466" i="3"/>
  <c r="C35467" i="3"/>
  <c r="C35468" i="3"/>
  <c r="C35469" i="3"/>
  <c r="C35470" i="3"/>
  <c r="C35471" i="3"/>
  <c r="C35472" i="3"/>
  <c r="C35473" i="3"/>
  <c r="C35474" i="3"/>
  <c r="C35475" i="3"/>
  <c r="C35476" i="3"/>
  <c r="C35477" i="3"/>
  <c r="C35478" i="3"/>
  <c r="C35479" i="3"/>
  <c r="C35480" i="3"/>
  <c r="C35481" i="3"/>
  <c r="C35482" i="3"/>
  <c r="C35483" i="3"/>
  <c r="C35484" i="3"/>
  <c r="C35485" i="3"/>
  <c r="C35486" i="3"/>
  <c r="C35487" i="3"/>
  <c r="C35488" i="3"/>
  <c r="C35489" i="3"/>
  <c r="C35490" i="3"/>
  <c r="C35491" i="3"/>
  <c r="C35492" i="3"/>
  <c r="C35493" i="3"/>
  <c r="C35494" i="3"/>
  <c r="C35495" i="3"/>
  <c r="C35496" i="3"/>
  <c r="C35497" i="3"/>
  <c r="C35498" i="3"/>
  <c r="C35499" i="3"/>
  <c r="C35500" i="3"/>
  <c r="C35501" i="3"/>
  <c r="C35502" i="3"/>
  <c r="C35503" i="3"/>
  <c r="C35504" i="3"/>
  <c r="C35505" i="3"/>
  <c r="C35506" i="3"/>
  <c r="C35507" i="3"/>
  <c r="C35508" i="3"/>
  <c r="C35509" i="3"/>
  <c r="C35510" i="3"/>
  <c r="C35511" i="3"/>
  <c r="C35512" i="3"/>
  <c r="C35513" i="3"/>
  <c r="C35514" i="3"/>
  <c r="C35515" i="3"/>
  <c r="C35516" i="3"/>
  <c r="C35517" i="3"/>
  <c r="C35518" i="3"/>
  <c r="C35519" i="3"/>
  <c r="C35520" i="3"/>
  <c r="C35521" i="3"/>
  <c r="C35522" i="3"/>
  <c r="C35523" i="3"/>
  <c r="C35524" i="3"/>
  <c r="C35525" i="3"/>
  <c r="C35526" i="3"/>
  <c r="C35527" i="3"/>
  <c r="C35528" i="3"/>
  <c r="C35529" i="3"/>
  <c r="C35530" i="3"/>
  <c r="C35531" i="3"/>
  <c r="C35532" i="3"/>
  <c r="C35533" i="3"/>
  <c r="C35534" i="3"/>
  <c r="C35535" i="3"/>
  <c r="C35536" i="3"/>
  <c r="C35537" i="3"/>
  <c r="C35538" i="3"/>
  <c r="C35539" i="3"/>
  <c r="C35540" i="3"/>
  <c r="C35541" i="3"/>
  <c r="C35542" i="3"/>
  <c r="C35543" i="3"/>
  <c r="C35544" i="3"/>
  <c r="C35545" i="3"/>
  <c r="C35546" i="3"/>
  <c r="C35547" i="3"/>
  <c r="C35548" i="3"/>
  <c r="C35549" i="3"/>
  <c r="C35550" i="3"/>
  <c r="C35551" i="3"/>
  <c r="C35552" i="3"/>
  <c r="C35553" i="3"/>
  <c r="C35554" i="3"/>
  <c r="C35555" i="3"/>
  <c r="C35556" i="3"/>
  <c r="C35557" i="3"/>
  <c r="C35558" i="3"/>
  <c r="C35559" i="3"/>
  <c r="C35560" i="3"/>
  <c r="C35561" i="3"/>
  <c r="C35562" i="3"/>
  <c r="C35563" i="3"/>
  <c r="C35564" i="3"/>
  <c r="C35565" i="3"/>
  <c r="C35566" i="3"/>
  <c r="C35567" i="3"/>
  <c r="C35568" i="3"/>
  <c r="C35569" i="3"/>
  <c r="C35570" i="3"/>
  <c r="C35571" i="3"/>
  <c r="C35572" i="3"/>
  <c r="C35573" i="3"/>
  <c r="C35574" i="3"/>
  <c r="C35575" i="3"/>
  <c r="C35576" i="3"/>
  <c r="C35577" i="3"/>
  <c r="C35578" i="3"/>
  <c r="C35579" i="3"/>
  <c r="C35580" i="3"/>
  <c r="C35581" i="3"/>
  <c r="C35582" i="3"/>
  <c r="C35583" i="3"/>
  <c r="C35584" i="3"/>
  <c r="C35585" i="3"/>
  <c r="C35586" i="3"/>
  <c r="C35587" i="3"/>
  <c r="C35588" i="3"/>
  <c r="C35589" i="3"/>
  <c r="C35590" i="3"/>
  <c r="C35591" i="3"/>
  <c r="C35592" i="3"/>
  <c r="C35593" i="3"/>
  <c r="C35594" i="3"/>
  <c r="C35595" i="3"/>
  <c r="C35596" i="3"/>
  <c r="C35597" i="3"/>
  <c r="C35598" i="3"/>
  <c r="C35599" i="3"/>
  <c r="C35600" i="3"/>
  <c r="C35601" i="3"/>
  <c r="C35602" i="3"/>
  <c r="C35603" i="3"/>
  <c r="C35604" i="3"/>
  <c r="C35605" i="3"/>
  <c r="C35606" i="3"/>
  <c r="C35607" i="3"/>
  <c r="C35608" i="3"/>
  <c r="C35609" i="3"/>
  <c r="C35610" i="3"/>
  <c r="C35611" i="3"/>
  <c r="C35612" i="3"/>
  <c r="C35613" i="3"/>
  <c r="C35614" i="3"/>
  <c r="C35615" i="3"/>
  <c r="C35616" i="3"/>
  <c r="C35617" i="3"/>
  <c r="C35618" i="3"/>
  <c r="C35619" i="3"/>
  <c r="C35620" i="3"/>
  <c r="C35621" i="3"/>
  <c r="C35622" i="3"/>
  <c r="C35623" i="3"/>
  <c r="C35624" i="3"/>
  <c r="C35625" i="3"/>
  <c r="C35626" i="3"/>
  <c r="C35627" i="3"/>
  <c r="C35628" i="3"/>
  <c r="C35629" i="3"/>
  <c r="C35630" i="3"/>
  <c r="C35631" i="3"/>
  <c r="C35632" i="3"/>
  <c r="C35633" i="3"/>
  <c r="C35634" i="3"/>
  <c r="C35635" i="3"/>
  <c r="C35636" i="3"/>
  <c r="C35637" i="3"/>
  <c r="C35638" i="3"/>
  <c r="C35639" i="3"/>
  <c r="C35640" i="3"/>
  <c r="C35641" i="3"/>
  <c r="C35642" i="3"/>
  <c r="C35643" i="3"/>
  <c r="C35644" i="3"/>
  <c r="C35645" i="3"/>
  <c r="C35646" i="3"/>
  <c r="C35647" i="3"/>
  <c r="C35648" i="3"/>
  <c r="C35649" i="3"/>
  <c r="C35650" i="3"/>
  <c r="C35651" i="3"/>
  <c r="C35652" i="3"/>
  <c r="C35653" i="3"/>
  <c r="C35654" i="3"/>
  <c r="C35655" i="3"/>
  <c r="C35656" i="3"/>
  <c r="C35657" i="3"/>
  <c r="C35658" i="3"/>
  <c r="C35659" i="3"/>
  <c r="C35660" i="3"/>
  <c r="C35661" i="3"/>
  <c r="C35662" i="3"/>
  <c r="C35663" i="3"/>
  <c r="C35664" i="3"/>
  <c r="C35665" i="3"/>
  <c r="C35666" i="3"/>
  <c r="C35667" i="3"/>
  <c r="C35668" i="3"/>
  <c r="C35669" i="3"/>
  <c r="C35670" i="3"/>
  <c r="C35671" i="3"/>
  <c r="C35672" i="3"/>
  <c r="C35673" i="3"/>
  <c r="C35674" i="3"/>
  <c r="C35675" i="3"/>
  <c r="C35676" i="3"/>
  <c r="C35677" i="3"/>
  <c r="C35678" i="3"/>
  <c r="C35679" i="3"/>
  <c r="C35680" i="3"/>
  <c r="C35681" i="3"/>
  <c r="C35682" i="3"/>
  <c r="C35683" i="3"/>
  <c r="C35684" i="3"/>
  <c r="C35685" i="3"/>
  <c r="C35686" i="3"/>
  <c r="C35687" i="3"/>
  <c r="C35688" i="3"/>
  <c r="C35689" i="3"/>
  <c r="C35690" i="3"/>
  <c r="C35691" i="3"/>
  <c r="C35692" i="3"/>
  <c r="C35693" i="3"/>
  <c r="C35694" i="3"/>
  <c r="C35695" i="3"/>
  <c r="C35696" i="3"/>
  <c r="C35697" i="3"/>
  <c r="C35698" i="3"/>
  <c r="C35699" i="3"/>
  <c r="C35700" i="3"/>
  <c r="C35701" i="3"/>
  <c r="C35702" i="3"/>
  <c r="C35703" i="3"/>
  <c r="C35704" i="3"/>
  <c r="C35705" i="3"/>
  <c r="C35706" i="3"/>
  <c r="C35707" i="3"/>
  <c r="C35708" i="3"/>
  <c r="C35709" i="3"/>
  <c r="C35710" i="3"/>
  <c r="C35711" i="3"/>
  <c r="C35712" i="3"/>
  <c r="C35713" i="3"/>
  <c r="C35714" i="3"/>
  <c r="C35715" i="3"/>
  <c r="C35716" i="3"/>
  <c r="C35717" i="3"/>
  <c r="C35718" i="3"/>
  <c r="C35719" i="3"/>
  <c r="C35720" i="3"/>
  <c r="C35721" i="3"/>
  <c r="C35722" i="3"/>
  <c r="C35723" i="3"/>
  <c r="C35724" i="3"/>
  <c r="C35725" i="3"/>
  <c r="C35726" i="3"/>
  <c r="C35727" i="3"/>
  <c r="C35728" i="3"/>
  <c r="C35729" i="3"/>
  <c r="C35730" i="3"/>
  <c r="C35731" i="3"/>
  <c r="C35732" i="3"/>
  <c r="C35733" i="3"/>
  <c r="C35734" i="3"/>
  <c r="C35735" i="3"/>
  <c r="C35736" i="3"/>
  <c r="C35737" i="3"/>
  <c r="C35738" i="3"/>
  <c r="C35739" i="3"/>
  <c r="C35740" i="3"/>
  <c r="C35741" i="3"/>
  <c r="C35742" i="3"/>
  <c r="C35743" i="3"/>
  <c r="C35744" i="3"/>
  <c r="C35745" i="3"/>
  <c r="C35746" i="3"/>
  <c r="C35747" i="3"/>
  <c r="C35748" i="3"/>
  <c r="C35749" i="3"/>
  <c r="C35750" i="3"/>
  <c r="C35751" i="3"/>
  <c r="C35752" i="3"/>
  <c r="C35753" i="3"/>
  <c r="C35754" i="3"/>
  <c r="C35755" i="3"/>
  <c r="C35756" i="3"/>
  <c r="C35757" i="3"/>
  <c r="C35758" i="3"/>
  <c r="C35759" i="3"/>
  <c r="C35760" i="3"/>
  <c r="C35761" i="3"/>
  <c r="C35762" i="3"/>
  <c r="C35763" i="3"/>
  <c r="C35764" i="3"/>
  <c r="C35765" i="3"/>
  <c r="C35766" i="3"/>
  <c r="C35767" i="3"/>
  <c r="C35768" i="3"/>
  <c r="C35769" i="3"/>
  <c r="C35770" i="3"/>
  <c r="C35771" i="3"/>
  <c r="C35772" i="3"/>
  <c r="C35773" i="3"/>
  <c r="C35774" i="3"/>
  <c r="C35775" i="3"/>
  <c r="C35776" i="3"/>
  <c r="C35777" i="3"/>
  <c r="C35778" i="3"/>
  <c r="C35779" i="3"/>
  <c r="C35780" i="3"/>
  <c r="C35781" i="3"/>
  <c r="C35782" i="3"/>
  <c r="C35783" i="3"/>
  <c r="C35784" i="3"/>
  <c r="C35785" i="3"/>
  <c r="C35786" i="3"/>
  <c r="C35787" i="3"/>
  <c r="C35788" i="3"/>
  <c r="C35789" i="3"/>
  <c r="C35790" i="3"/>
  <c r="C35791" i="3"/>
  <c r="C35792" i="3"/>
  <c r="C35793" i="3"/>
  <c r="C35794" i="3"/>
  <c r="C35795" i="3"/>
  <c r="C35796" i="3"/>
  <c r="C35797" i="3"/>
  <c r="C35798" i="3"/>
  <c r="C35799" i="3"/>
  <c r="C35800" i="3"/>
  <c r="C35801" i="3"/>
  <c r="C35802" i="3"/>
  <c r="C35803" i="3"/>
  <c r="C35804" i="3"/>
  <c r="C35805" i="3"/>
  <c r="C35806" i="3"/>
  <c r="C35807" i="3"/>
  <c r="C35808" i="3"/>
  <c r="C35809" i="3"/>
  <c r="C35810" i="3"/>
  <c r="C35811" i="3"/>
  <c r="C35812" i="3"/>
  <c r="C35813" i="3"/>
  <c r="C35814" i="3"/>
  <c r="C35815" i="3"/>
  <c r="C35816" i="3"/>
  <c r="C35817" i="3"/>
  <c r="C35818" i="3"/>
  <c r="C35819" i="3"/>
  <c r="C35820" i="3"/>
  <c r="C35821" i="3"/>
  <c r="C35822" i="3"/>
  <c r="C35823" i="3"/>
  <c r="C35824" i="3"/>
  <c r="C35825" i="3"/>
  <c r="C35826" i="3"/>
  <c r="C35827" i="3"/>
  <c r="C35828" i="3"/>
  <c r="C35829" i="3"/>
  <c r="C35830" i="3"/>
  <c r="C35831" i="3"/>
  <c r="C35832" i="3"/>
  <c r="C35833" i="3"/>
  <c r="C35834" i="3"/>
  <c r="C35835" i="3"/>
  <c r="C35836" i="3"/>
  <c r="C35837" i="3"/>
  <c r="C35838" i="3"/>
  <c r="C35839" i="3"/>
  <c r="C35840" i="3"/>
  <c r="C35841" i="3"/>
  <c r="C35842" i="3"/>
  <c r="C35843" i="3"/>
  <c r="C35844" i="3"/>
  <c r="C35845" i="3"/>
  <c r="C35846" i="3"/>
  <c r="C35847" i="3"/>
  <c r="C35848" i="3"/>
  <c r="C35849" i="3"/>
  <c r="C35850" i="3"/>
  <c r="C35851" i="3"/>
  <c r="C35852" i="3"/>
  <c r="C35853" i="3"/>
  <c r="C35854" i="3"/>
  <c r="C35855" i="3"/>
  <c r="C35856" i="3"/>
  <c r="C35857" i="3"/>
  <c r="C35858" i="3"/>
  <c r="C35859" i="3"/>
  <c r="C35860" i="3"/>
  <c r="C35861" i="3"/>
  <c r="C35862" i="3"/>
  <c r="C35863" i="3"/>
  <c r="C35864" i="3"/>
  <c r="C35865" i="3"/>
  <c r="C35866" i="3"/>
  <c r="C35867" i="3"/>
  <c r="C35868" i="3"/>
  <c r="C35869" i="3"/>
  <c r="C35870" i="3"/>
  <c r="C35871" i="3"/>
  <c r="C35872" i="3"/>
  <c r="C35873" i="3"/>
  <c r="C35874" i="3"/>
  <c r="C35875" i="3"/>
  <c r="C35876" i="3"/>
  <c r="C35877" i="3"/>
  <c r="C35878" i="3"/>
  <c r="C35879" i="3"/>
  <c r="C35880" i="3"/>
  <c r="C35881" i="3"/>
  <c r="C35882" i="3"/>
  <c r="C35883" i="3"/>
  <c r="C35884" i="3"/>
  <c r="C35885" i="3"/>
  <c r="C35886" i="3"/>
  <c r="C35887" i="3"/>
  <c r="C35888" i="3"/>
  <c r="C35889" i="3"/>
  <c r="C35890" i="3"/>
  <c r="C35891" i="3"/>
  <c r="C35892" i="3"/>
  <c r="C35893" i="3"/>
  <c r="C35894" i="3"/>
  <c r="C35895" i="3"/>
  <c r="C35896" i="3"/>
  <c r="C35897" i="3"/>
  <c r="C35898" i="3"/>
  <c r="C35899" i="3"/>
  <c r="C35900" i="3"/>
  <c r="C35901" i="3"/>
  <c r="C35902" i="3"/>
  <c r="C35903" i="3"/>
  <c r="C35904" i="3"/>
  <c r="C35905" i="3"/>
  <c r="C35906" i="3"/>
  <c r="C35907" i="3"/>
  <c r="C35908" i="3"/>
  <c r="C35909" i="3"/>
  <c r="C35910" i="3"/>
  <c r="C35911" i="3"/>
  <c r="C35912" i="3"/>
  <c r="C35913" i="3"/>
  <c r="C35914" i="3"/>
  <c r="C35915" i="3"/>
  <c r="C35916" i="3"/>
  <c r="C35917" i="3"/>
  <c r="C35918" i="3"/>
  <c r="C35919" i="3"/>
  <c r="C35920" i="3"/>
  <c r="C35921" i="3"/>
  <c r="C35922" i="3"/>
  <c r="C35923" i="3"/>
  <c r="C35924" i="3"/>
  <c r="C35925" i="3"/>
  <c r="C35926" i="3"/>
  <c r="C35927" i="3"/>
  <c r="C35928" i="3"/>
  <c r="C35929" i="3"/>
  <c r="C35930" i="3"/>
  <c r="C35931" i="3"/>
  <c r="C35932" i="3"/>
  <c r="C35933" i="3"/>
  <c r="C35934" i="3"/>
  <c r="C35935" i="3"/>
  <c r="C35936" i="3"/>
  <c r="C35937" i="3"/>
  <c r="C35938" i="3"/>
  <c r="C35939" i="3"/>
  <c r="C35940" i="3"/>
  <c r="C35941" i="3"/>
  <c r="C35942" i="3"/>
  <c r="C35943" i="3"/>
  <c r="C35944" i="3"/>
  <c r="C35945" i="3"/>
  <c r="C35946" i="3"/>
  <c r="C35947" i="3"/>
  <c r="C35948" i="3"/>
  <c r="C35949" i="3"/>
  <c r="C35950" i="3"/>
  <c r="C35951" i="3"/>
  <c r="C35952" i="3"/>
  <c r="C35953" i="3"/>
  <c r="C35954" i="3"/>
  <c r="C35955" i="3"/>
  <c r="C35956" i="3"/>
  <c r="C35957" i="3"/>
  <c r="C35958" i="3"/>
  <c r="C35959" i="3"/>
  <c r="C35960" i="3"/>
  <c r="C35961" i="3"/>
  <c r="C35962" i="3"/>
  <c r="C35963" i="3"/>
  <c r="C35964" i="3"/>
  <c r="C35965" i="3"/>
  <c r="C35966" i="3"/>
  <c r="C35967" i="3"/>
  <c r="C35968" i="3"/>
  <c r="C35969" i="3"/>
  <c r="C35970" i="3"/>
  <c r="C35971" i="3"/>
  <c r="C35972" i="3"/>
  <c r="C35973" i="3"/>
  <c r="C35974" i="3"/>
  <c r="C35975" i="3"/>
  <c r="C35976" i="3"/>
  <c r="C35977" i="3"/>
  <c r="C35978" i="3"/>
  <c r="C35979" i="3"/>
  <c r="C35980" i="3"/>
  <c r="C35981" i="3"/>
  <c r="C35982" i="3"/>
  <c r="C35983" i="3"/>
  <c r="C35984" i="3"/>
  <c r="C35985" i="3"/>
  <c r="C35986" i="3"/>
  <c r="C35987" i="3"/>
  <c r="C35988" i="3"/>
  <c r="C35989" i="3"/>
  <c r="C35990" i="3"/>
  <c r="C35991" i="3"/>
  <c r="C35992" i="3"/>
  <c r="C35993" i="3"/>
  <c r="C35994" i="3"/>
  <c r="C35995" i="3"/>
  <c r="C35996" i="3"/>
  <c r="C35997" i="3"/>
  <c r="C35998" i="3"/>
  <c r="C35999" i="3"/>
  <c r="C36000" i="3"/>
  <c r="C36001" i="3"/>
  <c r="C36002" i="3"/>
  <c r="C36003" i="3"/>
  <c r="C36004" i="3"/>
  <c r="C36005" i="3"/>
  <c r="C36006" i="3"/>
  <c r="C36007" i="3"/>
  <c r="C36008" i="3"/>
  <c r="C36009" i="3"/>
  <c r="C36010" i="3"/>
  <c r="C36011" i="3"/>
  <c r="C36012" i="3"/>
  <c r="C36013" i="3"/>
  <c r="C36014" i="3"/>
  <c r="C36015" i="3"/>
  <c r="C36016" i="3"/>
  <c r="C36017" i="3"/>
  <c r="C36018" i="3"/>
  <c r="C36019" i="3"/>
  <c r="C36020" i="3"/>
  <c r="C36021" i="3"/>
  <c r="C36022" i="3"/>
  <c r="C36023" i="3"/>
  <c r="C36024" i="3"/>
  <c r="C36025" i="3"/>
  <c r="C36026" i="3"/>
  <c r="C36027" i="3"/>
  <c r="C36028" i="3"/>
  <c r="C36029" i="3"/>
  <c r="C36030" i="3"/>
  <c r="C36031" i="3"/>
  <c r="C36032" i="3"/>
  <c r="C36033" i="3"/>
  <c r="C36034" i="3"/>
  <c r="C36035" i="3"/>
  <c r="C36036" i="3"/>
  <c r="C36037" i="3"/>
  <c r="C36038" i="3"/>
  <c r="C36039" i="3"/>
  <c r="C36040" i="3"/>
  <c r="C36041" i="3"/>
  <c r="C36042" i="3"/>
  <c r="C36043" i="3"/>
  <c r="C36044" i="3"/>
  <c r="C36045" i="3"/>
  <c r="C36046" i="3"/>
  <c r="C36047" i="3"/>
  <c r="C36048" i="3"/>
  <c r="C36049" i="3"/>
  <c r="C36050" i="3"/>
  <c r="C36051" i="3"/>
  <c r="C36052" i="3"/>
  <c r="C36053" i="3"/>
  <c r="C36054" i="3"/>
  <c r="C36055" i="3"/>
  <c r="C36056" i="3"/>
  <c r="C36057" i="3"/>
  <c r="C36058" i="3"/>
  <c r="C36059" i="3"/>
  <c r="C36060" i="3"/>
  <c r="C36061" i="3"/>
  <c r="C36062" i="3"/>
  <c r="C36063" i="3"/>
  <c r="C36064" i="3"/>
  <c r="C36065" i="3"/>
  <c r="C36066" i="3"/>
  <c r="C36067" i="3"/>
  <c r="C36068" i="3"/>
  <c r="C36069" i="3"/>
  <c r="C36070" i="3"/>
  <c r="C36071" i="3"/>
  <c r="C36072" i="3"/>
  <c r="C36073" i="3"/>
  <c r="C36074" i="3"/>
  <c r="C36075" i="3"/>
  <c r="C36076" i="3"/>
  <c r="C36077" i="3"/>
  <c r="C36078" i="3"/>
  <c r="C36079" i="3"/>
  <c r="C36080" i="3"/>
  <c r="C36081" i="3"/>
  <c r="C36082" i="3"/>
  <c r="C36083" i="3"/>
  <c r="C36084" i="3"/>
  <c r="C36085" i="3"/>
  <c r="C36086" i="3"/>
  <c r="C36087" i="3"/>
  <c r="C36088" i="3"/>
  <c r="C36089" i="3"/>
  <c r="C36090" i="3"/>
  <c r="C36091" i="3"/>
  <c r="C36092" i="3"/>
  <c r="C36093" i="3"/>
  <c r="C36094" i="3"/>
  <c r="C36095" i="3"/>
  <c r="C36096" i="3"/>
  <c r="C36097" i="3"/>
  <c r="C36098" i="3"/>
  <c r="C36099" i="3"/>
  <c r="C36100" i="3"/>
  <c r="C36101" i="3"/>
  <c r="C36102" i="3"/>
  <c r="C36103" i="3"/>
  <c r="C36104" i="3"/>
  <c r="C36105" i="3"/>
  <c r="C36106" i="3"/>
  <c r="C36107" i="3"/>
  <c r="C36108" i="3"/>
  <c r="C36109" i="3"/>
  <c r="C36110" i="3"/>
  <c r="C36111" i="3"/>
  <c r="C36112" i="3"/>
  <c r="C36113" i="3"/>
  <c r="C36114" i="3"/>
  <c r="C36115" i="3"/>
  <c r="C36116" i="3"/>
  <c r="C36117" i="3"/>
  <c r="C36118" i="3"/>
  <c r="C36119" i="3"/>
  <c r="C36120" i="3"/>
  <c r="C36121" i="3"/>
  <c r="C36122" i="3"/>
  <c r="C36123" i="3"/>
  <c r="C36124" i="3"/>
  <c r="C36125" i="3"/>
  <c r="C36126" i="3"/>
  <c r="C36127" i="3"/>
  <c r="C36128" i="3"/>
  <c r="C36129" i="3"/>
  <c r="C36130" i="3"/>
  <c r="C36131" i="3"/>
  <c r="C36132" i="3"/>
  <c r="C36133" i="3"/>
  <c r="C36134" i="3"/>
  <c r="C36135" i="3"/>
  <c r="C36136" i="3"/>
  <c r="C36137" i="3"/>
  <c r="C36138" i="3"/>
  <c r="C36139" i="3"/>
  <c r="C36140" i="3"/>
  <c r="C36141" i="3"/>
  <c r="C36142" i="3"/>
  <c r="C36143" i="3"/>
  <c r="C36144" i="3"/>
  <c r="C36145" i="3"/>
  <c r="C36146" i="3"/>
  <c r="C36147" i="3"/>
  <c r="C36148" i="3"/>
  <c r="C36149" i="3"/>
  <c r="C36150" i="3"/>
  <c r="C36151" i="3"/>
  <c r="C36152" i="3"/>
  <c r="C36153" i="3"/>
  <c r="C36154" i="3"/>
  <c r="C36155" i="3"/>
  <c r="C36156" i="3"/>
  <c r="C36157" i="3"/>
  <c r="C36158" i="3"/>
  <c r="C36159" i="3"/>
  <c r="C36160" i="3"/>
  <c r="C36161" i="3"/>
  <c r="C36162" i="3"/>
  <c r="C36163" i="3"/>
  <c r="C36164" i="3"/>
  <c r="C36165" i="3"/>
  <c r="C36166" i="3"/>
  <c r="C36167" i="3"/>
  <c r="C36168" i="3"/>
  <c r="C36169" i="3"/>
  <c r="C36170" i="3"/>
  <c r="C36171" i="3"/>
  <c r="C36172" i="3"/>
  <c r="C36173" i="3"/>
  <c r="C36174" i="3"/>
  <c r="C36175" i="3"/>
  <c r="C36176" i="3"/>
  <c r="C36177" i="3"/>
  <c r="C36178" i="3"/>
  <c r="C36179" i="3"/>
  <c r="C36180" i="3"/>
  <c r="C36181" i="3"/>
  <c r="C36182" i="3"/>
  <c r="C36183" i="3"/>
  <c r="C36184" i="3"/>
  <c r="C36185" i="3"/>
  <c r="C36186" i="3"/>
  <c r="C36187" i="3"/>
  <c r="C36188" i="3"/>
  <c r="C36189" i="3"/>
  <c r="C36190" i="3"/>
  <c r="C36191" i="3"/>
  <c r="C36192" i="3"/>
  <c r="C36193" i="3"/>
  <c r="C36194" i="3"/>
  <c r="C36195" i="3"/>
  <c r="C36196" i="3"/>
  <c r="C36197" i="3"/>
  <c r="C36198" i="3"/>
  <c r="C36199" i="3"/>
  <c r="C36200" i="3"/>
  <c r="C36201" i="3"/>
  <c r="C36202" i="3"/>
  <c r="C36203" i="3"/>
  <c r="C36204" i="3"/>
  <c r="C36205" i="3"/>
  <c r="C36206" i="3"/>
  <c r="C36207" i="3"/>
  <c r="C36208" i="3"/>
  <c r="C36209" i="3"/>
  <c r="C36210" i="3"/>
  <c r="C36211" i="3"/>
  <c r="C36212" i="3"/>
  <c r="C36213" i="3"/>
  <c r="C36214" i="3"/>
  <c r="C36215" i="3"/>
  <c r="C36216" i="3"/>
  <c r="C36217" i="3"/>
  <c r="C36218" i="3"/>
  <c r="C36219" i="3"/>
  <c r="C36220" i="3"/>
  <c r="C36221" i="3"/>
  <c r="C36222" i="3"/>
  <c r="C36223" i="3"/>
  <c r="C36224" i="3"/>
  <c r="C36225" i="3"/>
  <c r="C36226" i="3"/>
  <c r="C36227" i="3"/>
  <c r="C36228" i="3"/>
  <c r="C36229" i="3"/>
  <c r="C36230" i="3"/>
  <c r="C36231" i="3"/>
  <c r="C36232" i="3"/>
  <c r="C36233" i="3"/>
  <c r="C36234" i="3"/>
  <c r="C36235" i="3"/>
  <c r="C36236" i="3"/>
  <c r="C36237" i="3"/>
  <c r="C36238" i="3"/>
  <c r="C36239" i="3"/>
  <c r="C36240" i="3"/>
  <c r="C36241" i="3"/>
  <c r="C36242" i="3"/>
  <c r="C36243" i="3"/>
  <c r="C36244" i="3"/>
  <c r="C36245" i="3"/>
  <c r="C36246" i="3"/>
  <c r="C36247" i="3"/>
  <c r="C36248" i="3"/>
  <c r="C36249" i="3"/>
  <c r="C36250" i="3"/>
  <c r="C36251" i="3"/>
  <c r="C36252" i="3"/>
  <c r="C36253" i="3"/>
  <c r="C36254" i="3"/>
  <c r="C36255" i="3"/>
  <c r="C36256" i="3"/>
  <c r="C36257" i="3"/>
  <c r="C36258" i="3"/>
  <c r="C36259" i="3"/>
  <c r="C36260" i="3"/>
  <c r="C36261" i="3"/>
  <c r="C36262" i="3"/>
  <c r="C36263" i="3"/>
  <c r="C36264" i="3"/>
  <c r="C36265" i="3"/>
  <c r="C36266" i="3"/>
  <c r="C36267" i="3"/>
  <c r="C36268" i="3"/>
  <c r="C36269" i="3"/>
  <c r="C36270" i="3"/>
  <c r="C36271" i="3"/>
  <c r="C36272" i="3"/>
  <c r="C36273" i="3"/>
  <c r="C36274" i="3"/>
  <c r="C36275" i="3"/>
  <c r="C36276" i="3"/>
  <c r="C36277" i="3"/>
  <c r="C36278" i="3"/>
  <c r="C36279" i="3"/>
  <c r="C36280" i="3"/>
  <c r="C36281" i="3"/>
  <c r="C36282" i="3"/>
  <c r="C36283" i="3"/>
  <c r="C36284" i="3"/>
  <c r="C36285" i="3"/>
  <c r="C36286" i="3"/>
  <c r="C36287" i="3"/>
  <c r="C36288" i="3"/>
  <c r="C36289" i="3"/>
  <c r="C36290" i="3"/>
  <c r="C36291" i="3"/>
  <c r="C36292" i="3"/>
  <c r="C36293" i="3"/>
  <c r="C36294" i="3"/>
  <c r="C36295" i="3"/>
  <c r="C36296" i="3"/>
  <c r="C36297" i="3"/>
  <c r="C36298" i="3"/>
  <c r="C36299" i="3"/>
  <c r="C36300" i="3"/>
  <c r="C36301" i="3"/>
  <c r="C36302" i="3"/>
  <c r="C36303" i="3"/>
  <c r="C36304" i="3"/>
  <c r="C36305" i="3"/>
  <c r="C36306" i="3"/>
  <c r="C36307" i="3"/>
  <c r="C36308" i="3"/>
  <c r="C36309" i="3"/>
  <c r="C36310" i="3"/>
  <c r="C36311" i="3"/>
  <c r="C36312" i="3"/>
  <c r="C36313" i="3"/>
  <c r="C36314" i="3"/>
  <c r="C36315" i="3"/>
  <c r="C36316" i="3"/>
  <c r="C36317" i="3"/>
  <c r="C36318" i="3"/>
  <c r="C36319" i="3"/>
  <c r="C36320" i="3"/>
  <c r="C36321" i="3"/>
  <c r="C36322" i="3"/>
  <c r="C36323" i="3"/>
  <c r="C36324" i="3"/>
  <c r="C36325" i="3"/>
  <c r="C36326" i="3"/>
  <c r="C36327" i="3"/>
  <c r="C36328" i="3"/>
  <c r="C36329" i="3"/>
  <c r="C36330" i="3"/>
  <c r="C36331" i="3"/>
  <c r="C36332" i="3"/>
  <c r="C36333" i="3"/>
  <c r="C36334" i="3"/>
  <c r="C36335" i="3"/>
  <c r="C36336" i="3"/>
  <c r="C36337" i="3"/>
  <c r="C36338" i="3"/>
  <c r="C36339" i="3"/>
  <c r="C36340" i="3"/>
  <c r="C36341" i="3"/>
  <c r="C36342" i="3"/>
  <c r="C36343" i="3"/>
  <c r="C36344" i="3"/>
  <c r="C36345" i="3"/>
  <c r="C36346" i="3"/>
  <c r="C36347" i="3"/>
  <c r="C36348" i="3"/>
  <c r="C36349" i="3"/>
  <c r="C36350" i="3"/>
  <c r="C36351" i="3"/>
  <c r="C36352" i="3"/>
  <c r="C36353" i="3"/>
  <c r="C36354" i="3"/>
  <c r="C36355" i="3"/>
  <c r="C36356" i="3"/>
  <c r="C36357" i="3"/>
  <c r="C36358" i="3"/>
  <c r="C36359" i="3"/>
  <c r="C36360" i="3"/>
  <c r="C36361" i="3"/>
  <c r="C36362" i="3"/>
  <c r="C36363" i="3"/>
  <c r="C36364" i="3"/>
  <c r="C36365" i="3"/>
  <c r="C36366" i="3"/>
  <c r="C36367" i="3"/>
  <c r="C36368" i="3"/>
  <c r="C36369" i="3"/>
  <c r="C36370" i="3"/>
  <c r="C36371" i="3"/>
  <c r="C36372" i="3"/>
  <c r="C36373" i="3"/>
  <c r="C36374" i="3"/>
  <c r="C36375" i="3"/>
  <c r="C36376" i="3"/>
  <c r="C36377" i="3"/>
  <c r="C36378" i="3"/>
  <c r="C36379" i="3"/>
  <c r="C36380" i="3"/>
  <c r="C36381" i="3"/>
  <c r="C36382" i="3"/>
  <c r="C36383" i="3"/>
  <c r="C36384" i="3"/>
  <c r="C36385" i="3"/>
  <c r="C36386" i="3"/>
  <c r="C36387" i="3"/>
  <c r="C36388" i="3"/>
  <c r="C36389" i="3"/>
  <c r="C36390" i="3"/>
  <c r="C36391" i="3"/>
  <c r="C36392" i="3"/>
  <c r="C36393" i="3"/>
  <c r="C36394" i="3"/>
  <c r="C36395" i="3"/>
  <c r="C36396" i="3"/>
  <c r="C36397" i="3"/>
  <c r="C36398" i="3"/>
  <c r="C36399" i="3"/>
  <c r="C36400" i="3"/>
  <c r="C36401" i="3"/>
  <c r="C36402" i="3"/>
  <c r="C36403" i="3"/>
  <c r="C36404" i="3"/>
  <c r="C36405" i="3"/>
  <c r="C36406" i="3"/>
  <c r="C36407" i="3"/>
  <c r="C36408" i="3"/>
  <c r="C36409" i="3"/>
  <c r="C36410" i="3"/>
  <c r="C36411" i="3"/>
  <c r="C36412" i="3"/>
  <c r="C36413" i="3"/>
  <c r="C36414" i="3"/>
  <c r="C36415" i="3"/>
  <c r="C36416" i="3"/>
  <c r="C36417" i="3"/>
  <c r="C36418" i="3"/>
  <c r="C36419" i="3"/>
  <c r="C36420" i="3"/>
  <c r="C36421" i="3"/>
  <c r="C36422" i="3"/>
  <c r="C36423" i="3"/>
  <c r="C36424" i="3"/>
  <c r="C36425" i="3"/>
  <c r="C36426" i="3"/>
  <c r="C36427" i="3"/>
  <c r="C36428" i="3"/>
  <c r="C36429" i="3"/>
  <c r="C36430" i="3"/>
  <c r="C36431" i="3"/>
  <c r="C36432" i="3"/>
  <c r="C36433" i="3"/>
  <c r="C36434" i="3"/>
  <c r="C36435" i="3"/>
  <c r="C36436" i="3"/>
  <c r="C36437" i="3"/>
  <c r="C36438" i="3"/>
  <c r="C36439" i="3"/>
  <c r="C36440" i="3"/>
  <c r="C36441" i="3"/>
  <c r="C36442" i="3"/>
  <c r="C36443" i="3"/>
  <c r="C36444" i="3"/>
  <c r="C36445" i="3"/>
  <c r="C36446" i="3"/>
  <c r="C36447" i="3"/>
  <c r="C36448" i="3"/>
  <c r="C36449" i="3"/>
  <c r="C36450" i="3"/>
  <c r="C36451" i="3"/>
  <c r="C36452" i="3"/>
  <c r="C36453" i="3"/>
  <c r="C36454" i="3"/>
  <c r="C36455" i="3"/>
  <c r="C36456" i="3"/>
  <c r="C36457" i="3"/>
  <c r="C36458" i="3"/>
  <c r="C36459" i="3"/>
  <c r="C36460" i="3"/>
  <c r="C36461" i="3"/>
  <c r="C36462" i="3"/>
  <c r="C36463" i="3"/>
  <c r="C36464" i="3"/>
  <c r="C36465" i="3"/>
  <c r="C36466" i="3"/>
  <c r="C36467" i="3"/>
  <c r="C36468" i="3"/>
  <c r="C36469" i="3"/>
  <c r="C36470" i="3"/>
  <c r="C36471" i="3"/>
  <c r="C36472" i="3"/>
  <c r="C36473" i="3"/>
  <c r="C36474" i="3"/>
  <c r="C36475" i="3"/>
  <c r="C36476" i="3"/>
  <c r="C36477" i="3"/>
  <c r="C36478" i="3"/>
  <c r="C36479" i="3"/>
  <c r="C36480" i="3"/>
  <c r="C36481" i="3"/>
  <c r="C36482" i="3"/>
  <c r="C36483" i="3"/>
  <c r="C36484" i="3"/>
  <c r="C36485" i="3"/>
  <c r="C36486" i="3"/>
  <c r="C36487" i="3"/>
  <c r="C36488" i="3"/>
  <c r="C36489" i="3"/>
  <c r="C36490" i="3"/>
  <c r="C36491" i="3"/>
  <c r="C36492" i="3"/>
  <c r="C36493" i="3"/>
  <c r="C36494" i="3"/>
  <c r="C36495" i="3"/>
  <c r="C36496" i="3"/>
  <c r="C36497" i="3"/>
  <c r="C36498" i="3"/>
  <c r="C36499" i="3"/>
  <c r="C36500" i="3"/>
  <c r="C36501" i="3"/>
  <c r="C36502" i="3"/>
  <c r="C36503" i="3"/>
  <c r="C36504" i="3"/>
  <c r="C36505" i="3"/>
  <c r="C36506" i="3"/>
  <c r="C36507" i="3"/>
  <c r="C36508" i="3"/>
  <c r="C36509" i="3"/>
  <c r="C36510" i="3"/>
  <c r="C36511" i="3"/>
  <c r="C36512" i="3"/>
  <c r="C36513" i="3"/>
  <c r="C36514" i="3"/>
  <c r="C36515" i="3"/>
  <c r="C36516" i="3"/>
  <c r="C36517" i="3"/>
  <c r="C36518" i="3"/>
  <c r="C36519" i="3"/>
  <c r="C36520" i="3"/>
  <c r="C36521" i="3"/>
  <c r="C36522" i="3"/>
  <c r="C36523" i="3"/>
  <c r="C36524" i="3"/>
  <c r="C36525" i="3"/>
  <c r="C36526" i="3"/>
  <c r="C36527" i="3"/>
  <c r="C36528" i="3"/>
  <c r="C36529" i="3"/>
  <c r="C36530" i="3"/>
  <c r="C36531" i="3"/>
  <c r="C36532" i="3"/>
  <c r="C36533" i="3"/>
  <c r="C36534" i="3"/>
  <c r="C36535" i="3"/>
  <c r="C36536" i="3"/>
  <c r="C36537" i="3"/>
  <c r="C36538" i="3"/>
  <c r="C36539" i="3"/>
  <c r="C36540" i="3"/>
  <c r="C36541" i="3"/>
  <c r="C36542" i="3"/>
  <c r="C36543" i="3"/>
  <c r="C36544" i="3"/>
  <c r="C36545" i="3"/>
  <c r="C36546" i="3"/>
  <c r="C36547" i="3"/>
  <c r="C36548" i="3"/>
  <c r="C36549" i="3"/>
  <c r="C36550" i="3"/>
  <c r="C36551" i="3"/>
  <c r="C36552" i="3"/>
  <c r="C36553" i="3"/>
  <c r="C36554" i="3"/>
  <c r="C36555" i="3"/>
  <c r="C36556" i="3"/>
  <c r="C36557" i="3"/>
  <c r="C36558" i="3"/>
  <c r="C36559" i="3"/>
  <c r="C36560" i="3"/>
  <c r="C36561" i="3"/>
  <c r="C36562" i="3"/>
  <c r="C36563" i="3"/>
  <c r="C36564" i="3"/>
  <c r="C36565" i="3"/>
  <c r="C36566" i="3"/>
  <c r="C36567" i="3"/>
  <c r="C36568" i="3"/>
  <c r="C36569" i="3"/>
  <c r="C36570" i="3"/>
  <c r="C36571" i="3"/>
  <c r="C36572" i="3"/>
  <c r="C36573" i="3"/>
  <c r="C36574" i="3"/>
  <c r="C36575" i="3"/>
  <c r="C36576" i="3"/>
  <c r="C36577" i="3"/>
  <c r="C36578" i="3"/>
  <c r="C36579" i="3"/>
  <c r="C36580" i="3"/>
  <c r="C36581" i="3"/>
  <c r="C36582" i="3"/>
  <c r="C36583" i="3"/>
  <c r="C36584" i="3"/>
  <c r="C36585" i="3"/>
  <c r="C36586" i="3"/>
  <c r="C36587" i="3"/>
  <c r="C36588" i="3"/>
  <c r="C36589" i="3"/>
  <c r="C36590" i="3"/>
  <c r="C36591" i="3"/>
  <c r="C36592" i="3"/>
  <c r="C36593" i="3"/>
  <c r="C36594" i="3"/>
  <c r="C36595" i="3"/>
  <c r="C36596" i="3"/>
  <c r="C36597" i="3"/>
  <c r="C36598" i="3"/>
  <c r="C36599" i="3"/>
  <c r="C36600" i="3"/>
  <c r="C36601" i="3"/>
  <c r="C36602" i="3"/>
  <c r="C36603" i="3"/>
  <c r="C36604" i="3"/>
  <c r="C36605" i="3"/>
  <c r="C36606" i="3"/>
  <c r="C36607" i="3"/>
  <c r="C36608" i="3"/>
  <c r="C36609" i="3"/>
  <c r="C36610" i="3"/>
  <c r="C36611" i="3"/>
  <c r="C36612" i="3"/>
  <c r="C36613" i="3"/>
  <c r="C36614" i="3"/>
  <c r="C36615" i="3"/>
  <c r="C36616" i="3"/>
  <c r="C36617" i="3"/>
  <c r="C36618" i="3"/>
  <c r="C36619" i="3"/>
  <c r="C36620" i="3"/>
  <c r="C36621" i="3"/>
  <c r="C36622" i="3"/>
  <c r="C36623" i="3"/>
  <c r="C36624" i="3"/>
  <c r="C36625" i="3"/>
  <c r="C36626" i="3"/>
  <c r="C36627" i="3"/>
  <c r="C36628" i="3"/>
  <c r="C36629" i="3"/>
  <c r="C36630" i="3"/>
  <c r="C36631" i="3"/>
  <c r="C36632" i="3"/>
  <c r="C36633" i="3"/>
  <c r="C36634" i="3"/>
  <c r="C36635" i="3"/>
  <c r="C36636" i="3"/>
  <c r="C36637" i="3"/>
  <c r="C36638" i="3"/>
  <c r="C36639" i="3"/>
  <c r="C36640" i="3"/>
  <c r="C36641" i="3"/>
  <c r="C36642" i="3"/>
  <c r="C36643" i="3"/>
  <c r="C36644" i="3"/>
  <c r="C36645" i="3"/>
  <c r="C36646" i="3"/>
  <c r="C36647" i="3"/>
  <c r="C36648" i="3"/>
  <c r="C36649" i="3"/>
  <c r="C36650" i="3"/>
  <c r="C36651" i="3"/>
  <c r="C36652" i="3"/>
  <c r="C36653" i="3"/>
  <c r="C36654" i="3"/>
  <c r="C36655" i="3"/>
  <c r="C36656" i="3"/>
  <c r="C36657" i="3"/>
  <c r="C36658" i="3"/>
  <c r="C36659" i="3"/>
  <c r="C36660" i="3"/>
  <c r="C36661" i="3"/>
  <c r="C36662" i="3"/>
  <c r="C36663" i="3"/>
  <c r="C36664" i="3"/>
  <c r="C36665" i="3"/>
  <c r="C36666" i="3"/>
  <c r="C36667" i="3"/>
  <c r="C36668" i="3"/>
  <c r="C36669" i="3"/>
  <c r="C36670" i="3"/>
  <c r="C36671" i="3"/>
  <c r="C36672" i="3"/>
  <c r="C36673" i="3"/>
  <c r="C36674" i="3"/>
  <c r="C36675" i="3"/>
  <c r="C36676" i="3"/>
  <c r="C36677" i="3"/>
  <c r="C36678" i="3"/>
  <c r="C36679" i="3"/>
  <c r="C36680" i="3"/>
  <c r="C36681" i="3"/>
  <c r="C36682" i="3"/>
  <c r="C36683" i="3"/>
  <c r="C36684" i="3"/>
  <c r="C36685" i="3"/>
  <c r="C36686" i="3"/>
  <c r="C36687" i="3"/>
  <c r="C36688" i="3"/>
  <c r="C36689" i="3"/>
  <c r="C36690" i="3"/>
  <c r="C36691" i="3"/>
  <c r="C36692" i="3"/>
  <c r="C36693" i="3"/>
  <c r="C36694" i="3"/>
  <c r="C36695" i="3"/>
  <c r="C36696" i="3"/>
  <c r="C36697" i="3"/>
  <c r="C36698" i="3"/>
  <c r="C36699" i="3"/>
  <c r="C36700" i="3"/>
  <c r="C36701" i="3"/>
  <c r="C36702" i="3"/>
  <c r="C36703" i="3"/>
  <c r="C36704" i="3"/>
  <c r="C36705" i="3"/>
  <c r="C36706" i="3"/>
  <c r="C36707" i="3"/>
  <c r="C36708" i="3"/>
  <c r="C36709" i="3"/>
  <c r="C36710" i="3"/>
  <c r="C36711" i="3"/>
  <c r="C36712" i="3"/>
  <c r="C36713" i="3"/>
  <c r="C36714" i="3"/>
  <c r="C36715" i="3"/>
  <c r="C36716" i="3"/>
  <c r="C36717" i="3"/>
  <c r="C36718" i="3"/>
  <c r="C36719" i="3"/>
  <c r="C36720" i="3"/>
  <c r="C36721" i="3"/>
  <c r="C36722" i="3"/>
  <c r="C36723" i="3"/>
  <c r="C36724" i="3"/>
  <c r="C36725" i="3"/>
  <c r="C36726" i="3"/>
  <c r="C36727" i="3"/>
  <c r="C36728" i="3"/>
  <c r="C36729" i="3"/>
  <c r="C36730" i="3"/>
  <c r="C36731" i="3"/>
  <c r="C36732" i="3"/>
  <c r="C36733" i="3"/>
  <c r="C36734" i="3"/>
  <c r="C36735" i="3"/>
  <c r="C36736" i="3"/>
  <c r="C36737" i="3"/>
  <c r="C36738" i="3"/>
  <c r="C36739" i="3"/>
  <c r="C36740" i="3"/>
  <c r="C36741" i="3"/>
  <c r="C36742" i="3"/>
  <c r="C36743" i="3"/>
  <c r="C36744" i="3"/>
  <c r="C36745" i="3"/>
  <c r="C36746" i="3"/>
  <c r="C36747" i="3"/>
  <c r="C36748" i="3"/>
  <c r="C36749" i="3"/>
  <c r="C36750" i="3"/>
  <c r="C36751" i="3"/>
  <c r="C36752" i="3"/>
  <c r="C36753" i="3"/>
  <c r="C36754" i="3"/>
  <c r="C36755" i="3"/>
  <c r="C36756" i="3"/>
  <c r="C36757" i="3"/>
  <c r="C36758" i="3"/>
  <c r="C36759" i="3"/>
  <c r="C36760" i="3"/>
  <c r="C36761" i="3"/>
  <c r="C36762" i="3"/>
  <c r="C36763" i="3"/>
  <c r="C36764" i="3"/>
  <c r="C36765" i="3"/>
  <c r="C36766" i="3"/>
  <c r="C36767" i="3"/>
  <c r="C36768" i="3"/>
  <c r="C36769" i="3"/>
  <c r="C36770" i="3"/>
  <c r="C36771" i="3"/>
  <c r="C36772" i="3"/>
  <c r="C36773" i="3"/>
  <c r="C36774" i="3"/>
  <c r="C36775" i="3"/>
  <c r="C36776" i="3"/>
  <c r="C36777" i="3"/>
  <c r="C36778" i="3"/>
  <c r="C36779" i="3"/>
  <c r="C36780" i="3"/>
  <c r="C36781" i="3"/>
  <c r="C36782" i="3"/>
  <c r="C36783" i="3"/>
  <c r="C36784" i="3"/>
  <c r="C36785" i="3"/>
  <c r="C36786" i="3"/>
  <c r="C36787" i="3"/>
  <c r="C36788" i="3"/>
  <c r="C36789" i="3"/>
  <c r="C36790" i="3"/>
  <c r="C36791" i="3"/>
  <c r="C36792" i="3"/>
  <c r="C36793" i="3"/>
  <c r="C36794" i="3"/>
  <c r="C36795" i="3"/>
  <c r="C36796" i="3"/>
  <c r="C36797" i="3"/>
  <c r="C36798" i="3"/>
  <c r="C36799" i="3"/>
  <c r="C36800" i="3"/>
  <c r="C36801" i="3"/>
  <c r="C36802" i="3"/>
  <c r="C36803" i="3"/>
  <c r="C36804" i="3"/>
  <c r="C36805" i="3"/>
  <c r="C36806" i="3"/>
  <c r="C36807" i="3"/>
  <c r="C36808" i="3"/>
  <c r="C36809" i="3"/>
  <c r="C36810" i="3"/>
  <c r="C36811" i="3"/>
  <c r="C36812" i="3"/>
  <c r="C36813" i="3"/>
  <c r="C36814" i="3"/>
  <c r="C36815" i="3"/>
  <c r="C36816" i="3"/>
  <c r="C36817" i="3"/>
  <c r="C36818" i="3"/>
  <c r="C36819" i="3"/>
  <c r="C36820" i="3"/>
  <c r="C36821" i="3"/>
  <c r="C36822" i="3"/>
  <c r="C36823" i="3"/>
  <c r="C36824" i="3"/>
  <c r="C36825" i="3"/>
  <c r="C36826" i="3"/>
  <c r="C36827" i="3"/>
  <c r="C36828" i="3"/>
  <c r="C36829" i="3"/>
  <c r="C36830" i="3"/>
  <c r="C36831" i="3"/>
  <c r="C36832" i="3"/>
  <c r="C36833" i="3"/>
  <c r="C36834" i="3"/>
  <c r="C36835" i="3"/>
  <c r="C36836" i="3"/>
  <c r="C36837" i="3"/>
  <c r="C36838" i="3"/>
  <c r="C36839" i="3"/>
  <c r="C36840" i="3"/>
  <c r="C36841" i="3"/>
  <c r="C36842" i="3"/>
  <c r="C36843" i="3"/>
  <c r="C36844" i="3"/>
  <c r="C36845" i="3"/>
  <c r="C36846" i="3"/>
  <c r="C36847" i="3"/>
  <c r="C36848" i="3"/>
  <c r="C36849" i="3"/>
  <c r="C36850" i="3"/>
  <c r="C36851" i="3"/>
  <c r="C36852" i="3"/>
  <c r="C36853" i="3"/>
  <c r="C36854" i="3"/>
  <c r="C36855" i="3"/>
  <c r="C36856" i="3"/>
  <c r="C36857" i="3"/>
  <c r="C36858" i="3"/>
  <c r="C36859" i="3"/>
  <c r="C36860" i="3"/>
  <c r="C36861" i="3"/>
  <c r="C36862" i="3"/>
  <c r="C36863" i="3"/>
  <c r="C36864" i="3"/>
  <c r="C36865" i="3"/>
  <c r="C36866" i="3"/>
  <c r="C36867" i="3"/>
  <c r="C36868" i="3"/>
  <c r="C36869" i="3"/>
  <c r="C36870" i="3"/>
  <c r="C36871" i="3"/>
  <c r="C36872" i="3"/>
  <c r="C36873" i="3"/>
  <c r="C36874" i="3"/>
  <c r="C36875" i="3"/>
  <c r="C36876" i="3"/>
  <c r="C36877" i="3"/>
  <c r="C36878" i="3"/>
  <c r="C36879" i="3"/>
  <c r="C36880" i="3"/>
  <c r="C36881" i="3"/>
  <c r="C36882" i="3"/>
  <c r="C36883" i="3"/>
  <c r="C36884" i="3"/>
  <c r="C36885" i="3"/>
  <c r="C36886" i="3"/>
  <c r="C36887" i="3"/>
  <c r="C36888" i="3"/>
  <c r="C36889" i="3"/>
  <c r="C36890" i="3"/>
  <c r="C36891" i="3"/>
  <c r="C36892" i="3"/>
  <c r="C36893" i="3"/>
  <c r="C36894" i="3"/>
  <c r="C36895" i="3"/>
  <c r="C36896" i="3"/>
  <c r="C36897" i="3"/>
  <c r="C36898" i="3"/>
  <c r="C36899" i="3"/>
  <c r="C36900" i="3"/>
  <c r="C36901" i="3"/>
  <c r="C36902" i="3"/>
  <c r="C36903" i="3"/>
  <c r="C36904" i="3"/>
  <c r="C36905" i="3"/>
  <c r="C36906" i="3"/>
  <c r="C36907" i="3"/>
  <c r="C36908" i="3"/>
  <c r="C36909" i="3"/>
  <c r="C36910" i="3"/>
  <c r="C36911" i="3"/>
  <c r="C36912" i="3"/>
  <c r="C36913" i="3"/>
  <c r="C36914" i="3"/>
  <c r="C36915" i="3"/>
  <c r="C36916" i="3"/>
  <c r="C36917" i="3"/>
  <c r="C36918" i="3"/>
  <c r="C36919" i="3"/>
  <c r="C36920" i="3"/>
  <c r="C36921" i="3"/>
  <c r="C36922" i="3"/>
  <c r="C36923" i="3"/>
  <c r="C36924" i="3"/>
  <c r="C36925" i="3"/>
  <c r="C36926" i="3"/>
  <c r="C36927" i="3"/>
  <c r="C36928" i="3"/>
  <c r="C36929" i="3"/>
  <c r="C36930" i="3"/>
  <c r="C36931" i="3"/>
  <c r="C36932" i="3"/>
  <c r="C36933" i="3"/>
  <c r="C36934" i="3"/>
  <c r="C36935" i="3"/>
  <c r="C36936" i="3"/>
  <c r="C36937" i="3"/>
  <c r="C36938" i="3"/>
  <c r="C36939" i="3"/>
  <c r="C36940" i="3"/>
  <c r="C36941" i="3"/>
  <c r="C36942" i="3"/>
  <c r="C36943" i="3"/>
  <c r="C36944" i="3"/>
  <c r="C36945" i="3"/>
  <c r="C36946" i="3"/>
  <c r="C36947" i="3"/>
  <c r="C36948" i="3"/>
  <c r="C36949" i="3"/>
  <c r="C36950" i="3"/>
  <c r="C36951" i="3"/>
  <c r="C36952" i="3"/>
  <c r="C36953" i="3"/>
  <c r="C36954" i="3"/>
  <c r="C36955" i="3"/>
  <c r="C36956" i="3"/>
  <c r="C36957" i="3"/>
  <c r="C36958" i="3"/>
  <c r="C36959" i="3"/>
  <c r="C36960" i="3"/>
  <c r="C36961" i="3"/>
  <c r="C36962" i="3"/>
  <c r="C36963" i="3"/>
  <c r="C36964" i="3"/>
  <c r="C36965" i="3"/>
  <c r="C36966" i="3"/>
  <c r="C36967" i="3"/>
  <c r="C36968" i="3"/>
  <c r="C36969" i="3"/>
  <c r="C36970" i="3"/>
  <c r="C36971" i="3"/>
  <c r="C36972" i="3"/>
  <c r="C36973" i="3"/>
  <c r="C36974" i="3"/>
  <c r="C36975" i="3"/>
  <c r="C36976" i="3"/>
  <c r="C36977" i="3"/>
  <c r="C36978" i="3"/>
  <c r="C36979" i="3"/>
  <c r="C36980" i="3"/>
  <c r="C36981" i="3"/>
  <c r="C36982" i="3"/>
  <c r="C36983" i="3"/>
  <c r="C36984" i="3"/>
  <c r="C36985" i="3"/>
  <c r="C36986" i="3"/>
  <c r="C36987" i="3"/>
  <c r="C36988" i="3"/>
  <c r="C36989" i="3"/>
  <c r="C36990" i="3"/>
  <c r="C36991" i="3"/>
  <c r="C36992" i="3"/>
  <c r="C36993" i="3"/>
  <c r="C36994" i="3"/>
  <c r="C36995" i="3"/>
  <c r="C36996" i="3"/>
  <c r="C36997" i="3"/>
  <c r="C36998" i="3"/>
  <c r="C36999" i="3"/>
  <c r="C37000" i="3"/>
  <c r="C37001" i="3"/>
  <c r="C37002" i="3"/>
  <c r="C37003" i="3"/>
  <c r="C37004" i="3"/>
  <c r="C37005" i="3"/>
  <c r="C37006" i="3"/>
  <c r="C37007" i="3"/>
  <c r="C37008" i="3"/>
  <c r="C37009" i="3"/>
  <c r="C37010" i="3"/>
  <c r="C37011" i="3"/>
  <c r="C37012" i="3"/>
  <c r="C37013" i="3"/>
  <c r="C37014" i="3"/>
  <c r="C37015" i="3"/>
  <c r="C37016" i="3"/>
  <c r="C37017" i="3"/>
  <c r="C37018" i="3"/>
  <c r="C37019" i="3"/>
  <c r="C37020" i="3"/>
  <c r="C37021" i="3"/>
  <c r="C37022" i="3"/>
  <c r="C37023" i="3"/>
  <c r="C37024" i="3"/>
  <c r="C37025" i="3"/>
  <c r="C37026" i="3"/>
  <c r="C37027" i="3"/>
  <c r="C37028" i="3"/>
  <c r="C37029" i="3"/>
  <c r="C37030" i="3"/>
  <c r="C37031" i="3"/>
  <c r="C37032" i="3"/>
  <c r="C37033" i="3"/>
  <c r="C37034" i="3"/>
  <c r="C37035" i="3"/>
  <c r="C37036" i="3"/>
  <c r="C37037" i="3"/>
  <c r="C37038" i="3"/>
  <c r="C37039" i="3"/>
  <c r="C37040" i="3"/>
  <c r="C37041" i="3"/>
  <c r="C37042" i="3"/>
  <c r="C37043" i="3"/>
  <c r="C37044" i="3"/>
  <c r="C37045" i="3"/>
  <c r="C37046" i="3"/>
  <c r="C37047" i="3"/>
  <c r="C37048" i="3"/>
  <c r="C37049" i="3"/>
  <c r="C37050" i="3"/>
  <c r="C37051" i="3"/>
  <c r="C37052" i="3"/>
  <c r="C37053" i="3"/>
  <c r="C37054" i="3"/>
  <c r="C37055" i="3"/>
  <c r="C37056" i="3"/>
  <c r="C37057" i="3"/>
  <c r="C37058" i="3"/>
  <c r="C37059" i="3"/>
  <c r="C37060" i="3"/>
  <c r="C37061" i="3"/>
  <c r="C37062" i="3"/>
  <c r="C37063" i="3"/>
  <c r="C37064" i="3"/>
  <c r="C37065" i="3"/>
  <c r="C37066" i="3"/>
  <c r="C37067" i="3"/>
  <c r="C37068" i="3"/>
  <c r="C37069" i="3"/>
  <c r="C37070" i="3"/>
  <c r="C37071" i="3"/>
  <c r="C37072" i="3"/>
  <c r="C37073" i="3"/>
  <c r="C37074" i="3"/>
  <c r="C37075" i="3"/>
  <c r="C37076" i="3"/>
  <c r="C37077" i="3"/>
  <c r="C37078" i="3"/>
  <c r="C37079" i="3"/>
  <c r="C37080" i="3"/>
  <c r="C37081" i="3"/>
  <c r="C37082" i="3"/>
  <c r="C37083" i="3"/>
  <c r="C37084" i="3"/>
  <c r="C37085" i="3"/>
  <c r="C37086" i="3"/>
  <c r="C37087" i="3"/>
  <c r="C37088" i="3"/>
  <c r="C37089" i="3"/>
  <c r="C37090" i="3"/>
  <c r="C37091" i="3"/>
  <c r="C37092" i="3"/>
  <c r="C37093" i="3"/>
  <c r="C37094" i="3"/>
  <c r="C37095" i="3"/>
  <c r="C37096" i="3"/>
  <c r="C37097" i="3"/>
  <c r="C37098" i="3"/>
  <c r="C37099" i="3"/>
  <c r="C37100" i="3"/>
  <c r="C37101" i="3"/>
  <c r="C37102" i="3"/>
  <c r="C37103" i="3"/>
  <c r="C37104" i="3"/>
  <c r="C37105" i="3"/>
  <c r="C37106" i="3"/>
  <c r="C37107" i="3"/>
  <c r="C37108" i="3"/>
  <c r="C37109" i="3"/>
  <c r="C37110" i="3"/>
  <c r="C37111" i="3"/>
  <c r="C37112" i="3"/>
  <c r="C37113" i="3"/>
  <c r="C37114" i="3"/>
  <c r="C37115" i="3"/>
  <c r="C37116" i="3"/>
  <c r="C37117" i="3"/>
  <c r="C37118" i="3"/>
  <c r="C37119" i="3"/>
  <c r="C37120" i="3"/>
  <c r="C37121" i="3"/>
  <c r="C37122" i="3"/>
  <c r="C37123" i="3"/>
  <c r="C37124" i="3"/>
  <c r="C37125" i="3"/>
  <c r="C37126" i="3"/>
  <c r="C37127" i="3"/>
  <c r="C37128" i="3"/>
  <c r="C37129" i="3"/>
  <c r="C37130" i="3"/>
  <c r="C37131" i="3"/>
  <c r="C37132" i="3"/>
  <c r="C37133" i="3"/>
  <c r="C37134" i="3"/>
  <c r="C37135" i="3"/>
  <c r="C37136" i="3"/>
  <c r="C37137" i="3"/>
  <c r="C37138" i="3"/>
  <c r="C37139" i="3"/>
  <c r="C37140" i="3"/>
  <c r="C37141" i="3"/>
  <c r="C37142" i="3"/>
  <c r="C37143" i="3"/>
  <c r="C37144" i="3"/>
  <c r="C37145" i="3"/>
  <c r="C37146" i="3"/>
  <c r="C37147" i="3"/>
  <c r="C37148" i="3"/>
  <c r="C37149" i="3"/>
  <c r="C37150" i="3"/>
  <c r="C37151" i="3"/>
  <c r="C37152" i="3"/>
  <c r="C37153" i="3"/>
  <c r="C37154" i="3"/>
  <c r="C37155" i="3"/>
  <c r="C37156" i="3"/>
  <c r="C37157" i="3"/>
  <c r="C37158" i="3"/>
  <c r="C37159" i="3"/>
  <c r="C37160" i="3"/>
  <c r="C37161" i="3"/>
  <c r="C37162" i="3"/>
  <c r="C37163" i="3"/>
  <c r="C37164" i="3"/>
  <c r="C37165" i="3"/>
  <c r="C37166" i="3"/>
  <c r="C37167" i="3"/>
  <c r="C37168" i="3"/>
  <c r="C37169" i="3"/>
  <c r="C37170" i="3"/>
  <c r="C37171" i="3"/>
  <c r="C37172" i="3"/>
  <c r="C37173" i="3"/>
  <c r="C37174" i="3"/>
  <c r="C37175" i="3"/>
  <c r="C37176" i="3"/>
  <c r="C37177" i="3"/>
  <c r="C37178" i="3"/>
  <c r="C37179" i="3"/>
  <c r="C37180" i="3"/>
  <c r="C37181" i="3"/>
  <c r="C37182" i="3"/>
  <c r="C37183" i="3"/>
  <c r="C37184" i="3"/>
  <c r="C37185" i="3"/>
  <c r="C37186" i="3"/>
  <c r="C37187" i="3"/>
  <c r="C37188" i="3"/>
  <c r="C37189" i="3"/>
  <c r="C37190" i="3"/>
  <c r="C37191" i="3"/>
  <c r="C37192" i="3"/>
  <c r="C37193" i="3"/>
  <c r="C37194" i="3"/>
  <c r="C37195" i="3"/>
  <c r="C37196" i="3"/>
  <c r="C37197" i="3"/>
  <c r="C37198" i="3"/>
  <c r="C37199" i="3"/>
  <c r="C37200" i="3"/>
  <c r="C37201" i="3"/>
  <c r="C37202" i="3"/>
  <c r="C37203" i="3"/>
  <c r="C37204" i="3"/>
  <c r="C37205" i="3"/>
  <c r="C37206" i="3"/>
  <c r="C37207" i="3"/>
  <c r="C37208" i="3"/>
  <c r="C37209" i="3"/>
  <c r="C37210" i="3"/>
  <c r="C37211" i="3"/>
  <c r="C37212" i="3"/>
  <c r="C37213" i="3"/>
  <c r="C37214" i="3"/>
  <c r="C37215" i="3"/>
  <c r="C37216" i="3"/>
  <c r="C37217" i="3"/>
  <c r="C37218" i="3"/>
  <c r="C37219" i="3"/>
  <c r="C37220" i="3"/>
  <c r="C37221" i="3"/>
  <c r="C37222" i="3"/>
  <c r="C37223" i="3"/>
  <c r="C37224" i="3"/>
  <c r="C37225" i="3"/>
  <c r="C37226" i="3"/>
  <c r="C37227" i="3"/>
  <c r="C37228" i="3"/>
  <c r="C37229" i="3"/>
  <c r="C37230" i="3"/>
  <c r="C37231" i="3"/>
  <c r="C37232" i="3"/>
  <c r="C37233" i="3"/>
  <c r="C37234" i="3"/>
  <c r="C37235" i="3"/>
  <c r="C37236" i="3"/>
  <c r="C37237" i="3"/>
  <c r="C37238" i="3"/>
  <c r="C37239" i="3"/>
  <c r="C37240" i="3"/>
  <c r="C37241" i="3"/>
  <c r="C37242" i="3"/>
  <c r="C37243" i="3"/>
  <c r="C37244" i="3"/>
  <c r="C37245" i="3"/>
  <c r="C37246" i="3"/>
  <c r="C37247" i="3"/>
  <c r="C37248" i="3"/>
  <c r="C37249" i="3"/>
  <c r="C37250" i="3"/>
  <c r="C37251" i="3"/>
  <c r="C37252" i="3"/>
  <c r="C37253" i="3"/>
  <c r="C37254" i="3"/>
  <c r="C37255" i="3"/>
  <c r="C37256" i="3"/>
  <c r="C37257" i="3"/>
  <c r="C37258" i="3"/>
  <c r="C37259" i="3"/>
  <c r="C37260" i="3"/>
  <c r="C37261" i="3"/>
  <c r="C37262" i="3"/>
  <c r="C37263" i="3"/>
  <c r="C37264" i="3"/>
  <c r="C37265" i="3"/>
  <c r="C37266" i="3"/>
  <c r="C37267" i="3"/>
  <c r="C37268" i="3"/>
  <c r="C37269" i="3"/>
  <c r="C37270" i="3"/>
  <c r="C37271" i="3"/>
  <c r="C37272" i="3"/>
  <c r="C37273" i="3"/>
  <c r="C37274" i="3"/>
  <c r="C37275" i="3"/>
  <c r="C37276" i="3"/>
  <c r="C37277" i="3"/>
  <c r="C37278" i="3"/>
  <c r="C37279" i="3"/>
  <c r="C37280" i="3"/>
  <c r="C37281" i="3"/>
  <c r="C37282" i="3"/>
  <c r="C37283" i="3"/>
  <c r="C37284" i="3"/>
  <c r="C37285" i="3"/>
  <c r="C37286" i="3"/>
  <c r="C37287" i="3"/>
  <c r="C37288" i="3"/>
  <c r="C37289" i="3"/>
  <c r="C37290" i="3"/>
  <c r="C37291" i="3"/>
  <c r="C37292" i="3"/>
  <c r="C37293" i="3"/>
  <c r="C37294" i="3"/>
  <c r="C37295" i="3"/>
  <c r="C37296" i="3"/>
  <c r="C37297" i="3"/>
  <c r="C37298" i="3"/>
  <c r="C37299" i="3"/>
  <c r="C37300" i="3"/>
  <c r="C37301" i="3"/>
  <c r="C37302" i="3"/>
  <c r="C37303" i="3"/>
  <c r="C37304" i="3"/>
  <c r="C37305" i="3"/>
  <c r="C37306" i="3"/>
  <c r="C37307" i="3"/>
  <c r="C37308" i="3"/>
  <c r="C37309" i="3"/>
  <c r="C37310" i="3"/>
  <c r="C37311" i="3"/>
  <c r="C37312" i="3"/>
  <c r="C37313" i="3"/>
  <c r="C37314" i="3"/>
  <c r="C37315" i="3"/>
  <c r="C37316" i="3"/>
  <c r="C37317" i="3"/>
  <c r="C37318" i="3"/>
  <c r="C37319" i="3"/>
  <c r="C37320" i="3"/>
  <c r="C37321" i="3"/>
  <c r="C37322" i="3"/>
  <c r="C37323" i="3"/>
  <c r="C37324" i="3"/>
  <c r="C37325" i="3"/>
  <c r="C37326" i="3"/>
  <c r="C37327" i="3"/>
  <c r="C37328" i="3"/>
  <c r="C37329" i="3"/>
  <c r="C37330" i="3"/>
  <c r="C37331" i="3"/>
  <c r="C37332" i="3"/>
  <c r="C37333" i="3"/>
  <c r="C37334" i="3"/>
  <c r="C37335" i="3"/>
  <c r="C37336" i="3"/>
  <c r="C37337" i="3"/>
  <c r="C37338" i="3"/>
  <c r="C37339" i="3"/>
  <c r="C37340" i="3"/>
  <c r="C37341" i="3"/>
  <c r="C37342" i="3"/>
  <c r="C37343" i="3"/>
  <c r="C37344" i="3"/>
  <c r="C37345" i="3"/>
  <c r="C37346" i="3"/>
  <c r="C37347" i="3"/>
  <c r="C37348" i="3"/>
  <c r="C37349" i="3"/>
  <c r="C37350" i="3"/>
  <c r="C37351" i="3"/>
  <c r="C37352" i="3"/>
  <c r="C37353" i="3"/>
  <c r="C37354" i="3"/>
  <c r="C37355" i="3"/>
  <c r="C37356" i="3"/>
  <c r="C37357" i="3"/>
  <c r="C37358" i="3"/>
  <c r="C37359" i="3"/>
  <c r="C37360" i="3"/>
  <c r="C37361" i="3"/>
  <c r="C37362" i="3"/>
  <c r="C37363" i="3"/>
  <c r="C37364" i="3"/>
  <c r="C37365" i="3"/>
  <c r="C37366" i="3"/>
  <c r="C37367" i="3"/>
  <c r="C37368" i="3"/>
  <c r="C37369" i="3"/>
  <c r="C37370" i="3"/>
  <c r="C37371" i="3"/>
  <c r="C37372" i="3"/>
  <c r="C37373" i="3"/>
  <c r="C37374" i="3"/>
  <c r="C37375" i="3"/>
  <c r="C37376" i="3"/>
  <c r="C37377" i="3"/>
  <c r="C37378" i="3"/>
  <c r="C37379" i="3"/>
  <c r="C37380" i="3"/>
  <c r="C37381" i="3"/>
  <c r="C37382" i="3"/>
  <c r="C37383" i="3"/>
  <c r="C37384" i="3"/>
  <c r="C37385" i="3"/>
  <c r="C37386" i="3"/>
  <c r="C37387" i="3"/>
  <c r="C37388" i="3"/>
  <c r="C37389" i="3"/>
  <c r="C37390" i="3"/>
  <c r="C37391" i="3"/>
  <c r="C37392" i="3"/>
  <c r="C37393" i="3"/>
  <c r="C37394" i="3"/>
  <c r="C37395" i="3"/>
  <c r="C37396" i="3"/>
  <c r="C37397" i="3"/>
  <c r="C37398" i="3"/>
  <c r="C37399" i="3"/>
  <c r="C37400" i="3"/>
  <c r="C37401" i="3"/>
  <c r="C37402" i="3"/>
  <c r="C37403" i="3"/>
  <c r="C37404" i="3"/>
  <c r="C37405" i="3"/>
  <c r="C37406" i="3"/>
  <c r="C37407" i="3"/>
  <c r="C37408" i="3"/>
  <c r="C37409" i="3"/>
  <c r="C37410" i="3"/>
  <c r="C37411" i="3"/>
  <c r="C37412" i="3"/>
  <c r="C37413" i="3"/>
  <c r="C37414" i="3"/>
  <c r="C37415" i="3"/>
  <c r="C37416" i="3"/>
  <c r="C37417" i="3"/>
  <c r="C37418" i="3"/>
  <c r="C37419" i="3"/>
  <c r="C37420" i="3"/>
  <c r="C37421" i="3"/>
  <c r="C37422" i="3"/>
  <c r="C37423" i="3"/>
  <c r="C37424" i="3"/>
  <c r="C37425" i="3"/>
  <c r="C37426" i="3"/>
  <c r="C37427" i="3"/>
  <c r="C37428" i="3"/>
  <c r="C37429" i="3"/>
  <c r="C37430" i="3"/>
  <c r="C37431" i="3"/>
  <c r="C37432" i="3"/>
  <c r="C37433" i="3"/>
  <c r="C37434" i="3"/>
  <c r="C37435" i="3"/>
  <c r="C37436" i="3"/>
  <c r="C37437" i="3"/>
  <c r="C37438" i="3"/>
  <c r="C37439" i="3"/>
  <c r="C37440" i="3"/>
  <c r="C37441" i="3"/>
  <c r="C37442" i="3"/>
  <c r="C37443" i="3"/>
  <c r="C37444" i="3"/>
  <c r="C37445" i="3"/>
  <c r="C37446" i="3"/>
  <c r="C37447" i="3"/>
  <c r="C37448" i="3"/>
  <c r="C37449" i="3"/>
  <c r="C37450" i="3"/>
  <c r="C37451" i="3"/>
  <c r="C37452" i="3"/>
  <c r="C37453" i="3"/>
  <c r="C37454" i="3"/>
  <c r="C37455" i="3"/>
  <c r="C37456" i="3"/>
  <c r="C37457" i="3"/>
  <c r="C37458" i="3"/>
  <c r="C37459" i="3"/>
  <c r="C37460" i="3"/>
  <c r="C37461" i="3"/>
  <c r="C37462" i="3"/>
  <c r="C37463" i="3"/>
  <c r="C37464" i="3"/>
  <c r="C37465" i="3"/>
  <c r="C37466" i="3"/>
  <c r="C37467" i="3"/>
  <c r="C37468" i="3"/>
  <c r="C37469" i="3"/>
  <c r="C37470" i="3"/>
  <c r="C37471" i="3"/>
  <c r="C37472" i="3"/>
  <c r="C37473" i="3"/>
  <c r="C37474" i="3"/>
  <c r="C37475" i="3"/>
  <c r="C37476" i="3"/>
  <c r="C37477" i="3"/>
  <c r="C37478" i="3"/>
  <c r="C37479" i="3"/>
  <c r="C37480" i="3"/>
  <c r="C37481" i="3"/>
  <c r="C37482" i="3"/>
  <c r="C37483" i="3"/>
  <c r="C37484" i="3"/>
  <c r="C37485" i="3"/>
  <c r="C37486" i="3"/>
  <c r="C37487" i="3"/>
  <c r="C37488" i="3"/>
  <c r="C37489" i="3"/>
  <c r="C37490" i="3"/>
  <c r="C37491" i="3"/>
  <c r="C37492" i="3"/>
  <c r="C37493" i="3"/>
  <c r="C37494" i="3"/>
  <c r="C37495" i="3"/>
  <c r="C37496" i="3"/>
  <c r="C37497" i="3"/>
  <c r="C37498" i="3"/>
  <c r="C37499" i="3"/>
  <c r="C37500" i="3"/>
  <c r="C37501" i="3"/>
  <c r="C37502" i="3"/>
  <c r="C37503" i="3"/>
  <c r="C37504" i="3"/>
  <c r="C37505" i="3"/>
  <c r="C37506" i="3"/>
  <c r="C37507" i="3"/>
  <c r="C37508" i="3"/>
  <c r="C37509" i="3"/>
  <c r="C37510" i="3"/>
  <c r="C37511" i="3"/>
  <c r="C37512" i="3"/>
  <c r="C37513" i="3"/>
  <c r="C37514" i="3"/>
  <c r="C37515" i="3"/>
  <c r="C37516" i="3"/>
  <c r="C37517" i="3"/>
  <c r="C37518" i="3"/>
  <c r="C37519" i="3"/>
  <c r="C37520" i="3"/>
  <c r="C37521" i="3"/>
  <c r="C37522" i="3"/>
  <c r="C37523" i="3"/>
  <c r="C37524" i="3"/>
  <c r="C37525" i="3"/>
  <c r="C37526" i="3"/>
  <c r="C37527" i="3"/>
  <c r="C37528" i="3"/>
  <c r="C37529" i="3"/>
  <c r="C37530" i="3"/>
  <c r="C37531" i="3"/>
  <c r="C37532" i="3"/>
  <c r="C37533" i="3"/>
  <c r="C37534" i="3"/>
  <c r="C37535" i="3"/>
  <c r="C37536" i="3"/>
  <c r="C37537" i="3"/>
  <c r="C37538" i="3"/>
  <c r="C37539" i="3"/>
  <c r="C37540" i="3"/>
  <c r="C37541" i="3"/>
  <c r="C37542" i="3"/>
  <c r="C37543" i="3"/>
  <c r="C37544" i="3"/>
  <c r="C37545" i="3"/>
  <c r="C37546" i="3"/>
  <c r="C37547" i="3"/>
  <c r="C37548" i="3"/>
  <c r="C37549" i="3"/>
  <c r="C37550" i="3"/>
  <c r="C37551" i="3"/>
  <c r="C37552" i="3"/>
  <c r="C37553" i="3"/>
  <c r="C37554" i="3"/>
  <c r="C37555" i="3"/>
  <c r="C37556" i="3"/>
  <c r="C37557" i="3"/>
  <c r="C37558" i="3"/>
  <c r="C37559" i="3"/>
  <c r="C37560" i="3"/>
  <c r="C37561" i="3"/>
  <c r="C37562" i="3"/>
  <c r="C37563" i="3"/>
  <c r="C37564" i="3"/>
  <c r="C37565" i="3"/>
  <c r="C37566" i="3"/>
  <c r="C37567" i="3"/>
  <c r="C37568" i="3"/>
  <c r="C37569" i="3"/>
  <c r="C37570" i="3"/>
  <c r="C37571" i="3"/>
  <c r="C37572" i="3"/>
  <c r="C37573" i="3"/>
  <c r="C37574" i="3"/>
  <c r="C37575" i="3"/>
  <c r="C37576" i="3"/>
  <c r="C37577" i="3"/>
  <c r="C37578" i="3"/>
  <c r="C37579" i="3"/>
  <c r="C37580" i="3"/>
  <c r="C37581" i="3"/>
  <c r="C37582" i="3"/>
  <c r="C37583" i="3"/>
  <c r="C37584" i="3"/>
  <c r="C37585" i="3"/>
  <c r="C37586" i="3"/>
  <c r="C37587" i="3"/>
  <c r="C37588" i="3"/>
  <c r="C37589" i="3"/>
  <c r="C37590" i="3"/>
  <c r="C37591" i="3"/>
  <c r="C37592" i="3"/>
  <c r="C37593" i="3"/>
  <c r="C37594" i="3"/>
  <c r="C37595" i="3"/>
  <c r="C37596" i="3"/>
  <c r="C37597" i="3"/>
  <c r="C37598" i="3"/>
  <c r="C37599" i="3"/>
  <c r="C37600" i="3"/>
  <c r="C37601" i="3"/>
  <c r="C37602" i="3"/>
  <c r="C37603" i="3"/>
  <c r="C37604" i="3"/>
  <c r="C37605" i="3"/>
  <c r="C37606" i="3"/>
  <c r="C37607" i="3"/>
  <c r="C37608" i="3"/>
  <c r="C37609" i="3"/>
  <c r="C37610" i="3"/>
  <c r="C37611" i="3"/>
  <c r="C37612" i="3"/>
  <c r="C37613" i="3"/>
  <c r="C37614" i="3"/>
  <c r="C37615" i="3"/>
  <c r="C37616" i="3"/>
  <c r="C37617" i="3"/>
  <c r="C37618" i="3"/>
  <c r="C37619" i="3"/>
  <c r="C37620" i="3"/>
  <c r="C37621" i="3"/>
  <c r="C37622" i="3"/>
  <c r="C37623" i="3"/>
  <c r="C37624" i="3"/>
  <c r="C37625" i="3"/>
  <c r="C37626" i="3"/>
  <c r="C37627" i="3"/>
  <c r="C37628" i="3"/>
  <c r="C37629" i="3"/>
  <c r="C37630" i="3"/>
  <c r="C37631" i="3"/>
  <c r="C37632" i="3"/>
  <c r="C37633" i="3"/>
  <c r="C37634" i="3"/>
  <c r="C37635" i="3"/>
  <c r="C37636" i="3"/>
  <c r="C37637" i="3"/>
  <c r="C37638" i="3"/>
  <c r="C37639" i="3"/>
  <c r="C37640" i="3"/>
  <c r="C37641" i="3"/>
  <c r="C37642" i="3"/>
  <c r="C37643" i="3"/>
  <c r="C37644" i="3"/>
  <c r="C37645" i="3"/>
  <c r="C37646" i="3"/>
  <c r="C37647" i="3"/>
  <c r="C37648" i="3"/>
  <c r="C37649" i="3"/>
  <c r="C37650" i="3"/>
  <c r="C37651" i="3"/>
  <c r="C37652" i="3"/>
  <c r="C37653" i="3"/>
  <c r="C37654" i="3"/>
  <c r="C37655" i="3"/>
  <c r="C37656" i="3"/>
  <c r="C37657" i="3"/>
  <c r="C37658" i="3"/>
  <c r="C37659" i="3"/>
  <c r="C37660" i="3"/>
  <c r="C37661" i="3"/>
  <c r="C37662" i="3"/>
  <c r="C37663" i="3"/>
  <c r="C37664" i="3"/>
  <c r="C37665" i="3"/>
  <c r="C37666" i="3"/>
  <c r="C37667" i="3"/>
  <c r="C37668" i="3"/>
  <c r="C37669" i="3"/>
  <c r="C37670" i="3"/>
  <c r="C37671" i="3"/>
  <c r="C37672" i="3"/>
  <c r="C37673" i="3"/>
  <c r="C37674" i="3"/>
  <c r="C37675" i="3"/>
  <c r="C37676" i="3"/>
  <c r="C37677" i="3"/>
  <c r="C37678" i="3"/>
  <c r="C37679" i="3"/>
  <c r="C37680" i="3"/>
  <c r="C37681" i="3"/>
  <c r="C37682" i="3"/>
  <c r="C37683" i="3"/>
  <c r="C37684" i="3"/>
  <c r="C37685" i="3"/>
  <c r="C37686" i="3"/>
  <c r="C37687" i="3"/>
  <c r="C37688" i="3"/>
  <c r="C37689" i="3"/>
  <c r="C37690" i="3"/>
  <c r="C37691" i="3"/>
  <c r="C37692" i="3"/>
  <c r="C37693" i="3"/>
  <c r="C37694" i="3"/>
  <c r="C37695" i="3"/>
  <c r="C37696" i="3"/>
  <c r="C37697" i="3"/>
  <c r="C37698" i="3"/>
  <c r="C37699" i="3"/>
  <c r="C37700" i="3"/>
  <c r="C37701" i="3"/>
  <c r="C37702" i="3"/>
  <c r="C37703" i="3"/>
  <c r="C37704" i="3"/>
  <c r="C37705" i="3"/>
  <c r="C37706" i="3"/>
  <c r="C37707" i="3"/>
  <c r="C37708" i="3"/>
  <c r="C37709" i="3"/>
  <c r="C37710" i="3"/>
  <c r="C37711" i="3"/>
  <c r="C37712" i="3"/>
  <c r="C37713" i="3"/>
  <c r="C37714" i="3"/>
  <c r="C37715" i="3"/>
  <c r="C37716" i="3"/>
  <c r="C37717" i="3"/>
  <c r="C37718" i="3"/>
  <c r="C37719" i="3"/>
  <c r="C37720" i="3"/>
  <c r="C37721" i="3"/>
  <c r="C37722" i="3"/>
  <c r="C37723" i="3"/>
  <c r="C37724" i="3"/>
  <c r="C37725" i="3"/>
  <c r="C37726" i="3"/>
  <c r="C37727" i="3"/>
  <c r="C37728" i="3"/>
  <c r="C37729" i="3"/>
  <c r="C37730" i="3"/>
  <c r="C37731" i="3"/>
  <c r="C37732" i="3"/>
  <c r="C37733" i="3"/>
  <c r="C37734" i="3"/>
  <c r="C37735" i="3"/>
  <c r="C37736" i="3"/>
  <c r="C37737" i="3"/>
  <c r="C37738" i="3"/>
  <c r="C37739" i="3"/>
  <c r="C37740" i="3"/>
  <c r="C37741" i="3"/>
  <c r="C37742" i="3"/>
  <c r="C37743" i="3"/>
  <c r="C37744" i="3"/>
  <c r="C37745" i="3"/>
  <c r="C37746" i="3"/>
  <c r="C37747" i="3"/>
  <c r="C37748" i="3"/>
  <c r="C37749" i="3"/>
  <c r="C37750" i="3"/>
  <c r="C37751" i="3"/>
  <c r="C37752" i="3"/>
  <c r="C37753" i="3"/>
  <c r="C37754" i="3"/>
  <c r="C37755" i="3"/>
  <c r="C37756" i="3"/>
  <c r="C37757" i="3"/>
  <c r="C37758" i="3"/>
  <c r="C37759" i="3"/>
  <c r="C37760" i="3"/>
  <c r="C37761" i="3"/>
  <c r="C37762" i="3"/>
  <c r="C37763" i="3"/>
  <c r="C37764" i="3"/>
  <c r="C37765" i="3"/>
  <c r="C37766" i="3"/>
  <c r="C37767" i="3"/>
  <c r="C37768" i="3"/>
  <c r="C37769" i="3"/>
  <c r="C37770" i="3"/>
  <c r="C37771" i="3"/>
  <c r="C37772" i="3"/>
  <c r="C37773" i="3"/>
  <c r="C37774" i="3"/>
  <c r="C37775" i="3"/>
  <c r="C37776" i="3"/>
  <c r="C37777" i="3"/>
  <c r="C37778" i="3"/>
  <c r="C37779" i="3"/>
  <c r="C37780" i="3"/>
  <c r="C37781" i="3"/>
  <c r="C37782" i="3"/>
  <c r="C37783" i="3"/>
  <c r="C37784" i="3"/>
  <c r="C37785" i="3"/>
  <c r="C37786" i="3"/>
  <c r="C37787" i="3"/>
  <c r="C37788" i="3"/>
  <c r="C37789" i="3"/>
  <c r="C37790" i="3"/>
  <c r="C37791" i="3"/>
  <c r="C37792" i="3"/>
  <c r="C37793" i="3"/>
  <c r="C37794" i="3"/>
  <c r="C37795" i="3"/>
  <c r="C37796" i="3"/>
  <c r="C37797" i="3"/>
  <c r="C37798" i="3"/>
  <c r="C37799" i="3"/>
  <c r="C37800" i="3"/>
  <c r="C37801" i="3"/>
  <c r="C37802" i="3"/>
  <c r="C37803" i="3"/>
  <c r="C37804" i="3"/>
  <c r="C37805" i="3"/>
  <c r="C37806" i="3"/>
  <c r="C37807" i="3"/>
  <c r="C37808" i="3"/>
  <c r="C37809" i="3"/>
  <c r="C37810" i="3"/>
  <c r="C37811" i="3"/>
  <c r="C37812" i="3"/>
  <c r="C37813" i="3"/>
  <c r="C37814" i="3"/>
  <c r="C37815" i="3"/>
  <c r="C37816" i="3"/>
  <c r="C37817" i="3"/>
  <c r="C37818" i="3"/>
  <c r="C37819" i="3"/>
  <c r="C37820" i="3"/>
  <c r="C37821" i="3"/>
  <c r="C37822" i="3"/>
  <c r="C37823" i="3"/>
  <c r="C37824" i="3"/>
  <c r="C37825" i="3"/>
  <c r="C37826" i="3"/>
  <c r="C37827" i="3"/>
  <c r="C37828" i="3"/>
  <c r="C37829" i="3"/>
  <c r="C37830" i="3"/>
  <c r="C37831" i="3"/>
  <c r="C37832" i="3"/>
  <c r="C37833" i="3"/>
  <c r="C37834" i="3"/>
  <c r="C37835" i="3"/>
  <c r="C37836" i="3"/>
  <c r="C37837" i="3"/>
  <c r="C37838" i="3"/>
  <c r="C37839" i="3"/>
  <c r="C37840" i="3"/>
  <c r="C37841" i="3"/>
  <c r="C37842" i="3"/>
  <c r="C37843" i="3"/>
  <c r="C37844" i="3"/>
  <c r="C37845" i="3"/>
  <c r="C37846" i="3"/>
  <c r="C37847" i="3"/>
  <c r="C37848" i="3"/>
  <c r="C37849" i="3"/>
  <c r="C37850" i="3"/>
  <c r="C37851" i="3"/>
  <c r="C37852" i="3"/>
  <c r="C37853" i="3"/>
  <c r="C37854" i="3"/>
  <c r="C37855" i="3"/>
  <c r="C37856" i="3"/>
  <c r="C37857" i="3"/>
  <c r="C37858" i="3"/>
  <c r="C37859" i="3"/>
  <c r="C37860" i="3"/>
  <c r="C37861" i="3"/>
  <c r="C37862" i="3"/>
  <c r="C37863" i="3"/>
  <c r="C37864" i="3"/>
  <c r="C37865" i="3"/>
  <c r="C37866" i="3"/>
  <c r="C37867" i="3"/>
  <c r="C37868" i="3"/>
  <c r="C37869" i="3"/>
  <c r="C37870" i="3"/>
  <c r="C37871" i="3"/>
  <c r="C37872" i="3"/>
  <c r="C37873" i="3"/>
  <c r="C37874" i="3"/>
  <c r="C37875" i="3"/>
  <c r="C37876" i="3"/>
  <c r="C37877" i="3"/>
  <c r="C37878" i="3"/>
  <c r="C37879" i="3"/>
  <c r="C37880" i="3"/>
  <c r="C37881" i="3"/>
  <c r="C37882" i="3"/>
  <c r="C37883" i="3"/>
  <c r="C37884" i="3"/>
  <c r="C37885" i="3"/>
  <c r="C37886" i="3"/>
  <c r="C37887" i="3"/>
  <c r="C37888" i="3"/>
  <c r="C37889" i="3"/>
  <c r="C37890" i="3"/>
  <c r="C37891" i="3"/>
  <c r="C37892" i="3"/>
  <c r="C37893" i="3"/>
  <c r="C37894" i="3"/>
  <c r="C37895" i="3"/>
  <c r="C37896" i="3"/>
  <c r="C37897" i="3"/>
  <c r="C37898" i="3"/>
  <c r="C37899" i="3"/>
  <c r="C37900" i="3"/>
  <c r="C37901" i="3"/>
  <c r="C37902" i="3"/>
  <c r="C37903" i="3"/>
  <c r="C37904" i="3"/>
  <c r="C37905" i="3"/>
  <c r="C37906" i="3"/>
  <c r="C37907" i="3"/>
  <c r="C37908" i="3"/>
  <c r="C37909" i="3"/>
  <c r="C37910" i="3"/>
  <c r="C37911" i="3"/>
  <c r="C37912" i="3"/>
  <c r="C37913" i="3"/>
  <c r="C37914" i="3"/>
  <c r="C37915" i="3"/>
  <c r="C37916" i="3"/>
  <c r="C37917" i="3"/>
  <c r="C37918" i="3"/>
  <c r="C37919" i="3"/>
  <c r="C37920" i="3"/>
  <c r="C37921" i="3"/>
  <c r="C37922" i="3"/>
  <c r="C37923" i="3"/>
  <c r="C37924" i="3"/>
  <c r="C37925" i="3"/>
  <c r="C37926" i="3"/>
  <c r="C37927" i="3"/>
  <c r="C37928" i="3"/>
  <c r="C37929" i="3"/>
  <c r="C37930" i="3"/>
  <c r="C37931" i="3"/>
  <c r="C37932" i="3"/>
  <c r="C37933" i="3"/>
  <c r="C37934" i="3"/>
  <c r="C37935" i="3"/>
  <c r="C37936" i="3"/>
  <c r="C37937" i="3"/>
  <c r="C37938" i="3"/>
  <c r="C37939" i="3"/>
  <c r="C37940" i="3"/>
  <c r="C37941" i="3"/>
  <c r="C37942" i="3"/>
  <c r="C37943" i="3"/>
  <c r="C37944" i="3"/>
  <c r="C37945" i="3"/>
  <c r="C37946" i="3"/>
  <c r="C37947" i="3"/>
  <c r="C37948" i="3"/>
  <c r="C37949" i="3"/>
  <c r="C37950" i="3"/>
  <c r="C37951" i="3"/>
  <c r="C37952" i="3"/>
  <c r="C37953" i="3"/>
  <c r="C37954" i="3"/>
  <c r="C37955" i="3"/>
  <c r="C37956" i="3"/>
  <c r="C37957" i="3"/>
  <c r="C37958" i="3"/>
  <c r="C37959" i="3"/>
  <c r="C37960" i="3"/>
  <c r="C37961" i="3"/>
  <c r="C37962" i="3"/>
  <c r="C37963" i="3"/>
  <c r="C37964" i="3"/>
  <c r="C37965" i="3"/>
  <c r="C37966" i="3"/>
  <c r="C37967" i="3"/>
  <c r="C37968" i="3"/>
  <c r="C37969" i="3"/>
  <c r="C37970" i="3"/>
  <c r="C37971" i="3"/>
  <c r="C37972" i="3"/>
  <c r="C37973" i="3"/>
  <c r="C37974" i="3"/>
  <c r="C37975" i="3"/>
  <c r="C37976" i="3"/>
  <c r="C37977" i="3"/>
  <c r="C37978" i="3"/>
  <c r="C37979" i="3"/>
  <c r="C37980" i="3"/>
  <c r="C37981" i="3"/>
  <c r="C37982" i="3"/>
  <c r="C37983" i="3"/>
  <c r="C37984" i="3"/>
  <c r="C37985" i="3"/>
  <c r="C37986" i="3"/>
  <c r="C37987" i="3"/>
  <c r="C37988" i="3"/>
  <c r="C37989" i="3"/>
  <c r="C37990" i="3"/>
  <c r="C37991" i="3"/>
  <c r="C37992" i="3"/>
  <c r="C37993" i="3"/>
  <c r="C37994" i="3"/>
  <c r="C37995" i="3"/>
  <c r="C37996" i="3"/>
  <c r="C37997" i="3"/>
  <c r="C37998" i="3"/>
  <c r="C37999" i="3"/>
  <c r="C38000" i="3"/>
  <c r="C38001" i="3"/>
  <c r="C38002" i="3"/>
  <c r="C38003" i="3"/>
  <c r="C38004" i="3"/>
  <c r="C38005" i="3"/>
  <c r="C38006" i="3"/>
  <c r="C38007" i="3"/>
  <c r="C38008" i="3"/>
  <c r="C38009" i="3"/>
  <c r="C38010" i="3"/>
  <c r="C38011" i="3"/>
  <c r="C38012" i="3"/>
  <c r="C38013" i="3"/>
  <c r="C38014" i="3"/>
  <c r="C38015" i="3"/>
  <c r="C38016" i="3"/>
  <c r="C38017" i="3"/>
  <c r="C38018" i="3"/>
  <c r="C38019" i="3"/>
  <c r="C38020" i="3"/>
  <c r="C38021" i="3"/>
  <c r="C38022" i="3"/>
  <c r="C38023" i="3"/>
  <c r="C38024" i="3"/>
  <c r="C38025" i="3"/>
  <c r="C38026" i="3"/>
  <c r="C38027" i="3"/>
  <c r="C38028" i="3"/>
  <c r="C38029" i="3"/>
  <c r="C38030" i="3"/>
  <c r="C38031" i="3"/>
  <c r="C38032" i="3"/>
  <c r="C38033" i="3"/>
  <c r="C38034" i="3"/>
  <c r="C38035" i="3"/>
  <c r="C38036" i="3"/>
  <c r="C38037" i="3"/>
  <c r="C38038" i="3"/>
  <c r="C38039" i="3"/>
  <c r="C38040" i="3"/>
  <c r="C38041" i="3"/>
  <c r="C38042" i="3"/>
  <c r="C38043" i="3"/>
  <c r="C38044" i="3"/>
  <c r="C38045" i="3"/>
  <c r="C38046" i="3"/>
  <c r="C38047" i="3"/>
  <c r="C38048" i="3"/>
  <c r="C38049" i="3"/>
  <c r="C38050" i="3"/>
  <c r="C38051" i="3"/>
  <c r="C38052" i="3"/>
  <c r="C38053" i="3"/>
  <c r="C38054" i="3"/>
  <c r="C38055" i="3"/>
  <c r="C38056" i="3"/>
  <c r="C38057" i="3"/>
  <c r="C38058" i="3"/>
  <c r="C38059" i="3"/>
  <c r="C38060" i="3"/>
  <c r="C38061" i="3"/>
  <c r="C38062" i="3"/>
  <c r="C38063" i="3"/>
  <c r="C38064" i="3"/>
  <c r="C38065" i="3"/>
  <c r="C38066" i="3"/>
  <c r="C38067" i="3"/>
  <c r="C38068" i="3"/>
  <c r="C38069" i="3"/>
  <c r="C38070" i="3"/>
  <c r="C38071" i="3"/>
  <c r="C38072" i="3"/>
  <c r="C38073" i="3"/>
  <c r="C38074" i="3"/>
  <c r="C38075" i="3"/>
  <c r="C38076" i="3"/>
  <c r="C38077" i="3"/>
  <c r="C38078" i="3"/>
  <c r="C38079" i="3"/>
  <c r="C38080" i="3"/>
  <c r="C38081" i="3"/>
  <c r="C38082" i="3"/>
  <c r="C38083" i="3"/>
  <c r="C38084" i="3"/>
  <c r="C38085" i="3"/>
  <c r="C38086" i="3"/>
  <c r="C38087" i="3"/>
  <c r="C38088" i="3"/>
  <c r="C38089" i="3"/>
  <c r="C38090" i="3"/>
  <c r="C38091" i="3"/>
  <c r="C38092" i="3"/>
  <c r="C38093" i="3"/>
  <c r="C38094" i="3"/>
  <c r="C38095" i="3"/>
  <c r="C38096" i="3"/>
  <c r="C38097" i="3"/>
  <c r="C38098" i="3"/>
  <c r="C38099" i="3"/>
  <c r="C38100" i="3"/>
  <c r="C38101" i="3"/>
  <c r="C38102" i="3"/>
  <c r="C38103" i="3"/>
  <c r="C38104" i="3"/>
  <c r="C38105" i="3"/>
  <c r="C38106" i="3"/>
  <c r="C38107" i="3"/>
  <c r="C38108" i="3"/>
  <c r="C38109" i="3"/>
  <c r="C38110" i="3"/>
  <c r="C38111" i="3"/>
  <c r="C38112" i="3"/>
  <c r="C38113" i="3"/>
  <c r="C38114" i="3"/>
  <c r="C38115" i="3"/>
  <c r="C38116" i="3"/>
  <c r="C38117" i="3"/>
  <c r="C38118" i="3"/>
  <c r="C38119" i="3"/>
  <c r="C38120" i="3"/>
  <c r="C38121" i="3"/>
  <c r="C38122" i="3"/>
  <c r="C38123" i="3"/>
  <c r="C38124" i="3"/>
  <c r="C38125" i="3"/>
  <c r="C38126" i="3"/>
  <c r="C38127" i="3"/>
  <c r="C38128" i="3"/>
  <c r="C38129" i="3"/>
  <c r="C38130" i="3"/>
  <c r="C38131" i="3"/>
  <c r="C38132" i="3"/>
  <c r="C38133" i="3"/>
  <c r="C38134" i="3"/>
  <c r="C38135" i="3"/>
  <c r="C38136" i="3"/>
  <c r="C38137" i="3"/>
  <c r="C38138" i="3"/>
  <c r="C38139" i="3"/>
  <c r="C38140" i="3"/>
  <c r="C38141" i="3"/>
  <c r="C38142" i="3"/>
  <c r="C38143" i="3"/>
  <c r="C38144" i="3"/>
  <c r="C38145" i="3"/>
  <c r="C38146" i="3"/>
  <c r="C38147" i="3"/>
  <c r="C38148" i="3"/>
  <c r="C38149" i="3"/>
  <c r="C38150" i="3"/>
  <c r="C38151" i="3"/>
  <c r="C38152" i="3"/>
  <c r="C38153" i="3"/>
  <c r="C38154" i="3"/>
  <c r="C38155" i="3"/>
  <c r="C38156" i="3"/>
  <c r="C38157" i="3"/>
  <c r="C38158" i="3"/>
  <c r="C38159" i="3"/>
  <c r="C38160" i="3"/>
  <c r="C38161" i="3"/>
  <c r="C38162" i="3"/>
  <c r="C38163" i="3"/>
  <c r="C38164" i="3"/>
  <c r="C38165" i="3"/>
  <c r="C38166" i="3"/>
  <c r="C38167" i="3"/>
  <c r="C38168" i="3"/>
  <c r="C38169" i="3"/>
  <c r="C38170" i="3"/>
  <c r="C38171" i="3"/>
  <c r="C38172" i="3"/>
  <c r="C38173" i="3"/>
  <c r="C38174" i="3"/>
  <c r="C38175" i="3"/>
  <c r="C38176" i="3"/>
  <c r="C38177" i="3"/>
  <c r="C38178" i="3"/>
  <c r="C38179" i="3"/>
  <c r="C38180" i="3"/>
  <c r="C38181" i="3"/>
  <c r="C38182" i="3"/>
  <c r="C38183" i="3"/>
  <c r="C38184" i="3"/>
  <c r="C38185" i="3"/>
  <c r="C38186" i="3"/>
  <c r="C38187" i="3"/>
  <c r="C38188" i="3"/>
  <c r="C38189" i="3"/>
  <c r="C38190" i="3"/>
  <c r="C38191" i="3"/>
  <c r="C38192" i="3"/>
  <c r="C38193" i="3"/>
  <c r="C38194" i="3"/>
  <c r="C38195" i="3"/>
  <c r="C38196" i="3"/>
  <c r="C38197" i="3"/>
  <c r="C38198" i="3"/>
  <c r="C38199" i="3"/>
  <c r="C38200" i="3"/>
  <c r="C38201" i="3"/>
  <c r="C38202" i="3"/>
  <c r="C38203" i="3"/>
  <c r="C38204" i="3"/>
  <c r="C38205" i="3"/>
  <c r="C38206" i="3"/>
  <c r="C38207" i="3"/>
  <c r="C38208" i="3"/>
  <c r="C38209" i="3"/>
  <c r="C38210" i="3"/>
  <c r="C38211" i="3"/>
  <c r="C38212" i="3"/>
  <c r="C38213" i="3"/>
  <c r="C38214" i="3"/>
  <c r="C38215" i="3"/>
  <c r="C38216" i="3"/>
  <c r="C38217" i="3"/>
  <c r="C38218" i="3"/>
  <c r="C38219" i="3"/>
  <c r="C38220" i="3"/>
  <c r="C38221" i="3"/>
  <c r="C38222" i="3"/>
  <c r="C38223" i="3"/>
  <c r="C38224" i="3"/>
  <c r="C38225" i="3"/>
  <c r="C38226" i="3"/>
  <c r="C38227" i="3"/>
  <c r="C38228" i="3"/>
  <c r="C38229" i="3"/>
  <c r="C38230" i="3"/>
  <c r="C38231" i="3"/>
  <c r="C38232" i="3"/>
  <c r="C38233" i="3"/>
  <c r="C38234" i="3"/>
  <c r="C38235" i="3"/>
  <c r="C38236" i="3"/>
  <c r="C38237" i="3"/>
  <c r="C38238" i="3"/>
  <c r="C38239" i="3"/>
  <c r="C38240" i="3"/>
  <c r="C38241" i="3"/>
  <c r="C38242" i="3"/>
  <c r="C38243" i="3"/>
  <c r="C38244" i="3"/>
  <c r="C38245" i="3"/>
  <c r="C38246" i="3"/>
  <c r="C38247" i="3"/>
  <c r="C38248" i="3"/>
  <c r="C38249" i="3"/>
  <c r="C38250" i="3"/>
  <c r="C38251" i="3"/>
  <c r="C38252" i="3"/>
  <c r="C38253" i="3"/>
  <c r="C38254" i="3"/>
  <c r="C38255" i="3"/>
  <c r="C38256" i="3"/>
  <c r="C38257" i="3"/>
  <c r="C38258" i="3"/>
  <c r="C38259" i="3"/>
  <c r="C38260" i="3"/>
  <c r="C38261" i="3"/>
  <c r="C38262" i="3"/>
  <c r="C38263" i="3"/>
  <c r="C38264" i="3"/>
  <c r="C38265" i="3"/>
  <c r="C38266" i="3"/>
  <c r="C38267" i="3"/>
  <c r="C38268" i="3"/>
  <c r="C38269" i="3"/>
  <c r="C38270" i="3"/>
  <c r="C38271" i="3"/>
  <c r="C38272" i="3"/>
  <c r="C38273" i="3"/>
  <c r="C38274" i="3"/>
  <c r="C38275" i="3"/>
  <c r="C38276" i="3"/>
  <c r="C38277" i="3"/>
  <c r="C38278" i="3"/>
  <c r="C38279" i="3"/>
  <c r="C38280" i="3"/>
  <c r="C38281" i="3"/>
  <c r="C38282" i="3"/>
  <c r="C38283" i="3"/>
  <c r="C38284" i="3"/>
  <c r="C38285" i="3"/>
  <c r="C38286" i="3"/>
  <c r="C38287" i="3"/>
  <c r="C38288" i="3"/>
  <c r="C38289" i="3"/>
  <c r="C38290" i="3"/>
  <c r="C38291" i="3"/>
  <c r="C38292" i="3"/>
  <c r="C38293" i="3"/>
  <c r="C38294" i="3"/>
  <c r="C38295" i="3"/>
  <c r="C38296" i="3"/>
  <c r="C38297" i="3"/>
  <c r="C38298" i="3"/>
  <c r="C38299" i="3"/>
  <c r="C38300" i="3"/>
  <c r="C38301" i="3"/>
  <c r="C38302" i="3"/>
  <c r="C38303" i="3"/>
  <c r="C38304" i="3"/>
  <c r="C38305" i="3"/>
  <c r="C38306" i="3"/>
  <c r="C38307" i="3"/>
  <c r="C38308" i="3"/>
  <c r="C38309" i="3"/>
  <c r="C38310" i="3"/>
  <c r="C38311" i="3"/>
  <c r="C38312" i="3"/>
  <c r="C38313" i="3"/>
  <c r="C38314" i="3"/>
  <c r="C38315" i="3"/>
  <c r="C38316" i="3"/>
  <c r="C38317" i="3"/>
  <c r="C38318" i="3"/>
  <c r="C38319" i="3"/>
  <c r="C38320" i="3"/>
  <c r="C38321" i="3"/>
  <c r="C38322" i="3"/>
  <c r="C38323" i="3"/>
  <c r="C38324" i="3"/>
  <c r="C38325" i="3"/>
  <c r="C38326" i="3"/>
  <c r="C38327" i="3"/>
  <c r="C38328" i="3"/>
  <c r="C38329" i="3"/>
  <c r="C38330" i="3"/>
  <c r="C38331" i="3"/>
  <c r="C38332" i="3"/>
  <c r="C38333" i="3"/>
  <c r="C38334" i="3"/>
  <c r="C38335" i="3"/>
  <c r="C38336" i="3"/>
  <c r="C38337" i="3"/>
  <c r="C38338" i="3"/>
  <c r="C38339" i="3"/>
  <c r="C38340" i="3"/>
  <c r="C38341" i="3"/>
  <c r="C38342" i="3"/>
  <c r="C38343" i="3"/>
  <c r="C38344" i="3"/>
  <c r="C38345" i="3"/>
  <c r="C38346" i="3"/>
  <c r="C38347" i="3"/>
  <c r="C38348" i="3"/>
  <c r="C38349" i="3"/>
  <c r="C38350" i="3"/>
  <c r="C38351" i="3"/>
  <c r="C38352" i="3"/>
  <c r="C38353" i="3"/>
  <c r="C38354" i="3"/>
  <c r="C38355" i="3"/>
  <c r="C38356" i="3"/>
  <c r="C38357" i="3"/>
  <c r="C38358" i="3"/>
  <c r="C38359" i="3"/>
  <c r="C38360" i="3"/>
  <c r="C38361" i="3"/>
  <c r="C38362" i="3"/>
  <c r="C38363" i="3"/>
  <c r="C38364" i="3"/>
  <c r="C38365" i="3"/>
  <c r="C38366" i="3"/>
  <c r="C38367" i="3"/>
  <c r="C38368" i="3"/>
  <c r="C38369" i="3"/>
  <c r="C38370" i="3"/>
  <c r="C38371" i="3"/>
  <c r="C38372" i="3"/>
  <c r="C38373" i="3"/>
  <c r="C38374" i="3"/>
  <c r="C38375" i="3"/>
  <c r="C38376" i="3"/>
  <c r="C38377" i="3"/>
  <c r="C38378" i="3"/>
  <c r="C38379" i="3"/>
  <c r="C38380" i="3"/>
  <c r="C38381" i="3"/>
  <c r="C38382" i="3"/>
  <c r="C38383" i="3"/>
  <c r="C38384" i="3"/>
  <c r="C38385" i="3"/>
  <c r="C38386" i="3"/>
  <c r="C38387" i="3"/>
  <c r="C38388" i="3"/>
  <c r="C38389" i="3"/>
  <c r="C38390" i="3"/>
  <c r="C38391" i="3"/>
  <c r="C38392" i="3"/>
  <c r="C38393" i="3"/>
  <c r="C38394" i="3"/>
  <c r="C38395" i="3"/>
  <c r="C38396" i="3"/>
  <c r="C38397" i="3"/>
  <c r="C38398" i="3"/>
  <c r="C38399" i="3"/>
  <c r="C38400" i="3"/>
  <c r="C38401" i="3"/>
  <c r="C38402" i="3"/>
  <c r="C38403" i="3"/>
  <c r="C38404" i="3"/>
  <c r="C38405" i="3"/>
  <c r="C38406" i="3"/>
  <c r="C38407" i="3"/>
  <c r="C38408" i="3"/>
  <c r="C38409" i="3"/>
  <c r="C38410" i="3"/>
  <c r="C38411" i="3"/>
  <c r="C38412" i="3"/>
  <c r="C38413" i="3"/>
  <c r="C38414" i="3"/>
  <c r="C38415" i="3"/>
  <c r="C38416" i="3"/>
  <c r="C38417" i="3"/>
  <c r="C38418" i="3"/>
  <c r="C38419" i="3"/>
  <c r="C38420" i="3"/>
  <c r="C38421" i="3"/>
  <c r="C38422" i="3"/>
  <c r="C38423" i="3"/>
  <c r="C38424" i="3"/>
  <c r="C38425" i="3"/>
  <c r="C38426" i="3"/>
  <c r="C38427" i="3"/>
  <c r="C38428" i="3"/>
  <c r="C38429" i="3"/>
  <c r="C38430" i="3"/>
  <c r="C38431" i="3"/>
  <c r="C38432" i="3"/>
  <c r="C38433" i="3"/>
  <c r="C38434" i="3"/>
  <c r="C38435" i="3"/>
  <c r="C38436" i="3"/>
  <c r="C38437" i="3"/>
  <c r="C38438" i="3"/>
  <c r="C38439" i="3"/>
  <c r="C38440" i="3"/>
  <c r="C38441" i="3"/>
  <c r="C38442" i="3"/>
  <c r="C38443" i="3"/>
  <c r="C38444" i="3"/>
  <c r="C38445" i="3"/>
  <c r="C38446" i="3"/>
  <c r="C38447" i="3"/>
  <c r="C38448" i="3"/>
  <c r="C38449" i="3"/>
  <c r="C38450" i="3"/>
  <c r="C38451" i="3"/>
  <c r="C38452" i="3"/>
  <c r="C38453" i="3"/>
  <c r="C38454" i="3"/>
  <c r="C38455" i="3"/>
  <c r="C38456" i="3"/>
  <c r="C38457" i="3"/>
  <c r="C38458" i="3"/>
  <c r="C38459" i="3"/>
  <c r="C38460" i="3"/>
  <c r="C38461" i="3"/>
  <c r="C38462" i="3"/>
  <c r="C38463" i="3"/>
  <c r="C38464" i="3"/>
  <c r="C38465" i="3"/>
  <c r="C38466" i="3"/>
  <c r="C38467" i="3"/>
  <c r="C38468" i="3"/>
  <c r="C38469" i="3"/>
  <c r="C38470" i="3"/>
  <c r="C38471" i="3"/>
  <c r="C38472" i="3"/>
  <c r="C38473" i="3"/>
  <c r="C38474" i="3"/>
  <c r="C38475" i="3"/>
  <c r="C38476" i="3"/>
  <c r="C38477" i="3"/>
  <c r="C38478" i="3"/>
  <c r="C38479" i="3"/>
  <c r="C38480" i="3"/>
  <c r="C38481" i="3"/>
  <c r="C38482" i="3"/>
  <c r="C38483" i="3"/>
  <c r="C38484" i="3"/>
  <c r="C38485" i="3"/>
  <c r="C38486" i="3"/>
  <c r="C38487" i="3"/>
  <c r="C38488" i="3"/>
  <c r="C38489" i="3"/>
  <c r="C38490" i="3"/>
  <c r="C38491" i="3"/>
  <c r="C38492" i="3"/>
  <c r="C38493" i="3"/>
  <c r="C38494" i="3"/>
  <c r="C38495" i="3"/>
  <c r="C38496" i="3"/>
  <c r="C38497" i="3"/>
  <c r="C38498" i="3"/>
  <c r="C38499" i="3"/>
  <c r="C38500" i="3"/>
  <c r="C38501" i="3"/>
  <c r="C38502" i="3"/>
  <c r="C38503" i="3"/>
  <c r="C38504" i="3"/>
  <c r="C38505" i="3"/>
  <c r="C38506" i="3"/>
  <c r="C38507" i="3"/>
  <c r="C38508" i="3"/>
  <c r="C38509" i="3"/>
  <c r="C38510" i="3"/>
  <c r="C38511" i="3"/>
  <c r="C38512" i="3"/>
  <c r="C38513" i="3"/>
  <c r="C38514" i="3"/>
  <c r="C38515" i="3"/>
  <c r="C38516" i="3"/>
  <c r="C38517" i="3"/>
  <c r="C38518" i="3"/>
  <c r="C38519" i="3"/>
  <c r="C38520" i="3"/>
  <c r="C38521" i="3"/>
  <c r="C38522" i="3"/>
  <c r="C38523" i="3"/>
  <c r="C38524" i="3"/>
  <c r="C38525" i="3"/>
  <c r="C38526" i="3"/>
  <c r="C38527" i="3"/>
  <c r="C38528" i="3"/>
  <c r="C38529" i="3"/>
  <c r="C38530" i="3"/>
  <c r="C38531" i="3"/>
  <c r="C38532" i="3"/>
  <c r="C38533" i="3"/>
  <c r="C38534" i="3"/>
  <c r="C38535" i="3"/>
  <c r="C38536" i="3"/>
  <c r="C38537" i="3"/>
  <c r="C38538" i="3"/>
  <c r="C38539" i="3"/>
  <c r="C38540" i="3"/>
  <c r="C38541" i="3"/>
  <c r="C38542" i="3"/>
  <c r="C38543" i="3"/>
  <c r="C38544" i="3"/>
  <c r="C38545" i="3"/>
  <c r="C38546" i="3"/>
  <c r="C38547" i="3"/>
  <c r="C38548" i="3"/>
  <c r="C38549" i="3"/>
  <c r="C38550" i="3"/>
  <c r="C38551" i="3"/>
  <c r="C38552" i="3"/>
  <c r="C38553" i="3"/>
  <c r="C38554" i="3"/>
  <c r="C38555" i="3"/>
  <c r="C38556" i="3"/>
  <c r="C38557" i="3"/>
  <c r="C38558" i="3"/>
  <c r="C38559" i="3"/>
  <c r="C38560" i="3"/>
  <c r="C38561" i="3"/>
  <c r="C38562" i="3"/>
  <c r="C38563" i="3"/>
  <c r="C38564" i="3"/>
  <c r="C38565" i="3"/>
  <c r="C38566" i="3"/>
  <c r="C38567" i="3"/>
  <c r="C38568" i="3"/>
  <c r="C38569" i="3"/>
  <c r="C38570" i="3"/>
  <c r="C38571" i="3"/>
  <c r="C38572" i="3"/>
  <c r="C38573" i="3"/>
  <c r="C38574" i="3"/>
  <c r="C38575" i="3"/>
  <c r="C38576" i="3"/>
  <c r="C38577" i="3"/>
  <c r="C38578" i="3"/>
  <c r="C38579" i="3"/>
  <c r="C38580" i="3"/>
  <c r="C38581" i="3"/>
  <c r="C38582" i="3"/>
  <c r="C38583" i="3"/>
  <c r="C38584" i="3"/>
  <c r="C38585" i="3"/>
  <c r="C38586" i="3"/>
  <c r="C38587" i="3"/>
  <c r="C38588" i="3"/>
  <c r="C38589" i="3"/>
  <c r="C38590" i="3"/>
  <c r="C38591" i="3"/>
  <c r="C38592" i="3"/>
  <c r="C38593" i="3"/>
  <c r="C38594" i="3"/>
  <c r="C38595" i="3"/>
  <c r="C38596" i="3"/>
  <c r="C38597" i="3"/>
  <c r="C38598" i="3"/>
  <c r="C38599" i="3"/>
  <c r="C38600" i="3"/>
  <c r="C38601" i="3"/>
  <c r="C38602" i="3"/>
  <c r="C38603" i="3"/>
  <c r="C38604" i="3"/>
  <c r="C38605" i="3"/>
  <c r="C38606" i="3"/>
  <c r="C38607" i="3"/>
  <c r="C38608" i="3"/>
  <c r="C38609" i="3"/>
  <c r="C38610" i="3"/>
  <c r="C38611" i="3"/>
  <c r="C38612" i="3"/>
  <c r="C38613" i="3"/>
  <c r="C38614" i="3"/>
  <c r="C38615" i="3"/>
  <c r="C38616" i="3"/>
  <c r="C38617" i="3"/>
  <c r="C38618" i="3"/>
  <c r="C38619" i="3"/>
  <c r="C38620" i="3"/>
  <c r="C38621" i="3"/>
  <c r="C38622" i="3"/>
  <c r="C38623" i="3"/>
  <c r="C38624" i="3"/>
  <c r="C38625" i="3"/>
  <c r="C38626" i="3"/>
  <c r="C38627" i="3"/>
  <c r="C38628" i="3"/>
  <c r="C38629" i="3"/>
  <c r="C38630" i="3"/>
  <c r="C38631" i="3"/>
  <c r="C38632" i="3"/>
  <c r="C38633" i="3"/>
  <c r="C38634" i="3"/>
  <c r="C38635" i="3"/>
  <c r="C38636" i="3"/>
  <c r="C38637" i="3"/>
  <c r="C38638" i="3"/>
  <c r="C38639" i="3"/>
  <c r="C38640" i="3"/>
  <c r="C38641" i="3"/>
  <c r="C38642" i="3"/>
  <c r="C38643" i="3"/>
  <c r="C38644" i="3"/>
  <c r="C38645" i="3"/>
  <c r="C38646" i="3"/>
  <c r="C38647" i="3"/>
  <c r="C38648" i="3"/>
  <c r="C38649" i="3"/>
  <c r="C38650" i="3"/>
  <c r="C38651" i="3"/>
  <c r="C38652" i="3"/>
  <c r="C38653" i="3"/>
  <c r="C38654" i="3"/>
  <c r="C38655" i="3"/>
  <c r="C38656" i="3"/>
  <c r="C38657" i="3"/>
  <c r="C38658" i="3"/>
  <c r="C38659" i="3"/>
  <c r="C38660" i="3"/>
  <c r="C38661" i="3"/>
  <c r="C38662" i="3"/>
  <c r="C38663" i="3"/>
  <c r="C38664" i="3"/>
  <c r="C38665" i="3"/>
  <c r="C38666" i="3"/>
  <c r="C38667" i="3"/>
  <c r="C38668" i="3"/>
  <c r="C38669" i="3"/>
  <c r="C38670" i="3"/>
  <c r="C38671" i="3"/>
  <c r="C38672" i="3"/>
  <c r="C38673" i="3"/>
  <c r="C38674" i="3"/>
  <c r="C38675" i="3"/>
  <c r="C38676" i="3"/>
  <c r="C38677" i="3"/>
  <c r="C38678" i="3"/>
  <c r="C38679" i="3"/>
  <c r="C38680" i="3"/>
  <c r="C38681" i="3"/>
  <c r="C38682" i="3"/>
  <c r="C38683" i="3"/>
  <c r="C38684" i="3"/>
  <c r="C38685" i="3"/>
  <c r="C38686" i="3"/>
  <c r="C38687" i="3"/>
  <c r="C38688" i="3"/>
  <c r="C38689" i="3"/>
  <c r="C38690" i="3"/>
  <c r="C38691" i="3"/>
  <c r="C38692" i="3"/>
  <c r="C38693" i="3"/>
  <c r="C38694" i="3"/>
  <c r="C38695" i="3"/>
  <c r="C38696" i="3"/>
  <c r="C38697" i="3"/>
  <c r="C38698" i="3"/>
  <c r="C38699" i="3"/>
  <c r="C38700" i="3"/>
  <c r="C38701" i="3"/>
  <c r="C38702" i="3"/>
  <c r="C38703" i="3"/>
  <c r="C38704" i="3"/>
  <c r="C38705" i="3"/>
  <c r="C38706" i="3"/>
  <c r="C38707" i="3"/>
  <c r="C38708" i="3"/>
  <c r="C38709" i="3"/>
  <c r="C38710" i="3"/>
  <c r="C38711" i="3"/>
  <c r="C38712" i="3"/>
  <c r="C38713" i="3"/>
  <c r="C38714" i="3"/>
  <c r="C38715" i="3"/>
  <c r="C38716" i="3"/>
  <c r="C38717" i="3"/>
  <c r="C38718" i="3"/>
  <c r="C38719" i="3"/>
  <c r="C38720" i="3"/>
  <c r="C38721" i="3"/>
  <c r="C38722" i="3"/>
  <c r="C38723" i="3"/>
  <c r="C38724" i="3"/>
  <c r="C38725" i="3"/>
  <c r="C38726" i="3"/>
  <c r="C38727" i="3"/>
  <c r="C38728" i="3"/>
  <c r="C38729" i="3"/>
  <c r="C38730" i="3"/>
  <c r="C38731" i="3"/>
  <c r="C38732" i="3"/>
  <c r="C38733" i="3"/>
  <c r="C38734" i="3"/>
  <c r="C38735" i="3"/>
  <c r="C38736" i="3"/>
  <c r="C38737" i="3"/>
  <c r="C38738" i="3"/>
  <c r="C38739" i="3"/>
  <c r="C38740" i="3"/>
  <c r="C38741" i="3"/>
  <c r="C38742" i="3"/>
  <c r="C38743" i="3"/>
  <c r="C38744" i="3"/>
  <c r="C38745" i="3"/>
  <c r="C38746" i="3"/>
  <c r="C38747" i="3"/>
  <c r="C38748" i="3"/>
  <c r="C38749" i="3"/>
  <c r="C38750" i="3"/>
  <c r="C38751" i="3"/>
  <c r="C38752" i="3"/>
  <c r="C38753" i="3"/>
  <c r="C38754" i="3"/>
  <c r="C38755" i="3"/>
  <c r="C38756" i="3"/>
  <c r="C38757" i="3"/>
  <c r="C38758" i="3"/>
  <c r="C38759" i="3"/>
  <c r="C38760" i="3"/>
  <c r="C38761" i="3"/>
  <c r="C38762" i="3"/>
  <c r="C38763" i="3"/>
  <c r="C38764" i="3"/>
  <c r="C38765" i="3"/>
  <c r="C38766" i="3"/>
  <c r="C38767" i="3"/>
  <c r="C38768" i="3"/>
  <c r="C38769" i="3"/>
  <c r="C38770" i="3"/>
  <c r="C38771" i="3"/>
  <c r="C38772" i="3"/>
  <c r="C38773" i="3"/>
  <c r="C38774" i="3"/>
  <c r="C38775" i="3"/>
  <c r="C38776" i="3"/>
  <c r="C38777" i="3"/>
  <c r="C38778" i="3"/>
  <c r="C38779" i="3"/>
  <c r="C38780" i="3"/>
  <c r="C38781" i="3"/>
  <c r="C38782" i="3"/>
  <c r="C38783" i="3"/>
  <c r="C38784" i="3"/>
  <c r="C38785" i="3"/>
  <c r="C38786" i="3"/>
  <c r="C38787" i="3"/>
  <c r="C38788" i="3"/>
  <c r="C38789" i="3"/>
  <c r="C38790" i="3"/>
  <c r="C38791" i="3"/>
  <c r="C38792" i="3"/>
  <c r="C38793" i="3"/>
  <c r="C38794" i="3"/>
  <c r="C38795" i="3"/>
  <c r="C38796" i="3"/>
  <c r="C38797" i="3"/>
  <c r="C38798" i="3"/>
  <c r="C38799" i="3"/>
  <c r="C38800" i="3"/>
  <c r="C38801" i="3"/>
  <c r="C38802" i="3"/>
  <c r="C38803" i="3"/>
  <c r="C38804" i="3"/>
  <c r="C38805" i="3"/>
  <c r="C38806" i="3"/>
  <c r="C38807" i="3"/>
  <c r="C38808" i="3"/>
  <c r="C38809" i="3"/>
  <c r="C38810" i="3"/>
  <c r="C38811" i="3"/>
  <c r="C38812" i="3"/>
  <c r="C38813" i="3"/>
  <c r="C38814" i="3"/>
  <c r="C38815" i="3"/>
  <c r="C38816" i="3"/>
  <c r="C38817" i="3"/>
  <c r="C38818" i="3"/>
  <c r="C38819" i="3"/>
  <c r="C38820" i="3"/>
  <c r="C38821" i="3"/>
  <c r="C38822" i="3"/>
  <c r="C38823" i="3"/>
  <c r="C38824" i="3"/>
  <c r="C38825" i="3"/>
  <c r="C38826" i="3"/>
  <c r="C38827" i="3"/>
  <c r="C38828" i="3"/>
  <c r="C38829" i="3"/>
  <c r="C38830" i="3"/>
  <c r="C38831" i="3"/>
  <c r="C38832" i="3"/>
  <c r="C38833" i="3"/>
  <c r="C38834" i="3"/>
  <c r="C38835" i="3"/>
  <c r="C38836" i="3"/>
  <c r="C38837" i="3"/>
  <c r="C38838" i="3"/>
  <c r="C38839" i="3"/>
  <c r="C38840" i="3"/>
  <c r="C38841" i="3"/>
  <c r="C38842" i="3"/>
  <c r="C38843" i="3"/>
  <c r="C38844" i="3"/>
  <c r="C38845" i="3"/>
  <c r="C38846" i="3"/>
  <c r="C38847" i="3"/>
  <c r="C38848" i="3"/>
  <c r="C38849" i="3"/>
  <c r="C38850" i="3"/>
  <c r="C38851" i="3"/>
  <c r="C38852" i="3"/>
  <c r="C38853" i="3"/>
  <c r="C38854" i="3"/>
  <c r="C38855" i="3"/>
  <c r="C38856" i="3"/>
  <c r="C38857" i="3"/>
  <c r="C38858" i="3"/>
  <c r="C38859" i="3"/>
  <c r="C38860" i="3"/>
  <c r="C38861" i="3"/>
  <c r="C38862" i="3"/>
  <c r="C38863" i="3"/>
  <c r="C38864" i="3"/>
  <c r="C38865" i="3"/>
  <c r="C38866" i="3"/>
  <c r="C38867" i="3"/>
  <c r="C38868" i="3"/>
  <c r="C38869" i="3"/>
  <c r="C38870" i="3"/>
  <c r="C38871" i="3"/>
  <c r="C38872" i="3"/>
  <c r="C38873" i="3"/>
  <c r="C38874" i="3"/>
  <c r="C38875" i="3"/>
  <c r="C38876" i="3"/>
  <c r="C38877" i="3"/>
  <c r="C38878" i="3"/>
  <c r="C38879" i="3"/>
  <c r="C38880" i="3"/>
  <c r="C38881" i="3"/>
  <c r="C38882" i="3"/>
  <c r="C38883" i="3"/>
  <c r="C38884" i="3"/>
  <c r="C38885" i="3"/>
  <c r="C38886" i="3"/>
  <c r="C38887" i="3"/>
  <c r="C38888" i="3"/>
  <c r="C38889" i="3"/>
  <c r="C38890" i="3"/>
  <c r="C38891" i="3"/>
  <c r="C38892" i="3"/>
  <c r="C38893" i="3"/>
  <c r="C38894" i="3"/>
  <c r="C38895" i="3"/>
  <c r="C38896" i="3"/>
  <c r="C38897" i="3"/>
  <c r="C38898" i="3"/>
  <c r="C38899" i="3"/>
  <c r="C38900" i="3"/>
  <c r="C38901" i="3"/>
  <c r="C38902" i="3"/>
  <c r="C38903" i="3"/>
  <c r="C38904" i="3"/>
  <c r="C38905" i="3"/>
  <c r="C38906" i="3"/>
  <c r="C38907" i="3"/>
  <c r="C38908" i="3"/>
  <c r="C38909" i="3"/>
  <c r="C38910" i="3"/>
  <c r="C38911" i="3"/>
  <c r="C38912" i="3"/>
  <c r="C38913" i="3"/>
  <c r="C38914" i="3"/>
  <c r="C38915" i="3"/>
  <c r="C38916" i="3"/>
  <c r="C38917" i="3"/>
  <c r="C38918" i="3"/>
  <c r="C38919" i="3"/>
  <c r="C38920" i="3"/>
  <c r="C38921" i="3"/>
  <c r="C38922" i="3"/>
  <c r="C38923" i="3"/>
  <c r="C38924" i="3"/>
  <c r="C38925" i="3"/>
  <c r="C38926" i="3"/>
  <c r="C38927" i="3"/>
  <c r="C38928" i="3"/>
  <c r="C38929" i="3"/>
  <c r="C38930" i="3"/>
  <c r="C38931" i="3"/>
  <c r="C38932" i="3"/>
  <c r="C38933" i="3"/>
  <c r="C38934" i="3"/>
  <c r="C38935" i="3"/>
  <c r="C38936" i="3"/>
  <c r="C38937" i="3"/>
  <c r="C38938" i="3"/>
  <c r="C38939" i="3"/>
  <c r="C38940" i="3"/>
  <c r="C38941" i="3"/>
  <c r="C38942" i="3"/>
  <c r="C38943" i="3"/>
  <c r="C38944" i="3"/>
  <c r="C38945" i="3"/>
  <c r="C38946" i="3"/>
  <c r="C38947" i="3"/>
  <c r="C38948" i="3"/>
  <c r="C38949" i="3"/>
  <c r="C38950" i="3"/>
  <c r="C38951" i="3"/>
  <c r="C38952" i="3"/>
  <c r="C38953" i="3"/>
  <c r="C38954" i="3"/>
  <c r="C38955" i="3"/>
  <c r="C38956" i="3"/>
  <c r="C38957" i="3"/>
  <c r="C38958" i="3"/>
  <c r="C38959" i="3"/>
  <c r="C38960" i="3"/>
  <c r="C38961" i="3"/>
  <c r="C38962" i="3"/>
  <c r="C38963" i="3"/>
  <c r="C38964" i="3"/>
  <c r="C38965" i="3"/>
  <c r="C38966" i="3"/>
  <c r="C38967" i="3"/>
  <c r="C38968" i="3"/>
  <c r="C38969" i="3"/>
  <c r="C38970" i="3"/>
  <c r="C38971" i="3"/>
  <c r="C38972" i="3"/>
  <c r="C38973" i="3"/>
  <c r="C38974" i="3"/>
  <c r="C38975" i="3"/>
  <c r="C38976" i="3"/>
  <c r="C38977" i="3"/>
  <c r="C38978" i="3"/>
  <c r="C38979" i="3"/>
  <c r="C38980" i="3"/>
  <c r="C38981" i="3"/>
  <c r="C38982" i="3"/>
  <c r="C38983" i="3"/>
  <c r="C38984" i="3"/>
  <c r="C38985" i="3"/>
  <c r="C38986" i="3"/>
  <c r="C38987" i="3"/>
  <c r="C38988" i="3"/>
  <c r="C38989" i="3"/>
  <c r="C38990" i="3"/>
  <c r="C38991" i="3"/>
  <c r="C38992" i="3"/>
  <c r="C38993" i="3"/>
  <c r="C38994" i="3"/>
  <c r="C38995" i="3"/>
  <c r="C38996" i="3"/>
  <c r="C38997" i="3"/>
  <c r="C38998" i="3"/>
  <c r="C38999" i="3"/>
  <c r="C39000" i="3"/>
  <c r="C39001" i="3"/>
  <c r="C39002" i="3"/>
  <c r="C39003" i="3"/>
  <c r="C39004" i="3"/>
  <c r="C39005" i="3"/>
  <c r="C39006" i="3"/>
  <c r="C39007" i="3"/>
  <c r="C39008" i="3"/>
  <c r="C39009" i="3"/>
  <c r="C39010" i="3"/>
  <c r="C39011" i="3"/>
  <c r="C39012" i="3"/>
  <c r="C39013" i="3"/>
  <c r="C39014" i="3"/>
  <c r="C39015" i="3"/>
  <c r="C39016" i="3"/>
  <c r="C39017" i="3"/>
  <c r="C39018" i="3"/>
  <c r="C39019" i="3"/>
  <c r="C39020" i="3"/>
  <c r="C39021" i="3"/>
  <c r="C39022" i="3"/>
  <c r="C39023" i="3"/>
  <c r="C39024" i="3"/>
  <c r="C39025" i="3"/>
  <c r="C39026" i="3"/>
  <c r="C39027" i="3"/>
  <c r="C39028" i="3"/>
  <c r="C39029" i="3"/>
  <c r="C39030" i="3"/>
  <c r="C39031" i="3"/>
  <c r="C39032" i="3"/>
  <c r="C39033" i="3"/>
  <c r="C39034" i="3"/>
  <c r="C39035" i="3"/>
  <c r="C39036" i="3"/>
  <c r="C39037" i="3"/>
  <c r="C39038" i="3"/>
  <c r="C39039" i="3"/>
  <c r="C39040" i="3"/>
  <c r="C39041" i="3"/>
  <c r="C39042" i="3"/>
  <c r="C39043" i="3"/>
  <c r="C39044" i="3"/>
  <c r="C39045" i="3"/>
  <c r="C39046" i="3"/>
  <c r="C39047" i="3"/>
  <c r="C39048" i="3"/>
  <c r="C39049" i="3"/>
  <c r="C39050" i="3"/>
  <c r="C39051" i="3"/>
  <c r="C39052" i="3"/>
  <c r="C39053" i="3"/>
  <c r="C39054" i="3"/>
  <c r="C39055" i="3"/>
  <c r="C39056" i="3"/>
  <c r="C39057" i="3"/>
  <c r="C39058" i="3"/>
  <c r="C39059" i="3"/>
  <c r="C39060" i="3"/>
  <c r="C39061" i="3"/>
  <c r="C39062" i="3"/>
  <c r="C39063" i="3"/>
  <c r="C39064" i="3"/>
  <c r="C39065" i="3"/>
  <c r="C39066" i="3"/>
  <c r="C39067" i="3"/>
  <c r="C39068" i="3"/>
  <c r="C39069" i="3"/>
  <c r="C39070" i="3"/>
  <c r="C39071" i="3"/>
  <c r="C39072" i="3"/>
  <c r="C39073" i="3"/>
  <c r="C39074" i="3"/>
  <c r="C39075" i="3"/>
  <c r="C39076" i="3"/>
  <c r="C39077" i="3"/>
  <c r="C39078" i="3"/>
  <c r="C39079" i="3"/>
  <c r="C39080" i="3"/>
  <c r="C39081" i="3"/>
  <c r="C39082" i="3"/>
  <c r="C39083" i="3"/>
  <c r="C39084" i="3"/>
  <c r="C39085" i="3"/>
  <c r="C39086" i="3"/>
  <c r="C39087" i="3"/>
  <c r="C39088" i="3"/>
  <c r="C39089" i="3"/>
  <c r="C39090" i="3"/>
  <c r="C39091" i="3"/>
  <c r="C39092" i="3"/>
  <c r="C39093" i="3"/>
  <c r="C39094" i="3"/>
  <c r="C39095" i="3"/>
  <c r="C39096" i="3"/>
  <c r="C39097" i="3"/>
  <c r="C39098" i="3"/>
  <c r="C39099" i="3"/>
  <c r="C39100" i="3"/>
  <c r="C39101" i="3"/>
  <c r="C39102" i="3"/>
  <c r="C39103" i="3"/>
  <c r="C39104" i="3"/>
  <c r="C39105" i="3"/>
  <c r="C39106" i="3"/>
  <c r="C39107" i="3"/>
  <c r="C39108" i="3"/>
  <c r="C39109" i="3"/>
  <c r="C39110" i="3"/>
  <c r="C39111" i="3"/>
  <c r="C39112" i="3"/>
  <c r="C39113" i="3"/>
  <c r="C39114" i="3"/>
  <c r="C39115" i="3"/>
  <c r="C39116" i="3"/>
  <c r="C39117" i="3"/>
  <c r="C39118" i="3"/>
  <c r="C39119" i="3"/>
  <c r="C39120" i="3"/>
  <c r="C39121" i="3"/>
  <c r="C39122" i="3"/>
  <c r="C39123" i="3"/>
  <c r="C39124" i="3"/>
  <c r="C39125" i="3"/>
  <c r="C39126" i="3"/>
  <c r="C39127" i="3"/>
  <c r="C39128" i="3"/>
  <c r="C39129" i="3"/>
  <c r="C39130" i="3"/>
  <c r="C39131" i="3"/>
  <c r="C39132" i="3"/>
  <c r="C39133" i="3"/>
  <c r="C39134" i="3"/>
  <c r="C39135" i="3"/>
  <c r="C39136" i="3"/>
  <c r="C39137" i="3"/>
  <c r="C39138" i="3"/>
  <c r="C39139" i="3"/>
  <c r="C39140" i="3"/>
  <c r="C39141" i="3"/>
  <c r="C39142" i="3"/>
  <c r="C39143" i="3"/>
  <c r="C39144" i="3"/>
  <c r="C39145" i="3"/>
  <c r="C39146" i="3"/>
  <c r="C39147" i="3"/>
  <c r="C39148" i="3"/>
  <c r="C39149" i="3"/>
  <c r="C39150" i="3"/>
  <c r="C39151" i="3"/>
  <c r="C39152" i="3"/>
  <c r="C39153" i="3"/>
  <c r="C39154" i="3"/>
  <c r="C39155" i="3"/>
  <c r="C39156" i="3"/>
  <c r="C39157" i="3"/>
  <c r="C39158" i="3"/>
  <c r="C39159" i="3"/>
  <c r="C39160" i="3"/>
  <c r="C39161" i="3"/>
  <c r="C39162" i="3"/>
  <c r="C39163" i="3"/>
  <c r="C39164" i="3"/>
  <c r="C39165" i="3"/>
  <c r="C39166" i="3"/>
  <c r="C39167" i="3"/>
  <c r="C39168" i="3"/>
  <c r="C39169" i="3"/>
  <c r="C39170" i="3"/>
  <c r="C39171" i="3"/>
  <c r="C39172" i="3"/>
  <c r="C39173" i="3"/>
  <c r="C39174" i="3"/>
  <c r="C39175" i="3"/>
  <c r="C39176" i="3"/>
  <c r="C39177" i="3"/>
  <c r="C39178" i="3"/>
  <c r="C39179" i="3"/>
  <c r="C39180" i="3"/>
  <c r="C39181" i="3"/>
  <c r="C39182" i="3"/>
  <c r="C39183" i="3"/>
  <c r="C39184" i="3"/>
  <c r="C39185" i="3"/>
  <c r="C39186" i="3"/>
  <c r="C39187" i="3"/>
  <c r="C39188" i="3"/>
  <c r="C39189" i="3"/>
  <c r="C39190" i="3"/>
  <c r="C39191" i="3"/>
  <c r="C39192" i="3"/>
  <c r="C39193" i="3"/>
  <c r="C39194" i="3"/>
  <c r="C39195" i="3"/>
  <c r="C39196" i="3"/>
  <c r="C39197" i="3"/>
  <c r="C39198" i="3"/>
  <c r="C39199" i="3"/>
  <c r="C39200" i="3"/>
  <c r="C39201" i="3"/>
  <c r="C39202" i="3"/>
  <c r="C39203" i="3"/>
  <c r="C39204" i="3"/>
  <c r="C39205" i="3"/>
  <c r="C39206" i="3"/>
  <c r="C39207" i="3"/>
  <c r="C39208" i="3"/>
  <c r="C39209" i="3"/>
  <c r="C39210" i="3"/>
  <c r="C39211" i="3"/>
  <c r="C39212" i="3"/>
  <c r="C39213" i="3"/>
  <c r="C39214" i="3"/>
  <c r="C39215" i="3"/>
  <c r="C39216" i="3"/>
  <c r="C39217" i="3"/>
  <c r="C39218" i="3"/>
  <c r="C39219" i="3"/>
  <c r="C39220" i="3"/>
  <c r="C39221" i="3"/>
  <c r="C39222" i="3"/>
  <c r="C39223" i="3"/>
  <c r="C39224" i="3"/>
  <c r="C39225" i="3"/>
  <c r="C39226" i="3"/>
  <c r="C39227" i="3"/>
  <c r="C39228" i="3"/>
  <c r="C39229" i="3"/>
  <c r="C39230" i="3"/>
  <c r="C39231" i="3"/>
  <c r="C39232" i="3"/>
  <c r="C39233" i="3"/>
  <c r="C39234" i="3"/>
  <c r="C39235" i="3"/>
  <c r="C39236" i="3"/>
  <c r="C39237" i="3"/>
  <c r="C39238" i="3"/>
  <c r="C39239" i="3"/>
  <c r="C39240" i="3"/>
  <c r="C39241" i="3"/>
  <c r="C39242" i="3"/>
  <c r="C39243" i="3"/>
  <c r="C39244" i="3"/>
  <c r="C39245" i="3"/>
  <c r="C39246" i="3"/>
  <c r="C39247" i="3"/>
  <c r="C39248" i="3"/>
  <c r="C39249" i="3"/>
  <c r="C39250" i="3"/>
  <c r="C39251" i="3"/>
  <c r="C39252" i="3"/>
  <c r="C39253" i="3"/>
  <c r="C39254" i="3"/>
  <c r="C39255" i="3"/>
  <c r="C39256" i="3"/>
  <c r="C39257" i="3"/>
  <c r="C39258" i="3"/>
  <c r="C39259" i="3"/>
  <c r="C39260" i="3"/>
  <c r="C39261" i="3"/>
  <c r="C39262" i="3"/>
  <c r="C39263" i="3"/>
  <c r="C39264" i="3"/>
  <c r="C39265" i="3"/>
  <c r="C39266" i="3"/>
  <c r="C39267" i="3"/>
  <c r="C39268" i="3"/>
  <c r="C39269" i="3"/>
  <c r="C39270" i="3"/>
  <c r="C39271" i="3"/>
  <c r="C39272" i="3"/>
  <c r="C39273" i="3"/>
  <c r="C39274" i="3"/>
  <c r="C39275" i="3"/>
  <c r="C39276" i="3"/>
  <c r="C39277" i="3"/>
  <c r="C39278" i="3"/>
  <c r="C39279" i="3"/>
  <c r="C39280" i="3"/>
  <c r="C39281" i="3"/>
  <c r="C39282" i="3"/>
  <c r="C39283" i="3"/>
  <c r="C39284" i="3"/>
  <c r="C39285" i="3"/>
  <c r="C39286" i="3"/>
  <c r="C39287" i="3"/>
  <c r="C39288" i="3"/>
  <c r="C39289" i="3"/>
  <c r="C39290" i="3"/>
  <c r="C39291" i="3"/>
  <c r="C39292" i="3"/>
  <c r="C39293" i="3"/>
  <c r="C39294" i="3"/>
  <c r="C39295" i="3"/>
  <c r="C39296" i="3"/>
  <c r="C39297" i="3"/>
  <c r="C39298" i="3"/>
  <c r="C39299" i="3"/>
  <c r="C39300" i="3"/>
  <c r="C39301" i="3"/>
  <c r="C39302" i="3"/>
  <c r="C39303" i="3"/>
  <c r="C39304" i="3"/>
  <c r="C39305" i="3"/>
  <c r="C39306" i="3"/>
  <c r="C39307" i="3"/>
  <c r="C39308" i="3"/>
  <c r="C39309" i="3"/>
  <c r="C39310" i="3"/>
  <c r="C39311" i="3"/>
  <c r="C39312" i="3"/>
  <c r="C39313" i="3"/>
  <c r="C39314" i="3"/>
  <c r="C39315" i="3"/>
  <c r="C39316" i="3"/>
  <c r="C39317" i="3"/>
  <c r="C39318" i="3"/>
  <c r="C39319" i="3"/>
  <c r="C39320" i="3"/>
  <c r="C39321" i="3"/>
  <c r="C39322" i="3"/>
  <c r="C39323" i="3"/>
  <c r="C39324" i="3"/>
  <c r="C39325" i="3"/>
  <c r="C39326" i="3"/>
  <c r="C39327" i="3"/>
  <c r="C39328" i="3"/>
  <c r="C39329" i="3"/>
  <c r="C39330" i="3"/>
  <c r="C39331" i="3"/>
  <c r="C39332" i="3"/>
  <c r="C39333" i="3"/>
  <c r="C39334" i="3"/>
  <c r="C39335" i="3"/>
  <c r="C39336" i="3"/>
  <c r="C39337" i="3"/>
  <c r="C39338" i="3"/>
  <c r="C39339" i="3"/>
  <c r="C39340" i="3"/>
  <c r="C39341" i="3"/>
  <c r="C39342" i="3"/>
  <c r="C39343" i="3"/>
  <c r="C39344" i="3"/>
  <c r="C39345" i="3"/>
  <c r="C39346" i="3"/>
  <c r="C39347" i="3"/>
  <c r="C39348" i="3"/>
  <c r="C39349" i="3"/>
  <c r="C39350" i="3"/>
  <c r="C39351" i="3"/>
  <c r="C39352" i="3"/>
  <c r="C39353" i="3"/>
  <c r="C39354" i="3"/>
  <c r="C39355" i="3"/>
  <c r="C39356" i="3"/>
  <c r="C39357" i="3"/>
  <c r="C39358" i="3"/>
  <c r="C39359" i="3"/>
  <c r="C39360" i="3"/>
  <c r="C39361" i="3"/>
  <c r="C39362" i="3"/>
  <c r="C39363" i="3"/>
  <c r="C39364" i="3"/>
  <c r="C39365" i="3"/>
  <c r="C39366" i="3"/>
  <c r="C39367" i="3"/>
  <c r="C39368" i="3"/>
  <c r="C39369" i="3"/>
  <c r="C39370" i="3"/>
  <c r="C39371" i="3"/>
  <c r="C39372" i="3"/>
  <c r="C39373" i="3"/>
  <c r="C39374" i="3"/>
  <c r="C39375" i="3"/>
  <c r="C39376" i="3"/>
  <c r="C39377" i="3"/>
  <c r="C39378" i="3"/>
  <c r="C39379" i="3"/>
  <c r="C39380" i="3"/>
  <c r="C39381" i="3"/>
  <c r="C39382" i="3"/>
  <c r="C39383" i="3"/>
  <c r="C39384" i="3"/>
  <c r="C39385" i="3"/>
  <c r="C39386" i="3"/>
  <c r="C39387" i="3"/>
  <c r="C39388" i="3"/>
  <c r="C39389" i="3"/>
  <c r="C39390" i="3"/>
  <c r="C39391" i="3"/>
  <c r="C39392" i="3"/>
  <c r="C39393" i="3"/>
  <c r="C39394" i="3"/>
  <c r="C39395" i="3"/>
  <c r="C39396" i="3"/>
  <c r="C39397" i="3"/>
  <c r="C39398" i="3"/>
  <c r="C39399" i="3"/>
  <c r="C39400" i="3"/>
  <c r="C39401" i="3"/>
  <c r="C39402" i="3"/>
  <c r="C39403" i="3"/>
  <c r="C39404" i="3"/>
  <c r="C39405" i="3"/>
  <c r="C39406" i="3"/>
  <c r="C39407" i="3"/>
  <c r="C39408" i="3"/>
  <c r="C39409" i="3"/>
  <c r="C39410" i="3"/>
  <c r="C39411" i="3"/>
  <c r="C39412" i="3"/>
  <c r="C39413" i="3"/>
  <c r="C39414" i="3"/>
  <c r="C39415" i="3"/>
  <c r="C39416" i="3"/>
  <c r="C39417" i="3"/>
  <c r="C39418" i="3"/>
  <c r="C39419" i="3"/>
  <c r="C39420" i="3"/>
  <c r="C39421" i="3"/>
  <c r="C39422" i="3"/>
  <c r="C39423" i="3"/>
  <c r="C39424" i="3"/>
  <c r="C39425" i="3"/>
  <c r="C39426" i="3"/>
  <c r="C39427" i="3"/>
  <c r="C39428" i="3"/>
  <c r="C39429" i="3"/>
  <c r="C39430" i="3"/>
  <c r="C39431" i="3"/>
  <c r="C39432" i="3"/>
  <c r="C39433" i="3"/>
  <c r="C39434" i="3"/>
  <c r="C39435" i="3"/>
  <c r="C39436" i="3"/>
  <c r="C39437" i="3"/>
  <c r="C39438" i="3"/>
  <c r="C39439" i="3"/>
  <c r="C39440" i="3"/>
  <c r="C39441" i="3"/>
  <c r="C39442" i="3"/>
  <c r="C39443" i="3"/>
  <c r="C39444" i="3"/>
  <c r="C39445" i="3"/>
  <c r="C39446" i="3"/>
  <c r="C39447" i="3"/>
  <c r="C39448" i="3"/>
  <c r="C39449" i="3"/>
  <c r="C39450" i="3"/>
  <c r="C39451" i="3"/>
  <c r="C39452" i="3"/>
  <c r="C39453" i="3"/>
  <c r="C39454" i="3"/>
  <c r="C39455" i="3"/>
  <c r="C39456" i="3"/>
  <c r="C39457" i="3"/>
  <c r="C39458" i="3"/>
  <c r="C39459" i="3"/>
  <c r="C39460" i="3"/>
  <c r="C39461" i="3"/>
  <c r="C39462" i="3"/>
  <c r="C39463" i="3"/>
  <c r="C39464" i="3"/>
  <c r="C39465" i="3"/>
  <c r="C39466" i="3"/>
  <c r="C39467" i="3"/>
  <c r="C39468" i="3"/>
  <c r="C39469" i="3"/>
  <c r="C39470" i="3"/>
  <c r="C39471" i="3"/>
  <c r="C39472" i="3"/>
  <c r="C39473" i="3"/>
  <c r="C39474" i="3"/>
  <c r="C39475" i="3"/>
  <c r="C39476" i="3"/>
  <c r="C39477" i="3"/>
  <c r="C39478" i="3"/>
  <c r="C39479" i="3"/>
  <c r="C39480" i="3"/>
  <c r="C39481" i="3"/>
  <c r="C39482" i="3"/>
  <c r="C39483" i="3"/>
  <c r="C39484" i="3"/>
  <c r="C39485" i="3"/>
  <c r="C39486" i="3"/>
  <c r="C39487" i="3"/>
  <c r="C39488" i="3"/>
  <c r="C39489" i="3"/>
  <c r="C39490" i="3"/>
  <c r="C39491" i="3"/>
  <c r="C39492" i="3"/>
  <c r="C39493" i="3"/>
  <c r="C39494" i="3"/>
  <c r="C39495" i="3"/>
  <c r="C39496" i="3"/>
  <c r="C39497" i="3"/>
  <c r="C39498" i="3"/>
  <c r="C39499" i="3"/>
  <c r="C39500" i="3"/>
  <c r="C39501" i="3"/>
  <c r="C39502" i="3"/>
  <c r="C39503" i="3"/>
  <c r="C39504" i="3"/>
  <c r="C39505" i="3"/>
  <c r="C39506" i="3"/>
  <c r="C39507" i="3"/>
  <c r="C39508" i="3"/>
  <c r="C39509" i="3"/>
  <c r="C39510" i="3"/>
  <c r="C39511" i="3"/>
  <c r="C39512" i="3"/>
  <c r="C39513" i="3"/>
  <c r="C39514" i="3"/>
  <c r="C39515" i="3"/>
  <c r="C39516" i="3"/>
  <c r="C39517" i="3"/>
  <c r="C39518" i="3"/>
  <c r="C39519" i="3"/>
  <c r="C39520" i="3"/>
  <c r="C39521" i="3"/>
  <c r="C39522" i="3"/>
  <c r="C39523" i="3"/>
  <c r="C39524" i="3"/>
  <c r="C39525" i="3"/>
  <c r="C39526" i="3"/>
  <c r="C39527" i="3"/>
  <c r="C39528" i="3"/>
  <c r="C39529" i="3"/>
  <c r="C39530" i="3"/>
  <c r="C39531" i="3"/>
  <c r="C39532" i="3"/>
  <c r="C39533" i="3"/>
  <c r="C39534" i="3"/>
  <c r="C39535" i="3"/>
  <c r="C39536" i="3"/>
  <c r="C39537" i="3"/>
  <c r="C39538" i="3"/>
  <c r="C39539" i="3"/>
  <c r="C39540" i="3"/>
  <c r="C39541" i="3"/>
  <c r="C39542" i="3"/>
  <c r="C39543" i="3"/>
  <c r="C39544" i="3"/>
  <c r="C39545" i="3"/>
  <c r="C39546" i="3"/>
  <c r="C39547" i="3"/>
  <c r="C39548" i="3"/>
  <c r="C39549" i="3"/>
  <c r="C39550" i="3"/>
  <c r="C39551" i="3"/>
  <c r="C39552" i="3"/>
  <c r="C39553" i="3"/>
  <c r="C39554" i="3"/>
  <c r="C39555" i="3"/>
  <c r="C39556" i="3"/>
  <c r="C39557" i="3"/>
  <c r="C39558" i="3"/>
  <c r="C39559" i="3"/>
  <c r="C39560" i="3"/>
  <c r="C39561" i="3"/>
  <c r="C39562" i="3"/>
  <c r="C39563" i="3"/>
  <c r="C39564" i="3"/>
  <c r="C39565" i="3"/>
  <c r="C39566" i="3"/>
  <c r="C39567" i="3"/>
  <c r="C39568" i="3"/>
  <c r="C39569" i="3"/>
  <c r="C39570" i="3"/>
  <c r="C39571" i="3"/>
  <c r="C39572" i="3"/>
  <c r="C39573" i="3"/>
  <c r="C39574" i="3"/>
  <c r="C39575" i="3"/>
  <c r="C39576" i="3"/>
  <c r="C39577" i="3"/>
  <c r="C39578" i="3"/>
  <c r="C39579" i="3"/>
  <c r="C39580" i="3"/>
  <c r="C39581" i="3"/>
  <c r="C39582" i="3"/>
  <c r="C39583" i="3"/>
  <c r="C39584" i="3"/>
  <c r="C39585" i="3"/>
  <c r="C39586" i="3"/>
  <c r="C39587" i="3"/>
  <c r="C39588" i="3"/>
  <c r="C39589" i="3"/>
  <c r="C39590" i="3"/>
  <c r="C39591" i="3"/>
  <c r="C39592" i="3"/>
  <c r="C39593" i="3"/>
  <c r="C39594" i="3"/>
  <c r="C39595" i="3"/>
  <c r="C39596" i="3"/>
  <c r="C39597" i="3"/>
  <c r="C39598" i="3"/>
  <c r="C39599" i="3"/>
  <c r="C39600" i="3"/>
  <c r="C39601" i="3"/>
  <c r="C39602" i="3"/>
  <c r="C39603" i="3"/>
  <c r="C39604" i="3"/>
  <c r="C39605" i="3"/>
  <c r="C39606" i="3"/>
  <c r="C39607" i="3"/>
  <c r="C39608" i="3"/>
  <c r="C39609" i="3"/>
  <c r="C39610" i="3"/>
  <c r="C39611" i="3"/>
  <c r="C39612" i="3"/>
  <c r="C39613" i="3"/>
  <c r="C39614" i="3"/>
  <c r="C39615" i="3"/>
  <c r="C39616" i="3"/>
  <c r="C39617" i="3"/>
  <c r="C39618" i="3"/>
  <c r="C39619" i="3"/>
  <c r="C39620" i="3"/>
  <c r="C39621" i="3"/>
  <c r="C39622" i="3"/>
  <c r="C39623" i="3"/>
  <c r="C39624" i="3"/>
  <c r="C39625" i="3"/>
  <c r="C39626" i="3"/>
  <c r="C39627" i="3"/>
  <c r="C39628" i="3"/>
  <c r="C39629" i="3"/>
  <c r="C39630" i="3"/>
  <c r="C39631" i="3"/>
  <c r="C39632" i="3"/>
  <c r="C39633" i="3"/>
  <c r="C39634" i="3"/>
  <c r="C39635" i="3"/>
  <c r="C39636" i="3"/>
  <c r="C39637" i="3"/>
  <c r="C39638" i="3"/>
  <c r="C39639" i="3"/>
  <c r="C39640" i="3"/>
  <c r="C39641" i="3"/>
  <c r="C39642" i="3"/>
  <c r="C39643" i="3"/>
  <c r="C39644" i="3"/>
  <c r="C39645" i="3"/>
  <c r="C39646" i="3"/>
  <c r="C39647" i="3"/>
  <c r="C39648" i="3"/>
  <c r="C39649" i="3"/>
  <c r="C39650" i="3"/>
  <c r="C39651" i="3"/>
  <c r="C39652" i="3"/>
  <c r="C39653" i="3"/>
  <c r="C39654" i="3"/>
  <c r="C39655" i="3"/>
  <c r="C39656" i="3"/>
  <c r="C39657" i="3"/>
  <c r="C39658" i="3"/>
  <c r="C39659" i="3"/>
  <c r="C39660" i="3"/>
  <c r="C39661" i="3"/>
  <c r="C39662" i="3"/>
  <c r="C39663" i="3"/>
  <c r="C39664" i="3"/>
  <c r="C39665" i="3"/>
  <c r="C39666" i="3"/>
  <c r="C39667" i="3"/>
  <c r="C39668" i="3"/>
  <c r="C39669" i="3"/>
  <c r="C39670" i="3"/>
  <c r="C39671" i="3"/>
  <c r="C39672" i="3"/>
  <c r="C39673" i="3"/>
  <c r="C39674" i="3"/>
  <c r="C39675" i="3"/>
  <c r="C39676" i="3"/>
  <c r="C39677" i="3"/>
  <c r="C39678" i="3"/>
  <c r="C39679" i="3"/>
  <c r="C39680" i="3"/>
  <c r="C39681" i="3"/>
  <c r="C39682" i="3"/>
  <c r="C39683" i="3"/>
  <c r="C39684" i="3"/>
  <c r="C39685" i="3"/>
  <c r="C39686" i="3"/>
  <c r="C39687" i="3"/>
  <c r="C39688" i="3"/>
  <c r="C39689" i="3"/>
  <c r="C39690" i="3"/>
  <c r="C39691" i="3"/>
  <c r="C39692" i="3"/>
  <c r="C39693" i="3"/>
  <c r="C39694" i="3"/>
  <c r="C39695" i="3"/>
  <c r="C39696" i="3"/>
  <c r="C39697" i="3"/>
  <c r="C39698" i="3"/>
  <c r="C39699" i="3"/>
  <c r="C39700" i="3"/>
  <c r="C39701" i="3"/>
  <c r="C39702" i="3"/>
  <c r="C39703" i="3"/>
  <c r="C39704" i="3"/>
  <c r="C39705" i="3"/>
  <c r="C39706" i="3"/>
  <c r="C39707" i="3"/>
  <c r="C39708" i="3"/>
  <c r="C39709" i="3"/>
  <c r="C39710" i="3"/>
  <c r="C39711" i="3"/>
  <c r="C39712" i="3"/>
  <c r="C39713" i="3"/>
  <c r="C39714" i="3"/>
  <c r="C39715" i="3"/>
  <c r="C39716" i="3"/>
  <c r="C39717" i="3"/>
  <c r="C39718" i="3"/>
  <c r="C39719" i="3"/>
  <c r="C39720" i="3"/>
  <c r="C39721" i="3"/>
  <c r="C39722" i="3"/>
  <c r="C39723" i="3"/>
  <c r="C39724" i="3"/>
  <c r="C39725" i="3"/>
  <c r="C39726" i="3"/>
  <c r="C39727" i="3"/>
  <c r="C39728" i="3"/>
  <c r="C39729" i="3"/>
  <c r="C39730" i="3"/>
  <c r="C39731" i="3"/>
  <c r="C39732" i="3"/>
  <c r="C39733" i="3"/>
  <c r="C39734" i="3"/>
  <c r="C39735" i="3"/>
  <c r="C39736" i="3"/>
  <c r="C39737" i="3"/>
  <c r="C39738" i="3"/>
  <c r="C39739" i="3"/>
  <c r="C39740" i="3"/>
  <c r="C39741" i="3"/>
  <c r="C39742" i="3"/>
  <c r="C39743" i="3"/>
  <c r="C39744" i="3"/>
  <c r="C39745" i="3"/>
  <c r="C39746" i="3"/>
  <c r="C39747" i="3"/>
  <c r="C39748" i="3"/>
  <c r="C39749" i="3"/>
  <c r="C39750" i="3"/>
  <c r="C39751" i="3"/>
  <c r="C39752" i="3"/>
  <c r="C39753" i="3"/>
  <c r="C39754" i="3"/>
  <c r="C39755" i="3"/>
  <c r="C39756" i="3"/>
  <c r="C39757" i="3"/>
  <c r="C39758" i="3"/>
  <c r="C39759" i="3"/>
  <c r="C39760" i="3"/>
  <c r="C39761" i="3"/>
  <c r="C39762" i="3"/>
  <c r="C39763" i="3"/>
  <c r="C39764" i="3"/>
  <c r="C39765" i="3"/>
  <c r="C39766" i="3"/>
  <c r="C39767" i="3"/>
  <c r="C39768" i="3"/>
  <c r="C39769" i="3"/>
  <c r="C39770" i="3"/>
  <c r="C39771" i="3"/>
  <c r="C39772" i="3"/>
  <c r="C39773" i="3"/>
  <c r="C39774" i="3"/>
  <c r="C39775" i="3"/>
  <c r="C39776" i="3"/>
  <c r="C39777" i="3"/>
  <c r="C39778" i="3"/>
  <c r="C39779" i="3"/>
  <c r="C39780" i="3"/>
  <c r="C39781" i="3"/>
  <c r="C39782" i="3"/>
  <c r="C39783" i="3"/>
  <c r="C39784" i="3"/>
  <c r="C39785" i="3"/>
  <c r="C39786" i="3"/>
  <c r="C39787" i="3"/>
  <c r="C39788" i="3"/>
  <c r="C39789" i="3"/>
  <c r="C39790" i="3"/>
  <c r="C39791" i="3"/>
  <c r="C39792" i="3"/>
  <c r="C39793" i="3"/>
  <c r="C39794" i="3"/>
  <c r="C39795" i="3"/>
  <c r="C39796" i="3"/>
  <c r="C39797" i="3"/>
  <c r="C39798" i="3"/>
  <c r="C39799" i="3"/>
  <c r="C39800" i="3"/>
  <c r="C39801" i="3"/>
  <c r="C39802" i="3"/>
  <c r="C39803" i="3"/>
  <c r="C39804" i="3"/>
  <c r="C39805" i="3"/>
  <c r="C39806" i="3"/>
  <c r="C39807" i="3"/>
  <c r="C39808" i="3"/>
  <c r="C39809" i="3"/>
  <c r="C39810" i="3"/>
  <c r="C39811" i="3"/>
  <c r="C39812" i="3"/>
  <c r="C39813" i="3"/>
  <c r="C39814" i="3"/>
  <c r="C39815" i="3"/>
  <c r="C39816" i="3"/>
  <c r="C39817" i="3"/>
  <c r="C39818" i="3"/>
  <c r="C39819" i="3"/>
  <c r="C39820" i="3"/>
  <c r="C39821" i="3"/>
  <c r="C39822" i="3"/>
  <c r="C39823" i="3"/>
  <c r="C39824" i="3"/>
  <c r="C39825" i="3"/>
  <c r="C39826" i="3"/>
  <c r="C39827" i="3"/>
  <c r="C39828" i="3"/>
  <c r="C39829" i="3"/>
  <c r="C39830" i="3"/>
  <c r="C39831" i="3"/>
  <c r="C39832" i="3"/>
  <c r="C39833" i="3"/>
  <c r="C39834" i="3"/>
  <c r="C39835" i="3"/>
  <c r="C39836" i="3"/>
  <c r="C39837" i="3"/>
  <c r="C39838" i="3"/>
  <c r="C39839" i="3"/>
  <c r="C39840" i="3"/>
  <c r="C39841" i="3"/>
  <c r="C39842" i="3"/>
  <c r="C39843" i="3"/>
  <c r="C39844" i="3"/>
  <c r="C39845" i="3"/>
  <c r="C39846" i="3"/>
  <c r="C39847" i="3"/>
  <c r="C39848" i="3"/>
  <c r="C39849" i="3"/>
  <c r="C39850" i="3"/>
  <c r="C39851" i="3"/>
  <c r="C39852" i="3"/>
  <c r="C39853" i="3"/>
  <c r="C39854" i="3"/>
  <c r="C39855" i="3"/>
  <c r="C39856" i="3"/>
  <c r="C39857" i="3"/>
  <c r="C39858" i="3"/>
  <c r="C39859" i="3"/>
  <c r="C39860" i="3"/>
  <c r="C39861" i="3"/>
  <c r="C39862" i="3"/>
  <c r="C39863" i="3"/>
  <c r="C39864" i="3"/>
  <c r="C39865" i="3"/>
  <c r="C39866" i="3"/>
  <c r="C39867" i="3"/>
  <c r="C39868" i="3"/>
  <c r="C39869" i="3"/>
  <c r="C39870" i="3"/>
  <c r="C39871" i="3"/>
  <c r="C39872" i="3"/>
  <c r="C39873" i="3"/>
  <c r="C39874" i="3"/>
  <c r="C39875" i="3"/>
  <c r="C39876" i="3"/>
  <c r="C39877" i="3"/>
  <c r="C39878" i="3"/>
  <c r="C39879" i="3"/>
  <c r="C39880" i="3"/>
  <c r="C39881" i="3"/>
  <c r="C39882" i="3"/>
  <c r="C39883" i="3"/>
  <c r="C39884" i="3"/>
  <c r="C39885" i="3"/>
  <c r="C39886" i="3"/>
  <c r="C39887" i="3"/>
  <c r="C39888" i="3"/>
  <c r="C39889" i="3"/>
  <c r="C39890" i="3"/>
  <c r="C39891" i="3"/>
  <c r="C39892" i="3"/>
  <c r="C39893" i="3"/>
  <c r="C39894" i="3"/>
  <c r="C39895" i="3"/>
  <c r="C39896" i="3"/>
  <c r="C39897" i="3"/>
  <c r="C39898" i="3"/>
  <c r="C39899" i="3"/>
  <c r="C39900" i="3"/>
  <c r="C39901" i="3"/>
  <c r="C39902" i="3"/>
  <c r="C39903" i="3"/>
  <c r="C39904" i="3"/>
  <c r="C39905" i="3"/>
  <c r="C39906" i="3"/>
  <c r="C39907" i="3"/>
  <c r="C39908" i="3"/>
  <c r="C39909" i="3"/>
  <c r="C39910" i="3"/>
  <c r="C39911" i="3"/>
  <c r="C39912" i="3"/>
  <c r="C39913" i="3"/>
  <c r="C39914" i="3"/>
  <c r="C39915" i="3"/>
  <c r="C39916" i="3"/>
  <c r="C39917" i="3"/>
  <c r="C39918" i="3"/>
  <c r="C39919" i="3"/>
  <c r="C39920" i="3"/>
  <c r="C39921" i="3"/>
  <c r="C39922" i="3"/>
  <c r="C39923" i="3"/>
  <c r="C39924" i="3"/>
  <c r="C39925" i="3"/>
  <c r="C39926" i="3"/>
  <c r="C39927" i="3"/>
  <c r="C39928" i="3"/>
  <c r="C39929" i="3"/>
  <c r="C39930" i="3"/>
  <c r="C39931" i="3"/>
  <c r="C39932" i="3"/>
  <c r="C39933" i="3"/>
  <c r="C39934" i="3"/>
  <c r="C39935" i="3"/>
  <c r="C39936" i="3"/>
  <c r="C39937" i="3"/>
  <c r="C39938" i="3"/>
  <c r="C39939" i="3"/>
  <c r="C39940" i="3"/>
  <c r="C39941" i="3"/>
  <c r="C39942" i="3"/>
  <c r="C39943" i="3"/>
  <c r="C39944" i="3"/>
  <c r="C39945" i="3"/>
  <c r="C39946" i="3"/>
  <c r="C39947" i="3"/>
  <c r="C39948" i="3"/>
  <c r="C39949" i="3"/>
  <c r="C39950" i="3"/>
  <c r="C39951" i="3"/>
  <c r="C39952" i="3"/>
  <c r="C39953" i="3"/>
  <c r="C39954" i="3"/>
  <c r="C39955" i="3"/>
  <c r="C39956" i="3"/>
  <c r="C39957" i="3"/>
  <c r="C39958" i="3"/>
  <c r="C39959" i="3"/>
  <c r="C39960" i="3"/>
  <c r="C39961" i="3"/>
  <c r="C39962" i="3"/>
  <c r="C39963" i="3"/>
  <c r="C39964" i="3"/>
  <c r="C39965" i="3"/>
  <c r="C39966" i="3"/>
  <c r="C39967" i="3"/>
  <c r="C39968" i="3"/>
  <c r="C39969" i="3"/>
  <c r="C39970" i="3"/>
  <c r="C39971" i="3"/>
  <c r="C39972" i="3"/>
  <c r="C39973" i="3"/>
  <c r="C39974" i="3"/>
  <c r="C39975" i="3"/>
  <c r="C39976" i="3"/>
  <c r="C39977" i="3"/>
  <c r="C39978" i="3"/>
  <c r="C39979" i="3"/>
  <c r="C39980" i="3"/>
  <c r="C39981" i="3"/>
  <c r="C39982" i="3"/>
  <c r="C39983" i="3"/>
  <c r="C39984" i="3"/>
  <c r="C39985" i="3"/>
  <c r="C39986" i="3"/>
  <c r="C39987" i="3"/>
  <c r="C39988" i="3"/>
  <c r="C39989" i="3"/>
  <c r="C39990" i="3"/>
  <c r="C39991" i="3"/>
  <c r="C39992" i="3"/>
  <c r="C39993" i="3"/>
  <c r="C39994" i="3"/>
  <c r="C39995" i="3"/>
  <c r="C39996" i="3"/>
  <c r="C39997" i="3"/>
  <c r="C39998" i="3"/>
  <c r="C39999" i="3"/>
  <c r="C40000" i="3"/>
  <c r="C40001" i="3"/>
  <c r="C40002" i="3"/>
  <c r="C40003" i="3"/>
  <c r="C40004" i="3"/>
  <c r="C40005" i="3"/>
  <c r="C40006" i="3"/>
  <c r="C40007" i="3"/>
  <c r="C40008" i="3"/>
  <c r="C40009" i="3"/>
  <c r="C40010" i="3"/>
  <c r="C40011" i="3"/>
  <c r="C40012" i="3"/>
  <c r="C40013" i="3"/>
  <c r="C40014" i="3"/>
  <c r="C40015" i="3"/>
  <c r="C40016" i="3"/>
  <c r="C40017" i="3"/>
  <c r="C40018" i="3"/>
  <c r="C40019" i="3"/>
  <c r="C40020" i="3"/>
  <c r="C40021" i="3"/>
  <c r="C40022" i="3"/>
  <c r="C40023" i="3"/>
  <c r="C40024" i="3"/>
  <c r="C40025" i="3"/>
  <c r="C40026" i="3"/>
  <c r="C40027" i="3"/>
  <c r="C40028" i="3"/>
  <c r="C40029" i="3"/>
  <c r="C40030" i="3"/>
  <c r="C40031" i="3"/>
  <c r="C40032" i="3"/>
  <c r="C40033" i="3"/>
  <c r="C40034" i="3"/>
  <c r="C40035" i="3"/>
  <c r="C40036" i="3"/>
  <c r="C40037" i="3"/>
  <c r="C40038" i="3"/>
  <c r="C40039" i="3"/>
  <c r="C40040" i="3"/>
  <c r="C40041" i="3"/>
  <c r="C40042" i="3"/>
  <c r="C40043" i="3"/>
  <c r="C40044" i="3"/>
  <c r="C40045" i="3"/>
  <c r="C40046" i="3"/>
  <c r="C40047" i="3"/>
  <c r="C40048" i="3"/>
  <c r="C40049" i="3"/>
  <c r="C40050" i="3"/>
  <c r="C40051" i="3"/>
  <c r="C40052" i="3"/>
  <c r="C40053" i="3"/>
  <c r="C40054" i="3"/>
  <c r="C40055" i="3"/>
  <c r="C40056" i="3"/>
  <c r="C40057" i="3"/>
  <c r="C40058" i="3"/>
  <c r="C40059" i="3"/>
  <c r="C40060" i="3"/>
  <c r="C40061" i="3"/>
  <c r="C40062" i="3"/>
  <c r="C40063" i="3"/>
  <c r="C40064" i="3"/>
  <c r="C40065" i="3"/>
  <c r="C40066" i="3"/>
  <c r="C40067" i="3"/>
  <c r="C40068" i="3"/>
  <c r="C40069" i="3"/>
  <c r="C40070" i="3"/>
  <c r="C40071" i="3"/>
  <c r="C40072" i="3"/>
  <c r="C40073" i="3"/>
  <c r="C40074" i="3"/>
  <c r="C40075" i="3"/>
  <c r="C40076" i="3"/>
  <c r="C40077" i="3"/>
  <c r="C40078" i="3"/>
  <c r="C40079" i="3"/>
  <c r="C40080" i="3"/>
  <c r="C40081" i="3"/>
  <c r="C40082" i="3"/>
  <c r="C40083" i="3"/>
  <c r="C40084" i="3"/>
  <c r="C40085" i="3"/>
  <c r="C40086" i="3"/>
  <c r="C40087" i="3"/>
  <c r="C40088" i="3"/>
  <c r="C40089" i="3"/>
  <c r="C40090" i="3"/>
  <c r="C40091" i="3"/>
  <c r="C40092" i="3"/>
  <c r="C40093" i="3"/>
  <c r="C40094" i="3"/>
  <c r="C40095" i="3"/>
  <c r="C40096" i="3"/>
  <c r="C40097" i="3"/>
  <c r="C40098" i="3"/>
  <c r="C40099" i="3"/>
  <c r="C40100" i="3"/>
  <c r="C40101" i="3"/>
  <c r="C40102" i="3"/>
  <c r="C40103" i="3"/>
  <c r="C40104" i="3"/>
  <c r="C40105" i="3"/>
  <c r="C40106" i="3"/>
  <c r="C40107" i="3"/>
  <c r="C40108" i="3"/>
  <c r="C40109" i="3"/>
  <c r="C40110" i="3"/>
  <c r="C40111" i="3"/>
  <c r="C40112" i="3"/>
  <c r="C40113" i="3"/>
  <c r="C40114" i="3"/>
  <c r="C40115" i="3"/>
  <c r="C40116" i="3"/>
  <c r="C40117" i="3"/>
  <c r="C40118" i="3"/>
  <c r="C40119" i="3"/>
  <c r="C40120" i="3"/>
  <c r="C40121" i="3"/>
  <c r="C40122" i="3"/>
  <c r="C40123" i="3"/>
  <c r="C40124" i="3"/>
  <c r="C40125" i="3"/>
  <c r="C40126" i="3"/>
  <c r="C40127" i="3"/>
  <c r="C40128" i="3"/>
  <c r="C40129" i="3"/>
  <c r="C40130" i="3"/>
  <c r="C40131" i="3"/>
  <c r="C40132" i="3"/>
  <c r="C40133" i="3"/>
  <c r="C40134" i="3"/>
  <c r="C40135" i="3"/>
  <c r="C40136" i="3"/>
  <c r="C40137" i="3"/>
  <c r="C40138" i="3"/>
  <c r="C40139" i="3"/>
  <c r="C40140" i="3"/>
  <c r="C40141" i="3"/>
  <c r="C40142" i="3"/>
  <c r="C40143" i="3"/>
  <c r="C40144" i="3"/>
  <c r="C40145" i="3"/>
  <c r="C40146" i="3"/>
  <c r="C40147" i="3"/>
  <c r="C40148" i="3"/>
  <c r="C40149" i="3"/>
  <c r="C40150" i="3"/>
  <c r="C40151" i="3"/>
  <c r="C40152" i="3"/>
  <c r="C40153" i="3"/>
  <c r="C40154" i="3"/>
  <c r="C40155" i="3"/>
  <c r="C40156" i="3"/>
  <c r="C40157" i="3"/>
  <c r="C40158" i="3"/>
  <c r="C40159" i="3"/>
  <c r="C40160" i="3"/>
  <c r="C40161" i="3"/>
  <c r="C40162" i="3"/>
  <c r="C40163" i="3"/>
  <c r="C40164" i="3"/>
  <c r="C40165" i="3"/>
  <c r="C40166" i="3"/>
  <c r="C40167" i="3"/>
  <c r="C40168" i="3"/>
  <c r="C40169" i="3"/>
  <c r="C40170" i="3"/>
  <c r="C40171" i="3"/>
  <c r="C40172" i="3"/>
  <c r="C40173" i="3"/>
  <c r="C40174" i="3"/>
  <c r="C40175" i="3"/>
  <c r="C40176" i="3"/>
  <c r="C40177" i="3"/>
  <c r="C40178" i="3"/>
  <c r="C40179" i="3"/>
  <c r="C40180" i="3"/>
  <c r="C40181" i="3"/>
  <c r="C40182" i="3"/>
  <c r="C40183" i="3"/>
  <c r="C40184" i="3"/>
  <c r="C40185" i="3"/>
  <c r="C40186" i="3"/>
  <c r="C40187" i="3"/>
  <c r="C40188" i="3"/>
  <c r="C40189" i="3"/>
  <c r="C40190" i="3"/>
  <c r="C40191" i="3"/>
  <c r="C40192" i="3"/>
  <c r="C40193" i="3"/>
  <c r="C40194" i="3"/>
  <c r="C40195" i="3"/>
  <c r="C40196" i="3"/>
  <c r="C40197" i="3"/>
  <c r="C40198" i="3"/>
  <c r="C40199" i="3"/>
  <c r="C40200" i="3"/>
  <c r="C40201" i="3"/>
  <c r="C40202" i="3"/>
  <c r="C40203" i="3"/>
  <c r="C40204" i="3"/>
  <c r="C40205" i="3"/>
  <c r="C40206" i="3"/>
  <c r="C40207" i="3"/>
  <c r="C40208" i="3"/>
  <c r="C40209" i="3"/>
  <c r="C40210" i="3"/>
  <c r="C40211" i="3"/>
  <c r="C40212" i="3"/>
  <c r="C40213" i="3"/>
  <c r="C40214" i="3"/>
  <c r="C40215" i="3"/>
  <c r="C40216" i="3"/>
  <c r="C40217" i="3"/>
  <c r="C40218" i="3"/>
  <c r="C40219" i="3"/>
  <c r="C40220" i="3"/>
  <c r="C40221" i="3"/>
  <c r="C40222" i="3"/>
  <c r="C40223" i="3"/>
  <c r="C40224" i="3"/>
  <c r="C40225" i="3"/>
  <c r="C40226" i="3"/>
  <c r="C40227" i="3"/>
  <c r="C40228" i="3"/>
  <c r="C40229" i="3"/>
  <c r="C40230" i="3"/>
  <c r="C40231" i="3"/>
  <c r="C40232" i="3"/>
  <c r="C40233" i="3"/>
  <c r="C40234" i="3"/>
  <c r="C40235" i="3"/>
  <c r="C40236" i="3"/>
  <c r="C40237" i="3"/>
  <c r="C40238" i="3"/>
  <c r="C40239" i="3"/>
  <c r="C40240" i="3"/>
  <c r="C40241" i="3"/>
  <c r="C40242" i="3"/>
  <c r="C40243" i="3"/>
  <c r="C40244" i="3"/>
  <c r="C40245" i="3"/>
  <c r="C40246" i="3"/>
  <c r="C40247" i="3"/>
  <c r="C40248" i="3"/>
  <c r="C40249" i="3"/>
  <c r="C40250" i="3"/>
  <c r="C40251" i="3"/>
  <c r="C40252" i="3"/>
  <c r="C40253" i="3"/>
  <c r="C40254" i="3"/>
  <c r="C40255" i="3"/>
  <c r="C40256" i="3"/>
  <c r="C40257" i="3"/>
  <c r="C40258" i="3"/>
  <c r="C40259" i="3"/>
  <c r="C40260" i="3"/>
  <c r="C40261" i="3"/>
  <c r="C40262" i="3"/>
  <c r="C40263" i="3"/>
  <c r="C40264" i="3"/>
  <c r="C40265" i="3"/>
  <c r="C40266" i="3"/>
  <c r="C40267" i="3"/>
  <c r="C40268" i="3"/>
  <c r="C40269" i="3"/>
  <c r="C40270" i="3"/>
  <c r="C40271" i="3"/>
  <c r="C40272" i="3"/>
  <c r="C40273" i="3"/>
  <c r="C40274" i="3"/>
  <c r="C40275" i="3"/>
  <c r="C40276" i="3"/>
  <c r="C40277" i="3"/>
  <c r="C40278" i="3"/>
  <c r="C40279" i="3"/>
  <c r="C40280" i="3"/>
  <c r="C40281" i="3"/>
  <c r="C40282" i="3"/>
  <c r="C40283" i="3"/>
  <c r="C40284" i="3"/>
  <c r="C40285" i="3"/>
  <c r="C40286" i="3"/>
  <c r="C40287" i="3"/>
  <c r="C40288" i="3"/>
  <c r="C40289" i="3"/>
  <c r="C40290" i="3"/>
  <c r="C40291" i="3"/>
  <c r="C40292" i="3"/>
  <c r="C40293" i="3"/>
  <c r="C40294" i="3"/>
  <c r="C40295" i="3"/>
  <c r="C40296" i="3"/>
  <c r="C40297" i="3"/>
  <c r="C40298" i="3"/>
  <c r="C40299" i="3"/>
  <c r="C40300" i="3"/>
  <c r="C40301" i="3"/>
  <c r="C40302" i="3"/>
  <c r="C40303" i="3"/>
  <c r="C40304" i="3"/>
  <c r="C40305" i="3"/>
  <c r="C40306" i="3"/>
  <c r="C40307" i="3"/>
  <c r="C40308" i="3"/>
  <c r="C40309" i="3"/>
  <c r="C40310" i="3"/>
  <c r="C40311" i="3"/>
  <c r="C40312" i="3"/>
  <c r="C40313" i="3"/>
  <c r="C40314" i="3"/>
  <c r="C40315" i="3"/>
  <c r="C40316" i="3"/>
  <c r="C40317" i="3"/>
  <c r="C40318" i="3"/>
  <c r="C40319" i="3"/>
  <c r="C40320" i="3"/>
  <c r="C40321" i="3"/>
  <c r="C40322" i="3"/>
  <c r="C40323" i="3"/>
  <c r="C40324" i="3"/>
  <c r="C40325" i="3"/>
  <c r="C40326" i="3"/>
  <c r="C40327" i="3"/>
  <c r="C40328" i="3"/>
  <c r="C40329" i="3"/>
  <c r="C40330" i="3"/>
  <c r="C40331" i="3"/>
  <c r="C40332" i="3"/>
  <c r="C40333" i="3"/>
  <c r="C40334" i="3"/>
  <c r="C40335" i="3"/>
  <c r="C40336" i="3"/>
  <c r="C40337" i="3"/>
  <c r="C40338" i="3"/>
  <c r="C40339" i="3"/>
  <c r="C40340" i="3"/>
  <c r="C40341" i="3"/>
  <c r="C40342" i="3"/>
  <c r="C40343" i="3"/>
  <c r="C40344" i="3"/>
  <c r="C40345" i="3"/>
  <c r="C40346" i="3"/>
  <c r="C40347" i="3"/>
  <c r="C40348" i="3"/>
  <c r="C40349" i="3"/>
  <c r="C40350" i="3"/>
  <c r="C40351" i="3"/>
  <c r="C40352" i="3"/>
  <c r="C40353" i="3"/>
  <c r="C40354" i="3"/>
  <c r="C40355" i="3"/>
  <c r="C40356" i="3"/>
  <c r="C40357" i="3"/>
  <c r="C40358" i="3"/>
  <c r="C40359" i="3"/>
  <c r="C40360" i="3"/>
  <c r="C40361" i="3"/>
  <c r="C40362" i="3"/>
  <c r="C40363" i="3"/>
  <c r="C40364" i="3"/>
  <c r="C40365" i="3"/>
  <c r="C40366" i="3"/>
  <c r="C40367" i="3"/>
  <c r="C40368" i="3"/>
  <c r="C40369" i="3"/>
  <c r="C40370" i="3"/>
  <c r="C40371" i="3"/>
  <c r="C40372" i="3"/>
  <c r="C40373" i="3"/>
  <c r="C40374" i="3"/>
  <c r="C40375" i="3"/>
  <c r="C40376" i="3"/>
  <c r="C40377" i="3"/>
  <c r="C40378" i="3"/>
  <c r="C40379" i="3"/>
  <c r="C40380" i="3"/>
  <c r="C40381" i="3"/>
  <c r="C40382" i="3"/>
  <c r="C40383" i="3"/>
  <c r="C40384" i="3"/>
  <c r="C40385" i="3"/>
  <c r="C40386" i="3"/>
  <c r="C40387" i="3"/>
  <c r="C40388" i="3"/>
  <c r="C40389" i="3"/>
  <c r="C40390" i="3"/>
  <c r="C40391" i="3"/>
  <c r="C40392" i="3"/>
  <c r="C40393" i="3"/>
  <c r="C40394" i="3"/>
  <c r="C40395" i="3"/>
  <c r="C40396" i="3"/>
  <c r="C40397" i="3"/>
  <c r="C40398" i="3"/>
  <c r="C40399" i="3"/>
  <c r="C40400" i="3"/>
  <c r="C40401" i="3"/>
  <c r="C40402" i="3"/>
  <c r="C40403" i="3"/>
  <c r="C40404" i="3"/>
  <c r="C40405" i="3"/>
  <c r="C40406" i="3"/>
  <c r="C40407" i="3"/>
  <c r="C40408" i="3"/>
  <c r="C40409" i="3"/>
  <c r="C40410" i="3"/>
  <c r="C40411" i="3"/>
  <c r="C40412" i="3"/>
  <c r="C40413" i="3"/>
  <c r="C40414" i="3"/>
  <c r="C40415" i="3"/>
  <c r="C40416" i="3"/>
  <c r="C40417" i="3"/>
  <c r="C40418" i="3"/>
  <c r="C40419" i="3"/>
  <c r="C40420" i="3"/>
  <c r="C40421" i="3"/>
  <c r="C40422" i="3"/>
  <c r="C40423" i="3"/>
  <c r="C40424" i="3"/>
  <c r="C40425" i="3"/>
  <c r="C40426" i="3"/>
  <c r="C40427" i="3"/>
  <c r="C40428" i="3"/>
  <c r="C40429" i="3"/>
  <c r="C40430" i="3"/>
  <c r="C40431" i="3"/>
  <c r="C40432" i="3"/>
  <c r="C40433" i="3"/>
  <c r="C40434" i="3"/>
  <c r="C40435" i="3"/>
  <c r="C40436" i="3"/>
  <c r="C40437" i="3"/>
  <c r="C40438" i="3"/>
  <c r="C40439" i="3"/>
  <c r="C40440" i="3"/>
  <c r="C40441" i="3"/>
  <c r="C40442" i="3"/>
  <c r="C40443" i="3"/>
  <c r="C40444" i="3"/>
  <c r="C40445" i="3"/>
  <c r="C40446" i="3"/>
  <c r="C40447" i="3"/>
  <c r="C40448" i="3"/>
  <c r="C40449" i="3"/>
  <c r="C40450" i="3"/>
  <c r="C40451" i="3"/>
  <c r="C40452" i="3"/>
  <c r="C40453" i="3"/>
  <c r="C40454" i="3"/>
  <c r="C40455" i="3"/>
  <c r="C40456" i="3"/>
  <c r="C40457" i="3"/>
  <c r="C40458" i="3"/>
  <c r="C40459" i="3"/>
  <c r="C40460" i="3"/>
  <c r="C40461" i="3"/>
  <c r="C40462" i="3"/>
  <c r="C40463" i="3"/>
  <c r="C40464" i="3"/>
  <c r="C40465" i="3"/>
  <c r="C40466" i="3"/>
  <c r="C40467" i="3"/>
  <c r="C40468" i="3"/>
  <c r="C40469" i="3"/>
  <c r="C40470" i="3"/>
  <c r="C40471" i="3"/>
  <c r="C40472" i="3"/>
  <c r="C40473" i="3"/>
  <c r="C40474" i="3"/>
  <c r="C40475" i="3"/>
  <c r="C40476" i="3"/>
  <c r="C40477" i="3"/>
  <c r="C40478" i="3"/>
  <c r="C40479" i="3"/>
  <c r="C40480" i="3"/>
  <c r="C40481" i="3"/>
  <c r="C40482" i="3"/>
  <c r="C40483" i="3"/>
  <c r="C40484" i="3"/>
  <c r="C40485" i="3"/>
  <c r="C40486" i="3"/>
  <c r="C40487" i="3"/>
  <c r="C40488" i="3"/>
  <c r="C40489" i="3"/>
  <c r="C40490" i="3"/>
  <c r="C40491" i="3"/>
  <c r="C40492" i="3"/>
  <c r="C40493" i="3"/>
  <c r="C40494" i="3"/>
  <c r="C40495" i="3"/>
  <c r="C40496" i="3"/>
  <c r="C40497" i="3"/>
  <c r="C40498" i="3"/>
  <c r="C40499" i="3"/>
  <c r="C40500" i="3"/>
  <c r="C40501" i="3"/>
  <c r="C40502" i="3"/>
  <c r="C40503" i="3"/>
  <c r="C40504" i="3"/>
  <c r="C40505" i="3"/>
  <c r="C40506" i="3"/>
  <c r="C40507" i="3"/>
  <c r="C40508" i="3"/>
  <c r="C40509" i="3"/>
  <c r="C40510" i="3"/>
  <c r="C40511" i="3"/>
  <c r="C40512" i="3"/>
  <c r="C40513" i="3"/>
  <c r="C40514" i="3"/>
  <c r="C40515" i="3"/>
  <c r="C2" i="3"/>
</calcChain>
</file>

<file path=xl/sharedStrings.xml><?xml version="1.0" encoding="utf-8"?>
<sst xmlns="http://schemas.openxmlformats.org/spreadsheetml/2006/main" count="24785" uniqueCount="24785">
  <si>
    <t>Podatki so informativne narave</t>
  </si>
  <si>
    <t>Lokacija evaporacijska postaje: Hajdrihova ulica 28, Ljubljana</t>
  </si>
  <si>
    <t>Datum in čas</t>
  </si>
  <si>
    <t>Temperatura [°C]</t>
  </si>
  <si>
    <t>Gladina vode [mm]</t>
  </si>
  <si>
    <t>Kol. padavin [mm]</t>
  </si>
  <si>
    <t>Sk. kol. padavin [mm]</t>
  </si>
  <si>
    <t>Evaporacijska postaja - podatki o evaporaciji in količini padavin</t>
  </si>
  <si>
    <t>04/13/14 09:59:52.0</t>
  </si>
  <si>
    <t>04/13/14 10:01:25.5</t>
  </si>
  <si>
    <t>04/13/14 10:10:13.0</t>
  </si>
  <si>
    <t>04/13/14 10:11:18.0</t>
  </si>
  <si>
    <t>04/13/14 10:20:10.5</t>
  </si>
  <si>
    <t>04/13/14 10:20:30.5</t>
  </si>
  <si>
    <t>04/13/14 10:24:07.0</t>
  </si>
  <si>
    <t>04/13/14 10:24:21.5</t>
  </si>
  <si>
    <t>04/13/14 10:33:49.5</t>
  </si>
  <si>
    <t>04/13/14 10:33:59.0</t>
  </si>
  <si>
    <t>04/13/14 10:40:02.5</t>
  </si>
  <si>
    <t>04/13/14 10:40:12.0</t>
  </si>
  <si>
    <t>04/13/14 10:47:06.5</t>
  </si>
  <si>
    <t>04/13/14 10:47:28.0</t>
  </si>
  <si>
    <t>04/13/14 11:04:51.5</t>
  </si>
  <si>
    <t>04/13/14 11:05:19.5</t>
  </si>
  <si>
    <t>04/13/14 11:15:39.5</t>
  </si>
  <si>
    <t>04/13/14 11:16:04.5</t>
  </si>
  <si>
    <t>04/13/14 11:21:05.0</t>
  </si>
  <si>
    <t>04/13/14 11:23:34.5</t>
  </si>
  <si>
    <t>04/13/14 11:29:25.0</t>
  </si>
  <si>
    <t>04/13/14 11:29:39.5</t>
  </si>
  <si>
    <t>04/13/14 11:32:01.5</t>
  </si>
  <si>
    <t>04/13/14 11:32:21.5</t>
  </si>
  <si>
    <t>04/13/14 11:37:12.5</t>
  </si>
  <si>
    <t>04/13/14 11:37:25.5</t>
  </si>
  <si>
    <t>04/13/14 12:16:40.0</t>
  </si>
  <si>
    <t>04/13/14 12:16:59.5</t>
  </si>
  <si>
    <t>04/13/14 12:35:52.5</t>
  </si>
  <si>
    <t>04/13/14 12:36:57.5</t>
  </si>
  <si>
    <t>04/13/14 13:00:54.0</t>
  </si>
  <si>
    <t>04/13/14 13:14:14.0</t>
  </si>
  <si>
    <t>04/13/14 13:19:26.0</t>
  </si>
  <si>
    <t>04/13/14 13:19:39.0</t>
  </si>
  <si>
    <t>04/13/14 13:26:07.5</t>
  </si>
  <si>
    <t>04/13/14 13:27:22.0</t>
  </si>
  <si>
    <t>04/13/14 13:30:56.0</t>
  </si>
  <si>
    <t>04/13/14 13:31:08.0</t>
  </si>
  <si>
    <t>04/13/14 13:35:18.0</t>
  </si>
  <si>
    <t>04/13/14 13:38:46.0</t>
  </si>
  <si>
    <t>04/13/14 13:55:22.5</t>
  </si>
  <si>
    <t>04/13/14 13:55:50.0</t>
  </si>
  <si>
    <t>04/13/14 14:12:56.5</t>
  </si>
  <si>
    <t>04/13/14 14:14:37.0</t>
  </si>
  <si>
    <t>04/13/14 14:20:10.5</t>
  </si>
  <si>
    <t>04/13/14 14:20:49.0</t>
  </si>
  <si>
    <t>04/13/14 14:26:57.0</t>
  </si>
  <si>
    <t>04/13/14 14:27:10.0</t>
  </si>
  <si>
    <t>04/13/14 14:48:25.0</t>
  </si>
  <si>
    <t>04/13/14 14:48:36.0</t>
  </si>
  <si>
    <t>04/13/14 15:04:23.0</t>
  </si>
  <si>
    <t>04/13/14 15:08:47.5</t>
  </si>
  <si>
    <t>04/13/14 15:35:26.0</t>
  </si>
  <si>
    <t>04/13/14 15:40:05.5</t>
  </si>
  <si>
    <t>04/13/14 15:50:03.0</t>
  </si>
  <si>
    <t>04/13/14 15:52:52.0</t>
  </si>
  <si>
    <t>04/13/14 16:09:10.0</t>
  </si>
  <si>
    <t>04/13/14 16:09:26.5</t>
  </si>
  <si>
    <t>04/13/14 16:13:26.0</t>
  </si>
  <si>
    <t>04/13/14 16:13:54.0</t>
  </si>
  <si>
    <t>04/13/14 16:16:35.5</t>
  </si>
  <si>
    <t>04/13/14 16:16:45.5</t>
  </si>
  <si>
    <t>04/13/14 16:19:00.5</t>
  </si>
  <si>
    <t>04/13/14 16:19:14.0</t>
  </si>
  <si>
    <t>04/13/14 16:22:22.0</t>
  </si>
  <si>
    <t>04/13/14 16:22:35.0</t>
  </si>
  <si>
    <t>04/13/14 16:25:44.0</t>
  </si>
  <si>
    <t>04/13/14 16:25:50.0</t>
  </si>
  <si>
    <t>04/13/14 16:27:15.5</t>
  </si>
  <si>
    <t>04/13/14 16:27:35.5</t>
  </si>
  <si>
    <t>04/13/14 16:34:41.0</t>
  </si>
  <si>
    <t>04/13/14 16:34:49.5</t>
  </si>
  <si>
    <t>04/13/14 16:35:54.0</t>
  </si>
  <si>
    <t>04/13/14 16:36:07.5</t>
  </si>
  <si>
    <t>04/13/14 16:38:48.0</t>
  </si>
  <si>
    <t>04/13/14 16:39:17.0</t>
  </si>
  <si>
    <t>04/13/14 16:41:45.5</t>
  </si>
  <si>
    <t>04/13/14 16:42:14.0</t>
  </si>
  <si>
    <t>04/13/14 16:47:26.5</t>
  </si>
  <si>
    <t>04/13/14 16:47:48.5</t>
  </si>
  <si>
    <t>04/13/14 16:54:18.0</t>
  </si>
  <si>
    <t>04/13/14 16:58:53.0</t>
  </si>
  <si>
    <t>04/13/14 17:11:06.5</t>
  </si>
  <si>
    <t>04/13/14 17:12:55.5</t>
  </si>
  <si>
    <t>04/13/14 17:14:56.0</t>
  </si>
  <si>
    <t>04/13/14 17:15:37.5</t>
  </si>
  <si>
    <t>04/13/14 17:22:35.0</t>
  </si>
  <si>
    <t>04/13/14 17:22:43.5</t>
  </si>
  <si>
    <t>04/13/14 17:32:01.0</t>
  </si>
  <si>
    <t>04/13/14 17:43:12.5</t>
  </si>
  <si>
    <t>04/13/14 18:13:31.5</t>
  </si>
  <si>
    <t>04/13/14 18:14:16.5</t>
  </si>
  <si>
    <t>04/13/14 18:20:00.0</t>
  </si>
  <si>
    <t>04/13/14 18:20:11.5</t>
  </si>
  <si>
    <t>04/13/14 18:33:28.5</t>
  </si>
  <si>
    <t>04/13/14 22:30:16.5</t>
  </si>
  <si>
    <t>04/14/14 09:04:03.0</t>
  </si>
  <si>
    <t>04/14/14 09:05:07.5</t>
  </si>
  <si>
    <t>04/14/14 09:31:08.5</t>
  </si>
  <si>
    <t>04/14/14 09:31:40.0</t>
  </si>
  <si>
    <t>04/14/14 09:45:09.5</t>
  </si>
  <si>
    <t>04/14/14 09:46:44.5</t>
  </si>
  <si>
    <t>04/14/14 09:55:59.5</t>
  </si>
  <si>
    <t>04/14/14 09:56:14.5</t>
  </si>
  <si>
    <t>04/14/14 10:01:51.5</t>
  </si>
  <si>
    <t>04/14/14 10:03:13.0</t>
  </si>
  <si>
    <t>04/14/14 10:15:05.0</t>
  </si>
  <si>
    <t>04/14/14 10:15:27.5</t>
  </si>
  <si>
    <t>04/14/14 10:16:58.0</t>
  </si>
  <si>
    <t>04/14/14 10:17:45.0</t>
  </si>
  <si>
    <t>04/14/14 10:23:45.5</t>
  </si>
  <si>
    <t>04/14/14 10:24:11.0</t>
  </si>
  <si>
    <t>04/14/14 10:29:43.0</t>
  </si>
  <si>
    <t>04/14/14 10:30:12.0</t>
  </si>
  <si>
    <t>04/14/14 10:50:57.5</t>
  </si>
  <si>
    <t>04/14/14 10:52:56.5</t>
  </si>
  <si>
    <t>04/14/14 11:00:02.5</t>
  </si>
  <si>
    <t>04/14/14 11:00:11.5</t>
  </si>
  <si>
    <t>04/14/14 11:03:03.5</t>
  </si>
  <si>
    <t>04/14/14 11:03:27.5</t>
  </si>
  <si>
    <t>04/14/14 11:08:23.5</t>
  </si>
  <si>
    <t>04/14/14 11:08:47.5</t>
  </si>
  <si>
    <t>04/14/14 11:18:59.0</t>
  </si>
  <si>
    <t>04/14/14 11:19:20.0</t>
  </si>
  <si>
    <t>04/14/14 11:23:18.0</t>
  </si>
  <si>
    <t>04/14/14 11:23:26.0</t>
  </si>
  <si>
    <t>04/14/14 11:28:33.5</t>
  </si>
  <si>
    <t>04/14/14 11:28:51.0</t>
  </si>
  <si>
    <t>04/14/14 11:33:59.0</t>
  </si>
  <si>
    <t>04/14/14 11:34:10.5</t>
  </si>
  <si>
    <t>04/14/14 11:35:31.0</t>
  </si>
  <si>
    <t>04/14/14 11:36:19.5</t>
  </si>
  <si>
    <t>04/14/14 11:39:27.5</t>
  </si>
  <si>
    <t>04/14/14 11:39:35.5</t>
  </si>
  <si>
    <t>04/14/14 11:42:25.5</t>
  </si>
  <si>
    <t>04/14/14 11:42:41.0</t>
  </si>
  <si>
    <t>04/14/14 11:45:38.0</t>
  </si>
  <si>
    <t>04/14/14 11:45:45.0</t>
  </si>
  <si>
    <t>04/14/14 11:47:05.5</t>
  </si>
  <si>
    <t>04/14/14 11:47:11.5</t>
  </si>
  <si>
    <t>04/14/14 11:47:49.5</t>
  </si>
  <si>
    <t>04/14/14 11:47:54.0</t>
  </si>
  <si>
    <t>04/14/14 11:48:46.0</t>
  </si>
  <si>
    <t>04/14/14 11:48:51.5</t>
  </si>
  <si>
    <t>04/14/14 11:49:43.0</t>
  </si>
  <si>
    <t>04/14/14 11:49:56.0</t>
  </si>
  <si>
    <t>04/14/14 11:51:33.5</t>
  </si>
  <si>
    <t>04/14/14 11:51:36.5</t>
  </si>
  <si>
    <t>04/14/14 11:52:15.0</t>
  </si>
  <si>
    <t>04/14/14 11:52:23.5</t>
  </si>
  <si>
    <t>04/14/14 11:54:05.0</t>
  </si>
  <si>
    <t>04/14/14 11:54:10.5</t>
  </si>
  <si>
    <t>04/14/14 11:55:34.0</t>
  </si>
  <si>
    <t>04/14/14 11:55:42.5</t>
  </si>
  <si>
    <t>04/14/14 11:56:36.5</t>
  </si>
  <si>
    <t>04/14/14 11:56:42.0</t>
  </si>
  <si>
    <t>04/14/14 11:59:35.5</t>
  </si>
  <si>
    <t>04/14/14 12:00:20.0</t>
  </si>
  <si>
    <t>04/14/14 12:01:03.0</t>
  </si>
  <si>
    <t>04/14/14 12:01:07.5</t>
  </si>
  <si>
    <t>04/14/14 12:01:38.5</t>
  </si>
  <si>
    <t>04/14/14 12:01:43.5</t>
  </si>
  <si>
    <t>04/14/14 12:02:30.0</t>
  </si>
  <si>
    <t>04/14/14 12:02:34.0</t>
  </si>
  <si>
    <t>04/14/14 12:04:14.0</t>
  </si>
  <si>
    <t>04/14/14 12:04:22.0</t>
  </si>
  <si>
    <t>04/14/14 12:05:10.0</t>
  </si>
  <si>
    <t>04/14/14 12:05:19.0</t>
  </si>
  <si>
    <t>04/14/14 12:06:11.5</t>
  </si>
  <si>
    <t>04/14/14 12:06:19.5</t>
  </si>
  <si>
    <t>04/14/14 12:06:59.5</t>
  </si>
  <si>
    <t>04/14/14 12:07:04.5</t>
  </si>
  <si>
    <t>04/14/14 12:08:18.5</t>
  </si>
  <si>
    <t>04/14/14 12:08:24.5</t>
  </si>
  <si>
    <t>04/14/14 12:09:15.5</t>
  </si>
  <si>
    <t>04/14/14 12:09:23.0</t>
  </si>
  <si>
    <t>04/14/14 12:10:30.5</t>
  </si>
  <si>
    <t>04/14/14 12:10:37.5</t>
  </si>
  <si>
    <t>04/14/14 12:12:03.5</t>
  </si>
  <si>
    <t>04/14/14 12:12:11.0</t>
  </si>
  <si>
    <t>04/14/14 12:13:23.5</t>
  </si>
  <si>
    <t>04/14/14 12:13:28.0</t>
  </si>
  <si>
    <t>04/14/14 12:14:32.0</t>
  </si>
  <si>
    <t>04/14/14 12:14:41.0</t>
  </si>
  <si>
    <t>04/14/14 12:15:26.0</t>
  </si>
  <si>
    <t>04/14/14 12:15:29.5</t>
  </si>
  <si>
    <t>04/14/14 12:16:03.5</t>
  </si>
  <si>
    <t>04/14/14 12:16:07.5</t>
  </si>
  <si>
    <t>04/14/14 12:17:11.0</t>
  </si>
  <si>
    <t>04/14/14 12:17:16.5</t>
  </si>
  <si>
    <t>04/14/14 12:18:35.5</t>
  </si>
  <si>
    <t>04/14/14 12:18:43.0</t>
  </si>
  <si>
    <t>04/14/14 12:19:35.5</t>
  </si>
  <si>
    <t>04/14/14 12:19:39.0</t>
  </si>
  <si>
    <t>04/14/14 12:20:31.0</t>
  </si>
  <si>
    <t>04/14/14 12:20:35.0</t>
  </si>
  <si>
    <t>04/14/14 12:21:18.5</t>
  </si>
  <si>
    <t>04/14/14 12:21:33.5</t>
  </si>
  <si>
    <t>04/14/14 12:23:00.5</t>
  </si>
  <si>
    <t>04/14/14 12:23:08.0</t>
  </si>
  <si>
    <t>04/14/14 12:24:12.5</t>
  </si>
  <si>
    <t>04/14/14 12:24:19.0</t>
  </si>
  <si>
    <t>04/14/14 12:25:31.0</t>
  </si>
  <si>
    <t>04/14/14 12:25:38.5</t>
  </si>
  <si>
    <t>04/14/14 12:26:45.0</t>
  </si>
  <si>
    <t>04/14/14 12:26:50.5</t>
  </si>
  <si>
    <t>04/14/14 12:27:33.5</t>
  </si>
  <si>
    <t>04/14/14 12:27:40.0</t>
  </si>
  <si>
    <t>04/14/14 12:28:12.0</t>
  </si>
  <si>
    <t>04/14/14 12:28:15.5</t>
  </si>
  <si>
    <t>04/14/14 12:29:01.0</t>
  </si>
  <si>
    <t>04/14/14 12:29:07.5</t>
  </si>
  <si>
    <t>04/14/14 12:29:52.0</t>
  </si>
  <si>
    <t>04/14/14 12:29:59.5</t>
  </si>
  <si>
    <t>04/14/14 12:30:52.5</t>
  </si>
  <si>
    <t>04/14/14 12:31:01.0</t>
  </si>
  <si>
    <t>04/14/14 12:31:54.5</t>
  </si>
  <si>
    <t>04/14/14 12:31:58.5</t>
  </si>
  <si>
    <t>04/14/14 12:32:40.5</t>
  </si>
  <si>
    <t>04/14/14 12:32:47.0</t>
  </si>
  <si>
    <t>04/14/14 12:33:40.5</t>
  </si>
  <si>
    <t>04/14/14 12:33:56.0</t>
  </si>
  <si>
    <t>04/14/14 12:35:11.5</t>
  </si>
  <si>
    <t>04/14/14 12:35:16.5</t>
  </si>
  <si>
    <t>04/14/14 12:36:00.5</t>
  </si>
  <si>
    <t>04/14/14 12:36:07.0</t>
  </si>
  <si>
    <t>04/14/14 12:36:56.0</t>
  </si>
  <si>
    <t>04/14/14 12:37:00.0</t>
  </si>
  <si>
    <t>04/14/14 12:38:15.5</t>
  </si>
  <si>
    <t>04/14/14 12:38:19.5</t>
  </si>
  <si>
    <t>04/14/14 12:39:21.5</t>
  </si>
  <si>
    <t>04/14/14 12:39:29.5</t>
  </si>
  <si>
    <t>04/14/14 12:40:08.5</t>
  </si>
  <si>
    <t>04/14/14 12:40:13.5</t>
  </si>
  <si>
    <t>04/14/14 12:41:26.5</t>
  </si>
  <si>
    <t>04/14/14 12:41:39.5</t>
  </si>
  <si>
    <t>04/14/14 12:43:01.5</t>
  </si>
  <si>
    <t>04/14/14 12:43:05.0</t>
  </si>
  <si>
    <t>04/14/14 12:43:39.5</t>
  </si>
  <si>
    <t>04/14/14 12:43:50.0</t>
  </si>
  <si>
    <t>04/14/14 12:45:21.0</t>
  </si>
  <si>
    <t>04/14/14 12:45:31.5</t>
  </si>
  <si>
    <t>04/14/14 12:47:15.5</t>
  </si>
  <si>
    <t>04/14/14 12:47:22.0</t>
  </si>
  <si>
    <t>04/14/14 12:49:03.5</t>
  </si>
  <si>
    <t>04/14/14 12:49:12.0</t>
  </si>
  <si>
    <t>04/14/14 12:50:33.0</t>
  </si>
  <si>
    <t>04/14/14 12:50:36.5</t>
  </si>
  <si>
    <t>04/14/14 12:51:12.0</t>
  </si>
  <si>
    <t>04/14/14 12:51:16.5</t>
  </si>
  <si>
    <t>04/14/14 12:52:18.5</t>
  </si>
  <si>
    <t>04/14/14 12:52:24.5</t>
  </si>
  <si>
    <t>04/14/14 12:53:48.5</t>
  </si>
  <si>
    <t>04/14/14 12:53:53.0</t>
  </si>
  <si>
    <t>04/14/14 12:55:40.0</t>
  </si>
  <si>
    <t>04/14/14 12:55:58.0</t>
  </si>
  <si>
    <t>04/14/14 12:56:50.5</t>
  </si>
  <si>
    <t>04/14/14 12:56:57.0</t>
  </si>
  <si>
    <t>04/14/14 12:58:26.0</t>
  </si>
  <si>
    <t>04/14/14 12:58:29.5</t>
  </si>
  <si>
    <t>04/14/14 13:00:03.0</t>
  </si>
  <si>
    <t>04/14/14 13:00:20.0</t>
  </si>
  <si>
    <t>04/14/14 13:01:28.5</t>
  </si>
  <si>
    <t>04/14/14 13:01:37.5</t>
  </si>
  <si>
    <t>04/14/14 13:02:56.5</t>
  </si>
  <si>
    <t>04/14/14 13:03:01.5</t>
  </si>
  <si>
    <t>04/14/14 13:04:10.5</t>
  </si>
  <si>
    <t>04/14/14 13:04:16.5</t>
  </si>
  <si>
    <t>04/14/14 13:05:10.0</t>
  </si>
  <si>
    <t>04/14/14 13:05:14.5</t>
  </si>
  <si>
    <t>04/14/14 13:06:04.5</t>
  </si>
  <si>
    <t>04/14/14 13:06:20.5</t>
  </si>
  <si>
    <t>04/14/14 13:07:17.5</t>
  </si>
  <si>
    <t>04/14/14 13:07:27.5</t>
  </si>
  <si>
    <t>04/14/14 13:08:13.5</t>
  </si>
  <si>
    <t>04/14/14 13:08:16.0</t>
  </si>
  <si>
    <t>04/14/14 13:08:57.5</t>
  </si>
  <si>
    <t>04/14/14 13:09:06.5</t>
  </si>
  <si>
    <t>04/14/14 13:10:15.5</t>
  </si>
  <si>
    <t>04/14/14 13:10:22.5</t>
  </si>
  <si>
    <t>04/14/14 13:11:40.0</t>
  </si>
  <si>
    <t>04/14/14 13:11:52.0</t>
  </si>
  <si>
    <t>04/14/14 13:12:45.5</t>
  </si>
  <si>
    <t>04/14/14 13:12:51.5</t>
  </si>
  <si>
    <t>04/14/14 13:13:38.5</t>
  </si>
  <si>
    <t>04/14/14 13:13:42.0</t>
  </si>
  <si>
    <t>04/14/14 13:14:44.0</t>
  </si>
  <si>
    <t>04/14/14 13:14:50.0</t>
  </si>
  <si>
    <t>04/14/14 13:15:46.0</t>
  </si>
  <si>
    <t>04/14/14 13:15:50.0</t>
  </si>
  <si>
    <t>04/14/14 13:16:26.5</t>
  </si>
  <si>
    <t>04/14/14 13:16:31.0</t>
  </si>
  <si>
    <t>04/14/14 13:17:37.0</t>
  </si>
  <si>
    <t>04/14/14 13:17:48.0</t>
  </si>
  <si>
    <t>04/14/14 13:18:58.5</t>
  </si>
  <si>
    <t>04/14/14 13:19:03.5</t>
  </si>
  <si>
    <t>04/14/14 13:19:49.0</t>
  </si>
  <si>
    <t>04/14/14 13:19:54.5</t>
  </si>
  <si>
    <t>04/14/14 13:20:37.0</t>
  </si>
  <si>
    <t>04/14/14 13:20:42.5</t>
  </si>
  <si>
    <t>04/14/14 13:21:50.5</t>
  </si>
  <si>
    <t>04/14/14 13:22:06.5</t>
  </si>
  <si>
    <t>04/14/14 13:22:51.5</t>
  </si>
  <si>
    <t>04/14/14 13:22:56.5</t>
  </si>
  <si>
    <t>04/14/14 13:23:55.5</t>
  </si>
  <si>
    <t>04/14/14 13:24:05.0</t>
  </si>
  <si>
    <t>04/14/14 13:24:42.5</t>
  </si>
  <si>
    <t>04/14/14 13:24:48.5</t>
  </si>
  <si>
    <t>04/14/14 13:25:33.5</t>
  </si>
  <si>
    <t>04/14/14 13:25:38.0</t>
  </si>
  <si>
    <t>04/14/14 13:26:29.5</t>
  </si>
  <si>
    <t>04/14/14 13:26:36.5</t>
  </si>
  <si>
    <t>04/14/14 13:28:17.5</t>
  </si>
  <si>
    <t>04/14/14 13:28:27.5</t>
  </si>
  <si>
    <t>04/14/14 13:29:56.5</t>
  </si>
  <si>
    <t>04/14/14 13:30:02.5</t>
  </si>
  <si>
    <t>04/14/14 13:30:54.5</t>
  </si>
  <si>
    <t>04/14/14 13:31:05.5</t>
  </si>
  <si>
    <t>04/14/14 13:31:53.5</t>
  </si>
  <si>
    <t>04/14/14 13:31:58.5</t>
  </si>
  <si>
    <t>04/14/14 13:33:05.5</t>
  </si>
  <si>
    <t>04/14/14 13:33:12.5</t>
  </si>
  <si>
    <t>04/14/14 13:33:58.5</t>
  </si>
  <si>
    <t>04/14/14 13:34:02.5</t>
  </si>
  <si>
    <t>04/14/14 13:34:37.0</t>
  </si>
  <si>
    <t>04/14/14 13:34:45.5</t>
  </si>
  <si>
    <t>04/14/14 13:36:00.5</t>
  </si>
  <si>
    <t>04/14/14 13:36:19.5</t>
  </si>
  <si>
    <t>04/14/14 13:37:15.0</t>
  </si>
  <si>
    <t>04/14/14 13:37:18.0</t>
  </si>
  <si>
    <t>04/14/14 13:37:58.5</t>
  </si>
  <si>
    <t>04/14/14 13:38:02.5</t>
  </si>
  <si>
    <t>04/14/14 13:38:47.5</t>
  </si>
  <si>
    <t>04/14/14 13:38:50.5</t>
  </si>
  <si>
    <t>04/14/14 13:39:25.0</t>
  </si>
  <si>
    <t>04/14/14 13:39:31.5</t>
  </si>
  <si>
    <t>04/14/14 13:41:05.0</t>
  </si>
  <si>
    <t>04/14/14 13:41:09.0</t>
  </si>
  <si>
    <t>04/14/14 13:42:12.0</t>
  </si>
  <si>
    <t>04/14/14 13:42:20.0</t>
  </si>
  <si>
    <t>04/14/14 13:43:11.0</t>
  </si>
  <si>
    <t>04/14/14 13:43:15.0</t>
  </si>
  <si>
    <t>04/14/14 13:44:14.0</t>
  </si>
  <si>
    <t>04/14/14 13:44:22.0</t>
  </si>
  <si>
    <t>04/14/14 13:45:28.0</t>
  </si>
  <si>
    <t>04/14/14 13:45:40.0</t>
  </si>
  <si>
    <t>04/14/14 13:46:37.5</t>
  </si>
  <si>
    <t>04/14/14 13:46:41.5</t>
  </si>
  <si>
    <t>04/14/14 13:47:20.5</t>
  </si>
  <si>
    <t>04/14/14 13:47:24.5</t>
  </si>
  <si>
    <t>04/14/14 13:48:18.0</t>
  </si>
  <si>
    <t>04/14/14 13:48:22.5</t>
  </si>
  <si>
    <t>04/14/14 13:48:55.5</t>
  </si>
  <si>
    <t>04/14/14 13:49:06.5</t>
  </si>
  <si>
    <t>04/14/14 13:50:06.0</t>
  </si>
  <si>
    <t>04/14/14 13:50:11.0</t>
  </si>
  <si>
    <t>04/14/14 13:51:01.0</t>
  </si>
  <si>
    <t>04/14/14 13:51:07.0</t>
  </si>
  <si>
    <t>04/14/14 13:52:03.0</t>
  </si>
  <si>
    <t>04/14/14 13:52:08.0</t>
  </si>
  <si>
    <t>04/14/14 13:52:58.0</t>
  </si>
  <si>
    <t>04/14/14 13:53:01.5</t>
  </si>
  <si>
    <t>04/14/14 13:53:45.0</t>
  </si>
  <si>
    <t>04/14/14 13:54:05.0</t>
  </si>
  <si>
    <t>04/14/14 13:54:30.0</t>
  </si>
  <si>
    <t>04/14/14 13:54:35.0</t>
  </si>
  <si>
    <t>04/14/14 13:55:23.5</t>
  </si>
  <si>
    <t>04/14/14 13:55:30.5</t>
  </si>
  <si>
    <t>04/14/14 13:56:07.5</t>
  </si>
  <si>
    <t>04/14/14 13:56:12.5</t>
  </si>
  <si>
    <t>04/14/14 13:56:57.0</t>
  </si>
  <si>
    <t>04/14/14 13:57:03.0</t>
  </si>
  <si>
    <t>04/14/14 13:58:05.5</t>
  </si>
  <si>
    <t>04/14/14 13:58:29.0</t>
  </si>
  <si>
    <t>04/14/14 13:59:09.0</t>
  </si>
  <si>
    <t>04/14/14 13:59:16.5</t>
  </si>
  <si>
    <t>04/14/14 14:00:17.0</t>
  </si>
  <si>
    <t>04/14/14 14:00:23.5</t>
  </si>
  <si>
    <t>04/14/14 14:01:16.5</t>
  </si>
  <si>
    <t>04/14/14 14:01:30.5</t>
  </si>
  <si>
    <t>04/14/14 14:02:58.0</t>
  </si>
  <si>
    <t>04/14/14 14:03:02.5</t>
  </si>
  <si>
    <t>04/14/14 14:03:56.5</t>
  </si>
  <si>
    <t>04/14/14 14:04:05.5</t>
  </si>
  <si>
    <t>04/14/14 14:04:39.0</t>
  </si>
  <si>
    <t>04/14/14 14:04:44.0</t>
  </si>
  <si>
    <t>04/14/14 14:05:19.0</t>
  </si>
  <si>
    <t>04/14/14 14:05:25.5</t>
  </si>
  <si>
    <t>04/14/14 14:06:10.0</t>
  </si>
  <si>
    <t>04/14/14 14:06:15.5</t>
  </si>
  <si>
    <t>04/14/14 14:07:13.0</t>
  </si>
  <si>
    <t>04/14/14 14:07:20.5</t>
  </si>
  <si>
    <t>04/14/14 14:08:50.0</t>
  </si>
  <si>
    <t>04/14/14 14:08:55.0</t>
  </si>
  <si>
    <t>04/14/14 14:09:46.0</t>
  </si>
  <si>
    <t>04/14/14 14:09:57.0</t>
  </si>
  <si>
    <t>04/14/14 14:10:43.5</t>
  </si>
  <si>
    <t>04/14/14 14:10:50.5</t>
  </si>
  <si>
    <t>04/14/14 14:11:47.5</t>
  </si>
  <si>
    <t>04/14/14 14:11:53.0</t>
  </si>
  <si>
    <t>04/14/14 14:12:41.5</t>
  </si>
  <si>
    <t>04/14/14 14:12:46.0</t>
  </si>
  <si>
    <t>04/14/14 14:13:17.0</t>
  </si>
  <si>
    <t>04/14/14 14:13:21.0</t>
  </si>
  <si>
    <t>04/14/14 14:13:59.0</t>
  </si>
  <si>
    <t>04/14/14 14:14:09.5</t>
  </si>
  <si>
    <t>04/14/14 14:14:58.0</t>
  </si>
  <si>
    <t>04/14/14 14:15:08.5</t>
  </si>
  <si>
    <t>04/14/14 14:16:15.0</t>
  </si>
  <si>
    <t>04/14/14 14:16:20.5</t>
  </si>
  <si>
    <t>04/14/14 14:17:37.0</t>
  </si>
  <si>
    <t>04/14/14 14:17:42.5</t>
  </si>
  <si>
    <t>04/14/14 14:18:30.5</t>
  </si>
  <si>
    <t>04/14/14 14:18:36.0</t>
  </si>
  <si>
    <t>04/14/14 14:19:19.0</t>
  </si>
  <si>
    <t>04/14/14 14:19:25.5</t>
  </si>
  <si>
    <t>04/14/14 14:20:43.0</t>
  </si>
  <si>
    <t>04/14/14 14:20:48.0</t>
  </si>
  <si>
    <t>04/14/14 14:22:13.0</t>
  </si>
  <si>
    <t>04/14/14 14:22:19.0</t>
  </si>
  <si>
    <t>04/14/14 14:23:42.0</t>
  </si>
  <si>
    <t>04/14/14 14:23:47.0</t>
  </si>
  <si>
    <t>04/14/14 14:24:43.0</t>
  </si>
  <si>
    <t>04/14/14 14:24:46.5</t>
  </si>
  <si>
    <t>04/14/14 14:26:12.5</t>
  </si>
  <si>
    <t>04/14/14 14:26:16.5</t>
  </si>
  <si>
    <t>04/14/14 14:27:10.0</t>
  </si>
  <si>
    <t>04/14/14 14:27:33.5</t>
  </si>
  <si>
    <t>04/14/14 14:28:20.0</t>
  </si>
  <si>
    <t>04/14/14 14:28:30.5</t>
  </si>
  <si>
    <t>04/14/14 14:29:45.0</t>
  </si>
  <si>
    <t>04/14/14 14:29:52.5</t>
  </si>
  <si>
    <t>04/14/14 14:31:31.5</t>
  </si>
  <si>
    <t>04/14/14 14:31:39.0</t>
  </si>
  <si>
    <t>04/14/14 14:32:58.5</t>
  </si>
  <si>
    <t>04/14/14 14:33:05.5</t>
  </si>
  <si>
    <t>04/14/14 14:34:06.0</t>
  </si>
  <si>
    <t>04/14/14 14:34:11.0</t>
  </si>
  <si>
    <t>04/14/14 14:35:36.0</t>
  </si>
  <si>
    <t>04/14/14 14:35:45.5</t>
  </si>
  <si>
    <t>04/14/14 14:36:28.5</t>
  </si>
  <si>
    <t>04/14/14 14:36:33.0</t>
  </si>
  <si>
    <t>04/14/14 14:37:29.5</t>
  </si>
  <si>
    <t>04/14/14 14:37:33.0</t>
  </si>
  <si>
    <t>04/14/14 14:38:24.0</t>
  </si>
  <si>
    <t>04/14/14 14:38:28.5</t>
  </si>
  <si>
    <t>04/14/14 14:39:14.0</t>
  </si>
  <si>
    <t>04/14/14 14:39:17.5</t>
  </si>
  <si>
    <t>04/14/14 14:39:50.0</t>
  </si>
  <si>
    <t>04/14/14 14:39:56.5</t>
  </si>
  <si>
    <t>04/14/14 14:40:33.5</t>
  </si>
  <si>
    <t>04/14/14 14:40:40.0</t>
  </si>
  <si>
    <t>04/14/14 14:41:14.0</t>
  </si>
  <si>
    <t>04/14/14 14:41:20.0</t>
  </si>
  <si>
    <t>04/14/14 14:42:12.0</t>
  </si>
  <si>
    <t>04/14/14 14:42:14.5</t>
  </si>
  <si>
    <t>04/14/14 14:42:41.5</t>
  </si>
  <si>
    <t>04/14/14 14:42:45.0</t>
  </si>
  <si>
    <t>04/14/14 14:43:19.5</t>
  </si>
  <si>
    <t>04/14/14 14:43:27.5</t>
  </si>
  <si>
    <t>04/14/14 14:44:07.5</t>
  </si>
  <si>
    <t>04/14/14 14:44:12.5</t>
  </si>
  <si>
    <t>04/14/14 14:45:27.5</t>
  </si>
  <si>
    <t>04/14/14 14:45:39.0</t>
  </si>
  <si>
    <t>04/14/14 14:46:46.5</t>
  </si>
  <si>
    <t>04/14/14 14:46:54.0</t>
  </si>
  <si>
    <t>04/14/14 14:47:45.5</t>
  </si>
  <si>
    <t>04/14/14 14:47:52.5</t>
  </si>
  <si>
    <t>04/14/14 14:48:24.5</t>
  </si>
  <si>
    <t>04/14/14 14:48:29.0</t>
  </si>
  <si>
    <t>04/14/14 14:49:01.0</t>
  </si>
  <si>
    <t>04/14/14 14:49:06.5</t>
  </si>
  <si>
    <t>04/14/14 14:49:34.5</t>
  </si>
  <si>
    <t>04/14/14 14:49:38.0</t>
  </si>
  <si>
    <t>04/14/14 14:50:13.5</t>
  </si>
  <si>
    <t>04/14/14 14:50:18.0</t>
  </si>
  <si>
    <t>04/14/14 14:50:59.5</t>
  </si>
  <si>
    <t>04/14/14 14:51:13.0</t>
  </si>
  <si>
    <t>04/14/14 14:53:06.5</t>
  </si>
  <si>
    <t>04/14/14 14:53:25.5</t>
  </si>
  <si>
    <t>04/14/14 14:54:27.0</t>
  </si>
  <si>
    <t>04/14/14 14:54:37.5</t>
  </si>
  <si>
    <t>04/14/14 14:55:32.0</t>
  </si>
  <si>
    <t>04/14/14 14:55:36.0</t>
  </si>
  <si>
    <t>04/14/14 14:56:07.0</t>
  </si>
  <si>
    <t>04/14/14 14:56:13.0</t>
  </si>
  <si>
    <t>04/14/14 14:58:09.0</t>
  </si>
  <si>
    <t>04/14/14 14:58:32.0</t>
  </si>
  <si>
    <t>04/14/14 14:59:36.0</t>
  </si>
  <si>
    <t>04/14/14 14:59:42.5</t>
  </si>
  <si>
    <t>04/14/14 15:00:13.0</t>
  </si>
  <si>
    <t>04/14/14 15:00:18.5</t>
  </si>
  <si>
    <t>04/14/14 15:01:06.5</t>
  </si>
  <si>
    <t>04/14/14 15:01:11.5</t>
  </si>
  <si>
    <t>04/14/14 15:01:48.5</t>
  </si>
  <si>
    <t>04/14/14 15:01:56.5</t>
  </si>
  <si>
    <t>04/14/14 15:03:04.5</t>
  </si>
  <si>
    <t>04/14/14 15:03:17.5</t>
  </si>
  <si>
    <t>04/14/14 15:04:29.0</t>
  </si>
  <si>
    <t>04/14/14 15:04:41.5</t>
  </si>
  <si>
    <t>04/14/14 15:05:53.0</t>
  </si>
  <si>
    <t>04/14/14 15:06:07.0</t>
  </si>
  <si>
    <t>04/14/14 15:08:36.0</t>
  </si>
  <si>
    <t>04/14/14 15:08:40.5</t>
  </si>
  <si>
    <t>04/14/14 15:09:20.5</t>
  </si>
  <si>
    <t>04/14/14 15:09:27.0</t>
  </si>
  <si>
    <t>04/14/14 15:10:35.5</t>
  </si>
  <si>
    <t>04/14/14 15:10:38.5</t>
  </si>
  <si>
    <t>04/14/14 15:11:03.5</t>
  </si>
  <si>
    <t>04/14/14 15:11:14.0</t>
  </si>
  <si>
    <t>04/14/14 15:13:11.0</t>
  </si>
  <si>
    <t>04/14/14 15:13:25.5</t>
  </si>
  <si>
    <t>04/14/14 15:16:01.5</t>
  </si>
  <si>
    <t>04/14/14 15:16:11.5</t>
  </si>
  <si>
    <t>04/14/14 15:17:00.5</t>
  </si>
  <si>
    <t>04/14/14 15:17:05.5</t>
  </si>
  <si>
    <t>04/14/14 15:18:15.0</t>
  </si>
  <si>
    <t>04/14/14 15:18:22.5</t>
  </si>
  <si>
    <t>04/14/14 15:19:03.0</t>
  </si>
  <si>
    <t>04/14/14 15:19:05.0</t>
  </si>
  <si>
    <t>04/14/14 15:19:33.5</t>
  </si>
  <si>
    <t>04/14/14 15:19:38.0</t>
  </si>
  <si>
    <t>04/14/14 15:20:10.0</t>
  </si>
  <si>
    <t>04/14/14 15:20:16.0</t>
  </si>
  <si>
    <t>04/14/14 15:21:21.5</t>
  </si>
  <si>
    <t>04/14/14 15:21:25.5</t>
  </si>
  <si>
    <t>04/14/14 15:21:49.5</t>
  </si>
  <si>
    <t>04/14/14 15:21:53.5</t>
  </si>
  <si>
    <t>04/14/14 15:22:52.0</t>
  </si>
  <si>
    <t>04/14/14 15:22:55.5</t>
  </si>
  <si>
    <t>04/14/14 15:23:56.5</t>
  </si>
  <si>
    <t>04/14/14 15:24:04.5</t>
  </si>
  <si>
    <t>04/14/14 15:24:34.5</t>
  </si>
  <si>
    <t>04/14/14 15:24:38.0</t>
  </si>
  <si>
    <t>04/14/14 15:25:52.5</t>
  </si>
  <si>
    <t>04/14/14 15:26:11.5</t>
  </si>
  <si>
    <t>04/14/14 15:28:05.0</t>
  </si>
  <si>
    <t>04/14/14 15:28:14.5</t>
  </si>
  <si>
    <t>04/14/14 15:30:16.5</t>
  </si>
  <si>
    <t>04/14/14 15:30:25.5</t>
  </si>
  <si>
    <t>04/14/14 15:31:58.5</t>
  </si>
  <si>
    <t>04/14/14 15:32:05.0</t>
  </si>
  <si>
    <t>04/14/14 15:32:51.0</t>
  </si>
  <si>
    <t>04/14/14 15:33:01.0</t>
  </si>
  <si>
    <t>04/14/14 15:33:45.5</t>
  </si>
  <si>
    <t>04/14/14 15:33:55.5</t>
  </si>
  <si>
    <t>04/14/14 15:34:40.5</t>
  </si>
  <si>
    <t>04/14/14 15:34:45.5</t>
  </si>
  <si>
    <t>04/14/14 15:35:58.0</t>
  </si>
  <si>
    <t>04/14/14 15:36:10.0</t>
  </si>
  <si>
    <t>04/14/14 15:37:39.5</t>
  </si>
  <si>
    <t>04/14/14 15:37:49.5</t>
  </si>
  <si>
    <t>04/14/14 15:40:51.0</t>
  </si>
  <si>
    <t>04/14/14 15:41:27.5</t>
  </si>
  <si>
    <t>04/14/14 15:42:15.0</t>
  </si>
  <si>
    <t>04/14/14 15:42:22.0</t>
  </si>
  <si>
    <t>04/14/14 15:43:12.0</t>
  </si>
  <si>
    <t>04/14/14 15:43:21.5</t>
  </si>
  <si>
    <t>04/14/14 15:44:44.0</t>
  </si>
  <si>
    <t>04/14/14 15:44:50.0</t>
  </si>
  <si>
    <t>04/14/14 15:46:14.0</t>
  </si>
  <si>
    <t>04/14/14 15:46:22.0</t>
  </si>
  <si>
    <t>04/14/14 15:47:50.5</t>
  </si>
  <si>
    <t>04/14/14 15:47:59.0</t>
  </si>
  <si>
    <t>04/14/14 15:49:35.5</t>
  </si>
  <si>
    <t>04/14/14 15:49:46.5</t>
  </si>
  <si>
    <t>04/14/14 15:52:40.0</t>
  </si>
  <si>
    <t>04/14/14 15:52:44.5</t>
  </si>
  <si>
    <t>04/14/14 15:53:13.5</t>
  </si>
  <si>
    <t>04/14/14 15:53:26.5</t>
  </si>
  <si>
    <t>04/14/14 15:55:02.0</t>
  </si>
  <si>
    <t>04/14/14 15:55:18.0</t>
  </si>
  <si>
    <t>04/14/14 15:57:07.5</t>
  </si>
  <si>
    <t>04/14/14 15:57:24.5</t>
  </si>
  <si>
    <t>04/14/14 15:59:30.5</t>
  </si>
  <si>
    <t>04/14/14 15:59:54.0</t>
  </si>
  <si>
    <t>04/14/14 16:01:28.5</t>
  </si>
  <si>
    <t>04/14/14 16:01:48.0</t>
  </si>
  <si>
    <t>04/14/14 16:03:34.5</t>
  </si>
  <si>
    <t>04/14/14 16:03:41.0</t>
  </si>
  <si>
    <t>04/14/14 16:05:18.0</t>
  </si>
  <si>
    <t>04/14/14 16:05:27.0</t>
  </si>
  <si>
    <t>04/14/14 16:06:20.5</t>
  </si>
  <si>
    <t>04/14/14 16:06:24.0</t>
  </si>
  <si>
    <t>04/14/14 16:07:14.0</t>
  </si>
  <si>
    <t>04/14/14 16:07:20.0</t>
  </si>
  <si>
    <t>04/14/14 16:07:58.5</t>
  </si>
  <si>
    <t>04/14/14 16:08:03.5</t>
  </si>
  <si>
    <t>04/14/14 16:09:20.0</t>
  </si>
  <si>
    <t>04/14/14 16:09:35.0</t>
  </si>
  <si>
    <t>04/14/14 16:10:58.0</t>
  </si>
  <si>
    <t>04/14/14 16:11:04.5</t>
  </si>
  <si>
    <t>04/14/14 16:13:05.0</t>
  </si>
  <si>
    <t>04/14/14 16:13:19.0</t>
  </si>
  <si>
    <t>04/14/14 16:16:02.5</t>
  </si>
  <si>
    <t>04/14/14 16:16:08.0</t>
  </si>
  <si>
    <t>04/14/14 16:17:14.0</t>
  </si>
  <si>
    <t>04/14/14 16:17:18.0</t>
  </si>
  <si>
    <t>04/14/14 16:17:52.5</t>
  </si>
  <si>
    <t>04/14/14 16:17:58.5</t>
  </si>
  <si>
    <t>04/14/14 16:19:48.0</t>
  </si>
  <si>
    <t>04/14/14 16:19:54.0</t>
  </si>
  <si>
    <t>04/14/14 16:20:35.5</t>
  </si>
  <si>
    <t>04/14/14 16:20:49.5</t>
  </si>
  <si>
    <t>04/14/14 16:22:27.0</t>
  </si>
  <si>
    <t>04/14/14 16:22:35.0</t>
  </si>
  <si>
    <t>04/14/14 16:25:30.5</t>
  </si>
  <si>
    <t>04/14/14 16:25:40.0</t>
  </si>
  <si>
    <t>04/14/14 16:27:03.0</t>
  </si>
  <si>
    <t>04/14/14 16:27:13.5</t>
  </si>
  <si>
    <t>04/14/14 16:29:34.5</t>
  </si>
  <si>
    <t>04/14/14 16:29:59.0</t>
  </si>
  <si>
    <t>04/14/14 16:31:55.5</t>
  </si>
  <si>
    <t>04/14/14 16:32:01.0</t>
  </si>
  <si>
    <t>04/14/14 16:33:56.5</t>
  </si>
  <si>
    <t>04/14/14 16:34:20.0</t>
  </si>
  <si>
    <t>04/14/14 16:37:44.0</t>
  </si>
  <si>
    <t>04/14/14 16:37:56.0</t>
  </si>
  <si>
    <t>04/14/14 16:39:58.5</t>
  </si>
  <si>
    <t>04/14/14 16:40:04.5</t>
  </si>
  <si>
    <t>04/14/14 16:41:32.0</t>
  </si>
  <si>
    <t>04/14/14 16:41:42.0</t>
  </si>
  <si>
    <t>04/14/14 16:44:04.5</t>
  </si>
  <si>
    <t>04/14/14 16:44:11.0</t>
  </si>
  <si>
    <t>04/14/14 16:46:34.0</t>
  </si>
  <si>
    <t>04/14/14 16:46:43.0</t>
  </si>
  <si>
    <t>04/14/14 16:48:26.0</t>
  </si>
  <si>
    <t>04/14/14 16:48:32.0</t>
  </si>
  <si>
    <t>04/14/14 16:49:28.5</t>
  </si>
  <si>
    <t>04/14/14 16:49:33.5</t>
  </si>
  <si>
    <t>04/14/14 16:50:34.5</t>
  </si>
  <si>
    <t>04/14/14 16:50:47.0</t>
  </si>
  <si>
    <t>04/14/14 16:53:24.5</t>
  </si>
  <si>
    <t>04/14/14 16:53:30.0</t>
  </si>
  <si>
    <t>04/14/14 16:54:14.0</t>
  </si>
  <si>
    <t>04/14/14 16:54:22.5</t>
  </si>
  <si>
    <t>04/14/14 16:56:36.5</t>
  </si>
  <si>
    <t>04/14/14 16:56:49.5</t>
  </si>
  <si>
    <t>04/14/14 16:59:07.0</t>
  </si>
  <si>
    <t>04/14/14 16:59:16.0</t>
  </si>
  <si>
    <t>04/14/14 17:00:34.5</t>
  </si>
  <si>
    <t>04/14/14 17:00:38.0</t>
  </si>
  <si>
    <t>04/14/14 17:01:15.0</t>
  </si>
  <si>
    <t>04/14/14 17:01:22.0</t>
  </si>
  <si>
    <t>04/14/14 17:01:53.5</t>
  </si>
  <si>
    <t>04/14/14 17:01:58.5</t>
  </si>
  <si>
    <t>04/14/14 17:04:03.5</t>
  </si>
  <si>
    <t>04/14/14 17:04:15.0</t>
  </si>
  <si>
    <t>04/14/14 17:05:40.0</t>
  </si>
  <si>
    <t>04/14/14 17:05:43.5</t>
  </si>
  <si>
    <t>04/14/14 17:08:01.5</t>
  </si>
  <si>
    <t>04/14/14 17:08:05.0</t>
  </si>
  <si>
    <t>04/14/14 17:09:40.0</t>
  </si>
  <si>
    <t>04/14/14 17:09:49.5</t>
  </si>
  <si>
    <t>04/14/14 17:10:47.0</t>
  </si>
  <si>
    <t>04/14/14 17:10:52.0</t>
  </si>
  <si>
    <t>04/14/14 17:12:01.5</t>
  </si>
  <si>
    <t>04/14/14 17:12:46.5</t>
  </si>
  <si>
    <t>04/14/14 17:14:00.5</t>
  </si>
  <si>
    <t>04/14/14 17:14:06.0</t>
  </si>
  <si>
    <t>04/14/14 17:15:48.0</t>
  </si>
  <si>
    <t>04/14/14 17:15:53.5</t>
  </si>
  <si>
    <t>04/14/14 17:16:42.5</t>
  </si>
  <si>
    <t>04/14/14 17:16:48.5</t>
  </si>
  <si>
    <t>04/14/14 17:17:29.0</t>
  </si>
  <si>
    <t>04/14/14 17:17:33.5</t>
  </si>
  <si>
    <t>04/14/14 17:18:46.5</t>
  </si>
  <si>
    <t>04/14/14 17:19:04.0</t>
  </si>
  <si>
    <t>04/14/14 17:20:53.5</t>
  </si>
  <si>
    <t>04/14/14 17:20:58.0</t>
  </si>
  <si>
    <t>04/14/14 17:21:32.5</t>
  </si>
  <si>
    <t>04/14/14 17:21:39.0</t>
  </si>
  <si>
    <t>04/14/14 17:22:31.5</t>
  </si>
  <si>
    <t>04/14/14 17:22:41.0</t>
  </si>
  <si>
    <t>04/14/14 17:23:48.5</t>
  </si>
  <si>
    <t>04/14/14 17:24:16.0</t>
  </si>
  <si>
    <t>04/14/14 17:26:19.0</t>
  </si>
  <si>
    <t>04/14/14 17:26:22.5</t>
  </si>
  <si>
    <t>04/14/14 17:27:11.5</t>
  </si>
  <si>
    <t>04/14/14 17:27:24.0</t>
  </si>
  <si>
    <t>04/14/14 17:28:19.5</t>
  </si>
  <si>
    <t>04/14/14 17:28:32.0</t>
  </si>
  <si>
    <t>04/14/14 17:29:44.5</t>
  </si>
  <si>
    <t>04/14/14 17:30:04.5</t>
  </si>
  <si>
    <t>04/14/14 17:31:05.5</t>
  </si>
  <si>
    <t>04/14/14 17:31:12.5</t>
  </si>
  <si>
    <t>04/14/14 17:31:56.0</t>
  </si>
  <si>
    <t>04/14/14 17:32:02.5</t>
  </si>
  <si>
    <t>04/14/14 17:33:18.0</t>
  </si>
  <si>
    <t>04/14/14 17:33:23.0</t>
  </si>
  <si>
    <t>04/14/14 17:33:57.5</t>
  </si>
  <si>
    <t>04/14/14 17:34:03.0</t>
  </si>
  <si>
    <t>04/14/14 17:35:15.5</t>
  </si>
  <si>
    <t>04/14/14 17:35:25.5</t>
  </si>
  <si>
    <t>04/14/14 17:36:56.5</t>
  </si>
  <si>
    <t>04/14/14 17:37:06.0</t>
  </si>
  <si>
    <t>04/14/14 17:39:13.5</t>
  </si>
  <si>
    <t>04/14/14 17:39:17.0</t>
  </si>
  <si>
    <t>04/14/14 17:40:06.0</t>
  </si>
  <si>
    <t>04/14/14 17:40:16.5</t>
  </si>
  <si>
    <t>04/14/14 17:41:11.0</t>
  </si>
  <si>
    <t>04/14/14 17:41:17.0</t>
  </si>
  <si>
    <t>04/14/14 17:44:37.0</t>
  </si>
  <si>
    <t>04/14/14 17:45:07.0</t>
  </si>
  <si>
    <t>04/14/14 17:47:17.5</t>
  </si>
  <si>
    <t>04/14/14 17:47:27.5</t>
  </si>
  <si>
    <t>04/14/14 17:52:36.5</t>
  </si>
  <si>
    <t>04/14/14 17:53:31.5</t>
  </si>
  <si>
    <t>04/14/14 17:56:37.5</t>
  </si>
  <si>
    <t>04/14/14 17:56:47.0</t>
  </si>
  <si>
    <t>04/14/14 18:00:17.5</t>
  </si>
  <si>
    <t>04/14/14 18:01:10.5</t>
  </si>
  <si>
    <t>04/14/14 18:02:22.0</t>
  </si>
  <si>
    <t>04/14/14 18:02:36.5</t>
  </si>
  <si>
    <t>04/14/14 18:04:15.0</t>
  </si>
  <si>
    <t>04/14/14 18:04:48.5</t>
  </si>
  <si>
    <t>04/14/14 18:06:22.0</t>
  </si>
  <si>
    <t>04/14/14 18:06:29.0</t>
  </si>
  <si>
    <t>04/14/14 18:07:58.0</t>
  </si>
  <si>
    <t>04/14/14 18:08:06.5</t>
  </si>
  <si>
    <t>04/14/14 18:09:14.0</t>
  </si>
  <si>
    <t>04/14/14 18:09:19.5</t>
  </si>
  <si>
    <t>04/14/14 18:10:32.0</t>
  </si>
  <si>
    <t>04/14/14 18:10:43.5</t>
  </si>
  <si>
    <t>04/14/14 18:11:24.0</t>
  </si>
  <si>
    <t>04/14/14 18:11:28.5</t>
  </si>
  <si>
    <t>04/14/14 18:12:10.0</t>
  </si>
  <si>
    <t>04/14/14 18:12:15.5</t>
  </si>
  <si>
    <t>04/14/14 18:13:08.0</t>
  </si>
  <si>
    <t>04/14/14 18:13:18.5</t>
  </si>
  <si>
    <t>04/14/14 18:14:19.5</t>
  </si>
  <si>
    <t>04/14/14 18:14:35.5</t>
  </si>
  <si>
    <t>04/14/14 18:15:53.5</t>
  </si>
  <si>
    <t>04/14/14 18:16:09.0</t>
  </si>
  <si>
    <t>04/14/14 18:17:42.5</t>
  </si>
  <si>
    <t>04/14/14 18:17:47.5</t>
  </si>
  <si>
    <t>04/14/14 18:18:25.0</t>
  </si>
  <si>
    <t>04/14/14 18:18:38.5</t>
  </si>
  <si>
    <t>04/14/14 18:22:11.0</t>
  </si>
  <si>
    <t>04/14/14 18:22:29.0</t>
  </si>
  <si>
    <t>04/14/14 18:23:17.5</t>
  </si>
  <si>
    <t>04/14/14 18:23:21.5</t>
  </si>
  <si>
    <t>04/14/14 18:24:02.0</t>
  </si>
  <si>
    <t>04/14/14 18:24:11.5</t>
  </si>
  <si>
    <t>04/14/14 18:25:40.5</t>
  </si>
  <si>
    <t>04/14/14 18:25:57.0</t>
  </si>
  <si>
    <t>04/14/14 18:30:29.0</t>
  </si>
  <si>
    <t>04/14/14 18:30:34.5</t>
  </si>
  <si>
    <t>04/14/14 18:31:43.5</t>
  </si>
  <si>
    <t>04/14/14 18:31:48.5</t>
  </si>
  <si>
    <t>04/14/14 18:32:59.5</t>
  </si>
  <si>
    <t>04/14/14 18:33:15.5</t>
  </si>
  <si>
    <t>04/14/14 18:36:34.5</t>
  </si>
  <si>
    <t>04/14/14 18:37:37.5</t>
  </si>
  <si>
    <t>04/14/14 18:39:05.0</t>
  </si>
  <si>
    <t>04/14/14 18:39:12.0</t>
  </si>
  <si>
    <t>04/14/14 18:41:57.5</t>
  </si>
  <si>
    <t>04/14/14 18:42:07.5</t>
  </si>
  <si>
    <t>04/14/14 18:44:07.0</t>
  </si>
  <si>
    <t>04/14/14 18:44:13.5</t>
  </si>
  <si>
    <t>04/14/14 18:46:21.0</t>
  </si>
  <si>
    <t>04/14/14 18:46:26.0</t>
  </si>
  <si>
    <t>04/14/14 18:47:50.5</t>
  </si>
  <si>
    <t>04/14/14 18:48:04.5</t>
  </si>
  <si>
    <t>04/14/14 18:49:04.5</t>
  </si>
  <si>
    <t>04/14/14 18:49:09.0</t>
  </si>
  <si>
    <t>04/14/14 18:50:04.5</t>
  </si>
  <si>
    <t>04/14/14 18:50:13.0</t>
  </si>
  <si>
    <t>04/14/14 18:51:53.5</t>
  </si>
  <si>
    <t>04/14/14 18:52:56.5</t>
  </si>
  <si>
    <t>04/14/14 18:54:12.0</t>
  </si>
  <si>
    <t>04/14/14 18:54:17.5</t>
  </si>
  <si>
    <t>04/14/14 18:56:14.0</t>
  </si>
  <si>
    <t>04/14/14 18:56:22.5</t>
  </si>
  <si>
    <t>04/14/14 18:57:22.5</t>
  </si>
  <si>
    <t>04/14/14 18:57:27.0</t>
  </si>
  <si>
    <t>04/14/14 18:58:10.0</t>
  </si>
  <si>
    <t>04/14/14 18:58:19.0</t>
  </si>
  <si>
    <t>04/14/14 19:00:25.5</t>
  </si>
  <si>
    <t>04/14/14 19:00:41.0</t>
  </si>
  <si>
    <t>04/14/14 19:01:49.5</t>
  </si>
  <si>
    <t>04/14/14 19:02:04.5</t>
  </si>
  <si>
    <t>04/14/14 19:03:34.5</t>
  </si>
  <si>
    <t>04/14/14 19:03:49.0</t>
  </si>
  <si>
    <t>04/14/14 19:04:44.5</t>
  </si>
  <si>
    <t>04/14/14 19:04:49.5</t>
  </si>
  <si>
    <t>04/14/14 19:06:08.0</t>
  </si>
  <si>
    <t>04/14/14 19:06:18.0</t>
  </si>
  <si>
    <t>04/14/14 19:09:41.0</t>
  </si>
  <si>
    <t>04/14/14 19:09:46.0</t>
  </si>
  <si>
    <t>04/14/14 19:11:03.5</t>
  </si>
  <si>
    <t>04/14/14 19:11:15.5</t>
  </si>
  <si>
    <t>04/14/14 19:15:22.5</t>
  </si>
  <si>
    <t>04/14/14 19:15:32.0</t>
  </si>
  <si>
    <t>04/14/14 19:16:15.0</t>
  </si>
  <si>
    <t>04/14/14 19:16:20.0</t>
  </si>
  <si>
    <t>04/14/14 19:17:28.5</t>
  </si>
  <si>
    <t>04/14/14 19:17:56.5</t>
  </si>
  <si>
    <t>04/14/14 19:21:11.0</t>
  </si>
  <si>
    <t>04/14/14 19:21:19.5</t>
  </si>
  <si>
    <t>04/14/14 19:23:13.0</t>
  </si>
  <si>
    <t>04/14/14 19:23:19.5</t>
  </si>
  <si>
    <t>04/14/14 19:25:11.5</t>
  </si>
  <si>
    <t>04/14/14 19:25:30.5</t>
  </si>
  <si>
    <t>04/14/14 19:32:34.5</t>
  </si>
  <si>
    <t>04/14/14 19:33:27.0</t>
  </si>
  <si>
    <t>04/14/14 19:44:52.0</t>
  </si>
  <si>
    <t>04/14/14 19:45:19.0</t>
  </si>
  <si>
    <t>04/14/14 19:53:00.5</t>
  </si>
  <si>
    <t>04/14/14 19:55:19.5</t>
  </si>
  <si>
    <t>04/14/14 20:06:59.5</t>
  </si>
  <si>
    <t>04/14/14 20:07:29.5</t>
  </si>
  <si>
    <t>04/14/14 21:21:55.5</t>
  </si>
  <si>
    <t>04/14/14 21:22:05.5</t>
  </si>
  <si>
    <t>04/14/14 21:24:32.0</t>
  </si>
  <si>
    <t>04/14/14 21:25:01.5</t>
  </si>
  <si>
    <t>04/14/14 21:30:13.5</t>
  </si>
  <si>
    <t>04/14/14 21:30:26.0</t>
  </si>
  <si>
    <t>04/14/14 21:37:53.0</t>
  </si>
  <si>
    <t>04/14/14 21:38:14.5</t>
  </si>
  <si>
    <t>04/14/14 21:58:20.0</t>
  </si>
  <si>
    <t>04/14/14 21:58:34.0</t>
  </si>
  <si>
    <t>04/14/14 22:47:30.0</t>
  </si>
  <si>
    <t>04/14/14 22:47:44.0</t>
  </si>
  <si>
    <t>04/14/14 22:55:28.5</t>
  </si>
  <si>
    <t>04/14/14 22:55:38.0</t>
  </si>
  <si>
    <t>04/14/14 23:00:02.0</t>
  </si>
  <si>
    <t>04/14/14 23:03:38.0</t>
  </si>
  <si>
    <t>04/14/14 23:14:37.0</t>
  </si>
  <si>
    <t>04/14/14 23:14:57.0</t>
  </si>
  <si>
    <t>04/14/14 23:36:05.5</t>
  </si>
  <si>
    <t>04/14/14 23:37:07.0</t>
  </si>
  <si>
    <t>04/14/14 23:42:52.5</t>
  </si>
  <si>
    <t>04/14/14 23:44:14.0</t>
  </si>
  <si>
    <t>04/14/14 23:49:40.0</t>
  </si>
  <si>
    <t>04/14/14 23:52:35.0</t>
  </si>
  <si>
    <t>04/15/14 00:06:47.0</t>
  </si>
  <si>
    <t>04/15/14 00:16:13.0</t>
  </si>
  <si>
    <t>04/15/14 00:20:02.0</t>
  </si>
  <si>
    <t>04/15/14 00:20:09.5</t>
  </si>
  <si>
    <t>04/15/14 00:28:13.5</t>
  </si>
  <si>
    <t>04/15/14 00:28:22.0</t>
  </si>
  <si>
    <t>04/15/14 00:36:34.0</t>
  </si>
  <si>
    <t>04/15/14 00:36:49.0</t>
  </si>
  <si>
    <t>04/15/14 00:45:40.0</t>
  </si>
  <si>
    <t>04/15/14 00:45:45.0</t>
  </si>
  <si>
    <t>04/15/14 00:51:44.5</t>
  </si>
  <si>
    <t>04/15/14 00:51:57.0</t>
  </si>
  <si>
    <t>04/15/14 00:57:59.5</t>
  </si>
  <si>
    <t>04/15/14 00:58:13.5</t>
  </si>
  <si>
    <t>04/15/14 01:10:56.5</t>
  </si>
  <si>
    <t>04/15/14 01:12:22.5</t>
  </si>
  <si>
    <t>04/15/14 01:20:38.5</t>
  </si>
  <si>
    <t>04/15/14 01:21:09.5</t>
  </si>
  <si>
    <t>04/15/14 01:41:55.5</t>
  </si>
  <si>
    <t>04/15/14 01:42:14.0</t>
  </si>
  <si>
    <t>04/15/14 01:51:42.5</t>
  </si>
  <si>
    <t>04/15/14 02:00:59.5</t>
  </si>
  <si>
    <t>04/15/14 02:30:47.0</t>
  </si>
  <si>
    <t>04/15/14 02:30:54.5</t>
  </si>
  <si>
    <t>04/15/14 03:08:13.5</t>
  </si>
  <si>
    <t>04/15/14 03:08:21.0</t>
  </si>
  <si>
    <t>04/15/14 04:12:14.0</t>
  </si>
  <si>
    <t>04/15/14 04:12:30.5</t>
  </si>
  <si>
    <t>04/15/14 04:32:17.0</t>
  </si>
  <si>
    <t>04/15/14 04:33:41.5</t>
  </si>
  <si>
    <t>04/15/14 04:37:35.5</t>
  </si>
  <si>
    <t>04/15/14 04:38:32.0</t>
  </si>
  <si>
    <t>04/15/14 04:44:19.0</t>
  </si>
  <si>
    <t>04/15/14 04:47:10.0</t>
  </si>
  <si>
    <t>04/15/14 05:31:30.5</t>
  </si>
  <si>
    <t>04/15/14 06:35:04.0</t>
  </si>
  <si>
    <t>04/15/14 08:39:14.0</t>
  </si>
  <si>
    <t>04/15/14 08:39:44.5</t>
  </si>
  <si>
    <t>04/15/14 08:50:31.0</t>
  </si>
  <si>
    <t>04/15/14 08:50:38.5</t>
  </si>
  <si>
    <t>04/15/14 09:00:25.0</t>
  </si>
  <si>
    <t>04/15/14 09:00:39.0</t>
  </si>
  <si>
    <t>04/15/14 09:12:13.5</t>
  </si>
  <si>
    <t>04/15/14 09:13:32.5</t>
  </si>
  <si>
    <t>04/15/14 09:23:14.5</t>
  </si>
  <si>
    <t>04/15/14 09:23:43.5</t>
  </si>
  <si>
    <t>04/15/14 09:30:56.0</t>
  </si>
  <si>
    <t>04/15/14 09:31:15.0</t>
  </si>
  <si>
    <t>04/15/14 09:35:01.5</t>
  </si>
  <si>
    <t>04/15/14 09:35:17.5</t>
  </si>
  <si>
    <t>04/15/14 09:39:28.0</t>
  </si>
  <si>
    <t>04/15/14 09:39:38.5</t>
  </si>
  <si>
    <t>04/15/14 09:44:35.5</t>
  </si>
  <si>
    <t>04/15/14 09:45:06.0</t>
  </si>
  <si>
    <t>04/15/14 09:54:17.5</t>
  </si>
  <si>
    <t>04/15/14 09:55:00.0</t>
  </si>
  <si>
    <t>04/15/14 09:59:33.5</t>
  </si>
  <si>
    <t>04/15/14 09:59:45.5</t>
  </si>
  <si>
    <t>04/15/14 10:04:46.5</t>
  </si>
  <si>
    <t>04/15/14 10:05:13.0</t>
  </si>
  <si>
    <t>04/15/14 10:07:15.0</t>
  </si>
  <si>
    <t>04/15/14 10:07:31.0</t>
  </si>
  <si>
    <t>04/15/14 10:10:47.0</t>
  </si>
  <si>
    <t>04/15/14 10:11:02.0</t>
  </si>
  <si>
    <t>04/15/14 10:18:39.0</t>
  </si>
  <si>
    <t>04/15/14 10:19:35.5</t>
  </si>
  <si>
    <t>04/15/14 10:22:03.0</t>
  </si>
  <si>
    <t>04/15/14 10:22:48.5</t>
  </si>
  <si>
    <t>04/15/14 10:27:54.0</t>
  </si>
  <si>
    <t>04/15/14 10:28:15.0</t>
  </si>
  <si>
    <t>04/15/14 10:30:22.0</t>
  </si>
  <si>
    <t>04/15/14 10:30:35.0</t>
  </si>
  <si>
    <t>04/15/14 10:38:25.5</t>
  </si>
  <si>
    <t>04/15/14 10:39:11.0</t>
  </si>
  <si>
    <t>04/15/14 10:43:04.0</t>
  </si>
  <si>
    <t>04/15/14 10:43:26.5</t>
  </si>
  <si>
    <t>04/15/14 10:48:09.0</t>
  </si>
  <si>
    <t>04/15/14 10:48:25.0</t>
  </si>
  <si>
    <t>04/15/14 10:52:52.0</t>
  </si>
  <si>
    <t>04/15/14 10:53:03.0</t>
  </si>
  <si>
    <t>04/15/14 10:54:40.5</t>
  </si>
  <si>
    <t>04/15/14 10:54:46.5</t>
  </si>
  <si>
    <t>04/15/14 10:57:40.5</t>
  </si>
  <si>
    <t>04/15/14 10:57:46.0</t>
  </si>
  <si>
    <t>04/15/14 10:58:40.5</t>
  </si>
  <si>
    <t>04/15/14 10:58:53.5</t>
  </si>
  <si>
    <t>04/15/14 11:02:01.0</t>
  </si>
  <si>
    <t>04/15/14 11:02:25.5</t>
  </si>
  <si>
    <t>04/15/14 11:04:42.0</t>
  </si>
  <si>
    <t>04/15/14 11:05:00.5</t>
  </si>
  <si>
    <t>04/15/14 11:07:02.0</t>
  </si>
  <si>
    <t>04/15/14 11:07:56.0</t>
  </si>
  <si>
    <t>04/15/14 11:09:30.0</t>
  </si>
  <si>
    <t>04/15/14 11:09:35.0</t>
  </si>
  <si>
    <t>04/15/14 11:10:32.0</t>
  </si>
  <si>
    <t>04/15/14 11:10:38.5</t>
  </si>
  <si>
    <t>04/15/14 11:11:27.5</t>
  </si>
  <si>
    <t>04/15/14 11:11:40.0</t>
  </si>
  <si>
    <t>04/15/14 11:13:19.5</t>
  </si>
  <si>
    <t>04/15/14 11:13:25.5</t>
  </si>
  <si>
    <t>04/15/14 11:14:12.5</t>
  </si>
  <si>
    <t>04/15/14 11:14:17.0</t>
  </si>
  <si>
    <t>04/15/14 11:14:45.0</t>
  </si>
  <si>
    <t>04/15/14 11:14:53.5</t>
  </si>
  <si>
    <t>04/15/14 11:17:17.5</t>
  </si>
  <si>
    <t>04/15/14 11:17:20.5</t>
  </si>
  <si>
    <t>04/15/14 11:18:10.0</t>
  </si>
  <si>
    <t>04/15/14 11:18:27.0</t>
  </si>
  <si>
    <t>04/15/14 11:19:41.5</t>
  </si>
  <si>
    <t>04/15/14 11:19:53.0</t>
  </si>
  <si>
    <t>04/15/14 11:21:08.0</t>
  </si>
  <si>
    <t>04/15/14 11:21:12.5</t>
  </si>
  <si>
    <t>04/15/14 11:22:20.0</t>
  </si>
  <si>
    <t>04/15/14 11:22:23.0</t>
  </si>
  <si>
    <t>04/15/14 11:22:56.0</t>
  </si>
  <si>
    <t>04/15/14 11:23:02.5</t>
  </si>
  <si>
    <t>04/15/14 11:25:13.5</t>
  </si>
  <si>
    <t>04/15/14 11:25:37.0</t>
  </si>
  <si>
    <t>04/15/14 11:27:50.0</t>
  </si>
  <si>
    <t>04/15/14 11:27:53.5</t>
  </si>
  <si>
    <t>04/15/14 11:29:21.0</t>
  </si>
  <si>
    <t>04/15/14 11:29:29.5</t>
  </si>
  <si>
    <t>04/15/14 11:31:00.5</t>
  </si>
  <si>
    <t>04/15/14 11:31:06.0</t>
  </si>
  <si>
    <t>04/15/14 11:32:10.5</t>
  </si>
  <si>
    <t>04/15/14 11:32:16.0</t>
  </si>
  <si>
    <t>04/15/14 11:33:48.0</t>
  </si>
  <si>
    <t>04/15/14 11:34:05.5</t>
  </si>
  <si>
    <t>04/15/14 11:35:38.0</t>
  </si>
  <si>
    <t>04/15/14 11:35:40.5</t>
  </si>
  <si>
    <t>04/15/14 11:36:07.0</t>
  </si>
  <si>
    <t>04/15/14 11:36:13.5</t>
  </si>
  <si>
    <t>04/15/14 11:37:46.0</t>
  </si>
  <si>
    <t>04/15/14 11:37:54.5</t>
  </si>
  <si>
    <t>04/15/14 11:40:04.0</t>
  </si>
  <si>
    <t>04/15/14 11:40:15.5</t>
  </si>
  <si>
    <t>04/15/14 11:41:30.5</t>
  </si>
  <si>
    <t>04/15/14 11:41:34.0</t>
  </si>
  <si>
    <t>04/15/14 11:42:25.5</t>
  </si>
  <si>
    <t>04/15/14 11:42:30.5</t>
  </si>
  <si>
    <t>04/15/14 11:44:11.5</t>
  </si>
  <si>
    <t>04/15/14 11:44:40.0</t>
  </si>
  <si>
    <t>04/15/14 11:46:44.5</t>
  </si>
  <si>
    <t>04/15/14 11:46:51.0</t>
  </si>
  <si>
    <t>04/15/14 11:47:47.0</t>
  </si>
  <si>
    <t>04/15/14 11:47:52.0</t>
  </si>
  <si>
    <t>04/15/14 11:48:20.5</t>
  </si>
  <si>
    <t>04/15/14 11:48:23.0</t>
  </si>
  <si>
    <t>04/15/14 11:48:58.0</t>
  </si>
  <si>
    <t>04/15/14 11:49:02.0</t>
  </si>
  <si>
    <t>04/15/14 11:49:37.5</t>
  </si>
  <si>
    <t>04/15/14 11:49:45.0</t>
  </si>
  <si>
    <t>04/15/14 11:51:16.5</t>
  </si>
  <si>
    <t>04/15/14 11:51:21.5</t>
  </si>
  <si>
    <t>04/15/14 11:52:56.5</t>
  </si>
  <si>
    <t>04/15/14 11:53:10.5</t>
  </si>
  <si>
    <t>04/15/14 11:54:24.5</t>
  </si>
  <si>
    <t>04/15/14 11:54:28.0</t>
  </si>
  <si>
    <t>04/15/14 11:55:15.5</t>
  </si>
  <si>
    <t>04/15/14 11:55:19.5</t>
  </si>
  <si>
    <t>04/15/14 11:55:58.5</t>
  </si>
  <si>
    <t>04/15/14 11:56:04.0</t>
  </si>
  <si>
    <t>04/15/14 11:57:41.5</t>
  </si>
  <si>
    <t>04/15/14 11:57:52.0</t>
  </si>
  <si>
    <t>04/15/14 11:58:48.0</t>
  </si>
  <si>
    <t>04/15/14 11:58:57.0</t>
  </si>
  <si>
    <t>04/15/14 12:00:18.5</t>
  </si>
  <si>
    <t>04/15/14 12:00:27.5</t>
  </si>
  <si>
    <t>04/15/14 12:02:42.0</t>
  </si>
  <si>
    <t>04/15/14 12:02:57.5</t>
  </si>
  <si>
    <t>04/15/14 12:04:23.5</t>
  </si>
  <si>
    <t>04/15/14 12:04:28.5</t>
  </si>
  <si>
    <t>04/15/14 12:05:15.0</t>
  </si>
  <si>
    <t>04/15/14 12:05:18.5</t>
  </si>
  <si>
    <t>04/15/14 12:05:44.0</t>
  </si>
  <si>
    <t>04/15/14 12:05:49.0</t>
  </si>
  <si>
    <t>04/15/14 12:06:39.0</t>
  </si>
  <si>
    <t>04/15/14 12:06:47.0</t>
  </si>
  <si>
    <t>04/15/14 12:08:10.5</t>
  </si>
  <si>
    <t>04/15/14 12:08:31.0</t>
  </si>
  <si>
    <t>04/15/14 12:10:14.5</t>
  </si>
  <si>
    <t>04/15/14 12:10:27.5</t>
  </si>
  <si>
    <t>04/15/14 12:11:44.5</t>
  </si>
  <si>
    <t>04/15/14 12:11:52.5</t>
  </si>
  <si>
    <t>04/15/14 12:12:47.0</t>
  </si>
  <si>
    <t>04/15/14 12:12:50.5</t>
  </si>
  <si>
    <t>04/15/14 12:13:55.0</t>
  </si>
  <si>
    <t>04/15/14 12:13:59.5</t>
  </si>
  <si>
    <t>04/15/14 12:14:56.0</t>
  </si>
  <si>
    <t>04/15/14 12:15:03.0</t>
  </si>
  <si>
    <t>04/15/14 12:15:57.5</t>
  </si>
  <si>
    <t>04/15/14 12:16:01.0</t>
  </si>
  <si>
    <t>04/15/14 12:16:45.5</t>
  </si>
  <si>
    <t>04/15/14 12:16:52.0</t>
  </si>
  <si>
    <t>04/15/14 12:17:55.0</t>
  </si>
  <si>
    <t>04/15/14 12:18:04.0</t>
  </si>
  <si>
    <t>04/15/14 12:19:20.0</t>
  </si>
  <si>
    <t>04/15/14 12:19:28.5</t>
  </si>
  <si>
    <t>04/15/14 12:20:14.0</t>
  </si>
  <si>
    <t>04/15/14 12:20:20.0</t>
  </si>
  <si>
    <t>04/15/14 12:21:23.0</t>
  </si>
  <si>
    <t>04/15/14 12:21:30.0</t>
  </si>
  <si>
    <t>04/15/14 12:22:44.0</t>
  </si>
  <si>
    <t>04/15/14 12:22:48.5</t>
  </si>
  <si>
    <t>04/15/14 12:24:08.0</t>
  </si>
  <si>
    <t>04/15/14 12:24:12.0</t>
  </si>
  <si>
    <t>04/15/14 12:24:53.0</t>
  </si>
  <si>
    <t>04/15/14 12:25:00.0</t>
  </si>
  <si>
    <t>04/15/14 12:25:55.5</t>
  </si>
  <si>
    <t>04/15/14 12:26:00.5</t>
  </si>
  <si>
    <t>04/15/14 12:28:28.0</t>
  </si>
  <si>
    <t>04/15/14 12:28:35.0</t>
  </si>
  <si>
    <t>04/15/14 12:29:45.5</t>
  </si>
  <si>
    <t>04/15/14 12:29:56.5</t>
  </si>
  <si>
    <t>04/15/14 12:30:44.5</t>
  </si>
  <si>
    <t>04/15/14 12:30:50.5</t>
  </si>
  <si>
    <t>04/15/14 12:32:26.5</t>
  </si>
  <si>
    <t>04/15/14 12:32:34.0</t>
  </si>
  <si>
    <t>04/15/14 12:33:41.5</t>
  </si>
  <si>
    <t>04/15/14 12:33:48.5</t>
  </si>
  <si>
    <t>04/15/14 12:34:23.0</t>
  </si>
  <si>
    <t>04/15/14 12:34:26.5</t>
  </si>
  <si>
    <t>04/15/14 12:34:44.5</t>
  </si>
  <si>
    <t>04/15/14 12:34:47.5</t>
  </si>
  <si>
    <t>04/15/14 12:35:42.0</t>
  </si>
  <si>
    <t>04/15/14 12:35:50.0</t>
  </si>
  <si>
    <t>04/15/14 12:37:25.0</t>
  </si>
  <si>
    <t>04/15/14 12:37:36.5</t>
  </si>
  <si>
    <t>04/15/14 12:39:25.5</t>
  </si>
  <si>
    <t>04/15/14 12:39:35.0</t>
  </si>
  <si>
    <t>04/15/14 12:41:43.0</t>
  </si>
  <si>
    <t>04/15/14 12:42:09.5</t>
  </si>
  <si>
    <t>04/15/14 12:43:29.5</t>
  </si>
  <si>
    <t>04/15/14 12:43:37.0</t>
  </si>
  <si>
    <t>04/15/14 12:44:15.5</t>
  </si>
  <si>
    <t>04/15/14 12:44:32.5</t>
  </si>
  <si>
    <t>04/15/14 12:46:27.5</t>
  </si>
  <si>
    <t>04/15/14 12:46:36.5</t>
  </si>
  <si>
    <t>04/15/14 12:48:17.0</t>
  </si>
  <si>
    <t>04/15/14 12:48:32.0</t>
  </si>
  <si>
    <t>04/15/14 12:49:46.5</t>
  </si>
  <si>
    <t>04/15/14 12:49:54.5</t>
  </si>
  <si>
    <t>04/15/14 12:52:08.5</t>
  </si>
  <si>
    <t>04/15/14 12:52:18.5</t>
  </si>
  <si>
    <t>04/15/14 12:53:45.0</t>
  </si>
  <si>
    <t>04/15/14 12:53:51.0</t>
  </si>
  <si>
    <t>04/15/14 12:55:28.5</t>
  </si>
  <si>
    <t>04/15/14 12:55:34.5</t>
  </si>
  <si>
    <t>04/15/14 12:56:40.0</t>
  </si>
  <si>
    <t>04/15/14 12:56:48.5</t>
  </si>
  <si>
    <t>04/15/14 12:58:12.5</t>
  </si>
  <si>
    <t>04/15/14 12:58:25.0</t>
  </si>
  <si>
    <t>04/15/14 13:00:19.0</t>
  </si>
  <si>
    <t>04/15/14 13:00:28.0</t>
  </si>
  <si>
    <t>04/15/14 13:02:12.5</t>
  </si>
  <si>
    <t>04/15/14 13:02:22.0</t>
  </si>
  <si>
    <t>04/15/14 13:03:54.0</t>
  </si>
  <si>
    <t>04/15/14 13:04:02.0</t>
  </si>
  <si>
    <t>04/15/14 13:05:53.0</t>
  </si>
  <si>
    <t>04/15/14 13:06:02.5</t>
  </si>
  <si>
    <t>04/15/14 13:08:30.0</t>
  </si>
  <si>
    <t>04/15/14 13:08:39.0</t>
  </si>
  <si>
    <t>04/15/14 13:10:17.0</t>
  </si>
  <si>
    <t>04/15/14 13:10:27.5</t>
  </si>
  <si>
    <t>04/15/14 13:11:52.5</t>
  </si>
  <si>
    <t>04/15/14 13:12:02.0</t>
  </si>
  <si>
    <t>04/15/14 13:14:19.5</t>
  </si>
  <si>
    <t>04/15/14 13:14:29.5</t>
  </si>
  <si>
    <t>04/15/14 13:16:42.0</t>
  </si>
  <si>
    <t>04/15/14 13:16:54.5</t>
  </si>
  <si>
    <t>04/15/14 13:18:25.5</t>
  </si>
  <si>
    <t>04/15/14 13:18:35.0</t>
  </si>
  <si>
    <t>04/15/14 13:19:28.5</t>
  </si>
  <si>
    <t>04/15/14 13:19:32.0</t>
  </si>
  <si>
    <t>04/15/14 13:20:26.0</t>
  </si>
  <si>
    <t>04/15/14 13:20:31.0</t>
  </si>
  <si>
    <t>04/15/14 13:22:01.0</t>
  </si>
  <si>
    <t>04/15/14 13:22:24.5</t>
  </si>
  <si>
    <t>04/15/14 13:25:22.0</t>
  </si>
  <si>
    <t>04/15/14 13:25:35.5</t>
  </si>
  <si>
    <t>04/15/14 13:28:03.0</t>
  </si>
  <si>
    <t>04/15/14 13:28:18.0</t>
  </si>
  <si>
    <t>04/15/14 13:31:01.0</t>
  </si>
  <si>
    <t>04/15/14 13:31:10.0</t>
  </si>
  <si>
    <t>04/15/14 13:31:44.5</t>
  </si>
  <si>
    <t>04/15/14 13:31:49.0</t>
  </si>
  <si>
    <t>04/15/14 13:32:55.0</t>
  </si>
  <si>
    <t>04/15/14 13:33:04.0</t>
  </si>
  <si>
    <t>04/15/14 13:33:44.0</t>
  </si>
  <si>
    <t>04/15/14 13:33:49.0</t>
  </si>
  <si>
    <t>04/15/14 13:34:40.5</t>
  </si>
  <si>
    <t>04/15/14 13:34:50.5</t>
  </si>
  <si>
    <t>04/15/14 13:36:06.5</t>
  </si>
  <si>
    <t>04/15/14 13:36:23.5</t>
  </si>
  <si>
    <t>04/15/14 13:38:08.0</t>
  </si>
  <si>
    <t>04/15/14 13:38:21.5</t>
  </si>
  <si>
    <t>04/15/14 13:40:22.5</t>
  </si>
  <si>
    <t>04/15/14 13:41:21.5</t>
  </si>
  <si>
    <t>04/15/14 13:42:57.5</t>
  </si>
  <si>
    <t>04/15/14 13:43:13.0</t>
  </si>
  <si>
    <t>04/15/14 13:44:32.0</t>
  </si>
  <si>
    <t>04/15/14 13:44:38.0</t>
  </si>
  <si>
    <t>04/15/14 13:46:11.0</t>
  </si>
  <si>
    <t>04/15/14 13:46:16.5</t>
  </si>
  <si>
    <t>04/15/14 13:47:46.0</t>
  </si>
  <si>
    <t>04/15/14 13:48:00.5</t>
  </si>
  <si>
    <t>04/15/14 13:50:41.5</t>
  </si>
  <si>
    <t>04/15/14 13:50:49.5</t>
  </si>
  <si>
    <t>04/15/14 13:52:03.0</t>
  </si>
  <si>
    <t>04/15/14 13:52:15.0</t>
  </si>
  <si>
    <t>04/15/14 13:53:32.0</t>
  </si>
  <si>
    <t>04/15/14 13:53:42.0</t>
  </si>
  <si>
    <t>04/15/14 13:55:03.0</t>
  </si>
  <si>
    <t>04/15/14 13:55:13.5</t>
  </si>
  <si>
    <t>04/15/14 13:57:08.0</t>
  </si>
  <si>
    <t>04/15/14 13:57:20.0</t>
  </si>
  <si>
    <t>04/15/14 13:59:34.0</t>
  </si>
  <si>
    <t>04/15/14 13:59:45.0</t>
  </si>
  <si>
    <t>04/15/14 14:01:51.5</t>
  </si>
  <si>
    <t>04/15/14 14:02:12.0</t>
  </si>
  <si>
    <t>04/15/14 14:04:35.5</t>
  </si>
  <si>
    <t>04/15/14 14:04:44.5</t>
  </si>
  <si>
    <t>04/15/14 14:06:01.5</t>
  </si>
  <si>
    <t>04/15/14 14:06:08.5</t>
  </si>
  <si>
    <t>04/15/14 14:08:35.5</t>
  </si>
  <si>
    <t>04/15/14 14:08:44.0</t>
  </si>
  <si>
    <t>04/15/14 14:12:09.5</t>
  </si>
  <si>
    <t>04/15/14 14:12:40.5</t>
  </si>
  <si>
    <t>04/15/14 14:15:28.0</t>
  </si>
  <si>
    <t>04/15/14 14:16:23.5</t>
  </si>
  <si>
    <t>04/15/14 14:18:37.0</t>
  </si>
  <si>
    <t>04/15/14 14:18:58.5</t>
  </si>
  <si>
    <t>04/15/14 14:23:44.0</t>
  </si>
  <si>
    <t>04/15/14 14:23:51.5</t>
  </si>
  <si>
    <t>04/15/14 14:25:14.0</t>
  </si>
  <si>
    <t>04/15/14 14:25:18.5</t>
  </si>
  <si>
    <t>04/15/14 14:26:44.5</t>
  </si>
  <si>
    <t>04/15/14 14:26:55.0</t>
  </si>
  <si>
    <t>04/15/14 14:30:24.0</t>
  </si>
  <si>
    <t>04/15/14 14:30:47.5</t>
  </si>
  <si>
    <t>04/15/14 14:32:02.0</t>
  </si>
  <si>
    <t>04/15/14 14:32:12.0</t>
  </si>
  <si>
    <t>04/15/14 14:33:43.5</t>
  </si>
  <si>
    <t>04/15/14 14:33:51.5</t>
  </si>
  <si>
    <t>04/15/14 14:38:20.0</t>
  </si>
  <si>
    <t>04/15/14 14:38:37.0</t>
  </si>
  <si>
    <t>04/15/14 14:41:02.0</t>
  </si>
  <si>
    <t>04/15/14 14:41:14.5</t>
  </si>
  <si>
    <t>04/15/14 14:42:45.0</t>
  </si>
  <si>
    <t>04/15/14 14:42:55.0</t>
  </si>
  <si>
    <t>04/15/14 14:44:21.5</t>
  </si>
  <si>
    <t>04/15/14 14:44:25.5</t>
  </si>
  <si>
    <t>04/15/14 14:45:56.0</t>
  </si>
  <si>
    <t>04/15/14 14:46:08.0</t>
  </si>
  <si>
    <t>04/15/14 14:47:20.0</t>
  </si>
  <si>
    <t>04/15/14 14:47:24.0</t>
  </si>
  <si>
    <t>04/15/14 14:50:31.0</t>
  </si>
  <si>
    <t>04/15/14 14:51:13.0</t>
  </si>
  <si>
    <t>04/15/14 14:54:51.5</t>
  </si>
  <si>
    <t>04/15/14 14:55:02.5</t>
  </si>
  <si>
    <t>04/15/14 14:57:24.0</t>
  </si>
  <si>
    <t>04/15/14 14:57:34.0</t>
  </si>
  <si>
    <t>04/15/14 14:59:36.5</t>
  </si>
  <si>
    <t>04/15/14 14:59:46.0</t>
  </si>
  <si>
    <t>04/15/14 15:01:36.0</t>
  </si>
  <si>
    <t>04/15/14 15:01:43.5</t>
  </si>
  <si>
    <t>04/15/14 15:03:41.0</t>
  </si>
  <si>
    <t>04/15/14 15:03:54.0</t>
  </si>
  <si>
    <t>04/15/14 15:05:28.0</t>
  </si>
  <si>
    <t>04/15/14 15:05:36.5</t>
  </si>
  <si>
    <t>04/15/14 15:09:56.0</t>
  </si>
  <si>
    <t>04/15/14 15:10:13.0</t>
  </si>
  <si>
    <t>04/15/14 15:11:48.5</t>
  </si>
  <si>
    <t>04/15/14 15:11:55.0</t>
  </si>
  <si>
    <t>04/15/14 15:14:22.5</t>
  </si>
  <si>
    <t>04/15/14 15:14:34.0</t>
  </si>
  <si>
    <t>04/15/14 15:15:40.5</t>
  </si>
  <si>
    <t>04/15/14 15:15:53.0</t>
  </si>
  <si>
    <t>04/15/14 15:16:37.5</t>
  </si>
  <si>
    <t>04/15/14 15:16:42.5</t>
  </si>
  <si>
    <t>04/15/14 15:18:06.0</t>
  </si>
  <si>
    <t>04/15/14 15:18:14.0</t>
  </si>
  <si>
    <t>04/15/14 15:19:48.5</t>
  </si>
  <si>
    <t>04/15/14 15:19:56.0</t>
  </si>
  <si>
    <t>04/15/14 15:23:33.0</t>
  </si>
  <si>
    <t>04/15/14 15:24:22.0</t>
  </si>
  <si>
    <t>04/15/14 15:28:58.0</t>
  </si>
  <si>
    <t>04/15/14 15:29:09.0</t>
  </si>
  <si>
    <t>04/15/14 15:34:03.5</t>
  </si>
  <si>
    <t>04/15/14 15:35:08.0</t>
  </si>
  <si>
    <t>04/15/14 15:39:45.5</t>
  </si>
  <si>
    <t>04/15/14 15:39:57.5</t>
  </si>
  <si>
    <t>04/15/14 15:43:16.0</t>
  </si>
  <si>
    <t>04/15/14 15:43:39.5</t>
  </si>
  <si>
    <t>04/15/14 15:46:47.0</t>
  </si>
  <si>
    <t>04/15/14 15:46:59.0</t>
  </si>
  <si>
    <t>04/15/14 15:53:24.0</t>
  </si>
  <si>
    <t>04/15/14 15:53:36.5</t>
  </si>
  <si>
    <t>04/15/14 16:02:03.0</t>
  </si>
  <si>
    <t>04/15/14 16:02:14.5</t>
  </si>
  <si>
    <t>04/15/14 16:03:36.5</t>
  </si>
  <si>
    <t>04/15/14 16:03:42.0</t>
  </si>
  <si>
    <t>04/15/14 16:10:20.5</t>
  </si>
  <si>
    <t>04/15/14 16:10:29.0</t>
  </si>
  <si>
    <t>04/15/14 16:12:16.5</t>
  </si>
  <si>
    <t>04/15/14 16:13:11.0</t>
  </si>
  <si>
    <t>04/15/14 16:17:13.5</t>
  </si>
  <si>
    <t>04/15/14 16:17:20.5</t>
  </si>
  <si>
    <t>04/15/14 16:19:57.5</t>
  </si>
  <si>
    <t>04/15/14 16:20:13.0</t>
  </si>
  <si>
    <t>04/15/14 16:30:13.5</t>
  </si>
  <si>
    <t>04/15/14 16:30:45.0</t>
  </si>
  <si>
    <t>04/15/14 16:33:38.5</t>
  </si>
  <si>
    <t>04/15/14 16:33:46.0</t>
  </si>
  <si>
    <t>04/15/14 16:39:40.5</t>
  </si>
  <si>
    <t>04/15/14 16:39:56.0</t>
  </si>
  <si>
    <t>04/15/14 16:44:41.5</t>
  </si>
  <si>
    <t>04/15/14 16:44:53.0</t>
  </si>
  <si>
    <t>04/15/14 16:47:47.0</t>
  </si>
  <si>
    <t>04/15/14 16:48:12.5</t>
  </si>
  <si>
    <t>04/15/14 16:52:24.0</t>
  </si>
  <si>
    <t>04/15/14 16:52:42.5</t>
  </si>
  <si>
    <t>04/15/14 16:57:46.5</t>
  </si>
  <si>
    <t>04/15/14 16:58:10.0</t>
  </si>
  <si>
    <t>04/15/14 17:03:45.0</t>
  </si>
  <si>
    <t>04/15/14 17:04:26.5</t>
  </si>
  <si>
    <t>04/15/14 17:08:48.0</t>
  </si>
  <si>
    <t>04/15/14 17:08:59.5</t>
  </si>
  <si>
    <t>04/15/14 17:11:50.0</t>
  </si>
  <si>
    <t>04/15/14 17:12:03.0</t>
  </si>
  <si>
    <t>04/15/14 17:16:32.5</t>
  </si>
  <si>
    <t>04/15/14 17:17:45.0</t>
  </si>
  <si>
    <t>04/15/14 17:23:46.5</t>
  </si>
  <si>
    <t>04/15/14 17:23:55.0</t>
  </si>
  <si>
    <t>04/15/14 17:31:19.5</t>
  </si>
  <si>
    <t>04/15/14 17:31:29.0</t>
  </si>
  <si>
    <t>04/15/14 17:34:08.5</t>
  </si>
  <si>
    <t>04/15/14 17:34:15.5</t>
  </si>
  <si>
    <t>04/15/14 17:41:42.0</t>
  </si>
  <si>
    <t>04/15/14 17:41:55.5</t>
  </si>
  <si>
    <t>04/15/14 17:46:10.5</t>
  </si>
  <si>
    <t>04/15/14 17:46:30.0</t>
  </si>
  <si>
    <t>04/15/14 17:52:26.0</t>
  </si>
  <si>
    <t>04/15/14 17:52:39.5</t>
  </si>
  <si>
    <t>04/15/14 17:56:50.5</t>
  </si>
  <si>
    <t>04/15/14 17:58:53.5</t>
  </si>
  <si>
    <t>04/15/14 18:04:32.0</t>
  </si>
  <si>
    <t>04/15/14 18:04:41.5</t>
  </si>
  <si>
    <t>04/15/14 18:10:48.5</t>
  </si>
  <si>
    <t>04/15/14 18:11:01.0</t>
  </si>
  <si>
    <t>04/15/14 18:14:05.5</t>
  </si>
  <si>
    <t>04/15/14 18:14:27.5</t>
  </si>
  <si>
    <t>04/15/14 18:22:06.5</t>
  </si>
  <si>
    <t>04/15/14 18:22:14.0</t>
  </si>
  <si>
    <t>04/15/14 18:23:23.5</t>
  </si>
  <si>
    <t>04/15/14 18:23:49.0</t>
  </si>
  <si>
    <t>04/15/14 18:27:31.5</t>
  </si>
  <si>
    <t>04/15/14 18:27:46.5</t>
  </si>
  <si>
    <t>04/15/14 18:35:05.0</t>
  </si>
  <si>
    <t>04/15/14 18:35:25.0</t>
  </si>
  <si>
    <t>04/15/14 18:50:16.5</t>
  </si>
  <si>
    <t>04/15/14 18:50:30.0</t>
  </si>
  <si>
    <t>04/15/14 18:58:31.0</t>
  </si>
  <si>
    <t>04/15/14 18:58:48.5</t>
  </si>
  <si>
    <t>04/15/14 19:03:02.5</t>
  </si>
  <si>
    <t>04/15/14 19:07:58.5</t>
  </si>
  <si>
    <t>04/15/14 19:15:38.5</t>
  </si>
  <si>
    <t>04/15/14 19:15:50.5</t>
  </si>
  <si>
    <t>04/15/14 19:18:44.0</t>
  </si>
  <si>
    <t>04/15/14 19:18:52.0</t>
  </si>
  <si>
    <t>04/15/14 19:24:04.0</t>
  </si>
  <si>
    <t>04/15/14 19:25:52.5</t>
  </si>
  <si>
    <t>04/15/14 19:35:12.5</t>
  </si>
  <si>
    <t>04/15/14 19:44:39.5</t>
  </si>
  <si>
    <t>04/16/14 00:06:49.5</t>
  </si>
  <si>
    <t>04/16/14 07:45:13.5</t>
  </si>
  <si>
    <t>04/16/14 08:09:53.0</t>
  </si>
  <si>
    <t>04/16/14 08:17:27.0</t>
  </si>
  <si>
    <t>04/16/14 08:48:58.0</t>
  </si>
  <si>
    <t>04/16/14 08:49:18.0</t>
  </si>
  <si>
    <t>04/16/14 08:54:57.0</t>
  </si>
  <si>
    <t>04/16/14 08:55:15.0</t>
  </si>
  <si>
    <t>04/16/14 09:00:29.0</t>
  </si>
  <si>
    <t>04/16/14 09:01:00.0</t>
  </si>
  <si>
    <t>04/16/14 09:11:10.0</t>
  </si>
  <si>
    <t>04/16/14 09:11:48.0</t>
  </si>
  <si>
    <t>04/16/14 09:19:53.0</t>
  </si>
  <si>
    <t>04/16/14 09:20:06.5</t>
  </si>
  <si>
    <t>04/16/14 09:22:40.0</t>
  </si>
  <si>
    <t>04/16/14 09:22:49.5</t>
  </si>
  <si>
    <t>04/16/14 09:25:20.0</t>
  </si>
  <si>
    <t>04/16/14 09:25:36.0</t>
  </si>
  <si>
    <t>04/16/14 09:30:09.5</t>
  </si>
  <si>
    <t>04/16/14 09:30:33.0</t>
  </si>
  <si>
    <t>04/16/14 09:34:21.0</t>
  </si>
  <si>
    <t>04/16/14 09:34:42.0</t>
  </si>
  <si>
    <t>04/16/14 09:41:24.0</t>
  </si>
  <si>
    <t>04/16/14 09:41:49.5</t>
  </si>
  <si>
    <t>04/16/14 09:49:24.5</t>
  </si>
  <si>
    <t>04/16/14 09:49:44.5</t>
  </si>
  <si>
    <t>04/16/14 09:52:49.5</t>
  </si>
  <si>
    <t>04/16/14 09:53:02.5</t>
  </si>
  <si>
    <t>04/16/14 09:59:24.0</t>
  </si>
  <si>
    <t>04/16/14 10:00:01.0</t>
  </si>
  <si>
    <t>04/16/14 10:04:26.5</t>
  </si>
  <si>
    <t>04/16/14 10:04:44.0</t>
  </si>
  <si>
    <t>04/16/14 10:12:43.5</t>
  </si>
  <si>
    <t>04/16/14 10:13:16.0</t>
  </si>
  <si>
    <t>04/16/14 10:20:56.5</t>
  </si>
  <si>
    <t>04/16/14 10:22:08.0</t>
  </si>
  <si>
    <t>04/16/14 10:27:50.5</t>
  </si>
  <si>
    <t>04/16/14 10:27:56.0</t>
  </si>
  <si>
    <t>04/16/14 10:29:14.5</t>
  </si>
  <si>
    <t>04/16/14 10:29:24.0</t>
  </si>
  <si>
    <t>04/16/14 10:31:19.5</t>
  </si>
  <si>
    <t>04/16/14 10:31:35.5</t>
  </si>
  <si>
    <t>04/16/14 10:33:08.0</t>
  </si>
  <si>
    <t>04/16/14 10:33:27.0</t>
  </si>
  <si>
    <t>04/16/14 10:35:41.5</t>
  </si>
  <si>
    <t>04/16/14 10:36:00.5</t>
  </si>
  <si>
    <t>04/16/14 10:37:48.5</t>
  </si>
  <si>
    <t>04/16/14 10:38:00.0</t>
  </si>
  <si>
    <t>04/16/14 10:39:55.5</t>
  </si>
  <si>
    <t>04/16/14 10:40:03.0</t>
  </si>
  <si>
    <t>04/16/14 10:42:19.5</t>
  </si>
  <si>
    <t>04/16/14 10:42:41.5</t>
  </si>
  <si>
    <t>04/16/14 10:45:35.5</t>
  </si>
  <si>
    <t>04/16/14 10:45:43.5</t>
  </si>
  <si>
    <t>04/16/14 10:48:17.0</t>
  </si>
  <si>
    <t>04/16/14 10:48:43.5</t>
  </si>
  <si>
    <t>04/16/14 10:50:24.5</t>
  </si>
  <si>
    <t>04/16/14 10:50:33.5</t>
  </si>
  <si>
    <t>04/16/14 10:52:10.5</t>
  </si>
  <si>
    <t>04/16/14 10:52:19.5</t>
  </si>
  <si>
    <t>04/16/14 10:54:57.0</t>
  </si>
  <si>
    <t>04/16/14 10:55:20.5</t>
  </si>
  <si>
    <t>04/16/14 10:57:26.0</t>
  </si>
  <si>
    <t>04/16/14 10:57:33.0</t>
  </si>
  <si>
    <t>04/16/14 10:59:12.0</t>
  </si>
  <si>
    <t>04/16/14 10:59:23.5</t>
  </si>
  <si>
    <t>04/16/14 11:01:35.5</t>
  </si>
  <si>
    <t>04/16/14 11:01:46.0</t>
  </si>
  <si>
    <t>04/16/14 11:03:59.5</t>
  </si>
  <si>
    <t>04/16/14 11:04:15.0</t>
  </si>
  <si>
    <t>04/16/14 11:06:16.0</t>
  </si>
  <si>
    <t>04/16/14 11:06:19.0</t>
  </si>
  <si>
    <t>04/16/14 11:08:40.5</t>
  </si>
  <si>
    <t>04/16/14 11:09:45.5</t>
  </si>
  <si>
    <t>04/16/14 11:13:17.0</t>
  </si>
  <si>
    <t>04/16/14 11:14:26.0</t>
  </si>
  <si>
    <t>04/16/14 11:16:09.5</t>
  </si>
  <si>
    <t>04/16/14 11:16:41.0</t>
  </si>
  <si>
    <t>04/16/14 11:17:50.5</t>
  </si>
  <si>
    <t>04/16/14 11:17:55.0</t>
  </si>
  <si>
    <t>04/16/14 11:19:01.0</t>
  </si>
  <si>
    <t>04/16/14 11:19:10.5</t>
  </si>
  <si>
    <t>04/16/14 11:20:40.5</t>
  </si>
  <si>
    <t>04/16/14 11:20:49.5</t>
  </si>
  <si>
    <t>04/16/14 11:22:22.5</t>
  </si>
  <si>
    <t>04/16/14 11:22:35.0</t>
  </si>
  <si>
    <t>04/16/14 11:23:48.5</t>
  </si>
  <si>
    <t>04/16/14 11:23:55.5</t>
  </si>
  <si>
    <t>04/16/14 11:25:52.0</t>
  </si>
  <si>
    <t>04/16/14 11:26:10.0</t>
  </si>
  <si>
    <t>04/16/14 11:27:57.0</t>
  </si>
  <si>
    <t>04/16/14 11:28:02.5</t>
  </si>
  <si>
    <t>04/16/14 11:29:52.0</t>
  </si>
  <si>
    <t>04/16/14 11:30:00.0</t>
  </si>
  <si>
    <t>04/16/14 11:31:04.0</t>
  </si>
  <si>
    <t>04/16/14 11:31:11.5</t>
  </si>
  <si>
    <t>04/16/14 11:32:43.5</t>
  </si>
  <si>
    <t>04/16/14 11:32:52.5</t>
  </si>
  <si>
    <t>04/16/14 11:34:28.0</t>
  </si>
  <si>
    <t>04/16/14 11:34:39.5</t>
  </si>
  <si>
    <t>04/16/14 11:36:25.0</t>
  </si>
  <si>
    <t>04/16/14 11:36:34.5</t>
  </si>
  <si>
    <t>04/16/14 11:37:41.0</t>
  </si>
  <si>
    <t>04/16/14 11:37:47.0</t>
  </si>
  <si>
    <t>04/16/14 11:39:09.0</t>
  </si>
  <si>
    <t>04/16/14 11:39:18.0</t>
  </si>
  <si>
    <t>04/16/14 11:40:42.5</t>
  </si>
  <si>
    <t>04/16/14 11:40:55.5</t>
  </si>
  <si>
    <t>04/16/14 11:42:04.5</t>
  </si>
  <si>
    <t>04/16/14 11:42:10.0</t>
  </si>
  <si>
    <t>04/16/14 11:43:10.5</t>
  </si>
  <si>
    <t>04/16/14 11:43:18.0</t>
  </si>
  <si>
    <t>04/16/14 11:44:16.5</t>
  </si>
  <si>
    <t>04/16/14 11:44:22.5</t>
  </si>
  <si>
    <t>04/16/14 11:45:20.0</t>
  </si>
  <si>
    <t>04/16/14 11:45:28.5</t>
  </si>
  <si>
    <t>04/16/14 11:46:49.5</t>
  </si>
  <si>
    <t>04/16/14 11:47:00.0</t>
  </si>
  <si>
    <t>04/16/14 11:49:00.0</t>
  </si>
  <si>
    <t>04/16/14 11:49:08.0</t>
  </si>
  <si>
    <t>04/16/14 11:51:05.5</t>
  </si>
  <si>
    <t>04/16/14 11:51:15.5</t>
  </si>
  <si>
    <t>04/16/14 11:52:36.0</t>
  </si>
  <si>
    <t>04/16/14 11:52:49.0</t>
  </si>
  <si>
    <t>04/16/14 11:53:47.0</t>
  </si>
  <si>
    <t>04/16/14 11:53:54.0</t>
  </si>
  <si>
    <t>04/16/14 11:55:39.0</t>
  </si>
  <si>
    <t>04/16/14 11:55:48.0</t>
  </si>
  <si>
    <t>04/16/14 11:58:46.0</t>
  </si>
  <si>
    <t>04/16/14 11:59:13.5</t>
  </si>
  <si>
    <t>04/16/14 12:01:45.0</t>
  </si>
  <si>
    <t>04/16/14 12:01:53.5</t>
  </si>
  <si>
    <t>04/16/14 12:03:24.5</t>
  </si>
  <si>
    <t>04/16/14 12:03:39.0</t>
  </si>
  <si>
    <t>04/16/14 12:05:28.5</t>
  </si>
  <si>
    <t>04/16/14 12:05:40.0</t>
  </si>
  <si>
    <t>04/16/14 12:07:27.0</t>
  </si>
  <si>
    <t>04/16/14 12:07:34.0</t>
  </si>
  <si>
    <t>04/16/14 12:08:43.0</t>
  </si>
  <si>
    <t>04/16/14 12:08:50.0</t>
  </si>
  <si>
    <t>04/16/14 12:10:33.5</t>
  </si>
  <si>
    <t>04/16/14 12:10:47.5</t>
  </si>
  <si>
    <t>04/16/14 12:12:06.5</t>
  </si>
  <si>
    <t>04/16/14 12:12:14.5</t>
  </si>
  <si>
    <t>04/16/14 12:13:45.0</t>
  </si>
  <si>
    <t>04/16/14 12:13:58.5</t>
  </si>
  <si>
    <t>04/16/14 12:16:02.5</t>
  </si>
  <si>
    <t>04/16/14 12:16:13.0</t>
  </si>
  <si>
    <t>04/16/14 12:17:49.0</t>
  </si>
  <si>
    <t>04/16/14 12:18:00.0</t>
  </si>
  <si>
    <t>04/16/14 12:21:43.0</t>
  </si>
  <si>
    <t>04/16/14 12:22:29.0</t>
  </si>
  <si>
    <t>04/16/14 12:24:45.5</t>
  </si>
  <si>
    <t>04/16/14 12:24:52.0</t>
  </si>
  <si>
    <t>04/16/14 12:26:49.5</t>
  </si>
  <si>
    <t>04/16/14 12:26:56.5</t>
  </si>
  <si>
    <t>04/16/14 12:28:13.5</t>
  </si>
  <si>
    <t>04/16/14 12:28:23.5</t>
  </si>
  <si>
    <t>04/16/14 12:30:11.0</t>
  </si>
  <si>
    <t>04/16/14 12:30:17.0</t>
  </si>
  <si>
    <t>04/16/14 12:32:09.5</t>
  </si>
  <si>
    <t>04/16/14 12:32:20.0</t>
  </si>
  <si>
    <t>04/16/14 12:33:53.5</t>
  </si>
  <si>
    <t>04/16/14 12:34:04.0</t>
  </si>
  <si>
    <t>04/16/14 12:37:25.5</t>
  </si>
  <si>
    <t>04/16/14 12:37:31.0</t>
  </si>
  <si>
    <t>04/16/14 12:39:03.0</t>
  </si>
  <si>
    <t>04/16/14 12:39:10.5</t>
  </si>
  <si>
    <t>04/16/14 12:40:48.0</t>
  </si>
  <si>
    <t>04/16/14 12:42:00.5</t>
  </si>
  <si>
    <t>04/16/14 12:48:19.0</t>
  </si>
  <si>
    <t>04/16/14 12:49:00.5</t>
  </si>
  <si>
    <t>04/16/14 12:51:14.5</t>
  </si>
  <si>
    <t>04/16/14 12:51:27.5</t>
  </si>
  <si>
    <t>04/16/14 12:52:39.0</t>
  </si>
  <si>
    <t>04/16/14 12:52:45.5</t>
  </si>
  <si>
    <t>04/16/14 12:54:42.0</t>
  </si>
  <si>
    <t>04/16/14 12:54:54.5</t>
  </si>
  <si>
    <t>04/16/14 12:59:03.5</t>
  </si>
  <si>
    <t>04/16/14 12:59:28.5</t>
  </si>
  <si>
    <t>04/16/14 13:05:03.5</t>
  </si>
  <si>
    <t>04/16/14 13:06:15.5</t>
  </si>
  <si>
    <t>04/16/14 13:13:57.5</t>
  </si>
  <si>
    <t>04/16/14 13:16:33.0</t>
  </si>
  <si>
    <t>04/16/14 13:19:44.0</t>
  </si>
  <si>
    <t>04/16/14 13:19:55.5</t>
  </si>
  <si>
    <t>04/16/14 13:21:17.5</t>
  </si>
  <si>
    <t>04/16/14 13:21:30.5</t>
  </si>
  <si>
    <t>04/16/14 13:23:55.5</t>
  </si>
  <si>
    <t>04/16/14 13:24:05.5</t>
  </si>
  <si>
    <t>04/16/14 13:26:53.5</t>
  </si>
  <si>
    <t>04/16/14 13:27:00.0</t>
  </si>
  <si>
    <t>04/16/14 13:28:54.0</t>
  </si>
  <si>
    <t>04/16/14 13:29:09.5</t>
  </si>
  <si>
    <t>04/16/14 13:34:28.0</t>
  </si>
  <si>
    <t>04/16/14 13:34:39.0</t>
  </si>
  <si>
    <t>04/16/14 13:36:17.5</t>
  </si>
  <si>
    <t>04/16/14 13:37:15.0</t>
  </si>
  <si>
    <t>04/16/14 13:39:32.0</t>
  </si>
  <si>
    <t>04/16/14 13:39:38.5</t>
  </si>
  <si>
    <t>04/16/14 13:42:55.5</t>
  </si>
  <si>
    <t>04/16/14 13:43:29.0</t>
  </si>
  <si>
    <t>04/16/14 13:47:17.5</t>
  </si>
  <si>
    <t>04/16/14 13:47:31.5</t>
  </si>
  <si>
    <t>04/16/14 13:52:06.0</t>
  </si>
  <si>
    <t>04/16/14 13:52:20.0</t>
  </si>
  <si>
    <t>04/16/14 13:55:59.5</t>
  </si>
  <si>
    <t>04/16/14 13:56:05.0</t>
  </si>
  <si>
    <t>04/16/14 13:57:49.5</t>
  </si>
  <si>
    <t>04/16/14 13:58:03.5</t>
  </si>
  <si>
    <t>04/16/14 13:59:41.5</t>
  </si>
  <si>
    <t>04/16/14 14:00:11.5</t>
  </si>
  <si>
    <t>04/16/14 14:03:23.5</t>
  </si>
  <si>
    <t>04/16/14 14:03:32.0</t>
  </si>
  <si>
    <t>04/16/14 14:06:34.0</t>
  </si>
  <si>
    <t>04/16/14 14:06:42.0</t>
  </si>
  <si>
    <t>04/16/14 14:08:41.0</t>
  </si>
  <si>
    <t>04/16/14 14:08:57.0</t>
  </si>
  <si>
    <t>04/16/14 14:10:48.5</t>
  </si>
  <si>
    <t>04/16/14 14:11:00.5</t>
  </si>
  <si>
    <t>04/16/14 14:12:54.0</t>
  </si>
  <si>
    <t>04/16/14 14:13:00.5</t>
  </si>
  <si>
    <t>04/16/14 14:14:48.0</t>
  </si>
  <si>
    <t>04/16/14 14:14:56.5</t>
  </si>
  <si>
    <t>04/16/14 14:16:42.0</t>
  </si>
  <si>
    <t>04/16/14 14:16:52.5</t>
  </si>
  <si>
    <t>04/16/14 14:18:06.5</t>
  </si>
  <si>
    <t>04/16/14 14:18:12.0</t>
  </si>
  <si>
    <t>04/16/14 14:19:28.5</t>
  </si>
  <si>
    <t>04/16/14 14:19:41.5</t>
  </si>
  <si>
    <t>04/16/14 14:22:04.0</t>
  </si>
  <si>
    <t>04/16/14 14:22:20.5</t>
  </si>
  <si>
    <t>04/16/14 14:23:44.5</t>
  </si>
  <si>
    <t>04/16/14 14:23:55.5</t>
  </si>
  <si>
    <t>04/16/14 14:25:16.0</t>
  </si>
  <si>
    <t>04/16/14 14:25:26.0</t>
  </si>
  <si>
    <t>04/16/14 14:28:27.5</t>
  </si>
  <si>
    <t>04/16/14 14:28:45.5</t>
  </si>
  <si>
    <t>04/16/14 14:30:44.5</t>
  </si>
  <si>
    <t>04/16/14 14:30:53.0</t>
  </si>
  <si>
    <t>04/16/14 14:34:10.0</t>
  </si>
  <si>
    <t>04/16/14 14:34:29.5</t>
  </si>
  <si>
    <t>04/16/14 14:37:33.5</t>
  </si>
  <si>
    <t>04/16/14 14:38:01.0</t>
  </si>
  <si>
    <t>04/16/14 14:40:51.0</t>
  </si>
  <si>
    <t>04/16/14 14:40:59.0</t>
  </si>
  <si>
    <t>04/16/14 14:42:31.5</t>
  </si>
  <si>
    <t>04/16/14 14:42:40.0</t>
  </si>
  <si>
    <t>04/16/14 14:45:04.0</t>
  </si>
  <si>
    <t>04/16/14 14:45:10.0</t>
  </si>
  <si>
    <t>04/16/14 14:46:23.5</t>
  </si>
  <si>
    <t>04/16/14 14:46:33.5</t>
  </si>
  <si>
    <t>04/16/14 14:48:44.0</t>
  </si>
  <si>
    <t>04/16/14 14:49:05.0</t>
  </si>
  <si>
    <t>04/16/14 14:52:12.0</t>
  </si>
  <si>
    <t>04/16/14 14:52:25.0</t>
  </si>
  <si>
    <t>04/16/14 14:54:41.5</t>
  </si>
  <si>
    <t>04/16/14 14:54:47.5</t>
  </si>
  <si>
    <t>04/16/14 14:56:48.5</t>
  </si>
  <si>
    <t>04/16/14 14:57:07.0</t>
  </si>
  <si>
    <t>04/16/14 14:59:45.5</t>
  </si>
  <si>
    <t>04/16/14 14:59:59.0</t>
  </si>
  <si>
    <t>04/16/14 15:02:03.0</t>
  </si>
  <si>
    <t>04/16/14 15:02:27.0</t>
  </si>
  <si>
    <t>04/16/14 15:06:00.5</t>
  </si>
  <si>
    <t>04/16/14 15:06:09.5</t>
  </si>
  <si>
    <t>04/16/14 15:08:02.5</t>
  </si>
  <si>
    <t>04/16/14 15:09:15.0</t>
  </si>
  <si>
    <t>04/16/14 15:11:04.5</t>
  </si>
  <si>
    <t>04/16/14 15:11:19.5</t>
  </si>
  <si>
    <t>04/16/14 15:12:57.0</t>
  </si>
  <si>
    <t>04/16/14 15:13:08.0</t>
  </si>
  <si>
    <t>04/16/14 15:15:25.5</t>
  </si>
  <si>
    <t>04/16/14 15:15:32.0</t>
  </si>
  <si>
    <t>04/16/14 15:17:58.5</t>
  </si>
  <si>
    <t>04/16/14 15:18:06.0</t>
  </si>
  <si>
    <t>04/16/14 15:20:18.5</t>
  </si>
  <si>
    <t>04/16/14 15:20:27.5</t>
  </si>
  <si>
    <t>04/16/14 15:22:08.5</t>
  </si>
  <si>
    <t>04/16/14 15:22:15.5</t>
  </si>
  <si>
    <t>04/16/14 15:24:10.5</t>
  </si>
  <si>
    <t>04/16/14 15:24:51.5</t>
  </si>
  <si>
    <t>04/16/14 15:25:37.0</t>
  </si>
  <si>
    <t>04/16/14 15:25:53.5</t>
  </si>
  <si>
    <t>04/16/14 15:27:50.0</t>
  </si>
  <si>
    <t>04/16/14 15:28:17.5</t>
  </si>
  <si>
    <t>04/16/14 15:35:49.5</t>
  </si>
  <si>
    <t>04/16/14 15:36:00.0</t>
  </si>
  <si>
    <t>04/16/14 15:39:33.5</t>
  </si>
  <si>
    <t>04/16/14 15:39:39.5</t>
  </si>
  <si>
    <t>04/16/14 15:42:41.5</t>
  </si>
  <si>
    <t>04/16/14 15:42:46.0</t>
  </si>
  <si>
    <t>04/16/14 15:44:25.5</t>
  </si>
  <si>
    <t>04/16/14 15:44:34.0</t>
  </si>
  <si>
    <t>04/16/14 15:47:51.5</t>
  </si>
  <si>
    <t>04/16/14 15:48:07.0</t>
  </si>
  <si>
    <t>04/16/14 15:53:26.0</t>
  </si>
  <si>
    <t>04/16/14 15:53:39.0</t>
  </si>
  <si>
    <t>04/16/14 15:57:19.5</t>
  </si>
  <si>
    <t>04/16/14 15:58:14.0</t>
  </si>
  <si>
    <t>04/16/14 16:07:47.0</t>
  </si>
  <si>
    <t>04/16/14 16:08:06.5</t>
  </si>
  <si>
    <t>04/16/14 16:11:37.5</t>
  </si>
  <si>
    <t>04/16/14 16:13:15.5</t>
  </si>
  <si>
    <t>04/16/14 16:15:49.5</t>
  </si>
  <si>
    <t>04/16/14 16:16:08.5</t>
  </si>
  <si>
    <t>04/16/14 16:19:56.5</t>
  </si>
  <si>
    <t>04/16/14 16:20:14.0</t>
  </si>
  <si>
    <t>04/16/14 16:27:11.0</t>
  </si>
  <si>
    <t>04/16/14 16:28:01.0</t>
  </si>
  <si>
    <t>04/16/14 16:31:53.5</t>
  </si>
  <si>
    <t>04/16/14 16:32:04.5</t>
  </si>
  <si>
    <t>04/16/14 16:33:23.5</t>
  </si>
  <si>
    <t>04/16/14 16:33:29.5</t>
  </si>
  <si>
    <t>04/16/14 16:35:24.5</t>
  </si>
  <si>
    <t>04/16/14 16:35:49.0</t>
  </si>
  <si>
    <t>04/16/14 16:38:10.5</t>
  </si>
  <si>
    <t>04/16/14 16:38:25.5</t>
  </si>
  <si>
    <t>04/16/14 16:40:11.0</t>
  </si>
  <si>
    <t>04/16/14 16:40:23.0</t>
  </si>
  <si>
    <t>04/16/14 16:41:51.0</t>
  </si>
  <si>
    <t>04/16/14 16:41:59.5</t>
  </si>
  <si>
    <t>04/16/14 16:46:00.5</t>
  </si>
  <si>
    <t>04/16/14 16:46:13.5</t>
  </si>
  <si>
    <t>04/16/14 16:58:55.0</t>
  </si>
  <si>
    <t>04/16/14 16:59:08.0</t>
  </si>
  <si>
    <t>04/16/14 17:05:20.5</t>
  </si>
  <si>
    <t>04/16/14 17:09:07.5</t>
  </si>
  <si>
    <t>04/16/14 17:16:51.0</t>
  </si>
  <si>
    <t>04/16/14 17:17:33.0</t>
  </si>
  <si>
    <t>04/16/14 17:22:18.0</t>
  </si>
  <si>
    <t>04/16/14 17:22:27.5</t>
  </si>
  <si>
    <t>04/16/14 17:34:17.5</t>
  </si>
  <si>
    <t>04/16/14 17:34:45.0</t>
  </si>
  <si>
    <t>04/16/14 17:41:20.5</t>
  </si>
  <si>
    <t>04/16/14 17:41:28.5</t>
  </si>
  <si>
    <t>04/16/14 17:42:38.0</t>
  </si>
  <si>
    <t>04/16/14 17:43:39.5</t>
  </si>
  <si>
    <t>04/16/14 17:46:20.5</t>
  </si>
  <si>
    <t>04/16/14 17:46:32.5</t>
  </si>
  <si>
    <t>04/16/14 17:49:02.0</t>
  </si>
  <si>
    <t>04/16/14 17:49:07.5</t>
  </si>
  <si>
    <t>04/16/14 17:49:56.0</t>
  </si>
  <si>
    <t>04/16/14 17:50:12.5</t>
  </si>
  <si>
    <t>04/16/14 17:53:12.0</t>
  </si>
  <si>
    <t>04/16/14 17:53:19.0</t>
  </si>
  <si>
    <t>04/16/14 17:55:31.0</t>
  </si>
  <si>
    <t>04/16/14 17:55:47.5</t>
  </si>
  <si>
    <t>04/16/14 18:04:58.5</t>
  </si>
  <si>
    <t>04/16/14 18:05:36.5</t>
  </si>
  <si>
    <t>04/16/14 18:09:55.0</t>
  </si>
  <si>
    <t>04/16/14 18:10:22.0</t>
  </si>
  <si>
    <t>04/16/14 18:12:14.5</t>
  </si>
  <si>
    <t>04/16/14 18:12:20.5</t>
  </si>
  <si>
    <t>04/16/14 18:14:47.5</t>
  </si>
  <si>
    <t>04/16/14 18:15:02.0</t>
  </si>
  <si>
    <t>04/16/14 18:19:39.0</t>
  </si>
  <si>
    <t>04/16/14 18:19:48.5</t>
  </si>
  <si>
    <t>04/16/14 18:22:58.0</t>
  </si>
  <si>
    <t>04/16/14 18:23:16.5</t>
  </si>
  <si>
    <t>04/16/14 18:29:06.0</t>
  </si>
  <si>
    <t>04/16/14 18:29:14.5</t>
  </si>
  <si>
    <t>04/16/14 18:31:56.0</t>
  </si>
  <si>
    <t>04/16/14 18:32:37.5</t>
  </si>
  <si>
    <t>04/16/14 18:36:29.0</t>
  </si>
  <si>
    <t>04/16/14 18:36:37.0</t>
  </si>
  <si>
    <t>04/16/14 18:40:28.0</t>
  </si>
  <si>
    <t>04/16/14 18:40:39.0</t>
  </si>
  <si>
    <t>04/16/14 18:43:17.0</t>
  </si>
  <si>
    <t>04/16/14 18:43:26.0</t>
  </si>
  <si>
    <t>04/16/14 18:45:45.5</t>
  </si>
  <si>
    <t>04/16/14 18:45:58.0</t>
  </si>
  <si>
    <t>04/16/14 18:53:24.5</t>
  </si>
  <si>
    <t>04/16/14 18:53:35.5</t>
  </si>
  <si>
    <t>04/16/14 19:03:06.5</t>
  </si>
  <si>
    <t>04/16/14 19:03:20.5</t>
  </si>
  <si>
    <t>04/16/14 19:11:45.0</t>
  </si>
  <si>
    <t>04/16/14 19:12:46.5</t>
  </si>
  <si>
    <t>04/16/14 19:51:35.0</t>
  </si>
  <si>
    <t>04/16/14 19:51:45.5</t>
  </si>
  <si>
    <t>04/16/14 21:00:38.0</t>
  </si>
  <si>
    <t>04/16/14 21:00:59.0</t>
  </si>
  <si>
    <t>04/16/14 21:20:13.5</t>
  </si>
  <si>
    <t>04/16/14 21:20:23.0</t>
  </si>
  <si>
    <t>04/16/14 21:49:05.0</t>
  </si>
  <si>
    <t>04/16/14 22:29:53.5</t>
  </si>
  <si>
    <t>04/16/14 23:10:05.0</t>
  </si>
  <si>
    <t>04/16/14 23:10:20.5</t>
  </si>
  <si>
    <t>04/16/14 23:33:26.0</t>
  </si>
  <si>
    <t>04/16/14 23:33:32.0</t>
  </si>
  <si>
    <t>04/17/14 05:30:02.5</t>
  </si>
  <si>
    <t>04/17/14 06:01:33.0</t>
  </si>
  <si>
    <t>04/17/14 08:54:54.5</t>
  </si>
  <si>
    <t>04/17/14 09:01:45.5</t>
  </si>
  <si>
    <t>04/17/14 09:09:29.0</t>
  </si>
  <si>
    <t>04/17/14 09:11:12.5</t>
  </si>
  <si>
    <t>04/17/14 09:15:10.5</t>
  </si>
  <si>
    <t>04/17/14 09:15:17.0</t>
  </si>
  <si>
    <t>04/17/14 09:16:46.5</t>
  </si>
  <si>
    <t>04/17/14 09:16:55.5</t>
  </si>
  <si>
    <t>04/17/14 09:19:24.0</t>
  </si>
  <si>
    <t>04/17/14 09:19:48.5</t>
  </si>
  <si>
    <t>04/17/14 09:23:10.0</t>
  </si>
  <si>
    <t>04/17/14 09:24:02.5</t>
  </si>
  <si>
    <t>04/17/14 09:34:52.5</t>
  </si>
  <si>
    <t>04/17/14 09:36:16.0</t>
  </si>
  <si>
    <t>04/17/14 09:40:28.0</t>
  </si>
  <si>
    <t>04/17/14 09:40:53.0</t>
  </si>
  <si>
    <t>04/17/14 09:45:13.0</t>
  </si>
  <si>
    <t>04/17/14 09:45:22.0</t>
  </si>
  <si>
    <t>04/17/14 09:48:21.0</t>
  </si>
  <si>
    <t>04/17/14 09:48:53.0</t>
  </si>
  <si>
    <t>04/17/14 09:51:02.5</t>
  </si>
  <si>
    <t>04/17/14 09:51:13.5</t>
  </si>
  <si>
    <t>04/17/14 09:53:31.0</t>
  </si>
  <si>
    <t>04/17/14 09:53:37.0</t>
  </si>
  <si>
    <t>04/17/14 09:57:30.0</t>
  </si>
  <si>
    <t>04/17/14 09:57:45.5</t>
  </si>
  <si>
    <t>04/17/14 10:00:06.0</t>
  </si>
  <si>
    <t>04/17/14 10:00:32.0</t>
  </si>
  <si>
    <t>04/17/14 10:04:10.5</t>
  </si>
  <si>
    <t>04/17/14 10:04:21.0</t>
  </si>
  <si>
    <t>04/17/14 10:08:35.0</t>
  </si>
  <si>
    <t>04/17/14 10:08:46.5</t>
  </si>
  <si>
    <t>04/17/14 10:10:57.5</t>
  </si>
  <si>
    <t>04/17/14 10:11:20.5</t>
  </si>
  <si>
    <t>04/17/14 10:14:42.5</t>
  </si>
  <si>
    <t>04/17/14 10:17:10.0</t>
  </si>
  <si>
    <t>04/17/14 10:21:53.0</t>
  </si>
  <si>
    <t>04/17/14 10:22:03.0</t>
  </si>
  <si>
    <t>04/17/14 10:34:59.5</t>
  </si>
  <si>
    <t>04/17/14 10:35:57.0</t>
  </si>
  <si>
    <t>04/17/14 10:40:23.5</t>
  </si>
  <si>
    <t>04/17/14 10:40:32.5</t>
  </si>
  <si>
    <t>04/17/14 10:43:16.5</t>
  </si>
  <si>
    <t>04/17/14 10:43:27.0</t>
  </si>
  <si>
    <t>04/17/14 10:47:19.0</t>
  </si>
  <si>
    <t>04/17/14 10:48:15.0</t>
  </si>
  <si>
    <t>04/17/14 10:52:36.0</t>
  </si>
  <si>
    <t>04/17/14 10:52:45.0</t>
  </si>
  <si>
    <t>04/17/14 10:55:22.5</t>
  </si>
  <si>
    <t>04/17/14 10:55:45.0</t>
  </si>
  <si>
    <t>04/17/14 10:59:47.0</t>
  </si>
  <si>
    <t>04/17/14 10:59:57.5</t>
  </si>
  <si>
    <t>04/17/14 11:01:25.5</t>
  </si>
  <si>
    <t>04/17/14 11:01:35.5</t>
  </si>
  <si>
    <t>04/17/14 11:04:35.5</t>
  </si>
  <si>
    <t>04/17/14 11:04:59.0</t>
  </si>
  <si>
    <t>04/17/14 11:06:30.5</t>
  </si>
  <si>
    <t>04/17/14 11:06:40.5</t>
  </si>
  <si>
    <t>04/17/14 11:08:54.5</t>
  </si>
  <si>
    <t>04/17/14 11:09:02.5</t>
  </si>
  <si>
    <t>04/17/14 11:10:16.5</t>
  </si>
  <si>
    <t>04/17/14 11:10:24.0</t>
  </si>
  <si>
    <t>04/17/14 11:12:05.5</t>
  </si>
  <si>
    <t>04/17/14 11:12:12.5</t>
  </si>
  <si>
    <t>04/17/14 11:14:03.5</t>
  </si>
  <si>
    <t>04/17/14 11:14:18.0</t>
  </si>
  <si>
    <t>04/17/14 11:16:14.5</t>
  </si>
  <si>
    <t>04/17/14 11:16:32.5</t>
  </si>
  <si>
    <t>04/17/14 11:19:44.5</t>
  </si>
  <si>
    <t>04/17/14 11:20:14.5</t>
  </si>
  <si>
    <t>04/17/14 11:21:24.5</t>
  </si>
  <si>
    <t>04/17/14 11:21:36.5</t>
  </si>
  <si>
    <t>04/17/14 11:23:16.0</t>
  </si>
  <si>
    <t>04/17/14 11:23:29.5</t>
  </si>
  <si>
    <t>04/17/14 11:25:34.5</t>
  </si>
  <si>
    <t>04/17/14 11:25:43.0</t>
  </si>
  <si>
    <t>04/17/14 11:26:37.5</t>
  </si>
  <si>
    <t>04/17/14 11:26:52.0</t>
  </si>
  <si>
    <t>04/17/14 11:28:31.5</t>
  </si>
  <si>
    <t>04/17/14 11:28:43.0</t>
  </si>
  <si>
    <t>04/17/14 11:31:27.5</t>
  </si>
  <si>
    <t>04/17/14 11:31:35.5</t>
  </si>
  <si>
    <t>04/17/14 11:33:42.5</t>
  </si>
  <si>
    <t>04/17/14 11:34:03.5</t>
  </si>
  <si>
    <t>04/17/14 11:36:36.0</t>
  </si>
  <si>
    <t>04/17/14 11:36:51.5</t>
  </si>
  <si>
    <t>04/17/14 11:38:35.0</t>
  </si>
  <si>
    <t>04/17/14 11:38:49.0</t>
  </si>
  <si>
    <t>04/17/14 11:40:38.0</t>
  </si>
  <si>
    <t>04/17/14 11:40:54.5</t>
  </si>
  <si>
    <t>04/17/14 11:43:24.0</t>
  </si>
  <si>
    <t>04/17/14 11:43:41.0</t>
  </si>
  <si>
    <t>04/17/14 11:44:54.0</t>
  </si>
  <si>
    <t>04/17/14 11:45:03.5</t>
  </si>
  <si>
    <t>04/17/14 11:47:09.5</t>
  </si>
  <si>
    <t>04/17/14 11:47:46.0</t>
  </si>
  <si>
    <t>04/17/14 11:51:40.0</t>
  </si>
  <si>
    <t>04/17/14 11:51:54.5</t>
  </si>
  <si>
    <t>04/17/14 11:54:04.5</t>
  </si>
  <si>
    <t>04/17/14 11:54:25.0</t>
  </si>
  <si>
    <t>04/17/14 11:56:26.5</t>
  </si>
  <si>
    <t>04/17/14 11:56:36.5</t>
  </si>
  <si>
    <t>04/17/14 11:58:51.5</t>
  </si>
  <si>
    <t>04/17/14 11:59:13.5</t>
  </si>
  <si>
    <t>04/17/14 12:02:40.0</t>
  </si>
  <si>
    <t>04/17/14 12:02:48.5</t>
  </si>
  <si>
    <t>04/17/14 12:04:55.0</t>
  </si>
  <si>
    <t>04/17/14 12:05:09.0</t>
  </si>
  <si>
    <t>04/17/14 12:06:55.5</t>
  </si>
  <si>
    <t>04/17/14 12:07:03.0</t>
  </si>
  <si>
    <t>04/17/14 12:09:40.0</t>
  </si>
  <si>
    <t>04/17/14 12:10:03.5</t>
  </si>
  <si>
    <t>04/17/14 12:16:37.0</t>
  </si>
  <si>
    <t>04/17/14 12:16:59.0</t>
  </si>
  <si>
    <t>04/17/14 12:20:40.0</t>
  </si>
  <si>
    <t>04/17/14 12:20:51.0</t>
  </si>
  <si>
    <t>04/17/14 12:24:14.5</t>
  </si>
  <si>
    <t>04/17/14 12:25:19.5</t>
  </si>
  <si>
    <t>04/17/14 12:30:27.0</t>
  </si>
  <si>
    <t>04/17/14 12:30:44.0</t>
  </si>
  <si>
    <t>04/17/14 12:34:53.5</t>
  </si>
  <si>
    <t>04/17/14 12:37:48.0</t>
  </si>
  <si>
    <t>04/17/14 12:45:51.5</t>
  </si>
  <si>
    <t>04/17/14 12:46:05.0</t>
  </si>
  <si>
    <t>04/17/14 12:50:12.5</t>
  </si>
  <si>
    <t>04/17/14 12:50:24.5</t>
  </si>
  <si>
    <t>04/17/14 12:52:37.5</t>
  </si>
  <si>
    <t>04/17/14 12:53:01.0</t>
  </si>
  <si>
    <t>04/17/14 12:54:35.0</t>
  </si>
  <si>
    <t>04/17/14 12:54:50.5</t>
  </si>
  <si>
    <t>04/17/14 12:57:22.5</t>
  </si>
  <si>
    <t>04/17/14 12:57:39.0</t>
  </si>
  <si>
    <t>04/17/14 13:00:40.0</t>
  </si>
  <si>
    <t>04/17/14 13:00:50.5</t>
  </si>
  <si>
    <t>04/17/14 13:05:42.0</t>
  </si>
  <si>
    <t>04/17/14 13:06:02.0</t>
  </si>
  <si>
    <t>04/17/14 13:08:32.0</t>
  </si>
  <si>
    <t>04/17/14 13:08:48.5</t>
  </si>
  <si>
    <t>04/17/14 13:15:22.0</t>
  </si>
  <si>
    <t>04/17/14 13:15:33.5</t>
  </si>
  <si>
    <t>04/17/14 13:24:16.0</t>
  </si>
  <si>
    <t>04/17/14 13:24:36.5</t>
  </si>
  <si>
    <t>04/17/14 13:26:51.0</t>
  </si>
  <si>
    <t>04/17/14 13:27:10.0</t>
  </si>
  <si>
    <t>04/17/14 13:33:32.0</t>
  </si>
  <si>
    <t>04/17/14 13:34:10.5</t>
  </si>
  <si>
    <t>04/17/14 13:48:34.5</t>
  </si>
  <si>
    <t>04/17/14 13:49:16.5</t>
  </si>
  <si>
    <t>04/17/14 13:57:09.0</t>
  </si>
  <si>
    <t>04/17/14 13:57:25.0</t>
  </si>
  <si>
    <t>04/17/14 14:02:32.5</t>
  </si>
  <si>
    <t>04/17/14 14:02:45.5</t>
  </si>
  <si>
    <t>04/17/14 14:06:02.0</t>
  </si>
  <si>
    <t>04/17/14 14:06:20.5</t>
  </si>
  <si>
    <t>04/17/14 14:18:55.0</t>
  </si>
  <si>
    <t>04/17/14 14:21:21.5</t>
  </si>
  <si>
    <t>04/17/14 14:32:19.0</t>
  </si>
  <si>
    <t>04/17/14 14:32:32.5</t>
  </si>
  <si>
    <t>04/17/14 14:39:32.5</t>
  </si>
  <si>
    <t>04/17/14 14:39:51.0</t>
  </si>
  <si>
    <t>04/17/14 14:43:27.0</t>
  </si>
  <si>
    <t>04/17/14 14:43:32.5</t>
  </si>
  <si>
    <t>04/17/14 14:55:55.5</t>
  </si>
  <si>
    <t>04/17/14 14:56:13.0</t>
  </si>
  <si>
    <t>04/17/14 15:00:28.5</t>
  </si>
  <si>
    <t>04/17/14 15:00:42.5</t>
  </si>
  <si>
    <t>04/17/14 15:09:06.5</t>
  </si>
  <si>
    <t>04/17/14 15:10:33.5</t>
  </si>
  <si>
    <t>04/17/14 15:18:24.0</t>
  </si>
  <si>
    <t>04/17/14 15:19:24.5</t>
  </si>
  <si>
    <t>04/17/14 15:33:12.5</t>
  </si>
  <si>
    <t>04/17/14 15:35:13.0</t>
  </si>
  <si>
    <t>04/17/14 15:44:43.0</t>
  </si>
  <si>
    <t>04/17/14 15:44:50.0</t>
  </si>
  <si>
    <t>04/17/14 15:47:27.0</t>
  </si>
  <si>
    <t>04/17/14 15:47:32.5</t>
  </si>
  <si>
    <t>04/17/14 15:49:00.5</t>
  </si>
  <si>
    <t>04/17/14 15:49:07.5</t>
  </si>
  <si>
    <t>04/17/14 15:57:02.5</t>
  </si>
  <si>
    <t>04/17/14 15:58:53.0</t>
  </si>
  <si>
    <t>04/17/14 16:11:03.0</t>
  </si>
  <si>
    <t>04/17/14 16:11:20.0</t>
  </si>
  <si>
    <t>04/17/14 16:16:13.0</t>
  </si>
  <si>
    <t>04/17/14 16:16:28.5</t>
  </si>
  <si>
    <t>04/17/14 16:19:05.0</t>
  </si>
  <si>
    <t>04/17/14 16:19:15.5</t>
  </si>
  <si>
    <t>04/17/14 16:21:35.5</t>
  </si>
  <si>
    <t>04/17/14 16:21:55.5</t>
  </si>
  <si>
    <t>04/17/14 16:27:50.5</t>
  </si>
  <si>
    <t>04/17/14 16:28:15.5</t>
  </si>
  <si>
    <t>04/17/14 16:36:57.0</t>
  </si>
  <si>
    <t>04/17/14 16:37:20.5</t>
  </si>
  <si>
    <t>04/17/14 16:41:05.5</t>
  </si>
  <si>
    <t>04/17/14 16:41:27.0</t>
  </si>
  <si>
    <t>04/17/14 16:47:28.5</t>
  </si>
  <si>
    <t>04/17/14 16:47:37.5</t>
  </si>
  <si>
    <t>04/17/14 16:51:01.5</t>
  </si>
  <si>
    <t>04/17/14 16:51:17.5</t>
  </si>
  <si>
    <t>04/17/14 16:55:00.5</t>
  </si>
  <si>
    <t>04/17/14 16:55:44.0</t>
  </si>
  <si>
    <t>04/17/14 17:00:20.5</t>
  </si>
  <si>
    <t>04/17/14 17:00:29.5</t>
  </si>
  <si>
    <t>04/17/14 17:02:59.0</t>
  </si>
  <si>
    <t>04/17/14 17:03:04.0</t>
  </si>
  <si>
    <t>04/17/14 17:04:42.5</t>
  </si>
  <si>
    <t>04/17/14 17:04:55.0</t>
  </si>
  <si>
    <t>04/17/14 17:08:48.5</t>
  </si>
  <si>
    <t>04/17/14 17:09:03.0</t>
  </si>
  <si>
    <t>04/17/14 17:10:55.5</t>
  </si>
  <si>
    <t>04/17/14 17:11:10.5</t>
  </si>
  <si>
    <t>04/17/14 17:14:17.0</t>
  </si>
  <si>
    <t>04/17/14 17:14:31.5</t>
  </si>
  <si>
    <t>04/17/14 17:17:15.0</t>
  </si>
  <si>
    <t>04/17/14 17:17:28.5</t>
  </si>
  <si>
    <t>04/17/14 17:20:34.0</t>
  </si>
  <si>
    <t>04/17/14 17:21:11.5</t>
  </si>
  <si>
    <t>04/17/14 17:25:15.0</t>
  </si>
  <si>
    <t>04/17/14 17:25:33.5</t>
  </si>
  <si>
    <t>04/17/14 17:27:45.0</t>
  </si>
  <si>
    <t>04/17/14 17:28:06.5</t>
  </si>
  <si>
    <t>04/17/14 17:31:18.0</t>
  </si>
  <si>
    <t>04/17/14 17:32:46.5</t>
  </si>
  <si>
    <t>04/17/14 17:35:59.0</t>
  </si>
  <si>
    <t>04/17/14 17:36:33.0</t>
  </si>
  <si>
    <t>04/17/14 17:41:23.5</t>
  </si>
  <si>
    <t>04/17/14 17:42:24.5</t>
  </si>
  <si>
    <t>04/17/14 17:51:24.5</t>
  </si>
  <si>
    <t>04/17/14 17:51:34.0</t>
  </si>
  <si>
    <t>04/17/14 17:55:01.0</t>
  </si>
  <si>
    <t>04/17/14 17:55:19.5</t>
  </si>
  <si>
    <t>04/17/14 17:58:47.0</t>
  </si>
  <si>
    <t>04/17/14 17:58:59.5</t>
  </si>
  <si>
    <t>04/17/14 18:04:42.0</t>
  </si>
  <si>
    <t>04/17/14 18:06:05.5</t>
  </si>
  <si>
    <t>04/17/14 18:08:52.0</t>
  </si>
  <si>
    <t>04/17/14 18:09:03.5</t>
  </si>
  <si>
    <t>04/17/14 18:11:13.5</t>
  </si>
  <si>
    <t>04/17/14 18:11:20.5</t>
  </si>
  <si>
    <t>04/17/14 18:13:43.5</t>
  </si>
  <si>
    <t>04/17/14 18:14:35.0</t>
  </si>
  <si>
    <t>04/17/14 18:18:47.0</t>
  </si>
  <si>
    <t>04/17/14 18:19:01.5</t>
  </si>
  <si>
    <t>04/17/14 18:23:16.5</t>
  </si>
  <si>
    <t>04/17/14 18:23:21.0</t>
  </si>
  <si>
    <t>04/17/14 18:28:58.5</t>
  </si>
  <si>
    <t>04/17/14 18:29:12.5</t>
  </si>
  <si>
    <t>04/17/14 18:35:40.0</t>
  </si>
  <si>
    <t>04/17/14 18:35:52.5</t>
  </si>
  <si>
    <t>04/17/14 18:40:07.0</t>
  </si>
  <si>
    <t>04/17/14 18:41:45.5</t>
  </si>
  <si>
    <t>04/17/14 18:46:47.5</t>
  </si>
  <si>
    <t>04/17/14 18:48:00.5</t>
  </si>
  <si>
    <t>04/17/14 18:54:09.0</t>
  </si>
  <si>
    <t>04/17/14 18:54:15.5</t>
  </si>
  <si>
    <t>04/17/14 18:59:06.5</t>
  </si>
  <si>
    <t>04/17/14 18:59:32.5</t>
  </si>
  <si>
    <t>04/17/14 19:01:10.0</t>
  </si>
  <si>
    <t>04/17/14 19:01:21.5</t>
  </si>
  <si>
    <t>04/17/14 19:04:32.5</t>
  </si>
  <si>
    <t>04/17/14 19:05:21.0</t>
  </si>
  <si>
    <t>04/17/14 19:07:14.5</t>
  </si>
  <si>
    <t>04/17/14 19:07:42.5</t>
  </si>
  <si>
    <t>04/17/14 19:09:43.5</t>
  </si>
  <si>
    <t>04/17/14 19:09:55.0</t>
  </si>
  <si>
    <t>04/17/14 19:13:11.5</t>
  </si>
  <si>
    <t>04/17/14 19:13:25.0</t>
  </si>
  <si>
    <t>04/17/14 19:15:30.0</t>
  </si>
  <si>
    <t>04/17/14 19:15:50.5</t>
  </si>
  <si>
    <t>04/17/14 19:21:43.5</t>
  </si>
  <si>
    <t>04/17/14 19:21:52.0</t>
  </si>
  <si>
    <t>04/17/14 19:24:23.0</t>
  </si>
  <si>
    <t>04/17/14 19:24:34.5</t>
  </si>
  <si>
    <t>04/17/14 19:26:44.0</t>
  </si>
  <si>
    <t>04/17/14 19:27:02.0</t>
  </si>
  <si>
    <t>04/17/14 19:29:30.5</t>
  </si>
  <si>
    <t>04/17/14 19:29:37.0</t>
  </si>
  <si>
    <t>04/17/14 19:34:39.0</t>
  </si>
  <si>
    <t>04/17/14 19:34:54.0</t>
  </si>
  <si>
    <t>04/17/14 19:38:00.0</t>
  </si>
  <si>
    <t>04/17/14 19:38:09.5</t>
  </si>
  <si>
    <t>04/17/14 19:40:34.0</t>
  </si>
  <si>
    <t>04/17/14 19:40:52.5</t>
  </si>
  <si>
    <t>04/17/14 19:45:39.0</t>
  </si>
  <si>
    <t>04/17/14 19:45:53.5</t>
  </si>
  <si>
    <t>04/17/14 19:51:30.5</t>
  </si>
  <si>
    <t>04/17/14 19:52:39.0</t>
  </si>
  <si>
    <t>04/17/14 20:05:23.5</t>
  </si>
  <si>
    <t>04/17/14 20:06:03.5</t>
  </si>
  <si>
    <t>04/17/14 20:12:56.0</t>
  </si>
  <si>
    <t>04/17/14 20:15:53.0</t>
  </si>
  <si>
    <t>04/17/14 20:20:23.0</t>
  </si>
  <si>
    <t>04/17/14 20:21:07.0</t>
  </si>
  <si>
    <t>04/17/14 20:36:57.0</t>
  </si>
  <si>
    <t>04/17/14 20:37:43.5</t>
  </si>
  <si>
    <t>04/17/14 21:52:34.5</t>
  </si>
  <si>
    <t>04/17/14 22:11:54.0</t>
  </si>
  <si>
    <t>04/18/14 08:42:09.5</t>
  </si>
  <si>
    <t>04/18/14 08:42:31.0</t>
  </si>
  <si>
    <t>04/18/14 09:08:05.5</t>
  </si>
  <si>
    <t>04/18/14 09:09:16.5</t>
  </si>
  <si>
    <t>04/18/14 09:16:50.0</t>
  </si>
  <si>
    <t>04/18/14 09:17:05.0</t>
  </si>
  <si>
    <t>04/18/14 09:27:22.5</t>
  </si>
  <si>
    <t>04/18/14 09:28:29.0</t>
  </si>
  <si>
    <t>04/18/14 09:35:56.5</t>
  </si>
  <si>
    <t>04/18/14 09:37:08.5</t>
  </si>
  <si>
    <t>04/18/14 09:45:01.5</t>
  </si>
  <si>
    <t>04/18/14 09:45:14.0</t>
  </si>
  <si>
    <t>04/18/14 09:55:34.5</t>
  </si>
  <si>
    <t>04/18/14 09:55:45.5</t>
  </si>
  <si>
    <t>04/18/14 10:01:03.5</t>
  </si>
  <si>
    <t>04/18/14 10:01:23.5</t>
  </si>
  <si>
    <t>04/18/14 10:07:12.0</t>
  </si>
  <si>
    <t>04/18/14 10:08:13.0</t>
  </si>
  <si>
    <t>04/18/14 10:15:16.5</t>
  </si>
  <si>
    <t>04/18/14 10:15:29.5</t>
  </si>
  <si>
    <t>04/18/14 10:21:25.5</t>
  </si>
  <si>
    <t>04/18/14 10:21:50.0</t>
  </si>
  <si>
    <t>04/18/14 10:27:56.5</t>
  </si>
  <si>
    <t>04/18/14 10:28:27.0</t>
  </si>
  <si>
    <t>04/18/14 10:31:24.5</t>
  </si>
  <si>
    <t>04/18/14 10:31:36.5</t>
  </si>
  <si>
    <t>04/18/14 10:34:50.0</t>
  </si>
  <si>
    <t>04/18/14 10:35:02.0</t>
  </si>
  <si>
    <t>04/18/14 10:36:32.5</t>
  </si>
  <si>
    <t>04/18/14 10:36:45.5</t>
  </si>
  <si>
    <t>04/18/14 10:41:22.0</t>
  </si>
  <si>
    <t>04/18/14 10:41:34.5</t>
  </si>
  <si>
    <t>04/18/14 10:45:09.5</t>
  </si>
  <si>
    <t>04/18/14 10:45:32.0</t>
  </si>
  <si>
    <t>04/18/14 10:57:30.0</t>
  </si>
  <si>
    <t>04/18/14 10:57:38.5</t>
  </si>
  <si>
    <t>04/18/14 11:00:02.0</t>
  </si>
  <si>
    <t>04/18/14 11:02:02.5</t>
  </si>
  <si>
    <t>04/18/14 11:03:10.0</t>
  </si>
  <si>
    <t>04/18/14 11:03:17.0</t>
  </si>
  <si>
    <t>04/18/14 11:04:25.0</t>
  </si>
  <si>
    <t>04/18/14 11:04:32.0</t>
  </si>
  <si>
    <t>04/18/14 11:05:35.0</t>
  </si>
  <si>
    <t>04/18/14 11:05:40.5</t>
  </si>
  <si>
    <t>04/18/14 11:06:47.5</t>
  </si>
  <si>
    <t>04/18/14 11:07:19.0</t>
  </si>
  <si>
    <t>04/18/14 11:08:49.0</t>
  </si>
  <si>
    <t>04/18/14 11:08:59.0</t>
  </si>
  <si>
    <t>04/18/14 11:10:43.5</t>
  </si>
  <si>
    <t>04/18/14 11:10:56.5</t>
  </si>
  <si>
    <t>04/18/14 11:12:56.5</t>
  </si>
  <si>
    <t>04/18/14 11:13:08.0</t>
  </si>
  <si>
    <t>04/18/14 11:18:39.5</t>
  </si>
  <si>
    <t>04/18/14 11:18:51.5</t>
  </si>
  <si>
    <t>04/18/14 11:20:51.0</t>
  </si>
  <si>
    <t>04/18/14 11:21:04.0</t>
  </si>
  <si>
    <t>04/18/14 11:25:08.5</t>
  </si>
  <si>
    <t>04/18/14 11:25:21.0</t>
  </si>
  <si>
    <t>04/18/14 11:28:24.0</t>
  </si>
  <si>
    <t>04/18/14 11:29:26.0</t>
  </si>
  <si>
    <t>04/18/14 11:31:17.0</t>
  </si>
  <si>
    <t>04/18/14 11:33:25.0</t>
  </si>
  <si>
    <t>04/18/14 11:37:44.0</t>
  </si>
  <si>
    <t>04/18/14 11:38:00.0</t>
  </si>
  <si>
    <t>04/18/14 11:41:42.0</t>
  </si>
  <si>
    <t>04/18/14 11:42:02.0</t>
  </si>
  <si>
    <t>04/18/14 11:47:55.5</t>
  </si>
  <si>
    <t>04/18/14 11:48:28.0</t>
  </si>
  <si>
    <t>04/18/14 11:55:30.0</t>
  </si>
  <si>
    <t>04/18/14 11:56:44.5</t>
  </si>
  <si>
    <t>04/18/14 11:59:15.5</t>
  </si>
  <si>
    <t>04/18/14 11:59:27.0</t>
  </si>
  <si>
    <t>04/18/14 12:03:14.0</t>
  </si>
  <si>
    <t>04/18/14 12:04:00.5</t>
  </si>
  <si>
    <t>04/18/14 12:08:36.0</t>
  </si>
  <si>
    <t>04/18/14 12:08:54.5</t>
  </si>
  <si>
    <t>04/18/14 12:12:18.0</t>
  </si>
  <si>
    <t>04/18/14 12:12:31.0</t>
  </si>
  <si>
    <t>04/18/14 12:15:59.5</t>
  </si>
  <si>
    <t>04/18/14 12:16:24.5</t>
  </si>
  <si>
    <t>04/18/14 12:20:56.0</t>
  </si>
  <si>
    <t>04/18/14 12:21:22.0</t>
  </si>
  <si>
    <t>04/18/14 12:24:20.5</t>
  </si>
  <si>
    <t>04/18/14 12:24:41.0</t>
  </si>
  <si>
    <t>04/18/14 12:27:36.0</t>
  </si>
  <si>
    <t>04/18/14 12:27:48.0</t>
  </si>
  <si>
    <t>04/18/14 12:30:50.0</t>
  </si>
  <si>
    <t>04/18/14 12:31:20.5</t>
  </si>
  <si>
    <t>04/18/14 12:35:12.0</t>
  </si>
  <si>
    <t>04/18/14 12:35:33.0</t>
  </si>
  <si>
    <t>04/18/14 12:37:45.0</t>
  </si>
  <si>
    <t>04/18/14 12:38:01.0</t>
  </si>
  <si>
    <t>04/18/14 12:40:35.0</t>
  </si>
  <si>
    <t>04/18/14 12:40:46.0</t>
  </si>
  <si>
    <t>04/18/14 12:44:44.5</t>
  </si>
  <si>
    <t>04/18/14 12:44:52.5</t>
  </si>
  <si>
    <t>04/18/14 12:49:37.5</t>
  </si>
  <si>
    <t>04/18/14 12:49:54.0</t>
  </si>
  <si>
    <t>04/18/14 12:54:10.5</t>
  </si>
  <si>
    <t>04/18/14 12:54:25.5</t>
  </si>
  <si>
    <t>04/18/14 12:59:27.0</t>
  </si>
  <si>
    <t>04/18/14 12:59:48.0</t>
  </si>
  <si>
    <t>04/18/14 13:05:50.0</t>
  </si>
  <si>
    <t>04/18/14 13:06:48.0</t>
  </si>
  <si>
    <t>04/18/14 13:08:27.5</t>
  </si>
  <si>
    <t>04/18/14 13:08:35.5</t>
  </si>
  <si>
    <t>04/18/14 13:13:33.0</t>
  </si>
  <si>
    <t>04/18/14 13:14:00.5</t>
  </si>
  <si>
    <t>04/18/14 13:20:00.5</t>
  </si>
  <si>
    <t>04/18/14 13:20:09.5</t>
  </si>
  <si>
    <t>04/18/14 13:22:09.5</t>
  </si>
  <si>
    <t>04/18/14 13:22:17.5</t>
  </si>
  <si>
    <t>04/18/14 13:25:43.5</t>
  </si>
  <si>
    <t>04/18/14 13:26:21.0</t>
  </si>
  <si>
    <t>04/18/14 13:29:06.5</t>
  </si>
  <si>
    <t>04/18/14 13:29:18.0</t>
  </si>
  <si>
    <t>04/18/14 13:30:59.0</t>
  </si>
  <si>
    <t>04/18/14 13:31:07.0</t>
  </si>
  <si>
    <t>04/18/14 13:33:18.5</t>
  </si>
  <si>
    <t>04/18/14 13:33:32.5</t>
  </si>
  <si>
    <t>04/18/14 13:37:29.0</t>
  </si>
  <si>
    <t>04/18/14 13:37:45.5</t>
  </si>
  <si>
    <t>04/18/14 13:43:15.0</t>
  </si>
  <si>
    <t>04/18/14 13:43:34.0</t>
  </si>
  <si>
    <t>04/18/14 13:45:57.5</t>
  </si>
  <si>
    <t>04/18/14 13:46:09.0</t>
  </si>
  <si>
    <t>04/18/14 13:47:59.5</t>
  </si>
  <si>
    <t>04/18/14 13:48:13.5</t>
  </si>
  <si>
    <t>04/18/14 13:50:31.5</t>
  </si>
  <si>
    <t>04/18/14 13:50:45.5</t>
  </si>
  <si>
    <t>04/18/14 13:56:46.0</t>
  </si>
  <si>
    <t>04/18/14 13:56:55.0</t>
  </si>
  <si>
    <t>04/18/14 14:02:03.5</t>
  </si>
  <si>
    <t>04/18/14 14:02:27.0</t>
  </si>
  <si>
    <t>04/18/14 14:06:58.5</t>
  </si>
  <si>
    <t>04/18/14 14:08:27.5</t>
  </si>
  <si>
    <t>04/18/14 14:10:41.5</t>
  </si>
  <si>
    <t>04/18/14 14:10:59.5</t>
  </si>
  <si>
    <t>04/18/14 14:18:37.0</t>
  </si>
  <si>
    <t>04/18/14 14:20:27.5</t>
  </si>
  <si>
    <t>04/18/14 14:23:34.5</t>
  </si>
  <si>
    <t>04/18/14 14:24:25.5</t>
  </si>
  <si>
    <t>04/18/14 14:26:38.0</t>
  </si>
  <si>
    <t>04/18/14 14:26:58.5</t>
  </si>
  <si>
    <t>04/18/14 14:33:29.0</t>
  </si>
  <si>
    <t>04/18/14 14:33:42.0</t>
  </si>
  <si>
    <t>04/18/14 14:35:06.0</t>
  </si>
  <si>
    <t>04/18/14 14:35:20.5</t>
  </si>
  <si>
    <t>04/18/14 14:36:48.0</t>
  </si>
  <si>
    <t>04/18/14 14:37:01.0</t>
  </si>
  <si>
    <t>04/18/14 14:42:10.5</t>
  </si>
  <si>
    <t>04/18/14 14:42:35.0</t>
  </si>
  <si>
    <t>04/18/14 14:45:02.0</t>
  </si>
  <si>
    <t>04/18/14 14:45:09.5</t>
  </si>
  <si>
    <t>04/18/14 14:46:59.0</t>
  </si>
  <si>
    <t>04/18/14 14:47:11.5</t>
  </si>
  <si>
    <t>04/18/14 14:49:03.5</t>
  </si>
  <si>
    <t>04/18/14 14:49:39.0</t>
  </si>
  <si>
    <t>04/18/14 14:51:27.0</t>
  </si>
  <si>
    <t>04/18/14 14:51:39.0</t>
  </si>
  <si>
    <t>04/18/14 14:53:59.5</t>
  </si>
  <si>
    <t>04/18/14 14:54:17.0</t>
  </si>
  <si>
    <t>04/18/14 14:58:03.0</t>
  </si>
  <si>
    <t>04/18/14 14:58:18.0</t>
  </si>
  <si>
    <t>04/18/14 15:00:47.5</t>
  </si>
  <si>
    <t>04/18/14 15:01:11.0</t>
  </si>
  <si>
    <t>04/18/14 15:02:24.0</t>
  </si>
  <si>
    <t>04/18/14 15:02:33.0</t>
  </si>
  <si>
    <t>04/18/14 15:04:30.0</t>
  </si>
  <si>
    <t>04/18/14 15:04:47.5</t>
  </si>
  <si>
    <t>04/18/14 15:07:22.0</t>
  </si>
  <si>
    <t>04/18/14 15:07:33.5</t>
  </si>
  <si>
    <t>04/18/14 15:09:07.0</t>
  </si>
  <si>
    <t>04/18/14 15:09:37.0</t>
  </si>
  <si>
    <t>04/18/14 15:11:44.0</t>
  </si>
  <si>
    <t>04/18/14 15:12:08.5</t>
  </si>
  <si>
    <t>04/18/14 15:14:35.5</t>
  </si>
  <si>
    <t>04/18/14 15:14:42.0</t>
  </si>
  <si>
    <t>04/18/14 15:15:59.0</t>
  </si>
  <si>
    <t>04/18/14 15:16:05.0</t>
  </si>
  <si>
    <t>04/18/14 15:17:04.0</t>
  </si>
  <si>
    <t>04/18/14 15:17:14.5</t>
  </si>
  <si>
    <t>04/18/14 15:18:43.5</t>
  </si>
  <si>
    <t>04/18/14 15:18:48.0</t>
  </si>
  <si>
    <t>04/18/14 15:19:47.5</t>
  </si>
  <si>
    <t>04/18/14 15:19:53.5</t>
  </si>
  <si>
    <t>04/18/14 15:22:17.0</t>
  </si>
  <si>
    <t>04/18/14 15:22:31.5</t>
  </si>
  <si>
    <t>04/18/14 15:23:46.5</t>
  </si>
  <si>
    <t>04/18/14 15:23:53.0</t>
  </si>
  <si>
    <t>04/18/14 15:26:26.5</t>
  </si>
  <si>
    <t>04/18/14 15:27:39.5</t>
  </si>
  <si>
    <t>04/18/14 15:29:20.0</t>
  </si>
  <si>
    <t>04/18/14 15:29:27.0</t>
  </si>
  <si>
    <t>04/18/14 15:33:28.0</t>
  </si>
  <si>
    <t>04/18/14 15:33:38.5</t>
  </si>
  <si>
    <t>04/18/14 15:35:04.5</t>
  </si>
  <si>
    <t>04/18/14 15:35:10.5</t>
  </si>
  <si>
    <t>04/18/14 15:39:11.0</t>
  </si>
  <si>
    <t>04/18/14 15:40:40.5</t>
  </si>
  <si>
    <t>04/18/14 15:43:58.5</t>
  </si>
  <si>
    <t>04/18/14 15:44:53.5</t>
  </si>
  <si>
    <t>04/18/14 15:46:45.5</t>
  </si>
  <si>
    <t>04/18/14 15:46:50.0</t>
  </si>
  <si>
    <t>04/18/14 15:48:51.0</t>
  </si>
  <si>
    <t>04/18/14 15:49:08.0</t>
  </si>
  <si>
    <t>04/18/14 15:53:02.5</t>
  </si>
  <si>
    <t>04/18/14 15:53:13.5</t>
  </si>
  <si>
    <t>04/18/14 15:54:43.0</t>
  </si>
  <si>
    <t>04/18/14 15:54:49.0</t>
  </si>
  <si>
    <t>04/18/14 15:57:37.5</t>
  </si>
  <si>
    <t>04/18/14 15:58:48.0</t>
  </si>
  <si>
    <t>04/18/14 16:00:35.5</t>
  </si>
  <si>
    <t>04/18/14 16:00:54.5</t>
  </si>
  <si>
    <t>04/18/14 16:12:44.0</t>
  </si>
  <si>
    <t>04/18/14 16:12:54.0</t>
  </si>
  <si>
    <t>04/18/14 16:18:13.0</t>
  </si>
  <si>
    <t>04/18/14 16:18:36.5</t>
  </si>
  <si>
    <t>04/18/14 16:22:07.0</t>
  </si>
  <si>
    <t>04/18/14 16:22:24.5</t>
  </si>
  <si>
    <t>04/18/14 16:24:53.0</t>
  </si>
  <si>
    <t>04/18/14 16:25:38.0</t>
  </si>
  <si>
    <t>04/18/14 16:33:48.5</t>
  </si>
  <si>
    <t>04/18/14 16:34:33.5</t>
  </si>
  <si>
    <t>04/18/14 16:36:49.0</t>
  </si>
  <si>
    <t>04/18/14 16:37:13.5</t>
  </si>
  <si>
    <t>04/18/14 16:45:20.5</t>
  </si>
  <si>
    <t>04/18/14 16:45:35.5</t>
  </si>
  <si>
    <t>04/18/14 16:52:07.5</t>
  </si>
  <si>
    <t>04/18/14 16:52:21.0</t>
  </si>
  <si>
    <t>04/18/14 17:01:49.0</t>
  </si>
  <si>
    <t>04/18/14 17:02:37.0</t>
  </si>
  <si>
    <t>04/18/14 17:07:31.0</t>
  </si>
  <si>
    <t>04/18/14 17:08:15.0</t>
  </si>
  <si>
    <t>04/18/14 17:13:16.5</t>
  </si>
  <si>
    <t>04/18/14 17:15:58.5</t>
  </si>
  <si>
    <t>04/18/14 17:23:56.5</t>
  </si>
  <si>
    <t>04/18/14 17:25:04.5</t>
  </si>
  <si>
    <t>04/18/14 17:29:24.0</t>
  </si>
  <si>
    <t>04/18/14 17:32:16.5</t>
  </si>
  <si>
    <t>04/18/14 17:50:27.0</t>
  </si>
  <si>
    <t>04/18/14 17:50:39.5</t>
  </si>
  <si>
    <t>04/18/14 18:01:37.0</t>
  </si>
  <si>
    <t>04/18/14 18:01:53.0</t>
  </si>
  <si>
    <t>04/18/14 18:16:26.0</t>
  </si>
  <si>
    <t>04/18/14 18:21:18.0</t>
  </si>
  <si>
    <t>04/18/14 18:27:40.5</t>
  </si>
  <si>
    <t>04/18/14 18:31:14.5</t>
  </si>
  <si>
    <t>04/18/14 18:53:52.5</t>
  </si>
  <si>
    <t>04/18/14 18:54:02.0</t>
  </si>
  <si>
    <t>04/18/14 19:20:22.0</t>
  </si>
  <si>
    <t>04/18/14 19:49:53.5</t>
  </si>
  <si>
    <t>04/18/14 20:03:02.0</t>
  </si>
  <si>
    <t>04/18/14 20:03:22.0</t>
  </si>
  <si>
    <t>04/18/14 23:10:32.0</t>
  </si>
  <si>
    <t>04/18/14 23:10:55.5</t>
  </si>
  <si>
    <t>04/19/14 01:06:42.5</t>
  </si>
  <si>
    <t>04/19/14 01:06:55.0</t>
  </si>
  <si>
    <t>04/19/14 01:14:08.5</t>
  </si>
  <si>
    <t>04/19/14 01:14:57.0</t>
  </si>
  <si>
    <t>04/19/14 01:23:34.5</t>
  </si>
  <si>
    <t>04/19/14 01:25:29.5</t>
  </si>
  <si>
    <t>04/19/14 01:41:05.0</t>
  </si>
  <si>
    <t>04/19/14 01:42:07.5</t>
  </si>
  <si>
    <t>04/19/14 01:51:16.0</t>
  </si>
  <si>
    <t>04/19/14 01:52:32.0</t>
  </si>
  <si>
    <t>04/19/14 01:59:53.0</t>
  </si>
  <si>
    <t>04/19/14 02:01:42.5</t>
  </si>
  <si>
    <t>04/19/14 02:18:06.5</t>
  </si>
  <si>
    <t>04/19/14 02:18:27.5</t>
  </si>
  <si>
    <t>04/19/14 02:24:54.0</t>
  </si>
  <si>
    <t>04/19/14 02:29:04.5</t>
  </si>
  <si>
    <t>04/19/14 02:53:56.5</t>
  </si>
  <si>
    <t>04/19/14 02:59:49.5</t>
  </si>
  <si>
    <t>04/19/14 03:18:24.0</t>
  </si>
  <si>
    <t>04/19/14 03:22:03.5</t>
  </si>
  <si>
    <t>04/19/14 03:33:44.0</t>
  </si>
  <si>
    <t>04/19/14 03:42:51.5</t>
  </si>
  <si>
    <t>04/19/14 10:28:33.0</t>
  </si>
  <si>
    <t>04/19/14 10:31:25.0</t>
  </si>
  <si>
    <t>04/19/14 10:46:16.5</t>
  </si>
  <si>
    <t>04/19/14 10:46:38.0</t>
  </si>
  <si>
    <t>04/19/14 10:51:28.0</t>
  </si>
  <si>
    <t>04/19/14 10:51:47.5</t>
  </si>
  <si>
    <t>04/19/14 10:53:59.5</t>
  </si>
  <si>
    <t>04/19/14 10:54:19.0</t>
  </si>
  <si>
    <t>04/19/14 10:58:08.5</t>
  </si>
  <si>
    <t>04/19/14 10:58:28.0</t>
  </si>
  <si>
    <t>04/19/14 11:13:32.5</t>
  </si>
  <si>
    <t>04/19/14 11:13:45.0</t>
  </si>
  <si>
    <t>04/19/14 11:16:34.5</t>
  </si>
  <si>
    <t>04/19/14 11:16:43.0</t>
  </si>
  <si>
    <t>04/19/14 11:19:26.0</t>
  </si>
  <si>
    <t>04/19/14 11:20:02.0</t>
  </si>
  <si>
    <t>04/19/14 11:22:07.5</t>
  </si>
  <si>
    <t>04/19/14 11:23:17.0</t>
  </si>
  <si>
    <t>04/19/14 11:28:10.0</t>
  </si>
  <si>
    <t>04/19/14 11:28:26.0</t>
  </si>
  <si>
    <t>04/19/14 11:32:23.5</t>
  </si>
  <si>
    <t>04/19/14 11:32:31.5</t>
  </si>
  <si>
    <t>04/19/14 11:34:29.0</t>
  </si>
  <si>
    <t>04/19/14 11:34:37.5</t>
  </si>
  <si>
    <t>04/19/14 11:36:35.5</t>
  </si>
  <si>
    <t>04/19/14 11:36:50.0</t>
  </si>
  <si>
    <t>04/19/14 11:40:28.5</t>
  </si>
  <si>
    <t>04/19/14 11:41:06.5</t>
  </si>
  <si>
    <t>04/19/14 11:51:04.5</t>
  </si>
  <si>
    <t>04/19/14 11:51:20.0</t>
  </si>
  <si>
    <t>04/19/14 11:57:53.5</t>
  </si>
  <si>
    <t>04/19/14 11:58:29.0</t>
  </si>
  <si>
    <t>04/19/14 12:01:03.0</t>
  </si>
  <si>
    <t>04/19/14 12:01:09.0</t>
  </si>
  <si>
    <t>04/19/14 12:03:13.0</t>
  </si>
  <si>
    <t>04/19/14 12:03:29.5</t>
  </si>
  <si>
    <t>04/19/14 12:09:52.0</t>
  </si>
  <si>
    <t>04/19/14 12:10:09.0</t>
  </si>
  <si>
    <t>04/19/14 12:13:45.0</t>
  </si>
  <si>
    <t>04/19/14 12:13:52.5</t>
  </si>
  <si>
    <t>04/19/14 12:16:44.5</t>
  </si>
  <si>
    <t>04/19/14 12:16:56.0</t>
  </si>
  <si>
    <t>04/19/14 12:22:42.5</t>
  </si>
  <si>
    <t>04/19/14 12:23:16.0</t>
  </si>
  <si>
    <t>04/19/14 12:27:43.5</t>
  </si>
  <si>
    <t>04/19/14 12:28:52.0</t>
  </si>
  <si>
    <t>04/19/14 12:36:15.0</t>
  </si>
  <si>
    <t>04/19/14 12:38:00.5</t>
  </si>
  <si>
    <t>04/19/14 12:44:45.5</t>
  </si>
  <si>
    <t>04/19/14 12:44:53.5</t>
  </si>
  <si>
    <t>04/19/14 12:48:46.5</t>
  </si>
  <si>
    <t>04/19/14 12:49:05.5</t>
  </si>
  <si>
    <t>04/19/14 13:00:19.0</t>
  </si>
  <si>
    <t>04/19/14 13:00:29.0</t>
  </si>
  <si>
    <t>04/19/14 13:06:25.0</t>
  </si>
  <si>
    <t>04/19/14 13:06:52.5</t>
  </si>
  <si>
    <t>04/19/14 13:09:47.0</t>
  </si>
  <si>
    <t>04/19/14 13:10:45.5</t>
  </si>
  <si>
    <t>04/19/14 13:14:44.5</t>
  </si>
  <si>
    <t>04/19/14 13:14:56.0</t>
  </si>
  <si>
    <t>04/19/14 13:25:31.5</t>
  </si>
  <si>
    <t>04/19/14 13:29:08.0</t>
  </si>
  <si>
    <t>04/19/14 13:37:37.5</t>
  </si>
  <si>
    <t>04/19/14 13:39:51.0</t>
  </si>
  <si>
    <t>04/19/14 13:43:10.5</t>
  </si>
  <si>
    <t>04/19/14 13:44:52.5</t>
  </si>
  <si>
    <t>04/19/14 13:50:57.5</t>
  </si>
  <si>
    <t>04/19/14 13:52:14.5</t>
  </si>
  <si>
    <t>04/19/14 14:03:47.0</t>
  </si>
  <si>
    <t>04/19/14 14:03:57.0</t>
  </si>
  <si>
    <t>04/19/14 14:11:15.5</t>
  </si>
  <si>
    <t>04/19/14 14:11:51.5</t>
  </si>
  <si>
    <t>04/19/14 14:20:17.0</t>
  </si>
  <si>
    <t>04/19/14 14:20:40.5</t>
  </si>
  <si>
    <t>04/19/14 14:26:53.0</t>
  </si>
  <si>
    <t>04/19/14 14:28:39.0</t>
  </si>
  <si>
    <t>04/19/14 14:32:46.5</t>
  </si>
  <si>
    <t>04/19/14 14:33:12.0</t>
  </si>
  <si>
    <t>04/19/14 14:35:54.5</t>
  </si>
  <si>
    <t>04/19/14 14:36:09.0</t>
  </si>
  <si>
    <t>04/19/14 14:40:32.0</t>
  </si>
  <si>
    <t>04/19/14 14:40:43.5</t>
  </si>
  <si>
    <t>04/19/14 14:43:31.5</t>
  </si>
  <si>
    <t>04/19/14 14:43:40.0</t>
  </si>
  <si>
    <t>04/19/14 14:49:18.5</t>
  </si>
  <si>
    <t>04/19/14 14:49:37.5</t>
  </si>
  <si>
    <t>04/19/14 14:53:00.5</t>
  </si>
  <si>
    <t>04/19/14 14:53:26.0</t>
  </si>
  <si>
    <t>04/19/14 14:58:40.5</t>
  </si>
  <si>
    <t>04/19/14 15:00:48.0</t>
  </si>
  <si>
    <t>04/19/14 15:24:49.0</t>
  </si>
  <si>
    <t>04/19/14 15:32:11.0</t>
  </si>
  <si>
    <t>04/19/14 16:11:10.0</t>
  </si>
  <si>
    <t>04/19/14 16:11:52.0</t>
  </si>
  <si>
    <t>04/19/14 16:16:07.5</t>
  </si>
  <si>
    <t>04/19/14 16:16:13.5</t>
  </si>
  <si>
    <t>04/19/14 16:19:43.5</t>
  </si>
  <si>
    <t>04/19/14 16:19:57.0</t>
  </si>
  <si>
    <t>04/19/14 16:21:58.0</t>
  </si>
  <si>
    <t>04/19/14 16:22:21.5</t>
  </si>
  <si>
    <t>04/19/14 16:31:09.5</t>
  </si>
  <si>
    <t>04/19/14 16:31:20.0</t>
  </si>
  <si>
    <t>04/19/14 16:40:21.5</t>
  </si>
  <si>
    <t>04/19/14 16:42:01.0</t>
  </si>
  <si>
    <t>04/19/14 16:49:18.0</t>
  </si>
  <si>
    <t>04/19/14 16:49:27.5</t>
  </si>
  <si>
    <t>04/19/14 16:52:07.5</t>
  </si>
  <si>
    <t>04/19/14 16:53:03.0</t>
  </si>
  <si>
    <t>04/19/14 16:56:45.0</t>
  </si>
  <si>
    <t>04/19/14 16:56:53.5</t>
  </si>
  <si>
    <t>04/19/14 17:01:56.0</t>
  </si>
  <si>
    <t>04/19/14 17:04:41.5</t>
  </si>
  <si>
    <t>04/19/14 17:14:44.0</t>
  </si>
  <si>
    <t>04/19/14 17:14:54.5</t>
  </si>
  <si>
    <t>04/19/14 17:40:49.0</t>
  </si>
  <si>
    <t>04/19/14 17:41:12.0</t>
  </si>
  <si>
    <t>04/19/14 18:02:21.5</t>
  </si>
  <si>
    <t>04/19/14 18:02:47.0</t>
  </si>
  <si>
    <t>04/19/14 18:16:34.0</t>
  </si>
  <si>
    <t>04/19/14 18:17:31.5</t>
  </si>
  <si>
    <t>04/19/14 19:17:49.5</t>
  </si>
  <si>
    <t>04/19/14 19:43:08.5</t>
  </si>
  <si>
    <t>04/19/14 20:37:40.5</t>
  </si>
  <si>
    <t>04/19/14 20:37:56.5</t>
  </si>
  <si>
    <t>04/19/14 20:41:44.5</t>
  </si>
  <si>
    <t>04/19/14 20:41:56.5</t>
  </si>
  <si>
    <t>04/19/14 21:15:42.0</t>
  </si>
  <si>
    <t>04/19/14 21:16:03.5</t>
  </si>
  <si>
    <t>04/19/14 21:24:08.5</t>
  </si>
  <si>
    <t>04/19/14 21:27:34.5</t>
  </si>
  <si>
    <t>04/19/14 21:32:13.0</t>
  </si>
  <si>
    <t>04/19/14 21:33:06.0</t>
  </si>
  <si>
    <t>04/19/14 21:37:39.5</t>
  </si>
  <si>
    <t>04/19/14 21:38:08.0</t>
  </si>
  <si>
    <t>04/19/14 21:41:29.5</t>
  </si>
  <si>
    <t>04/19/14 21:43:05.5</t>
  </si>
  <si>
    <t>04/19/14 21:50:32.5</t>
  </si>
  <si>
    <t>04/19/14 21:51:17.0</t>
  </si>
  <si>
    <t>04/19/14 21:59:45.5</t>
  </si>
  <si>
    <t>04/19/14 22:03:22.0</t>
  </si>
  <si>
    <t>04/19/14 22:12:32.5</t>
  </si>
  <si>
    <t>04/19/14 22:12:46.5</t>
  </si>
  <si>
    <t>04/19/14 22:22:03.5</t>
  </si>
  <si>
    <t>04/19/14 22:22:16.0</t>
  </si>
  <si>
    <t>04/19/14 22:25:50.5</t>
  </si>
  <si>
    <t>04/19/14 22:26:52.0</t>
  </si>
  <si>
    <t>04/19/14 22:45:35.5</t>
  </si>
  <si>
    <t>04/19/14 22:45:55.0</t>
  </si>
  <si>
    <t>04/19/14 23:58:27.5</t>
  </si>
  <si>
    <t>04/20/14 00:13:37.0</t>
  </si>
  <si>
    <t>04/20/14 06:48:58.5</t>
  </si>
  <si>
    <t>04/20/14 07:02:16.5</t>
  </si>
  <si>
    <t>04/20/14 09:34:24.0</t>
  </si>
  <si>
    <t>04/20/14 09:34:48.0</t>
  </si>
  <si>
    <t>04/20/14 10:26:56.5</t>
  </si>
  <si>
    <t>04/20/14 10:40:47.0</t>
  </si>
  <si>
    <t>04/20/14 11:08:44.0</t>
  </si>
  <si>
    <t>04/20/14 11:09:05.0</t>
  </si>
  <si>
    <t>04/20/14 11:30:12.0</t>
  </si>
  <si>
    <t>04/20/14 11:30:29.0</t>
  </si>
  <si>
    <t>04/20/14 11:41:58.0</t>
  </si>
  <si>
    <t>04/20/14 11:42:11.0</t>
  </si>
  <si>
    <t>04/20/14 12:25:19.0</t>
  </si>
  <si>
    <t>04/20/14 12:26:51.5</t>
  </si>
  <si>
    <t>04/20/14 13:33:10.0</t>
  </si>
  <si>
    <t>04/20/14 13:33:59.0</t>
  </si>
  <si>
    <t>04/20/14 14:01:11.5</t>
  </si>
  <si>
    <t>04/20/14 14:01:24.5</t>
  </si>
  <si>
    <t>04/20/14 14:16:40.5</t>
  </si>
  <si>
    <t>04/20/14 14:17:00.5</t>
  </si>
  <si>
    <t>04/20/14 14:47:24.0</t>
  </si>
  <si>
    <t>04/20/14 14:50:22.0</t>
  </si>
  <si>
    <t>04/20/14 14:56:50.5</t>
  </si>
  <si>
    <t>04/20/14 14:57:07.5</t>
  </si>
  <si>
    <t>04/20/14 15:06:25.5</t>
  </si>
  <si>
    <t>04/20/14 15:07:39.0</t>
  </si>
  <si>
    <t>04/20/14 15:14:59.0</t>
  </si>
  <si>
    <t>04/20/14 15:15:17.5</t>
  </si>
  <si>
    <t>04/20/14 15:21:04.0</t>
  </si>
  <si>
    <t>04/20/14 15:25:10.5</t>
  </si>
  <si>
    <t>04/20/14 15:45:05.0</t>
  </si>
  <si>
    <t>04/20/14 15:45:30.0</t>
  </si>
  <si>
    <t>04/20/14 16:33:53.5</t>
  </si>
  <si>
    <t>04/20/14 16:36:16.5</t>
  </si>
  <si>
    <t>04/21/14 04:39:49.5</t>
  </si>
  <si>
    <t>04/21/14 10:05:22.0</t>
  </si>
  <si>
    <t>04/21/14 12:13:19.5</t>
  </si>
  <si>
    <t>04/21/14 12:13:46.5</t>
  </si>
  <si>
    <t>04/21/14 15:13:49.5</t>
  </si>
  <si>
    <t>04/21/14 15:29:31.5</t>
  </si>
  <si>
    <t>04/21/14 17:48:28.5</t>
  </si>
  <si>
    <t>04/21/14 17:48:59.5</t>
  </si>
  <si>
    <t>04/21/14 19:29:36.5</t>
  </si>
  <si>
    <t>04/21/14 19:30:06.0</t>
  </si>
  <si>
    <t>04/21/14 19:52:32.5</t>
  </si>
  <si>
    <t>04/21/14 19:52:46.5</t>
  </si>
  <si>
    <t>04/21/14 20:18:21.5</t>
  </si>
  <si>
    <t>04/21/14 20:18:57.0</t>
  </si>
  <si>
    <t>04/22/14 03:02:08.0</t>
  </si>
  <si>
    <t>04/22/14 03:23:29.5</t>
  </si>
  <si>
    <t>04/22/14 06:43:10.5</t>
  </si>
  <si>
    <t>04/22/14 06:43:28.5</t>
  </si>
  <si>
    <t>04/22/14 07:16:40.5</t>
  </si>
  <si>
    <t>04/22/14 07:17:09.5</t>
  </si>
  <si>
    <t>04/22/14 08:45:07.0</t>
  </si>
  <si>
    <t>04/22/14 08:45:29.5</t>
  </si>
  <si>
    <t>04/22/14 09:18:05.5</t>
  </si>
  <si>
    <t>04/22/14 09:18:37.5</t>
  </si>
  <si>
    <t>04/22/14 09:36:37.0</t>
  </si>
  <si>
    <t>04/22/14 09:36:54.5</t>
  </si>
  <si>
    <t>04/22/14 09:39:37.0</t>
  </si>
  <si>
    <t>04/22/14 09:40:00.0</t>
  </si>
  <si>
    <t>04/22/14 09:43:46.5</t>
  </si>
  <si>
    <t>04/22/14 09:43:58.0</t>
  </si>
  <si>
    <t>04/22/14 09:49:24.0</t>
  </si>
  <si>
    <t>04/22/14 09:50:47.0</t>
  </si>
  <si>
    <t>04/22/14 10:25:30.5</t>
  </si>
  <si>
    <t>04/22/14 10:25:48.0</t>
  </si>
  <si>
    <t>04/22/14 10:36:42.5</t>
  </si>
  <si>
    <t>04/22/14 10:38:50.0</t>
  </si>
  <si>
    <t>04/22/14 10:44:03.5</t>
  </si>
  <si>
    <t>04/22/14 10:44:17.5</t>
  </si>
  <si>
    <t>04/22/14 10:49:54.5</t>
  </si>
  <si>
    <t>04/22/14 10:50:15.5</t>
  </si>
  <si>
    <t>04/22/14 10:59:59.0</t>
  </si>
  <si>
    <t>04/22/14 11:00:25.5</t>
  </si>
  <si>
    <t>04/22/14 11:11:03.0</t>
  </si>
  <si>
    <t>04/22/14 11:11:20.0</t>
  </si>
  <si>
    <t>04/22/14 11:14:38.0</t>
  </si>
  <si>
    <t>04/22/14 11:15:23.5</t>
  </si>
  <si>
    <t>04/22/14 11:21:09.0</t>
  </si>
  <si>
    <t>04/22/14 11:21:25.0</t>
  </si>
  <si>
    <t>04/22/14 11:25:43.0</t>
  </si>
  <si>
    <t>04/22/14 11:25:52.5</t>
  </si>
  <si>
    <t>04/22/14 11:29:30.5</t>
  </si>
  <si>
    <t>04/22/14 11:29:40.0</t>
  </si>
  <si>
    <t>04/22/14 11:36:52.0</t>
  </si>
  <si>
    <t>04/22/14 11:37:37.0</t>
  </si>
  <si>
    <t>04/22/14 11:39:51.5</t>
  </si>
  <si>
    <t>04/22/14 11:40:03.5</t>
  </si>
  <si>
    <t>04/22/14 11:43:17.5</t>
  </si>
  <si>
    <t>04/22/14 11:43:41.0</t>
  </si>
  <si>
    <t>04/22/14 11:44:47.5</t>
  </si>
  <si>
    <t>04/22/14 11:44:56.0</t>
  </si>
  <si>
    <t>04/22/14 11:47:29.5</t>
  </si>
  <si>
    <t>04/22/14 11:48:16.5</t>
  </si>
  <si>
    <t>04/22/14 11:50:39.0</t>
  </si>
  <si>
    <t>04/22/14 11:50:56.0</t>
  </si>
  <si>
    <t>04/22/14 11:53:22.0</t>
  </si>
  <si>
    <t>04/22/14 11:53:41.5</t>
  </si>
  <si>
    <t>04/22/14 11:54:50.0</t>
  </si>
  <si>
    <t>04/22/14 11:55:14.0</t>
  </si>
  <si>
    <t>04/22/14 11:58:28.0</t>
  </si>
  <si>
    <t>04/22/14 11:58:38.5</t>
  </si>
  <si>
    <t>04/22/14 12:06:32.5</t>
  </si>
  <si>
    <t>04/22/14 12:06:43.5</t>
  </si>
  <si>
    <t>04/22/14 12:09:18.0</t>
  </si>
  <si>
    <t>04/22/14 12:09:25.0</t>
  </si>
  <si>
    <t>04/22/14 12:13:40.0</t>
  </si>
  <si>
    <t>04/22/14 12:13:55.5</t>
  </si>
  <si>
    <t>04/22/14 12:14:54.5</t>
  </si>
  <si>
    <t>04/22/14 12:15:01.5</t>
  </si>
  <si>
    <t>04/22/14 12:17:31.5</t>
  </si>
  <si>
    <t>04/22/14 12:18:03.5</t>
  </si>
  <si>
    <t>04/22/14 12:22:08.0</t>
  </si>
  <si>
    <t>04/22/14 12:22:20.5</t>
  </si>
  <si>
    <t>04/22/14 12:24:12.5</t>
  </si>
  <si>
    <t>04/22/14 12:24:21.5</t>
  </si>
  <si>
    <t>04/22/14 12:27:53.0</t>
  </si>
  <si>
    <t>04/22/14 12:28:48.5</t>
  </si>
  <si>
    <t>04/22/14 12:31:51.5</t>
  </si>
  <si>
    <t>04/22/14 12:32:04.5</t>
  </si>
  <si>
    <t>04/22/14 12:35:15.5</t>
  </si>
  <si>
    <t>04/22/14 12:35:41.5</t>
  </si>
  <si>
    <t>04/22/14 12:38:07.5</t>
  </si>
  <si>
    <t>04/22/14 12:38:15.0</t>
  </si>
  <si>
    <t>04/22/14 12:40:09.5</t>
  </si>
  <si>
    <t>04/22/14 12:41:41.0</t>
  </si>
  <si>
    <t>04/22/14 12:42:17.0</t>
  </si>
  <si>
    <t>04/22/14 12:42:21.5</t>
  </si>
  <si>
    <t>04/22/14 12:43:55.0</t>
  </si>
  <si>
    <t>04/22/14 12:44:06.5</t>
  </si>
  <si>
    <t>04/22/14 12:45:16.5</t>
  </si>
  <si>
    <t>04/22/14 12:45:23.5</t>
  </si>
  <si>
    <t>04/22/14 12:47:57.5</t>
  </si>
  <si>
    <t>04/22/14 12:48:14.0</t>
  </si>
  <si>
    <t>04/22/14 12:50:17.5</t>
  </si>
  <si>
    <t>04/22/14 12:50:28.5</t>
  </si>
  <si>
    <t>04/22/14 12:55:33.5</t>
  </si>
  <si>
    <t>04/22/14 12:55:37.5</t>
  </si>
  <si>
    <t>04/22/14 12:57:24.5</t>
  </si>
  <si>
    <t>04/22/14 12:57:33.5</t>
  </si>
  <si>
    <t>04/22/14 12:59:07.5</t>
  </si>
  <si>
    <t>04/22/14 12:59:26.5</t>
  </si>
  <si>
    <t>04/22/14 13:03:03.5</t>
  </si>
  <si>
    <t>04/22/14 13:03:14.0</t>
  </si>
  <si>
    <t>04/22/14 13:05:17.5</t>
  </si>
  <si>
    <t>04/22/14 13:05:24.0</t>
  </si>
  <si>
    <t>04/22/14 13:06:18.0</t>
  </si>
  <si>
    <t>04/22/14 13:06:23.0</t>
  </si>
  <si>
    <t>04/22/14 13:07:36.0</t>
  </si>
  <si>
    <t>04/22/14 13:07:49.5</t>
  </si>
  <si>
    <t>04/22/14 13:10:05.5</t>
  </si>
  <si>
    <t>04/22/14 13:10:18.0</t>
  </si>
  <si>
    <t>04/22/14 13:14:22.5</t>
  </si>
  <si>
    <t>04/22/14 13:14:42.0</t>
  </si>
  <si>
    <t>04/22/14 13:17:17.0</t>
  </si>
  <si>
    <t>04/22/14 13:17:30.5</t>
  </si>
  <si>
    <t>04/22/14 13:19:36.5</t>
  </si>
  <si>
    <t>04/22/14 13:20:12.0</t>
  </si>
  <si>
    <t>04/22/14 13:21:26.5</t>
  </si>
  <si>
    <t>04/22/14 13:21:34.0</t>
  </si>
  <si>
    <t>04/22/14 13:23:06.5</t>
  </si>
  <si>
    <t>04/22/14 13:23:58.0</t>
  </si>
  <si>
    <t>04/22/14 13:26:35.5</t>
  </si>
  <si>
    <t>04/22/14 13:28:33.5</t>
  </si>
  <si>
    <t>04/22/14 13:30:44.5</t>
  </si>
  <si>
    <t>04/22/14 13:30:52.0</t>
  </si>
  <si>
    <t>04/22/14 13:33:19.5</t>
  </si>
  <si>
    <t>04/22/14 13:33:35.5</t>
  </si>
  <si>
    <t>04/22/14 13:36:46.0</t>
  </si>
  <si>
    <t>04/22/14 13:37:01.5</t>
  </si>
  <si>
    <t>04/22/14 13:39:40.0</t>
  </si>
  <si>
    <t>04/22/14 13:39:47.5</t>
  </si>
  <si>
    <t>04/22/14 13:41:37.5</t>
  </si>
  <si>
    <t>04/22/14 13:41:56.0</t>
  </si>
  <si>
    <t>04/22/14 13:44:34.0</t>
  </si>
  <si>
    <t>04/22/14 13:44:55.5</t>
  </si>
  <si>
    <t>04/22/14 13:48:00.5</t>
  </si>
  <si>
    <t>04/22/14 13:48:54.5</t>
  </si>
  <si>
    <t>04/22/14 13:50:45.5</t>
  </si>
  <si>
    <t>04/22/14 13:50:52.5</t>
  </si>
  <si>
    <t>04/22/14 13:52:17.0</t>
  </si>
  <si>
    <t>04/22/14 13:52:23.0</t>
  </si>
  <si>
    <t>04/22/14 13:53:31.0</t>
  </si>
  <si>
    <t>04/22/14 13:53:37.0</t>
  </si>
  <si>
    <t>04/22/14 13:55:49.0</t>
  </si>
  <si>
    <t>04/22/14 13:56:06.5</t>
  </si>
  <si>
    <t>04/22/14 13:57:23.0</t>
  </si>
  <si>
    <t>04/22/14 13:57:29.5</t>
  </si>
  <si>
    <t>04/22/14 13:58:36.5</t>
  </si>
  <si>
    <t>04/22/14 13:58:39.5</t>
  </si>
  <si>
    <t>04/22/14 14:00:57.5</t>
  </si>
  <si>
    <t>04/22/14 14:01:07.5</t>
  </si>
  <si>
    <t>04/22/14 14:03:05.5</t>
  </si>
  <si>
    <t>04/22/14 14:03:49.0</t>
  </si>
  <si>
    <t>04/22/14 14:04:49.5</t>
  </si>
  <si>
    <t>04/22/14 14:04:57.5</t>
  </si>
  <si>
    <t>04/22/14 14:06:39.0</t>
  </si>
  <si>
    <t>04/22/14 14:06:47.0</t>
  </si>
  <si>
    <t>04/22/14 14:08:15.0</t>
  </si>
  <si>
    <t>04/22/14 14:08:25.0</t>
  </si>
  <si>
    <t>04/22/14 14:10:27.5</t>
  </si>
  <si>
    <t>04/22/14 14:10:34.0</t>
  </si>
  <si>
    <t>04/22/14 14:13:04.5</t>
  </si>
  <si>
    <t>04/22/14 14:13:10.0</t>
  </si>
  <si>
    <t>04/22/14 14:14:57.5</t>
  </si>
  <si>
    <t>04/22/14 14:15:08.0</t>
  </si>
  <si>
    <t>04/22/14 14:16:22.5</t>
  </si>
  <si>
    <t>04/22/14 14:16:28.5</t>
  </si>
  <si>
    <t>04/22/14 14:17:47.0</t>
  </si>
  <si>
    <t>04/22/14 14:18:00.0</t>
  </si>
  <si>
    <t>04/22/14 14:19:32.0</t>
  </si>
  <si>
    <t>04/22/14 14:19:39.5</t>
  </si>
  <si>
    <t>04/22/14 14:20:25.5</t>
  </si>
  <si>
    <t>04/22/14 14:20:29.5</t>
  </si>
  <si>
    <t>04/22/14 14:21:16.5</t>
  </si>
  <si>
    <t>04/22/14 14:21:28.0</t>
  </si>
  <si>
    <t>04/22/14 14:26:12.5</t>
  </si>
  <si>
    <t>04/22/14 14:26:23.0</t>
  </si>
  <si>
    <t>04/22/14 14:28:23.0</t>
  </si>
  <si>
    <t>04/22/14 14:28:27.5</t>
  </si>
  <si>
    <t>04/22/14 14:29:18.5</t>
  </si>
  <si>
    <t>04/22/14 14:29:38.0</t>
  </si>
  <si>
    <t>04/22/14 14:35:21.0</t>
  </si>
  <si>
    <t>04/22/14 14:35:59.5</t>
  </si>
  <si>
    <t>04/22/14 14:38:53.0</t>
  </si>
  <si>
    <t>04/22/14 14:39:10.5</t>
  </si>
  <si>
    <t>04/22/14 14:42:04.0</t>
  </si>
  <si>
    <t>04/22/14 14:42:26.0</t>
  </si>
  <si>
    <t>04/22/14 14:44:29.0</t>
  </si>
  <si>
    <t>04/22/14 14:45:38.0</t>
  </si>
  <si>
    <t>04/22/14 14:47:03.5</t>
  </si>
  <si>
    <t>04/22/14 14:47:14.0</t>
  </si>
  <si>
    <t>04/22/14 14:49:05.5</t>
  </si>
  <si>
    <t>04/22/14 14:49:12.5</t>
  </si>
  <si>
    <t>04/22/14 14:52:56.5</t>
  </si>
  <si>
    <t>04/22/14 14:53:09.5</t>
  </si>
  <si>
    <t>04/22/14 14:55:45.0</t>
  </si>
  <si>
    <t>04/22/14 14:55:56.5</t>
  </si>
  <si>
    <t>04/22/14 14:58:37.0</t>
  </si>
  <si>
    <t>04/22/14 14:58:45.0</t>
  </si>
  <si>
    <t>04/22/14 15:01:40.5</t>
  </si>
  <si>
    <t>04/22/14 15:01:49.0</t>
  </si>
  <si>
    <t>04/22/14 15:03:25.5</t>
  </si>
  <si>
    <t>04/22/14 15:03:38.0</t>
  </si>
  <si>
    <t>04/22/14 15:05:10.0</t>
  </si>
  <si>
    <t>04/22/14 15:05:52.0</t>
  </si>
  <si>
    <t>04/22/14 15:08:38.5</t>
  </si>
  <si>
    <t>04/22/14 15:08:47.5</t>
  </si>
  <si>
    <t>04/22/14 15:10:35.5</t>
  </si>
  <si>
    <t>04/22/14 15:10:44.0</t>
  </si>
  <si>
    <t>04/22/14 15:12:09.5</t>
  </si>
  <si>
    <t>04/22/14 15:12:14.5</t>
  </si>
  <si>
    <t>04/22/14 15:13:30.0</t>
  </si>
  <si>
    <t>04/22/14 15:13:40.0</t>
  </si>
  <si>
    <t>04/22/14 15:16:16.5</t>
  </si>
  <si>
    <t>04/22/14 15:16:24.5</t>
  </si>
  <si>
    <t>04/22/14 15:19:27.5</t>
  </si>
  <si>
    <t>04/22/14 15:19:39.0</t>
  </si>
  <si>
    <t>04/22/14 15:21:11.5</t>
  </si>
  <si>
    <t>04/22/14 15:21:17.0</t>
  </si>
  <si>
    <t>04/22/14 15:24:21.0</t>
  </si>
  <si>
    <t>04/22/14 15:24:32.0</t>
  </si>
  <si>
    <t>04/22/14 15:26:13.0</t>
  </si>
  <si>
    <t>04/22/14 15:27:19.0</t>
  </si>
  <si>
    <t>04/22/14 15:30:19.0</t>
  </si>
  <si>
    <t>04/22/14 15:30:39.5</t>
  </si>
  <si>
    <t>04/22/14 15:32:29.0</t>
  </si>
  <si>
    <t>04/22/14 15:32:42.0</t>
  </si>
  <si>
    <t>04/22/14 15:35:05.0</t>
  </si>
  <si>
    <t>04/22/14 15:35:18.5</t>
  </si>
  <si>
    <t>04/22/14 15:36:48.5</t>
  </si>
  <si>
    <t>04/22/14 15:36:57.0</t>
  </si>
  <si>
    <t>04/22/14 15:38:15.0</t>
  </si>
  <si>
    <t>04/22/14 15:38:22.5</t>
  </si>
  <si>
    <t>04/22/14 15:40:49.5</t>
  </si>
  <si>
    <t>04/22/14 15:40:59.5</t>
  </si>
  <si>
    <t>04/22/14 15:43:45.0</t>
  </si>
  <si>
    <t>04/22/14 15:43:57.5</t>
  </si>
  <si>
    <t>04/22/14 15:48:43.5</t>
  </si>
  <si>
    <t>04/22/14 15:48:52.5</t>
  </si>
  <si>
    <t>04/22/14 15:51:30.0</t>
  </si>
  <si>
    <t>04/22/14 15:51:42.0</t>
  </si>
  <si>
    <t>04/22/14 15:56:20.5</t>
  </si>
  <si>
    <t>04/22/14 15:56:35.5</t>
  </si>
  <si>
    <t>04/22/14 15:58:28.5</t>
  </si>
  <si>
    <t>04/22/14 15:58:34.0</t>
  </si>
  <si>
    <t>04/22/14 16:00:30.5</t>
  </si>
  <si>
    <t>04/22/14 16:00:38.0</t>
  </si>
  <si>
    <t>04/22/14 16:03:19.5</t>
  </si>
  <si>
    <t>04/22/14 16:03:27.0</t>
  </si>
  <si>
    <t>04/22/14 16:07:54.5</t>
  </si>
  <si>
    <t>04/22/14 16:08:03.5</t>
  </si>
  <si>
    <t>04/22/14 16:09:45.0</t>
  </si>
  <si>
    <t>04/22/14 16:09:51.5</t>
  </si>
  <si>
    <t>04/22/14 16:12:26.0</t>
  </si>
  <si>
    <t>04/22/14 16:12:38.5</t>
  </si>
  <si>
    <t>04/22/14 16:16:53.0</t>
  </si>
  <si>
    <t>04/22/14 16:17:52.5</t>
  </si>
  <si>
    <t>04/22/14 16:22:48.0</t>
  </si>
  <si>
    <t>04/22/14 16:22:55.5</t>
  </si>
  <si>
    <t>04/22/14 16:26:13.0</t>
  </si>
  <si>
    <t>04/22/14 16:26:21.5</t>
  </si>
  <si>
    <t>04/22/14 16:31:26.5</t>
  </si>
  <si>
    <t>04/22/14 16:31:34.5</t>
  </si>
  <si>
    <t>04/22/14 16:33:23.5</t>
  </si>
  <si>
    <t>04/22/14 16:33:59.0</t>
  </si>
  <si>
    <t>04/22/14 16:36:59.0</t>
  </si>
  <si>
    <t>04/22/14 16:37:37.0</t>
  </si>
  <si>
    <t>04/22/14 16:41:57.5</t>
  </si>
  <si>
    <t>04/22/14 16:42:12.5</t>
  </si>
  <si>
    <t>04/22/14 16:46:42.5</t>
  </si>
  <si>
    <t>04/22/14 16:46:59.0</t>
  </si>
  <si>
    <t>04/22/14 16:49:47.0</t>
  </si>
  <si>
    <t>04/22/14 16:49:57.5</t>
  </si>
  <si>
    <t>04/22/14 16:54:28.5</t>
  </si>
  <si>
    <t>04/22/14 16:54:44.0</t>
  </si>
  <si>
    <t>04/22/14 16:57:39.0</t>
  </si>
  <si>
    <t>04/22/14 16:58:53.0</t>
  </si>
  <si>
    <t>04/22/14 17:06:47.0</t>
  </si>
  <si>
    <t>04/22/14 17:06:55.5</t>
  </si>
  <si>
    <t>04/22/14 17:12:53.0</t>
  </si>
  <si>
    <t>04/22/14 17:13:30.5</t>
  </si>
  <si>
    <t>04/22/14 17:20:30.0</t>
  </si>
  <si>
    <t>04/22/14 17:21:15.0</t>
  </si>
  <si>
    <t>04/22/14 17:23:47.0</t>
  </si>
  <si>
    <t>04/22/14 17:23:56.0</t>
  </si>
  <si>
    <t>04/22/14 17:29:03.0</t>
  </si>
  <si>
    <t>04/22/14 17:30:25.5</t>
  </si>
  <si>
    <t>04/22/14 17:31:47.5</t>
  </si>
  <si>
    <t>04/22/14 17:31:53.0</t>
  </si>
  <si>
    <t>04/22/14 17:34:20.0</t>
  </si>
  <si>
    <t>04/22/14 17:34:32.0</t>
  </si>
  <si>
    <t>04/22/14 17:36:39.0</t>
  </si>
  <si>
    <t>04/22/14 17:37:12.5</t>
  </si>
  <si>
    <t>04/22/14 17:41:15.5</t>
  </si>
  <si>
    <t>04/22/14 17:41:24.0</t>
  </si>
  <si>
    <t>04/22/14 17:47:44.0</t>
  </si>
  <si>
    <t>04/22/14 17:48:04.0</t>
  </si>
  <si>
    <t>04/22/14 17:50:16.0</t>
  </si>
  <si>
    <t>04/22/14 17:51:25.0</t>
  </si>
  <si>
    <t>04/22/14 17:53:14.5</t>
  </si>
  <si>
    <t>04/22/14 17:53:22.0</t>
  </si>
  <si>
    <t>04/22/14 17:54:35.5</t>
  </si>
  <si>
    <t>04/22/14 17:54:44.0</t>
  </si>
  <si>
    <t>04/22/14 17:56:54.0</t>
  </si>
  <si>
    <t>04/22/14 17:57:07.5</t>
  </si>
  <si>
    <t>04/22/14 18:01:10.0</t>
  </si>
  <si>
    <t>04/22/14 18:01:25.5</t>
  </si>
  <si>
    <t>04/22/14 18:02:52.0</t>
  </si>
  <si>
    <t>04/22/14 18:03:03.5</t>
  </si>
  <si>
    <t>04/22/14 18:05:07.0</t>
  </si>
  <si>
    <t>04/22/14 18:05:26.5</t>
  </si>
  <si>
    <t>04/22/14 18:07:44.0</t>
  </si>
  <si>
    <t>04/22/14 18:07:49.0</t>
  </si>
  <si>
    <t>04/22/14 18:09:24.0</t>
  </si>
  <si>
    <t>04/22/14 18:09:56.0</t>
  </si>
  <si>
    <t>04/22/14 18:12:18.0</t>
  </si>
  <si>
    <t>04/22/14 18:12:35.0</t>
  </si>
  <si>
    <t>04/22/14 18:16:06.0</t>
  </si>
  <si>
    <t>04/22/14 18:16:16.5</t>
  </si>
  <si>
    <t>04/22/14 18:21:09.0</t>
  </si>
  <si>
    <t>04/22/14 18:21:30.0</t>
  </si>
  <si>
    <t>04/22/14 18:23:20.0</t>
  </si>
  <si>
    <t>04/22/14 18:23:26.0</t>
  </si>
  <si>
    <t>04/22/14 18:28:09.0</t>
  </si>
  <si>
    <t>04/22/14 18:28:30.5</t>
  </si>
  <si>
    <t>04/22/14 18:30:35.5</t>
  </si>
  <si>
    <t>04/22/14 18:30:44.5</t>
  </si>
  <si>
    <t>04/22/14 18:31:41.0</t>
  </si>
  <si>
    <t>04/22/14 18:31:50.0</t>
  </si>
  <si>
    <t>04/22/14 18:35:16.0</t>
  </si>
  <si>
    <t>04/22/14 18:35:22.0</t>
  </si>
  <si>
    <t>04/22/14 18:37:37.0</t>
  </si>
  <si>
    <t>04/22/14 18:37:47.5</t>
  </si>
  <si>
    <t>04/22/14 18:40:24.5</t>
  </si>
  <si>
    <t>04/22/14 18:40:38.5</t>
  </si>
  <si>
    <t>04/22/14 18:43:35.5</t>
  </si>
  <si>
    <t>04/22/14 18:43:54.0</t>
  </si>
  <si>
    <t>04/22/14 18:47:06.0</t>
  </si>
  <si>
    <t>04/22/14 18:47:17.5</t>
  </si>
  <si>
    <t>04/22/14 18:50:44.0</t>
  </si>
  <si>
    <t>04/22/14 18:51:23.5</t>
  </si>
  <si>
    <t>04/22/14 18:55:25.5</t>
  </si>
  <si>
    <t>04/22/14 18:55:34.5</t>
  </si>
  <si>
    <t>04/22/14 19:00:25.0</t>
  </si>
  <si>
    <t>04/22/14 19:00:34.5</t>
  </si>
  <si>
    <t>04/22/14 19:04:06.5</t>
  </si>
  <si>
    <t>04/22/14 19:04:24.5</t>
  </si>
  <si>
    <t>04/22/14 19:12:32.5</t>
  </si>
  <si>
    <t>04/22/14 19:12:50.5</t>
  </si>
  <si>
    <t>04/22/14 19:21:14.0</t>
  </si>
  <si>
    <t>04/22/14 19:21:42.5</t>
  </si>
  <si>
    <t>04/22/14 19:29:02.5</t>
  </si>
  <si>
    <t>04/22/14 19:30:02.5</t>
  </si>
  <si>
    <t>04/22/14 19:39:06.0</t>
  </si>
  <si>
    <t>04/22/14 19:40:21.0</t>
  </si>
  <si>
    <t>04/22/14 20:05:44.5</t>
  </si>
  <si>
    <t>04/22/14 20:06:01.5</t>
  </si>
  <si>
    <t>04/22/14 22:28:26.5</t>
  </si>
  <si>
    <t>04/22/14 22:36:58.0</t>
  </si>
  <si>
    <t>04/23/14 10:36:21.0</t>
  </si>
  <si>
    <t>04/23/14 10:43:50.5</t>
  </si>
  <si>
    <t>04/23/14 10:46:42.0</t>
  </si>
  <si>
    <t>04/23/14 10:47:04.0</t>
  </si>
  <si>
    <t>04/23/14 10:52:18.5</t>
  </si>
  <si>
    <t>04/23/14 10:53:06.5</t>
  </si>
  <si>
    <t>04/23/14 10:59:42.0</t>
  </si>
  <si>
    <t>04/23/14 11:00:47.5</t>
  </si>
  <si>
    <t>04/23/14 11:07:43.0</t>
  </si>
  <si>
    <t>04/23/14 11:08:02.0</t>
  </si>
  <si>
    <t>04/23/14 11:23:10.5</t>
  </si>
  <si>
    <t>04/23/14 11:23:30.5</t>
  </si>
  <si>
    <t>04/23/14 11:31:37.5</t>
  </si>
  <si>
    <t>04/23/14 11:32:31.0</t>
  </si>
  <si>
    <t>04/23/14 11:36:24.0</t>
  </si>
  <si>
    <t>04/23/14 11:37:55.5</t>
  </si>
  <si>
    <t>04/23/14 11:52:56.0</t>
  </si>
  <si>
    <t>04/23/14 11:55:16.0</t>
  </si>
  <si>
    <t>04/23/14 12:07:02.0</t>
  </si>
  <si>
    <t>04/23/14 12:07:23.5</t>
  </si>
  <si>
    <t>04/23/14 12:18:58.0</t>
  </si>
  <si>
    <t>04/23/14 12:28:04.5</t>
  </si>
  <si>
    <t>04/23/14 12:49:13.5</t>
  </si>
  <si>
    <t>04/23/14 12:50:54.5</t>
  </si>
  <si>
    <t>04/23/14 12:59:12.5</t>
  </si>
  <si>
    <t>04/23/14 12:59:26.5</t>
  </si>
  <si>
    <t>04/23/14 13:07:36.0</t>
  </si>
  <si>
    <t>04/23/14 13:08:35.5</t>
  </si>
  <si>
    <t>04/23/14 13:12:53.0</t>
  </si>
  <si>
    <t>04/23/14 13:14:30.5</t>
  </si>
  <si>
    <t>04/23/14 13:17:41.5</t>
  </si>
  <si>
    <t>04/23/14 13:19:10.0</t>
  </si>
  <si>
    <t>04/23/14 13:24:21.0</t>
  </si>
  <si>
    <t>04/23/14 13:24:27.5</t>
  </si>
  <si>
    <t>04/23/14 13:29:32.5</t>
  </si>
  <si>
    <t>04/23/14 13:29:46.5</t>
  </si>
  <si>
    <t>04/23/14 13:33:46.5</t>
  </si>
  <si>
    <t>04/23/14 13:34:00.5</t>
  </si>
  <si>
    <t>04/23/14 13:39:28.0</t>
  </si>
  <si>
    <t>04/23/14 13:40:56.0</t>
  </si>
  <si>
    <t>04/23/14 13:54:37.0</t>
  </si>
  <si>
    <t>04/23/14 13:55:54.5</t>
  </si>
  <si>
    <t>04/23/14 14:07:49.0</t>
  </si>
  <si>
    <t>04/23/14 14:11:10.5</t>
  </si>
  <si>
    <t>04/23/14 14:13:22.0</t>
  </si>
  <si>
    <t>04/23/14 14:13:57.0</t>
  </si>
  <si>
    <t>04/23/14 14:16:40.0</t>
  </si>
  <si>
    <t>04/23/14 14:17:00.0</t>
  </si>
  <si>
    <t>04/23/14 14:18:20.5</t>
  </si>
  <si>
    <t>04/23/14 14:18:28.5</t>
  </si>
  <si>
    <t>04/23/14 14:20:02.0</t>
  </si>
  <si>
    <t>04/23/14 14:20:08.0</t>
  </si>
  <si>
    <t>04/23/14 14:22:05.5</t>
  </si>
  <si>
    <t>04/23/14 14:22:28.5</t>
  </si>
  <si>
    <t>04/23/14 14:23:54.5</t>
  </si>
  <si>
    <t>04/23/14 14:24:06.5</t>
  </si>
  <si>
    <t>04/23/14 14:27:04.5</t>
  </si>
  <si>
    <t>04/23/14 14:27:12.0</t>
  </si>
  <si>
    <t>04/23/14 14:28:30.0</t>
  </si>
  <si>
    <t>04/23/14 14:28:49.0</t>
  </si>
  <si>
    <t>04/23/14 14:32:07.0</t>
  </si>
  <si>
    <t>04/23/14 14:32:26.5</t>
  </si>
  <si>
    <t>04/23/14 14:34:32.0</t>
  </si>
  <si>
    <t>04/23/14 14:34:39.5</t>
  </si>
  <si>
    <t>04/23/14 14:36:34.5</t>
  </si>
  <si>
    <t>04/23/14 14:36:51.5</t>
  </si>
  <si>
    <t>04/23/14 14:39:57.5</t>
  </si>
  <si>
    <t>04/23/14 14:40:07.5</t>
  </si>
  <si>
    <t>04/23/14 14:41:20.0</t>
  </si>
  <si>
    <t>04/23/14 14:41:43.0</t>
  </si>
  <si>
    <t>04/23/14 14:43:01.5</t>
  </si>
  <si>
    <t>04/23/14 14:43:09.0</t>
  </si>
  <si>
    <t>04/23/14 14:45:25.0</t>
  </si>
  <si>
    <t>04/23/14 14:46:19.5</t>
  </si>
  <si>
    <t>04/23/14 14:49:22.0</t>
  </si>
  <si>
    <t>04/23/14 14:49:30.5</t>
  </si>
  <si>
    <t>04/23/14 14:51:31.5</t>
  </si>
  <si>
    <t>04/23/14 14:51:48.5</t>
  </si>
  <si>
    <t>04/23/14 14:54:53.5</t>
  </si>
  <si>
    <t>04/23/14 14:55:29.5</t>
  </si>
  <si>
    <t>04/23/14 15:01:45.5</t>
  </si>
  <si>
    <t>04/23/14 15:03:47.5</t>
  </si>
  <si>
    <t>04/23/14 15:16:54.5</t>
  </si>
  <si>
    <t>04/23/14 15:17:11.0</t>
  </si>
  <si>
    <t>04/23/14 15:19:28.5</t>
  </si>
  <si>
    <t>04/23/14 15:19:44.0</t>
  </si>
  <si>
    <t>04/23/14 15:23:13.0</t>
  </si>
  <si>
    <t>04/23/14 15:23:51.0</t>
  </si>
  <si>
    <t>04/23/14 15:26:06.5</t>
  </si>
  <si>
    <t>04/23/14 15:26:32.5</t>
  </si>
  <si>
    <t>04/23/14 15:32:29.0</t>
  </si>
  <si>
    <t>04/23/14 15:32:44.5</t>
  </si>
  <si>
    <t>04/23/14 15:35:18.5</t>
  </si>
  <si>
    <t>04/23/14 15:36:01.5</t>
  </si>
  <si>
    <t>04/23/14 15:38:02.5</t>
  </si>
  <si>
    <t>04/23/14 15:38:09.0</t>
  </si>
  <si>
    <t>04/23/14 15:41:37.0</t>
  </si>
  <si>
    <t>04/23/14 15:43:24.0</t>
  </si>
  <si>
    <t>04/23/14 15:48:02.5</t>
  </si>
  <si>
    <t>04/23/14 15:48:46.0</t>
  </si>
  <si>
    <t>04/23/14 15:54:01.5</t>
  </si>
  <si>
    <t>04/23/14 15:54:12.0</t>
  </si>
  <si>
    <t>04/23/14 16:01:30.5</t>
  </si>
  <si>
    <t>04/23/14 16:02:49.0</t>
  </si>
  <si>
    <t>04/23/14 16:11:00.5</t>
  </si>
  <si>
    <t>04/23/14 16:11:15.0</t>
  </si>
  <si>
    <t>04/23/14 16:15:27.5</t>
  </si>
  <si>
    <t>04/23/14 16:15:44.0</t>
  </si>
  <si>
    <t>04/23/14 16:22:02.5</t>
  </si>
  <si>
    <t>04/23/14 16:22:37.0</t>
  </si>
  <si>
    <t>04/23/14 16:23:50.0</t>
  </si>
  <si>
    <t>04/23/14 16:23:59.5</t>
  </si>
  <si>
    <t>04/23/14 16:29:34.5</t>
  </si>
  <si>
    <t>04/23/14 16:29:44.5</t>
  </si>
  <si>
    <t>04/23/14 16:33:10.5</t>
  </si>
  <si>
    <t>04/23/14 16:33:20.0</t>
  </si>
  <si>
    <t>04/23/14 16:39:52.5</t>
  </si>
  <si>
    <t>04/23/14 16:40:38.0</t>
  </si>
  <si>
    <t>04/23/14 16:51:14.0</t>
  </si>
  <si>
    <t>04/23/14 16:51:26.0</t>
  </si>
  <si>
    <t>04/23/14 16:54:04.5</t>
  </si>
  <si>
    <t>04/23/14 16:55:34.0</t>
  </si>
  <si>
    <t>04/23/14 16:59:05.0</t>
  </si>
  <si>
    <t>04/23/14 17:00:15.0</t>
  </si>
  <si>
    <t>04/23/14 17:02:59.5</t>
  </si>
  <si>
    <t>04/23/14 17:03:18.0</t>
  </si>
  <si>
    <t>04/23/14 17:08:47.0</t>
  </si>
  <si>
    <t>04/23/14 17:09:00.5</t>
  </si>
  <si>
    <t>04/23/14 17:11:35.5</t>
  </si>
  <si>
    <t>04/23/14 17:11:49.5</t>
  </si>
  <si>
    <t>04/23/14 17:18:55.0</t>
  </si>
  <si>
    <t>04/23/14 17:19:10.0</t>
  </si>
  <si>
    <t>04/23/14 17:23:34.5</t>
  </si>
  <si>
    <t>04/23/14 17:23:47.0</t>
  </si>
  <si>
    <t>04/23/14 17:26:45.5</t>
  </si>
  <si>
    <t>04/23/14 17:26:57.5</t>
  </si>
  <si>
    <t>04/23/14 17:30:13.0</t>
  </si>
  <si>
    <t>04/23/14 17:32:18.0</t>
  </si>
  <si>
    <t>04/23/14 17:36:10.0</t>
  </si>
  <si>
    <t>04/23/14 17:36:25.0</t>
  </si>
  <si>
    <t>04/23/14 17:38:44.5</t>
  </si>
  <si>
    <t>04/23/14 17:38:54.0</t>
  </si>
  <si>
    <t>04/23/14 17:41:22.0</t>
  </si>
  <si>
    <t>04/23/14 17:41:38.5</t>
  </si>
  <si>
    <t>04/23/14 17:49:09.5</t>
  </si>
  <si>
    <t>04/23/14 17:49:19.5</t>
  </si>
  <si>
    <t>04/23/14 17:53:04.0</t>
  </si>
  <si>
    <t>04/23/14 17:55:07.0</t>
  </si>
  <si>
    <t>04/23/14 18:04:12.0</t>
  </si>
  <si>
    <t>04/23/14 18:04:39.0</t>
  </si>
  <si>
    <t>04/23/14 18:19:49.0</t>
  </si>
  <si>
    <t>04/23/14 18:20:19.5</t>
  </si>
  <si>
    <t>04/23/14 18:25:17.0</t>
  </si>
  <si>
    <t>04/23/14 18:25:27.0</t>
  </si>
  <si>
    <t>04/23/14 18:31:07.0</t>
  </si>
  <si>
    <t>04/23/14 18:35:43.5</t>
  </si>
  <si>
    <t>04/23/14 18:55:57.0</t>
  </si>
  <si>
    <t>04/23/14 18:58:59.0</t>
  </si>
  <si>
    <t>04/23/14 19:09:16.5</t>
  </si>
  <si>
    <t>04/23/14 19:09:39.5</t>
  </si>
  <si>
    <t>04/23/14 19:11:27.5</t>
  </si>
  <si>
    <t>04/23/14 19:11:49.5</t>
  </si>
  <si>
    <t>04/23/14 19:14:28.5</t>
  </si>
  <si>
    <t>04/23/14 19:15:50.0</t>
  </si>
  <si>
    <t>04/23/14 19:19:50.0</t>
  </si>
  <si>
    <t>04/23/14 19:20:00.5</t>
  </si>
  <si>
    <t>04/23/14 19:24:12.0</t>
  </si>
  <si>
    <t>04/23/14 19:24:25.0</t>
  </si>
  <si>
    <t>04/23/14 19:31:19.5</t>
  </si>
  <si>
    <t>04/23/14 19:31:37.5</t>
  </si>
  <si>
    <t>04/23/14 19:34:47.5</t>
  </si>
  <si>
    <t>04/23/14 19:35:13.5</t>
  </si>
  <si>
    <t>04/23/14 19:37:47.0</t>
  </si>
  <si>
    <t>04/23/14 19:39:22.5</t>
  </si>
  <si>
    <t>04/23/14 19:46:05.5</t>
  </si>
  <si>
    <t>04/23/14 19:51:29.0</t>
  </si>
  <si>
    <t>04/24/14 07:43:11.5</t>
  </si>
  <si>
    <t>04/24/14 08:33:42.5</t>
  </si>
  <si>
    <t>04/24/14 09:47:21.5</t>
  </si>
  <si>
    <t>04/24/14 09:50:27.0</t>
  </si>
  <si>
    <t>04/24/14 10:44:59.5</t>
  </si>
  <si>
    <t>04/24/14 10:45:15.0</t>
  </si>
  <si>
    <t>04/24/14 10:58:25.0</t>
  </si>
  <si>
    <t>04/24/14 11:10:56.5</t>
  </si>
  <si>
    <t>04/24/14 12:38:36.0</t>
  </si>
  <si>
    <t>04/24/14 12:38:54.0</t>
  </si>
  <si>
    <t>04/24/14 12:56:08.0</t>
  </si>
  <si>
    <t>04/24/14 12:56:18.0</t>
  </si>
  <si>
    <t>04/24/14 12:57:42.0</t>
  </si>
  <si>
    <t>04/24/14 12:57:58.0</t>
  </si>
  <si>
    <t>04/24/14 13:28:53.5</t>
  </si>
  <si>
    <t>04/24/14 13:29:31.5</t>
  </si>
  <si>
    <t>04/24/14 13:44:47.5</t>
  </si>
  <si>
    <t>04/24/14 13:45:46.5</t>
  </si>
  <si>
    <t>04/24/14 14:01:27.0</t>
  </si>
  <si>
    <t>04/24/14 14:02:07.5</t>
  </si>
  <si>
    <t>04/24/14 14:07:35.5</t>
  </si>
  <si>
    <t>04/24/14 14:08:00.0</t>
  </si>
  <si>
    <t>04/24/14 14:13:01.5</t>
  </si>
  <si>
    <t>04/24/14 14:13:22.5</t>
  </si>
  <si>
    <t>04/24/14 14:21:48.5</t>
  </si>
  <si>
    <t>04/24/14 14:23:14.5</t>
  </si>
  <si>
    <t>04/24/14 14:25:07.5</t>
  </si>
  <si>
    <t>04/24/14 14:25:18.5</t>
  </si>
  <si>
    <t>04/24/14 14:28:18.5</t>
  </si>
  <si>
    <t>04/24/14 14:28:28.5</t>
  </si>
  <si>
    <t>04/24/14 14:30:27.0</t>
  </si>
  <si>
    <t>04/24/14 14:30:55.5</t>
  </si>
  <si>
    <t>04/24/14 14:32:42.5</t>
  </si>
  <si>
    <t>04/24/14 14:33:48.0</t>
  </si>
  <si>
    <t>04/24/14 14:47:20.5</t>
  </si>
  <si>
    <t>04/24/14 14:51:56.5</t>
  </si>
  <si>
    <t>04/24/14 14:52:46.0</t>
  </si>
  <si>
    <t>04/24/14 14:52:54.5</t>
  </si>
  <si>
    <t>04/24/14 15:06:54.0</t>
  </si>
  <si>
    <t>04/24/14 15:07:14.5</t>
  </si>
  <si>
    <t>04/24/14 15:12:40.0</t>
  </si>
  <si>
    <t>04/24/14 15:13:01.0</t>
  </si>
  <si>
    <t>04/24/14 15:18:40.0</t>
  </si>
  <si>
    <t>04/24/14 15:21:09.5</t>
  </si>
  <si>
    <t>04/24/14 15:35:18.0</t>
  </si>
  <si>
    <t>04/24/14 15:35:47.5</t>
  </si>
  <si>
    <t>04/24/14 15:54:47.5</t>
  </si>
  <si>
    <t>04/24/14 15:55:06.0</t>
  </si>
  <si>
    <t>04/24/14 15:55:56.5</t>
  </si>
  <si>
    <t>04/24/14 15:56:04.5</t>
  </si>
  <si>
    <t>04/24/14 15:57:13.0</t>
  </si>
  <si>
    <t>04/24/14 15:57:22.0</t>
  </si>
  <si>
    <t>04/24/14 16:00:44.0</t>
  </si>
  <si>
    <t>04/24/14 16:00:51.5</t>
  </si>
  <si>
    <t>04/24/14 16:02:06.5</t>
  </si>
  <si>
    <t>04/24/14 16:02:16.5</t>
  </si>
  <si>
    <t>04/24/14 16:04:03.0</t>
  </si>
  <si>
    <t>04/24/14 16:04:26.5</t>
  </si>
  <si>
    <t>04/24/14 16:06:37.0</t>
  </si>
  <si>
    <t>04/24/14 16:06:42.0</t>
  </si>
  <si>
    <t>04/24/14 16:07:24.5</t>
  </si>
  <si>
    <t>04/24/14 16:07:34.0</t>
  </si>
  <si>
    <t>04/24/14 16:11:20.0</t>
  </si>
  <si>
    <t>04/24/14 16:11:42.5</t>
  </si>
  <si>
    <t>04/24/14 16:15:03.0</t>
  </si>
  <si>
    <t>04/24/14 16:15:12.5</t>
  </si>
  <si>
    <t>04/24/14 16:17:54.0</t>
  </si>
  <si>
    <t>04/24/14 16:18:00.0</t>
  </si>
  <si>
    <t>04/24/14 16:22:38.0</t>
  </si>
  <si>
    <t>04/24/14 16:22:48.0</t>
  </si>
  <si>
    <t>04/24/14 16:36:35.5</t>
  </si>
  <si>
    <t>04/24/14 16:41:19.5</t>
  </si>
  <si>
    <t>04/24/14 16:50:38.5</t>
  </si>
  <si>
    <t>04/24/14 17:12:06.0</t>
  </si>
  <si>
    <t>04/24/14 17:26:34.0</t>
  </si>
  <si>
    <t>04/24/14 17:26:48.5</t>
  </si>
  <si>
    <t>04/24/14 17:31:22.0</t>
  </si>
  <si>
    <t>04/24/14 17:31:42.5</t>
  </si>
  <si>
    <t>04/24/14 17:38:37.5</t>
  </si>
  <si>
    <t>04/24/14 17:39:16.0</t>
  </si>
  <si>
    <t>04/24/14 17:41:44.0</t>
  </si>
  <si>
    <t>04/24/14 17:42:01.5</t>
  </si>
  <si>
    <t>04/24/14 17:46:50.5</t>
  </si>
  <si>
    <t>04/24/14 17:47:05.0</t>
  </si>
  <si>
    <t>04/25/14 02:41:23.0</t>
  </si>
  <si>
    <t>04/25/14 02:42:51.5</t>
  </si>
  <si>
    <t>04/25/14 02:50:05.5</t>
  </si>
  <si>
    <t>04/25/14 02:50:19.0</t>
  </si>
  <si>
    <t>04/25/14 02:52:30.0</t>
  </si>
  <si>
    <t>04/25/14 02:52:39.0</t>
  </si>
  <si>
    <t>04/25/14 02:54:42.5</t>
  </si>
  <si>
    <t>04/25/14 02:55:01.5</t>
  </si>
  <si>
    <t>04/25/14 09:15:40.5</t>
  </si>
  <si>
    <t>04/25/14 09:26:45.0</t>
  </si>
  <si>
    <t>04/25/14 09:54:36.5</t>
  </si>
  <si>
    <t>04/25/14 09:55:00.0</t>
  </si>
  <si>
    <t>04/25/14 10:07:14.0</t>
  </si>
  <si>
    <t>04/25/14 10:10:41.0</t>
  </si>
  <si>
    <t>04/25/14 10:18:26.5</t>
  </si>
  <si>
    <t>04/25/14 10:18:50.0</t>
  </si>
  <si>
    <t>04/25/14 10:50:11.5</t>
  </si>
  <si>
    <t>04/25/14 11:01:10.5</t>
  </si>
  <si>
    <t>04/25/14 11:19:10.0</t>
  </si>
  <si>
    <t>04/25/14 11:19:24.5</t>
  </si>
  <si>
    <t>04/25/14 11:22:16.5</t>
  </si>
  <si>
    <t>04/25/14 11:22:35.5</t>
  </si>
  <si>
    <t>04/25/14 11:28:41.0</t>
  </si>
  <si>
    <t>04/25/14 11:28:50.0</t>
  </si>
  <si>
    <t>04/25/14 11:45:44.5</t>
  </si>
  <si>
    <t>04/25/14 11:46:17.5</t>
  </si>
  <si>
    <t>04/25/14 11:59:33.5</t>
  </si>
  <si>
    <t>04/25/14 12:00:28.0</t>
  </si>
  <si>
    <t>04/25/14 12:07:53.5</t>
  </si>
  <si>
    <t>04/25/14 12:08:20.0</t>
  </si>
  <si>
    <t>04/25/14 12:13:07.0</t>
  </si>
  <si>
    <t>04/25/14 12:13:32.5</t>
  </si>
  <si>
    <t>04/25/14 12:16:15.0</t>
  </si>
  <si>
    <t>04/25/14 12:16:30.5</t>
  </si>
  <si>
    <t>04/25/14 12:21:53.0</t>
  </si>
  <si>
    <t>04/25/14 12:21:59.5</t>
  </si>
  <si>
    <t>04/25/14 12:25:44.5</t>
  </si>
  <si>
    <t>04/25/14 12:26:12.5</t>
  </si>
  <si>
    <t>04/25/14 12:29:55.0</t>
  </si>
  <si>
    <t>04/25/14 12:30:18.0</t>
  </si>
  <si>
    <t>04/25/14 12:32:17.5</t>
  </si>
  <si>
    <t>04/25/14 12:34:40.0</t>
  </si>
  <si>
    <t>04/25/14 12:37:34.5</t>
  </si>
  <si>
    <t>04/25/14 12:38:13.5</t>
  </si>
  <si>
    <t>04/25/14 12:41:13.0</t>
  </si>
  <si>
    <t>04/25/14 12:41:28.0</t>
  </si>
  <si>
    <t>04/25/14 12:46:37.5</t>
  </si>
  <si>
    <t>04/25/14 12:47:19.0</t>
  </si>
  <si>
    <t>04/25/14 12:49:27.0</t>
  </si>
  <si>
    <t>04/25/14 12:49:36.0</t>
  </si>
  <si>
    <t>04/25/14 12:51:43.5</t>
  </si>
  <si>
    <t>04/25/14 12:53:02.5</t>
  </si>
  <si>
    <t>04/25/14 12:57:17.0</t>
  </si>
  <si>
    <t>04/25/14 12:57:57.0</t>
  </si>
  <si>
    <t>04/25/14 13:03:04.0</t>
  </si>
  <si>
    <t>04/25/14 13:03:14.5</t>
  </si>
  <si>
    <t>04/25/14 13:07:54.0</t>
  </si>
  <si>
    <t>04/25/14 13:08:11.5</t>
  </si>
  <si>
    <t>04/25/14 13:19:28.0</t>
  </si>
  <si>
    <t>04/25/14 13:23:01.5</t>
  </si>
  <si>
    <t>04/25/14 13:34:14.0</t>
  </si>
  <si>
    <t>04/25/14 13:34:25.0</t>
  </si>
  <si>
    <t>04/25/14 13:38:31.5</t>
  </si>
  <si>
    <t>04/25/14 13:38:49.0</t>
  </si>
  <si>
    <t>04/25/14 13:49:56.0</t>
  </si>
  <si>
    <t>04/25/14 13:50:34.0</t>
  </si>
  <si>
    <t>04/25/14 13:56:20.5</t>
  </si>
  <si>
    <t>04/25/14 13:56:36.5</t>
  </si>
  <si>
    <t>04/25/14 14:01:04.5</t>
  </si>
  <si>
    <t>04/25/14 14:02:12.5</t>
  </si>
  <si>
    <t>04/25/14 14:09:59.5</t>
  </si>
  <si>
    <t>04/25/14 14:10:18.5</t>
  </si>
  <si>
    <t>04/25/14 14:16:43.0</t>
  </si>
  <si>
    <t>04/25/14 14:17:22.0</t>
  </si>
  <si>
    <t>04/25/14 14:25:05.0</t>
  </si>
  <si>
    <t>04/25/14 14:25:56.5</t>
  </si>
  <si>
    <t>04/25/14 14:33:16.5</t>
  </si>
  <si>
    <t>04/25/14 14:34:58.0</t>
  </si>
  <si>
    <t>04/25/14 14:51:22.0</t>
  </si>
  <si>
    <t>04/25/14 14:54:42.5</t>
  </si>
  <si>
    <t>04/25/14 15:01:43.0</t>
  </si>
  <si>
    <t>04/25/14 15:02:32.0</t>
  </si>
  <si>
    <t>04/25/14 15:06:16.0</t>
  </si>
  <si>
    <t>04/25/14 15:06:26.0</t>
  </si>
  <si>
    <t>04/25/14 15:08:47.5</t>
  </si>
  <si>
    <t>04/25/14 15:08:56.0</t>
  </si>
  <si>
    <t>04/25/14 15:12:24.5</t>
  </si>
  <si>
    <t>04/25/14 15:12:36.0</t>
  </si>
  <si>
    <t>04/25/14 15:16:19.5</t>
  </si>
  <si>
    <t>04/25/14 15:16:25.5</t>
  </si>
  <si>
    <t>04/25/14 15:18:34.5</t>
  </si>
  <si>
    <t>04/25/14 15:18:47.5</t>
  </si>
  <si>
    <t>04/25/14 15:24:46.0</t>
  </si>
  <si>
    <t>04/25/14 15:26:06.5</t>
  </si>
  <si>
    <t>04/25/14 15:27:23.5</t>
  </si>
  <si>
    <t>04/25/14 15:27:33.0</t>
  </si>
  <si>
    <t>04/25/14 15:30:17.5</t>
  </si>
  <si>
    <t>04/25/14 15:30:28.0</t>
  </si>
  <si>
    <t>04/25/14 15:34:36.5</t>
  </si>
  <si>
    <t>04/25/14 15:34:45.0</t>
  </si>
  <si>
    <t>04/25/14 15:38:59.0</t>
  </si>
  <si>
    <t>04/25/14 15:39:13.0</t>
  </si>
  <si>
    <t>04/25/14 15:43:59.0</t>
  </si>
  <si>
    <t>04/25/14 15:44:13.5</t>
  </si>
  <si>
    <t>04/25/14 15:45:40.5</t>
  </si>
  <si>
    <t>04/25/14 15:45:50.0</t>
  </si>
  <si>
    <t>04/25/14 15:51:49.0</t>
  </si>
  <si>
    <t>04/25/14 15:52:03.5</t>
  </si>
  <si>
    <t>04/25/14 15:58:12.0</t>
  </si>
  <si>
    <t>04/25/14 15:58:24.0</t>
  </si>
  <si>
    <t>04/25/14 16:01:58.0</t>
  </si>
  <si>
    <t>04/25/14 16:03:00.5</t>
  </si>
  <si>
    <t>04/25/14 16:05:58.5</t>
  </si>
  <si>
    <t>04/25/14 16:11:16.0</t>
  </si>
  <si>
    <t>04/25/14 16:19:50.0</t>
  </si>
  <si>
    <t>04/25/14 16:24:34.5</t>
  </si>
  <si>
    <t>04/25/14 16:33:05.0</t>
  </si>
  <si>
    <t>04/25/14 16:33:10.5</t>
  </si>
  <si>
    <t>04/25/14 16:34:30.5</t>
  </si>
  <si>
    <t>04/25/14 16:34:40.0</t>
  </si>
  <si>
    <t>04/25/14 16:37:43.0</t>
  </si>
  <si>
    <t>04/25/14 16:38:09.5</t>
  </si>
  <si>
    <t>04/25/14 16:40:15.0</t>
  </si>
  <si>
    <t>04/25/14 16:40:31.5</t>
  </si>
  <si>
    <t>04/25/14 16:45:02.5</t>
  </si>
  <si>
    <t>04/25/14 16:45:38.0</t>
  </si>
  <si>
    <t>04/25/14 16:47:20.0</t>
  </si>
  <si>
    <t>04/25/14 16:47:41.5</t>
  </si>
  <si>
    <t>04/25/14 16:50:46.5</t>
  </si>
  <si>
    <t>04/25/14 16:51:21.5</t>
  </si>
  <si>
    <t>04/25/14 16:53:47.5</t>
  </si>
  <si>
    <t>04/25/14 16:54:03.0</t>
  </si>
  <si>
    <t>04/25/14 17:00:33.5</t>
  </si>
  <si>
    <t>04/25/14 17:00:43.5</t>
  </si>
  <si>
    <t>04/25/14 17:02:29.5</t>
  </si>
  <si>
    <t>04/25/14 17:02:36.0</t>
  </si>
  <si>
    <t>04/25/14 17:04:39.5</t>
  </si>
  <si>
    <t>04/25/14 17:05:05.5</t>
  </si>
  <si>
    <t>04/25/14 17:07:19.0</t>
  </si>
  <si>
    <t>04/25/14 17:08:01.0</t>
  </si>
  <si>
    <t>04/25/14 17:15:06.5</t>
  </si>
  <si>
    <t>04/25/14 17:15:23.0</t>
  </si>
  <si>
    <t>04/25/14 17:22:49.5</t>
  </si>
  <si>
    <t>04/25/14 17:23:06.5</t>
  </si>
  <si>
    <t>04/25/14 17:28:18.0</t>
  </si>
  <si>
    <t>04/25/14 17:28:24.5</t>
  </si>
  <si>
    <t>04/25/14 17:32:47.0</t>
  </si>
  <si>
    <t>04/25/14 17:33:48.5</t>
  </si>
  <si>
    <t>04/25/14 17:35:31.0</t>
  </si>
  <si>
    <t>04/25/14 17:35:45.0</t>
  </si>
  <si>
    <t>04/25/14 17:42:36.0</t>
  </si>
  <si>
    <t>04/25/14 17:42:52.0</t>
  </si>
  <si>
    <t>04/25/14 17:53:28.0</t>
  </si>
  <si>
    <t>04/25/14 17:54:54.0</t>
  </si>
  <si>
    <t>04/25/14 18:05:42.0</t>
  </si>
  <si>
    <t>04/25/14 18:06:44.0</t>
  </si>
  <si>
    <t>04/25/14 18:09:23.0</t>
  </si>
  <si>
    <t>04/25/14 18:13:59.0</t>
  </si>
  <si>
    <t>04/25/14 18:22:10.5</t>
  </si>
  <si>
    <t>04/25/14 18:22:22.0</t>
  </si>
  <si>
    <t>04/25/14 18:25:04.0</t>
  </si>
  <si>
    <t>04/25/14 18:25:22.5</t>
  </si>
  <si>
    <t>04/25/14 18:28:04.0</t>
  </si>
  <si>
    <t>04/25/14 18:28:17.0</t>
  </si>
  <si>
    <t>04/25/14 18:34:36.0</t>
  </si>
  <si>
    <t>04/25/14 18:34:50.0</t>
  </si>
  <si>
    <t>04/25/14 18:36:54.5</t>
  </si>
  <si>
    <t>04/25/14 18:37:01.0</t>
  </si>
  <si>
    <t>04/25/14 18:40:00.0</t>
  </si>
  <si>
    <t>04/25/14 18:40:35.5</t>
  </si>
  <si>
    <t>04/25/14 18:44:20.0</t>
  </si>
  <si>
    <t>04/25/14 18:45:29.0</t>
  </si>
  <si>
    <t>04/25/14 18:47:39.0</t>
  </si>
  <si>
    <t>04/25/14 18:48:09.5</t>
  </si>
  <si>
    <t>04/25/14 18:55:54.5</t>
  </si>
  <si>
    <t>04/25/14 18:56:07.5</t>
  </si>
  <si>
    <t>04/25/14 18:58:10.5</t>
  </si>
  <si>
    <t>04/25/14 18:58:19.0</t>
  </si>
  <si>
    <t>04/25/14 19:00:14.5</t>
  </si>
  <si>
    <t>04/25/14 19:00:27.0</t>
  </si>
  <si>
    <t>04/25/14 19:09:38.0</t>
  </si>
  <si>
    <t>04/25/14 19:11:45.0</t>
  </si>
  <si>
    <t>04/25/14 19:21:54.5</t>
  </si>
  <si>
    <t>04/25/14 19:23:30.5</t>
  </si>
  <si>
    <t>04/25/14 20:50:15.0</t>
  </si>
  <si>
    <t>04/25/14 21:02:38.5</t>
  </si>
  <si>
    <t>04/26/14 09:29:36.0</t>
  </si>
  <si>
    <t>04/26/14 09:31:41.0</t>
  </si>
  <si>
    <t>04/26/14 10:02:40.5</t>
  </si>
  <si>
    <t>04/26/14 10:19:38.0</t>
  </si>
  <si>
    <t>04/26/14 10:35:50.0</t>
  </si>
  <si>
    <t>04/26/14 10:36:26.5</t>
  </si>
  <si>
    <t>04/26/14 10:48:49.0</t>
  </si>
  <si>
    <t>04/26/14 10:49:20.0</t>
  </si>
  <si>
    <t>04/26/14 11:06:14.5</t>
  </si>
  <si>
    <t>04/26/14 11:13:03.5</t>
  </si>
  <si>
    <t>04/26/14 11:15:56.0</t>
  </si>
  <si>
    <t>04/26/14 11:19:13.5</t>
  </si>
  <si>
    <t>04/26/14 11:36:04.0</t>
  </si>
  <si>
    <t>04/26/14 11:36:23.0</t>
  </si>
  <si>
    <t>04/26/14 11:55:11.0</t>
  </si>
  <si>
    <t>04/26/14 11:56:11.5</t>
  </si>
  <si>
    <t>04/26/14 12:05:31.5</t>
  </si>
  <si>
    <t>04/26/14 12:05:57.0</t>
  </si>
  <si>
    <t>04/26/14 12:12:57.0</t>
  </si>
  <si>
    <t>04/26/14 12:13:07.0</t>
  </si>
  <si>
    <t>04/26/14 12:15:03.5</t>
  </si>
  <si>
    <t>04/26/14 12:15:10.0</t>
  </si>
  <si>
    <t>04/26/14 12:16:50.5</t>
  </si>
  <si>
    <t>04/26/14 12:16:58.0</t>
  </si>
  <si>
    <t>04/26/14 12:18:14.5</t>
  </si>
  <si>
    <t>04/26/14 12:18:25.5</t>
  </si>
  <si>
    <t>04/26/14 12:19:23.5</t>
  </si>
  <si>
    <t>04/26/14 12:19:29.5</t>
  </si>
  <si>
    <t>04/26/14 12:20:34.0</t>
  </si>
  <si>
    <t>04/26/14 12:20:45.0</t>
  </si>
  <si>
    <t>04/26/14 12:21:51.0</t>
  </si>
  <si>
    <t>04/26/14 12:21:54.5</t>
  </si>
  <si>
    <t>04/26/14 12:23:18.0</t>
  </si>
  <si>
    <t>04/26/14 12:23:29.5</t>
  </si>
  <si>
    <t>04/26/14 12:24:18.0</t>
  </si>
  <si>
    <t>04/26/14 12:24:21.5</t>
  </si>
  <si>
    <t>04/26/14 12:25:07.5</t>
  </si>
  <si>
    <t>04/26/14 12:25:12.0</t>
  </si>
  <si>
    <t>04/26/14 12:25:45.0</t>
  </si>
  <si>
    <t>04/26/14 12:25:50.0</t>
  </si>
  <si>
    <t>04/26/14 12:26:37.5</t>
  </si>
  <si>
    <t>04/26/14 12:26:42.5</t>
  </si>
  <si>
    <t>04/26/14 12:27:42.5</t>
  </si>
  <si>
    <t>04/26/14 12:27:51.0</t>
  </si>
  <si>
    <t>04/26/14 12:29:21.0</t>
  </si>
  <si>
    <t>04/26/14 12:29:35.0</t>
  </si>
  <si>
    <t>04/26/14 12:31:33.5</t>
  </si>
  <si>
    <t>04/26/14 12:31:38.0</t>
  </si>
  <si>
    <t>04/26/14 12:32:34.5</t>
  </si>
  <si>
    <t>04/26/14 12:32:40.5</t>
  </si>
  <si>
    <t>04/26/14 12:34:04.0</t>
  </si>
  <si>
    <t>04/26/14 12:34:40.5</t>
  </si>
  <si>
    <t>04/26/14 12:37:21.5</t>
  </si>
  <si>
    <t>04/26/14 12:37:30.0</t>
  </si>
  <si>
    <t>04/26/14 12:39:54.0</t>
  </si>
  <si>
    <t>04/26/14 12:39:59.0</t>
  </si>
  <si>
    <t>04/26/14 12:41:21.0</t>
  </si>
  <si>
    <t>04/26/14 12:41:37.0</t>
  </si>
  <si>
    <t>04/26/14 12:42:42.5</t>
  </si>
  <si>
    <t>04/26/14 12:42:47.0</t>
  </si>
  <si>
    <t>04/26/14 12:44:06.5</t>
  </si>
  <si>
    <t>04/26/14 12:44:14.0</t>
  </si>
  <si>
    <t>04/26/14 12:45:24.5</t>
  </si>
  <si>
    <t>04/26/14 12:46:00.5</t>
  </si>
  <si>
    <t>04/26/14 12:47:39.5</t>
  </si>
  <si>
    <t>04/26/14 12:47:47.5</t>
  </si>
  <si>
    <t>04/26/14 12:50:11.5</t>
  </si>
  <si>
    <t>04/26/14 12:50:21.0</t>
  </si>
  <si>
    <t>04/26/14 12:52:34.0</t>
  </si>
  <si>
    <t>04/26/14 12:53:01.5</t>
  </si>
  <si>
    <t>04/26/14 12:56:42.0</t>
  </si>
  <si>
    <t>04/26/14 12:56:51.5</t>
  </si>
  <si>
    <t>04/26/14 12:59:53.0</t>
  </si>
  <si>
    <t>04/26/14 13:00:01.5</t>
  </si>
  <si>
    <t>04/26/14 13:01:01.5</t>
  </si>
  <si>
    <t>04/26/14 13:01:07.5</t>
  </si>
  <si>
    <t>04/26/14 13:03:12.0</t>
  </si>
  <si>
    <t>04/26/14 13:03:19.5</t>
  </si>
  <si>
    <t>04/26/14 13:05:13.0</t>
  </si>
  <si>
    <t>04/26/14 13:05:23.5</t>
  </si>
  <si>
    <t>04/26/14 13:06:31.0</t>
  </si>
  <si>
    <t>04/26/14 13:06:38.5</t>
  </si>
  <si>
    <t>04/26/14 13:09:00.0</t>
  </si>
  <si>
    <t>04/26/14 13:09:13.5</t>
  </si>
  <si>
    <t>04/26/14 13:10:34.5</t>
  </si>
  <si>
    <t>04/26/14 13:10:40.5</t>
  </si>
  <si>
    <t>04/26/14 13:11:58.5</t>
  </si>
  <si>
    <t>04/26/14 13:12:20.0</t>
  </si>
  <si>
    <t>04/26/14 13:13:56.0</t>
  </si>
  <si>
    <t>04/26/14 13:14:07.5</t>
  </si>
  <si>
    <t>04/26/14 13:15:15.5</t>
  </si>
  <si>
    <t>04/26/14 13:15:22.5</t>
  </si>
  <si>
    <t>04/26/14 13:17:44.5</t>
  </si>
  <si>
    <t>04/26/14 13:17:57.0</t>
  </si>
  <si>
    <t>04/26/14 13:19:13.5</t>
  </si>
  <si>
    <t>04/26/14 13:19:21.0</t>
  </si>
  <si>
    <t>04/26/14 13:21:01.5</t>
  </si>
  <si>
    <t>04/26/14 13:21:10.0</t>
  </si>
  <si>
    <t>04/26/14 13:22:15.5</t>
  </si>
  <si>
    <t>04/26/14 13:22:26.5</t>
  </si>
  <si>
    <t>04/26/14 13:23:43.0</t>
  </si>
  <si>
    <t>04/26/14 13:23:54.5</t>
  </si>
  <si>
    <t>04/26/14 13:26:28.5</t>
  </si>
  <si>
    <t>04/26/14 13:26:34.5</t>
  </si>
  <si>
    <t>04/26/14 13:27:38.5</t>
  </si>
  <si>
    <t>04/26/14 13:27:48.5</t>
  </si>
  <si>
    <t>04/26/14 13:30:58.5</t>
  </si>
  <si>
    <t>04/26/14 13:31:02.5</t>
  </si>
  <si>
    <t>04/26/14 13:32:00.5</t>
  </si>
  <si>
    <t>04/26/14 13:32:09.5</t>
  </si>
  <si>
    <t>04/26/14 13:33:59.5</t>
  </si>
  <si>
    <t>04/26/14 13:34:29.5</t>
  </si>
  <si>
    <t>04/26/14 13:35:57.0</t>
  </si>
  <si>
    <t>04/26/14 13:36:13.5</t>
  </si>
  <si>
    <t>04/26/14 13:37:57.5</t>
  </si>
  <si>
    <t>04/26/14 13:38:06.5</t>
  </si>
  <si>
    <t>04/26/14 13:39:12.5</t>
  </si>
  <si>
    <t>04/26/14 13:39:23.0</t>
  </si>
  <si>
    <t>04/26/14 13:40:48.0</t>
  </si>
  <si>
    <t>04/26/14 13:40:58.0</t>
  </si>
  <si>
    <t>04/26/14 13:42:31.0</t>
  </si>
  <si>
    <t>04/26/14 13:42:38.5</t>
  </si>
  <si>
    <t>04/26/14 13:43:51.5</t>
  </si>
  <si>
    <t>04/26/14 13:43:59.5</t>
  </si>
  <si>
    <t>04/26/14 13:45:54.0</t>
  </si>
  <si>
    <t>04/26/14 13:46:00.0</t>
  </si>
  <si>
    <t>04/26/14 13:47:30.5</t>
  </si>
  <si>
    <t>04/26/14 13:47:39.0</t>
  </si>
  <si>
    <t>04/26/14 13:50:52.5</t>
  </si>
  <si>
    <t>04/26/14 13:51:06.5</t>
  </si>
  <si>
    <t>04/26/14 13:54:08.5</t>
  </si>
  <si>
    <t>04/26/14 13:54:43.5</t>
  </si>
  <si>
    <t>04/26/14 13:56:31.0</t>
  </si>
  <si>
    <t>04/26/14 13:56:41.0</t>
  </si>
  <si>
    <t>04/26/14 13:58:32.0</t>
  </si>
  <si>
    <t>04/26/14 13:58:46.0</t>
  </si>
  <si>
    <t>04/26/14 14:00:34.5</t>
  </si>
  <si>
    <t>04/26/14 14:00:51.0</t>
  </si>
  <si>
    <t>04/26/14 14:03:49.0</t>
  </si>
  <si>
    <t>04/26/14 14:04:22.5</t>
  </si>
  <si>
    <t>04/26/14 14:05:57.5</t>
  </si>
  <si>
    <t>04/26/14 14:06:02.5</t>
  </si>
  <si>
    <t>04/26/14 14:08:14.0</t>
  </si>
  <si>
    <t>04/26/14 14:08:26.5</t>
  </si>
  <si>
    <t>04/26/14 14:09:35.5</t>
  </si>
  <si>
    <t>04/26/14 14:09:50.0</t>
  </si>
  <si>
    <t>04/26/14 14:10:52.5</t>
  </si>
  <si>
    <t>04/26/14 14:11:01.5</t>
  </si>
  <si>
    <t>04/26/14 14:11:57.0</t>
  </si>
  <si>
    <t>04/26/14 14:12:10.5</t>
  </si>
  <si>
    <t>04/26/14 14:13:47.5</t>
  </si>
  <si>
    <t>04/26/14 14:13:54.5</t>
  </si>
  <si>
    <t>04/26/14 14:15:30.0</t>
  </si>
  <si>
    <t>04/26/14 14:15:41.0</t>
  </si>
  <si>
    <t>04/26/14 14:17:12.5</t>
  </si>
  <si>
    <t>04/26/14 14:17:20.5</t>
  </si>
  <si>
    <t>04/26/14 14:18:04.0</t>
  </si>
  <si>
    <t>04/26/14 14:18:10.5</t>
  </si>
  <si>
    <t>04/26/14 14:20:43.5</t>
  </si>
  <si>
    <t>04/26/14 14:20:51.0</t>
  </si>
  <si>
    <t>04/26/14 14:22:18.0</t>
  </si>
  <si>
    <t>04/26/14 14:22:29.0</t>
  </si>
  <si>
    <t>04/26/14 14:25:34.5</t>
  </si>
  <si>
    <t>04/26/14 14:25:49.0</t>
  </si>
  <si>
    <t>04/26/14 14:27:51.0</t>
  </si>
  <si>
    <t>04/26/14 14:27:58.0</t>
  </si>
  <si>
    <t>04/26/14 14:28:41.0</t>
  </si>
  <si>
    <t>04/26/14 14:28:51.0</t>
  </si>
  <si>
    <t>04/26/14 14:36:40.0</t>
  </si>
  <si>
    <t>04/26/14 14:37:23.0</t>
  </si>
  <si>
    <t>04/26/14 14:38:29.5</t>
  </si>
  <si>
    <t>04/26/14 14:38:39.0</t>
  </si>
  <si>
    <t>04/26/14 14:39:33.5</t>
  </si>
  <si>
    <t>04/26/14 14:39:45.0</t>
  </si>
  <si>
    <t>04/26/14 14:42:18.5</t>
  </si>
  <si>
    <t>04/26/14 14:42:33.0</t>
  </si>
  <si>
    <t>04/26/14 14:44:26.0</t>
  </si>
  <si>
    <t>04/26/14 14:44:31.5</t>
  </si>
  <si>
    <t>04/26/14 14:47:02.0</t>
  </si>
  <si>
    <t>04/26/14 14:47:14.5</t>
  </si>
  <si>
    <t>04/26/14 14:48:58.5</t>
  </si>
  <si>
    <t>04/26/14 14:49:07.0</t>
  </si>
  <si>
    <t>04/26/14 14:50:10.0</t>
  </si>
  <si>
    <t>04/26/14 14:50:19.0</t>
  </si>
  <si>
    <t>04/26/14 14:51:47.0</t>
  </si>
  <si>
    <t>04/26/14 14:51:52.0</t>
  </si>
  <si>
    <t>04/26/14 14:54:38.0</t>
  </si>
  <si>
    <t>04/26/14 14:55:01.5</t>
  </si>
  <si>
    <t>04/26/14 14:56:22.0</t>
  </si>
  <si>
    <t>04/26/14 14:56:26.5</t>
  </si>
  <si>
    <t>04/26/14 14:57:53.5</t>
  </si>
  <si>
    <t>04/26/14 14:58:01.0</t>
  </si>
  <si>
    <t>04/26/14 15:00:04.0</t>
  </si>
  <si>
    <t>04/26/14 15:00:13.5</t>
  </si>
  <si>
    <t>04/26/14 15:02:31.5</t>
  </si>
  <si>
    <t>04/26/14 15:03:34.5</t>
  </si>
  <si>
    <t>04/26/14 15:05:32.5</t>
  </si>
  <si>
    <t>04/26/14 15:05:39.0</t>
  </si>
  <si>
    <t>04/26/14 15:08:16.0</t>
  </si>
  <si>
    <t>04/26/14 15:08:30.5</t>
  </si>
  <si>
    <t>04/26/14 15:11:11.5</t>
  </si>
  <si>
    <t>04/26/14 15:11:26.0</t>
  </si>
  <si>
    <t>04/26/14 15:12:57.0</t>
  </si>
  <si>
    <t>04/26/14 15:13:06.0</t>
  </si>
  <si>
    <t>04/26/14 15:14:31.0</t>
  </si>
  <si>
    <t>04/26/14 15:14:38.0</t>
  </si>
  <si>
    <t>04/26/14 15:18:07.5</t>
  </si>
  <si>
    <t>04/26/14 15:18:17.0</t>
  </si>
  <si>
    <t>04/26/14 15:19:33.0</t>
  </si>
  <si>
    <t>04/26/14 15:19:47.5</t>
  </si>
  <si>
    <t>04/26/14 15:22:17.0</t>
  </si>
  <si>
    <t>04/26/14 15:22:29.5</t>
  </si>
  <si>
    <t>04/26/14 15:23:45.0</t>
  </si>
  <si>
    <t>04/26/14 15:23:51.5</t>
  </si>
  <si>
    <t>04/26/14 15:26:04.0</t>
  </si>
  <si>
    <t>04/26/14 15:26:54.5</t>
  </si>
  <si>
    <t>04/26/14 15:28:32.5</t>
  </si>
  <si>
    <t>04/26/14 15:28:40.5</t>
  </si>
  <si>
    <t>04/26/14 15:31:09.0</t>
  </si>
  <si>
    <t>04/26/14 15:31:21.5</t>
  </si>
  <si>
    <t>04/26/14 15:33:35.0</t>
  </si>
  <si>
    <t>04/26/14 15:33:48.0</t>
  </si>
  <si>
    <t>04/26/14 15:35:31.5</t>
  </si>
  <si>
    <t>04/26/14 15:35:39.0</t>
  </si>
  <si>
    <t>04/26/14 15:38:08.5</t>
  </si>
  <si>
    <t>04/26/14 15:38:15.0</t>
  </si>
  <si>
    <t>04/26/14 15:41:04.5</t>
  </si>
  <si>
    <t>04/26/14 15:41:15.0</t>
  </si>
  <si>
    <t>04/26/14 15:43:19.5</t>
  </si>
  <si>
    <t>04/26/14 15:43:29.0</t>
  </si>
  <si>
    <t>04/26/14 15:46:27.5</t>
  </si>
  <si>
    <t>04/26/14 15:46:31.0</t>
  </si>
  <si>
    <t>04/26/14 15:47:27.0</t>
  </si>
  <si>
    <t>04/26/14 15:47:34.5</t>
  </si>
  <si>
    <t>04/26/14 15:50:01.0</t>
  </si>
  <si>
    <t>04/26/14 15:50:19.0</t>
  </si>
  <si>
    <t>04/26/14 15:52:25.5</t>
  </si>
  <si>
    <t>04/26/14 15:52:35.0</t>
  </si>
  <si>
    <t>04/26/14 15:53:30.0</t>
  </si>
  <si>
    <t>04/26/14 15:53:42.0</t>
  </si>
  <si>
    <t>04/26/14 15:54:42.5</t>
  </si>
  <si>
    <t>04/26/14 15:54:46.5</t>
  </si>
  <si>
    <t>04/26/14 15:56:42.5</t>
  </si>
  <si>
    <t>04/26/14 15:56:52.0</t>
  </si>
  <si>
    <t>04/26/14 15:58:43.0</t>
  </si>
  <si>
    <t>04/26/14 15:58:50.0</t>
  </si>
  <si>
    <t>04/26/14 15:59:22.0</t>
  </si>
  <si>
    <t>04/26/14 15:59:26.0</t>
  </si>
  <si>
    <t>04/26/14 16:00:34.5</t>
  </si>
  <si>
    <t>04/26/14 16:00:40.0</t>
  </si>
  <si>
    <t>04/26/14 16:01:31.0</t>
  </si>
  <si>
    <t>04/26/14 16:01:42.0</t>
  </si>
  <si>
    <t>04/26/14 16:03:13.0</t>
  </si>
  <si>
    <t>04/26/14 16:03:24.0</t>
  </si>
  <si>
    <t>04/26/14 16:04:26.0</t>
  </si>
  <si>
    <t>04/26/14 16:04:30.0</t>
  </si>
  <si>
    <t>04/26/14 16:05:51.0</t>
  </si>
  <si>
    <t>04/26/14 16:05:57.5</t>
  </si>
  <si>
    <t>04/26/14 16:09:52.5</t>
  </si>
  <si>
    <t>04/26/14 16:10:06.0</t>
  </si>
  <si>
    <t>04/26/14 16:11:58.5</t>
  </si>
  <si>
    <t>04/26/14 16:12:19.5</t>
  </si>
  <si>
    <t>04/26/14 16:14:05.0</t>
  </si>
  <si>
    <t>04/26/14 16:14:13.5</t>
  </si>
  <si>
    <t>04/26/14 16:19:18.5</t>
  </si>
  <si>
    <t>04/26/14 16:19:59.5</t>
  </si>
  <si>
    <t>04/26/14 16:21:55.0</t>
  </si>
  <si>
    <t>04/26/14 16:22:08.0</t>
  </si>
  <si>
    <t>04/26/14 16:23:50.5</t>
  </si>
  <si>
    <t>04/26/14 16:24:02.5</t>
  </si>
  <si>
    <t>04/26/14 16:26:21.0</t>
  </si>
  <si>
    <t>04/26/14 16:26:29.5</t>
  </si>
  <si>
    <t>04/26/14 16:27:52.5</t>
  </si>
  <si>
    <t>04/26/14 16:28:04.0</t>
  </si>
  <si>
    <t>04/26/14 16:29:50.0</t>
  </si>
  <si>
    <t>04/26/14 16:29:57.5</t>
  </si>
  <si>
    <t>04/26/14 16:31:39.0</t>
  </si>
  <si>
    <t>04/26/14 16:31:54.0</t>
  </si>
  <si>
    <t>04/26/14 16:33:34.0</t>
  </si>
  <si>
    <t>04/26/14 16:33:39.0</t>
  </si>
  <si>
    <t>04/26/14 16:35:26.0</t>
  </si>
  <si>
    <t>04/26/14 16:35:41.0</t>
  </si>
  <si>
    <t>04/26/14 16:39:53.0</t>
  </si>
  <si>
    <t>04/26/14 16:40:00.0</t>
  </si>
  <si>
    <t>04/26/14 16:41:06.5</t>
  </si>
  <si>
    <t>04/26/14 16:41:12.5</t>
  </si>
  <si>
    <t>04/26/14 16:41:53.5</t>
  </si>
  <si>
    <t>04/26/14 16:42:07.0</t>
  </si>
  <si>
    <t>04/26/14 16:46:05.0</t>
  </si>
  <si>
    <t>04/26/14 16:46:14.0</t>
  </si>
  <si>
    <t>04/26/14 16:47:37.5</t>
  </si>
  <si>
    <t>04/26/14 16:47:42.5</t>
  </si>
  <si>
    <t>04/26/14 16:49:00.0</t>
  </si>
  <si>
    <t>04/26/14 16:49:06.5</t>
  </si>
  <si>
    <t>04/26/14 16:50:24.0</t>
  </si>
  <si>
    <t>04/26/14 16:50:33.0</t>
  </si>
  <si>
    <t>04/26/14 16:52:11.0</t>
  </si>
  <si>
    <t>04/26/14 16:53:23.5</t>
  </si>
  <si>
    <t>04/26/14 16:56:01.5</t>
  </si>
  <si>
    <t>04/26/14 16:56:07.5</t>
  </si>
  <si>
    <t>04/26/14 16:58:13.0</t>
  </si>
  <si>
    <t>04/26/14 16:58:45.5</t>
  </si>
  <si>
    <t>04/26/14 17:02:43.5</t>
  </si>
  <si>
    <t>04/26/14 17:03:00.5</t>
  </si>
  <si>
    <t>04/26/14 17:06:13.0</t>
  </si>
  <si>
    <t>04/26/14 17:06:33.5</t>
  </si>
  <si>
    <t>04/26/14 17:08:49.5</t>
  </si>
  <si>
    <t>04/26/14 17:09:04.5</t>
  </si>
  <si>
    <t>04/26/14 17:11:58.0</t>
  </si>
  <si>
    <t>04/26/14 17:12:03.5</t>
  </si>
  <si>
    <t>04/26/14 17:13:15.5</t>
  </si>
  <si>
    <t>04/26/14 17:13:21.0</t>
  </si>
  <si>
    <t>04/26/14 17:16:19.0</t>
  </si>
  <si>
    <t>04/26/14 17:16:29.5</t>
  </si>
  <si>
    <t>04/26/14 17:18:33.0</t>
  </si>
  <si>
    <t>04/26/14 17:18:46.0</t>
  </si>
  <si>
    <t>04/26/14 17:20:39.0</t>
  </si>
  <si>
    <t>04/26/14 17:20:48.0</t>
  </si>
  <si>
    <t>04/26/14 17:23:30.5</t>
  </si>
  <si>
    <t>04/26/14 17:23:43.5</t>
  </si>
  <si>
    <t>04/26/14 17:25:59.0</t>
  </si>
  <si>
    <t>04/26/14 17:26:08.0</t>
  </si>
  <si>
    <t>04/26/14 17:29:46.5</t>
  </si>
  <si>
    <t>04/26/14 17:30:14.5</t>
  </si>
  <si>
    <t>04/26/14 17:33:20.0</t>
  </si>
  <si>
    <t>04/26/14 17:33:28.5</t>
  </si>
  <si>
    <t>04/26/14 17:35:15.0</t>
  </si>
  <si>
    <t>04/26/14 17:35:21.0</t>
  </si>
  <si>
    <t>04/26/14 17:36:14.0</t>
  </si>
  <si>
    <t>04/26/14 17:36:19.0</t>
  </si>
  <si>
    <t>04/26/14 17:38:02.5</t>
  </si>
  <si>
    <t>04/26/14 17:38:09.0</t>
  </si>
  <si>
    <t>04/26/14 17:39:07.5</t>
  </si>
  <si>
    <t>04/26/14 17:39:15.0</t>
  </si>
  <si>
    <t>04/26/14 17:41:04.0</t>
  </si>
  <si>
    <t>04/26/14 17:41:14.5</t>
  </si>
  <si>
    <t>04/26/14 17:43:37.0</t>
  </si>
  <si>
    <t>04/26/14 17:43:58.0</t>
  </si>
  <si>
    <t>04/26/14 17:47:33.0</t>
  </si>
  <si>
    <t>04/26/14 17:47:51.0</t>
  </si>
  <si>
    <t>04/26/14 17:50:38.5</t>
  </si>
  <si>
    <t>04/26/14 17:50:45.0</t>
  </si>
  <si>
    <t>04/26/14 17:52:36.0</t>
  </si>
  <si>
    <t>04/26/14 17:53:09.5</t>
  </si>
  <si>
    <t>04/26/14 17:56:16.0</t>
  </si>
  <si>
    <t>04/26/14 17:56:21.5</t>
  </si>
  <si>
    <t>04/26/14 17:58:47.0</t>
  </si>
  <si>
    <t>04/26/14 17:58:52.5</t>
  </si>
  <si>
    <t>04/26/14 18:02:52.5</t>
  </si>
  <si>
    <t>04/26/14 18:03:19.5</t>
  </si>
  <si>
    <t>04/26/14 18:05:49.0</t>
  </si>
  <si>
    <t>04/26/14 18:05:57.0</t>
  </si>
  <si>
    <t>04/26/14 18:08:05.5</t>
  </si>
  <si>
    <t>04/26/14 18:08:10.0</t>
  </si>
  <si>
    <t>04/26/14 18:09:36.0</t>
  </si>
  <si>
    <t>04/26/14 18:09:41.0</t>
  </si>
  <si>
    <t>04/26/14 18:12:59.5</t>
  </si>
  <si>
    <t>04/26/14 18:13:18.0</t>
  </si>
  <si>
    <t>04/26/14 18:14:57.5</t>
  </si>
  <si>
    <t>04/26/14 18:15:08.0</t>
  </si>
  <si>
    <t>04/26/14 18:16:28.0</t>
  </si>
  <si>
    <t>04/26/14 18:16:35.5</t>
  </si>
  <si>
    <t>04/26/14 18:18:50.5</t>
  </si>
  <si>
    <t>04/26/14 18:19:07.5</t>
  </si>
  <si>
    <t>04/26/14 18:21:05.5</t>
  </si>
  <si>
    <t>04/26/14 18:21:09.5</t>
  </si>
  <si>
    <t>04/26/14 18:22:44.0</t>
  </si>
  <si>
    <t>04/26/14 18:22:49.5</t>
  </si>
  <si>
    <t>04/26/14 18:25:13.0</t>
  </si>
  <si>
    <t>04/26/14 18:25:25.5</t>
  </si>
  <si>
    <t>04/26/14 18:27:30.0</t>
  </si>
  <si>
    <t>04/26/14 18:27:44.0</t>
  </si>
  <si>
    <t>04/26/14 18:30:51.5</t>
  </si>
  <si>
    <t>04/26/14 18:30:59.5</t>
  </si>
  <si>
    <t>04/26/14 18:35:14.5</t>
  </si>
  <si>
    <t>04/26/14 18:35:18.5</t>
  </si>
  <si>
    <t>04/26/14 18:37:00.0</t>
  </si>
  <si>
    <t>04/26/14 18:37:15.5</t>
  </si>
  <si>
    <t>04/26/14 18:39:05.5</t>
  </si>
  <si>
    <t>04/26/14 18:39:11.0</t>
  </si>
  <si>
    <t>04/26/14 18:41:11.0</t>
  </si>
  <si>
    <t>04/26/14 18:41:21.0</t>
  </si>
  <si>
    <t>04/26/14 18:44:10.5</t>
  </si>
  <si>
    <t>04/26/14 18:44:19.5</t>
  </si>
  <si>
    <t>04/26/14 18:46:26.5</t>
  </si>
  <si>
    <t>04/26/14 18:46:30.5</t>
  </si>
  <si>
    <t>04/26/14 18:47:58.0</t>
  </si>
  <si>
    <t>04/26/14 18:48:04.5</t>
  </si>
  <si>
    <t>04/26/14 18:51:24.5</t>
  </si>
  <si>
    <t>04/26/14 18:51:34.5</t>
  </si>
  <si>
    <t>04/26/14 18:55:17.0</t>
  </si>
  <si>
    <t>04/26/14 18:55:46.0</t>
  </si>
  <si>
    <t>04/26/14 18:58:47.0</t>
  </si>
  <si>
    <t>04/26/14 18:58:52.0</t>
  </si>
  <si>
    <t>04/26/14 19:00:56.5</t>
  </si>
  <si>
    <t>04/26/14 19:01:09.0</t>
  </si>
  <si>
    <t>04/26/14 19:08:24.0</t>
  </si>
  <si>
    <t>04/26/14 19:09:24.0</t>
  </si>
  <si>
    <t>04/26/14 19:11:05.0</t>
  </si>
  <si>
    <t>04/26/14 19:11:16.0</t>
  </si>
  <si>
    <t>04/26/14 19:14:54.0</t>
  </si>
  <si>
    <t>04/26/14 19:16:10.0</t>
  </si>
  <si>
    <t>04/26/14 19:23:27.5</t>
  </si>
  <si>
    <t>04/26/14 19:24:01.5</t>
  </si>
  <si>
    <t>04/26/14 19:31:16.5</t>
  </si>
  <si>
    <t>04/26/14 19:33:01.0</t>
  </si>
  <si>
    <t>04/26/14 19:38:38.0</t>
  </si>
  <si>
    <t>04/26/14 19:39:28.0</t>
  </si>
  <si>
    <t>04/26/14 19:52:09.5</t>
  </si>
  <si>
    <t>04/26/14 19:54:47.0</t>
  </si>
  <si>
    <t>04/26/14 19:58:28.0</t>
  </si>
  <si>
    <t>04/26/14 19:59:07.0</t>
  </si>
  <si>
    <t>04/26/14 20:02:06.0</t>
  </si>
  <si>
    <t>04/26/14 20:02:24.0</t>
  </si>
  <si>
    <t>04/26/14 20:08:33.5</t>
  </si>
  <si>
    <t>04/26/14 20:08:47.0</t>
  </si>
  <si>
    <t>04/26/14 20:18:26.0</t>
  </si>
  <si>
    <t>04/26/14 20:18:31.0</t>
  </si>
  <si>
    <t>04/26/14 20:23:55.0</t>
  </si>
  <si>
    <t>04/26/14 20:25:17.0</t>
  </si>
  <si>
    <t>04/27/14 08:58:58.0</t>
  </si>
  <si>
    <t>04/27/14 08:59:31.0</t>
  </si>
  <si>
    <t>04/27/14 09:08:51.5</t>
  </si>
  <si>
    <t>04/27/14 09:09:26.5</t>
  </si>
  <si>
    <t>04/27/14 09:24:04.0</t>
  </si>
  <si>
    <t>04/27/14 09:24:18.5</t>
  </si>
  <si>
    <t>04/27/14 09:32:39.0</t>
  </si>
  <si>
    <t>04/27/14 09:33:18.5</t>
  </si>
  <si>
    <t>04/27/14 09:45:53.0</t>
  </si>
  <si>
    <t>04/27/14 09:47:55.5</t>
  </si>
  <si>
    <t>04/27/14 09:56:03.5</t>
  </si>
  <si>
    <t>04/27/14 09:56:15.0</t>
  </si>
  <si>
    <t>04/27/14 09:57:48.0</t>
  </si>
  <si>
    <t>04/27/14 10:11:56.5</t>
  </si>
  <si>
    <t>04/27/14 11:35:50.0</t>
  </si>
  <si>
    <t>04/27/14 11:40:39.5</t>
  </si>
  <si>
    <t>04/27/14 11:50:55.0</t>
  </si>
  <si>
    <t>04/27/14 11:51:03.5</t>
  </si>
  <si>
    <t>04/27/14 11:59:16.0</t>
  </si>
  <si>
    <t>04/27/14 12:04:36.5</t>
  </si>
  <si>
    <t>04/27/14 12:31:42.0</t>
  </si>
  <si>
    <t>04/27/14 12:31:53.0</t>
  </si>
  <si>
    <t>04/27/14 12:39:02.5</t>
  </si>
  <si>
    <t>04/27/14 12:39:52.5</t>
  </si>
  <si>
    <t>04/27/14 13:04:09.0</t>
  </si>
  <si>
    <t>04/27/14 13:27:06.0</t>
  </si>
  <si>
    <t>04/27/14 13:36:30.0</t>
  </si>
  <si>
    <t>04/27/14 13:36:41.0</t>
  </si>
  <si>
    <t>04/27/14 13:40:44.5</t>
  </si>
  <si>
    <t>04/27/14 13:41:02.5</t>
  </si>
  <si>
    <t>04/27/14 13:45:01.5</t>
  </si>
  <si>
    <t>04/27/14 13:45:10.5</t>
  </si>
  <si>
    <t>04/27/14 13:46:47.5</t>
  </si>
  <si>
    <t>04/27/14 13:48:05.5</t>
  </si>
  <si>
    <t>04/27/14 13:52:26.0</t>
  </si>
  <si>
    <t>04/27/14 13:52:34.5</t>
  </si>
  <si>
    <t>04/27/14 13:58:18.5</t>
  </si>
  <si>
    <t>04/27/14 13:58:35.0</t>
  </si>
  <si>
    <t>04/27/14 14:05:03.5</t>
  </si>
  <si>
    <t>04/27/14 14:05:17.0</t>
  </si>
  <si>
    <t>04/27/14 14:16:21.5</t>
  </si>
  <si>
    <t>04/27/14 14:16:45.0</t>
  </si>
  <si>
    <t>04/27/14 14:34:34.5</t>
  </si>
  <si>
    <t>04/27/14 14:34:44.5</t>
  </si>
  <si>
    <t>04/27/14 14:36:05.5</t>
  </si>
  <si>
    <t>04/27/14 14:36:18.5</t>
  </si>
  <si>
    <t>04/27/14 14:37:32.5</t>
  </si>
  <si>
    <t>04/27/14 14:38:02.5</t>
  </si>
  <si>
    <t>04/27/14 14:40:12.0</t>
  </si>
  <si>
    <t>04/27/14 14:40:20.0</t>
  </si>
  <si>
    <t>04/27/14 14:49:11.0</t>
  </si>
  <si>
    <t>04/27/14 14:58:03.5</t>
  </si>
  <si>
    <t>04/27/14 15:09:10.0</t>
  </si>
  <si>
    <t>04/27/14 15:09:25.0</t>
  </si>
  <si>
    <t>04/27/14 15:41:46.0</t>
  </si>
  <si>
    <t>04/27/14 15:42:06.5</t>
  </si>
  <si>
    <t>04/27/14 15:56:02.0</t>
  </si>
  <si>
    <t>04/27/14 15:56:18.5</t>
  </si>
  <si>
    <t>04/27/14 16:03:43.5</t>
  </si>
  <si>
    <t>04/27/14 16:06:04.0</t>
  </si>
  <si>
    <t>04/27/14 16:30:29.5</t>
  </si>
  <si>
    <t>04/27/14 16:30:44.5</t>
  </si>
  <si>
    <t>04/27/14 16:34:38.0</t>
  </si>
  <si>
    <t>04/27/14 16:34:55.0</t>
  </si>
  <si>
    <t>04/27/14 16:39:16.5</t>
  </si>
  <si>
    <t>04/27/14 16:39:29.5</t>
  </si>
  <si>
    <t>04/27/14 16:49:05.5</t>
  </si>
  <si>
    <t>04/27/14 16:51:40.0</t>
  </si>
  <si>
    <t>04/27/14 17:12:38.5</t>
  </si>
  <si>
    <t>04/27/14 17:12:55.5</t>
  </si>
  <si>
    <t>04/27/14 17:16:00.5</t>
  </si>
  <si>
    <t>04/27/14 17:17:49.0</t>
  </si>
  <si>
    <t>04/27/14 17:35:36.0</t>
  </si>
  <si>
    <t>04/27/14 17:36:23.0</t>
  </si>
  <si>
    <t>04/27/14 17:39:11.5</t>
  </si>
  <si>
    <t>04/27/14 17:39:23.5</t>
  </si>
  <si>
    <t>04/27/14 18:15:31.0</t>
  </si>
  <si>
    <t>04/27/14 18:21:00.0</t>
  </si>
  <si>
    <t>04/27/14 18:33:31.5</t>
  </si>
  <si>
    <t>04/27/14 18:33:52.5</t>
  </si>
  <si>
    <t>04/27/14 18:57:24.0</t>
  </si>
  <si>
    <t>04/27/14 18:58:29.5</t>
  </si>
  <si>
    <t>04/27/14 20:04:53.5</t>
  </si>
  <si>
    <t>04/27/14 20:05:22.5</t>
  </si>
  <si>
    <t>04/27/14 21:44:46.0</t>
  </si>
  <si>
    <t>04/27/14 22:00:23.5</t>
  </si>
  <si>
    <t>04/28/14 10:40:30.0</t>
  </si>
  <si>
    <t>04/28/14 10:40:37.0</t>
  </si>
  <si>
    <t>04/28/14 10:46:32.5</t>
  </si>
  <si>
    <t>04/28/14 10:47:51.5</t>
  </si>
  <si>
    <t>04/28/14 10:54:40.0</t>
  </si>
  <si>
    <t>04/28/14 10:57:23.0</t>
  </si>
  <si>
    <t>04/28/14 11:03:00.0</t>
  </si>
  <si>
    <t>04/28/14 11:03:07.0</t>
  </si>
  <si>
    <t>04/28/14 11:06:39.0</t>
  </si>
  <si>
    <t>04/28/14 11:06:47.0</t>
  </si>
  <si>
    <t>04/28/14 11:14:32.5</t>
  </si>
  <si>
    <t>04/28/14 11:14:46.5</t>
  </si>
  <si>
    <t>04/28/14 11:20:38.5</t>
  </si>
  <si>
    <t>04/28/14 11:20:52.0</t>
  </si>
  <si>
    <t>04/28/14 11:25:19.0</t>
  </si>
  <si>
    <t>04/28/14 11:25:38.5</t>
  </si>
  <si>
    <t>04/28/14 11:34:29.0</t>
  </si>
  <si>
    <t>04/28/14 11:36:10.0</t>
  </si>
  <si>
    <t>04/28/14 11:40:20.0</t>
  </si>
  <si>
    <t>04/28/14 11:40:42.0</t>
  </si>
  <si>
    <t>04/28/14 11:44:03.0</t>
  </si>
  <si>
    <t>04/28/14 11:44:12.0</t>
  </si>
  <si>
    <t>04/28/14 11:48:29.0</t>
  </si>
  <si>
    <t>04/28/14 11:50:59.5</t>
  </si>
  <si>
    <t>04/28/14 11:54:00.5</t>
  </si>
  <si>
    <t>04/28/14 11:54:12.5</t>
  </si>
  <si>
    <t>04/28/14 11:59:47.0</t>
  </si>
  <si>
    <t>04/28/14 11:59:59.5</t>
  </si>
  <si>
    <t>04/28/14 12:06:06.5</t>
  </si>
  <si>
    <t>04/28/14 12:06:50.0</t>
  </si>
  <si>
    <t>04/28/14 12:10:42.5</t>
  </si>
  <si>
    <t>04/28/14 12:11:22.5</t>
  </si>
  <si>
    <t>04/28/14 12:17:27.5</t>
  </si>
  <si>
    <t>04/28/14 12:17:43.5</t>
  </si>
  <si>
    <t>04/28/14 12:21:18.0</t>
  </si>
  <si>
    <t>04/28/14 12:23:44.0</t>
  </si>
  <si>
    <t>04/28/14 12:29:31.0</t>
  </si>
  <si>
    <t>04/28/14 12:29:46.0</t>
  </si>
  <si>
    <t>04/28/14 12:35:09.0</t>
  </si>
  <si>
    <t>04/28/14 12:35:26.0</t>
  </si>
  <si>
    <t>04/28/14 12:38:10.0</t>
  </si>
  <si>
    <t>04/28/14 12:38:26.5</t>
  </si>
  <si>
    <t>04/28/14 12:45:36.0</t>
  </si>
  <si>
    <t>04/28/14 12:48:15.0</t>
  </si>
  <si>
    <t>04/28/14 13:04:53.5</t>
  </si>
  <si>
    <t>04/28/14 13:05:42.0</t>
  </si>
  <si>
    <t>04/28/14 13:18:27.5</t>
  </si>
  <si>
    <t>04/28/14 13:19:44.0</t>
  </si>
  <si>
    <t>04/28/14 13:26:20.0</t>
  </si>
  <si>
    <t>04/28/14 13:28:17.5</t>
  </si>
  <si>
    <t>04/28/14 13:31:45.0</t>
  </si>
  <si>
    <t>04/28/14 13:32:46.0</t>
  </si>
  <si>
    <t>04/28/14 14:09:03.5</t>
  </si>
  <si>
    <t>04/28/14 14:14:15.0</t>
  </si>
  <si>
    <t>04/28/14 14:22:27.0</t>
  </si>
  <si>
    <t>04/28/14 14:23:11.5</t>
  </si>
  <si>
    <t>04/28/14 14:36:33.5</t>
  </si>
  <si>
    <t>04/28/14 14:37:00.5</t>
  </si>
  <si>
    <t>04/28/14 14:44:06.0</t>
  </si>
  <si>
    <t>04/28/14 14:44:13.5</t>
  </si>
  <si>
    <t>04/28/14 14:48:15.5</t>
  </si>
  <si>
    <t>04/28/14 14:48:54.0</t>
  </si>
  <si>
    <t>04/28/14 14:52:39.5</t>
  </si>
  <si>
    <t>04/28/14 14:52:55.5</t>
  </si>
  <si>
    <t>04/28/14 14:56:24.0</t>
  </si>
  <si>
    <t>04/28/14 14:56:37.0</t>
  </si>
  <si>
    <t>04/28/14 15:00:31.0</t>
  </si>
  <si>
    <t>04/28/14 15:01:15.0</t>
  </si>
  <si>
    <t>04/28/14 15:05:46.0</t>
  </si>
  <si>
    <t>04/28/14 15:06:05.5</t>
  </si>
  <si>
    <t>04/28/14 15:10:52.5</t>
  </si>
  <si>
    <t>04/28/14 15:11:12.5</t>
  </si>
  <si>
    <t>04/28/14 15:13:49.0</t>
  </si>
  <si>
    <t>04/28/14 15:14:04.5</t>
  </si>
  <si>
    <t>04/28/14 15:18:05.0</t>
  </si>
  <si>
    <t>04/28/14 15:18:18.0</t>
  </si>
  <si>
    <t>04/28/14 15:28:38.5</t>
  </si>
  <si>
    <t>04/28/14 15:29:32.5</t>
  </si>
  <si>
    <t>04/28/14 15:37:10.5</t>
  </si>
  <si>
    <t>04/28/14 15:37:25.0</t>
  </si>
  <si>
    <t>04/28/14 15:47:17.5</t>
  </si>
  <si>
    <t>04/28/14 15:47:30.5</t>
  </si>
  <si>
    <t>04/28/14 15:52:42.0</t>
  </si>
  <si>
    <t>04/28/14 15:53:03.0</t>
  </si>
  <si>
    <t>04/28/14 16:02:24.0</t>
  </si>
  <si>
    <t>04/28/14 16:02:47.0</t>
  </si>
  <si>
    <t>04/28/14 16:20:23.0</t>
  </si>
  <si>
    <t>04/28/14 16:22:49.0</t>
  </si>
  <si>
    <t>04/28/14 16:38:30.5</t>
  </si>
  <si>
    <t>04/28/14 16:38:55.5</t>
  </si>
  <si>
    <t>04/28/14 16:44:35.0</t>
  </si>
  <si>
    <t>04/28/14 16:45:21.5</t>
  </si>
  <si>
    <t>04/28/14 16:57:00.5</t>
  </si>
  <si>
    <t>04/28/14 16:57:18.5</t>
  </si>
  <si>
    <t>04/28/14 17:08:39.0</t>
  </si>
  <si>
    <t>04/28/14 17:09:55.0</t>
  </si>
  <si>
    <t>04/28/14 18:07:47.5</t>
  </si>
  <si>
    <t>04/28/14 18:10:01.0</t>
  </si>
  <si>
    <t>04/28/14 18:13:14.5</t>
  </si>
  <si>
    <t>04/28/14 18:13:22.0</t>
  </si>
  <si>
    <t>04/28/14 18:17:59.5</t>
  </si>
  <si>
    <t>04/28/14 18:18:15.0</t>
  </si>
  <si>
    <t>04/28/14 18:21:51.5</t>
  </si>
  <si>
    <t>04/28/14 18:22:02.0</t>
  </si>
  <si>
    <t>04/28/14 18:33:58.5</t>
  </si>
  <si>
    <t>04/28/14 18:34:12.0</t>
  </si>
  <si>
    <t>04/28/14 18:40:17.5</t>
  </si>
  <si>
    <t>04/28/14 18:40:30.0</t>
  </si>
  <si>
    <t>04/28/14 23:21:05.0</t>
  </si>
  <si>
    <t>04/28/14 23:22:00.0</t>
  </si>
  <si>
    <t>04/29/14 00:21:33.5</t>
  </si>
  <si>
    <t>04/29/14 00:27:59.0</t>
  </si>
  <si>
    <t>04/29/14 02:13:37.5</t>
  </si>
  <si>
    <t>04/29/14 02:27:48.0</t>
  </si>
  <si>
    <t>04/29/14 04:02:44.0</t>
  </si>
  <si>
    <t>04/29/14 07:55:18.0</t>
  </si>
  <si>
    <t>04/29/14 09:13:31.0</t>
  </si>
  <si>
    <t>04/29/14 09:17:00.0</t>
  </si>
  <si>
    <t>04/29/14 09:19:04.0</t>
  </si>
  <si>
    <t>04/29/14 09:19:20.5</t>
  </si>
  <si>
    <t>04/29/14 09:24:10.5</t>
  </si>
  <si>
    <t>04/29/14 09:24:24.0</t>
  </si>
  <si>
    <t>04/29/14 09:26:29.5</t>
  </si>
  <si>
    <t>04/29/14 09:27:17.0</t>
  </si>
  <si>
    <t>04/29/14 09:40:21.5</t>
  </si>
  <si>
    <t>04/29/14 09:41:16.0</t>
  </si>
  <si>
    <t>04/29/14 10:02:58.0</t>
  </si>
  <si>
    <t>04/29/14 10:03:30.0</t>
  </si>
  <si>
    <t>04/29/14 10:20:47.5</t>
  </si>
  <si>
    <t>04/29/14 10:21:56.0</t>
  </si>
  <si>
    <t>04/29/14 10:40:52.0</t>
  </si>
  <si>
    <t>04/29/14 10:41:04.5</t>
  </si>
  <si>
    <t>04/29/14 10:55:36.5</t>
  </si>
  <si>
    <t>04/29/14 10:55:55.5</t>
  </si>
  <si>
    <t>04/29/14 11:19:09.5</t>
  </si>
  <si>
    <t>04/29/14 11:19:31.0</t>
  </si>
  <si>
    <t>04/29/14 11:34:25.5</t>
  </si>
  <si>
    <t>04/29/14 11:34:37.0</t>
  </si>
  <si>
    <t>04/29/14 11:45:34.0</t>
  </si>
  <si>
    <t>04/29/14 11:46:13.0</t>
  </si>
  <si>
    <t>04/29/14 11:48:28.5</t>
  </si>
  <si>
    <t>04/29/14 11:48:33.5</t>
  </si>
  <si>
    <t>04/29/14 11:51:17.5</t>
  </si>
  <si>
    <t>04/29/14 11:52:05.0</t>
  </si>
  <si>
    <t>04/29/14 11:58:10.0</t>
  </si>
  <si>
    <t>04/29/14 11:58:59.0</t>
  </si>
  <si>
    <t>04/29/14 12:07:46.5</t>
  </si>
  <si>
    <t>04/29/14 12:08:10.5</t>
  </si>
  <si>
    <t>04/29/14 12:14:06.5</t>
  </si>
  <si>
    <t>04/29/14 12:14:21.0</t>
  </si>
  <si>
    <t>04/29/14 12:22:46.5</t>
  </si>
  <si>
    <t>04/29/14 12:24:12.5</t>
  </si>
  <si>
    <t>04/29/14 12:29:20.0</t>
  </si>
  <si>
    <t>04/29/14 12:29:30.0</t>
  </si>
  <si>
    <t>04/29/14 12:34:04.0</t>
  </si>
  <si>
    <t>04/29/14 12:34:16.5</t>
  </si>
  <si>
    <t>04/29/14 12:39:30.0</t>
  </si>
  <si>
    <t>04/29/14 12:39:47.5</t>
  </si>
  <si>
    <t>04/29/14 12:44:58.5</t>
  </si>
  <si>
    <t>04/29/14 12:45:09.5</t>
  </si>
  <si>
    <t>04/29/14 12:47:37.5</t>
  </si>
  <si>
    <t>04/29/14 12:47:48.5</t>
  </si>
  <si>
    <t>04/29/14 12:57:06.5</t>
  </si>
  <si>
    <t>04/29/14 12:59:54.5</t>
  </si>
  <si>
    <t>04/29/14 13:09:57.5</t>
  </si>
  <si>
    <t>04/29/14 13:10:33.0</t>
  </si>
  <si>
    <t>04/29/14 13:15:22.0</t>
  </si>
  <si>
    <t>04/29/14 13:15:41.0</t>
  </si>
  <si>
    <t>04/29/14 13:18:23.0</t>
  </si>
  <si>
    <t>04/29/14 13:19:11.5</t>
  </si>
  <si>
    <t>04/29/14 13:22:45.0</t>
  </si>
  <si>
    <t>04/29/14 13:22:57.5</t>
  </si>
  <si>
    <t>04/29/14 13:25:58.5</t>
  </si>
  <si>
    <t>04/29/14 13:26:28.0</t>
  </si>
  <si>
    <t>04/29/14 13:31:14.0</t>
  </si>
  <si>
    <t>04/29/14 13:31:25.0</t>
  </si>
  <si>
    <t>04/29/14 13:35:23.0</t>
  </si>
  <si>
    <t>04/29/14 13:35:29.5</t>
  </si>
  <si>
    <t>04/29/14 13:37:00.5</t>
  </si>
  <si>
    <t>04/29/14 13:37:08.0</t>
  </si>
  <si>
    <t>04/29/14 13:41:17.0</t>
  </si>
  <si>
    <t>04/29/14 13:41:38.5</t>
  </si>
  <si>
    <t>04/29/14 13:46:24.5</t>
  </si>
  <si>
    <t>04/29/14 13:46:52.0</t>
  </si>
  <si>
    <t>04/29/14 13:48:57.5</t>
  </si>
  <si>
    <t>04/29/14 13:49:15.5</t>
  </si>
  <si>
    <t>04/29/14 13:51:38.0</t>
  </si>
  <si>
    <t>04/29/14 13:51:51.0</t>
  </si>
  <si>
    <t>04/29/14 13:54:00.5</t>
  </si>
  <si>
    <t>04/29/14 13:54:24.5</t>
  </si>
  <si>
    <t>04/29/14 13:55:28.0</t>
  </si>
  <si>
    <t>04/29/14 13:55:36.0</t>
  </si>
  <si>
    <t>04/29/14 13:57:30.0</t>
  </si>
  <si>
    <t>04/29/14 13:57:53.5</t>
  </si>
  <si>
    <t>04/29/14 13:59:58.0</t>
  </si>
  <si>
    <t>04/29/14 14:00:10.5</t>
  </si>
  <si>
    <t>04/29/14 14:03:30.0</t>
  </si>
  <si>
    <t>04/29/14 14:03:39.0</t>
  </si>
  <si>
    <t>04/29/14 14:05:34.5</t>
  </si>
  <si>
    <t>04/29/14 14:05:46.0</t>
  </si>
  <si>
    <t>04/29/14 14:08:09.5</t>
  </si>
  <si>
    <t>04/29/14 14:08:18.0</t>
  </si>
  <si>
    <t>04/29/14 14:13:51.5</t>
  </si>
  <si>
    <t>04/29/14 14:13:58.5</t>
  </si>
  <si>
    <t>04/29/14 14:21:10.0</t>
  </si>
  <si>
    <t>04/29/14 14:27:26.5</t>
  </si>
  <si>
    <t>04/29/14 14:38:40.0</t>
  </si>
  <si>
    <t>04/29/14 14:41:12.0</t>
  </si>
  <si>
    <t>04/29/14 14:44:24.0</t>
  </si>
  <si>
    <t>04/29/14 14:44:47.0</t>
  </si>
  <si>
    <t>04/29/14 14:48:52.5</t>
  </si>
  <si>
    <t>04/29/14 14:49:21.0</t>
  </si>
  <si>
    <t>04/29/14 14:52:13.5</t>
  </si>
  <si>
    <t>04/29/14 14:52:22.5</t>
  </si>
  <si>
    <t>04/29/14 14:54:05.0</t>
  </si>
  <si>
    <t>04/29/14 14:54:57.0</t>
  </si>
  <si>
    <t>04/29/14 14:58:51.5</t>
  </si>
  <si>
    <t>04/29/14 14:59:03.0</t>
  </si>
  <si>
    <t>04/29/14 15:03:15.5</t>
  </si>
  <si>
    <t>04/29/14 15:04:15.5</t>
  </si>
  <si>
    <t>04/29/14 15:05:42.5</t>
  </si>
  <si>
    <t>04/29/14 15:06:01.0</t>
  </si>
  <si>
    <t>04/29/14 15:10:26.5</t>
  </si>
  <si>
    <t>04/29/14 15:11:03.5</t>
  </si>
  <si>
    <t>04/29/14 15:20:02.5</t>
  </si>
  <si>
    <t>04/29/14 15:20:09.5</t>
  </si>
  <si>
    <t>04/29/14 15:29:24.0</t>
  </si>
  <si>
    <t>04/29/14 15:29:35.0</t>
  </si>
  <si>
    <t>04/29/14 15:39:55.5</t>
  </si>
  <si>
    <t>04/29/14 15:43:50.0</t>
  </si>
  <si>
    <t>04/29/14 16:03:29.0</t>
  </si>
  <si>
    <t>04/29/14 16:04:04.5</t>
  </si>
  <si>
    <t>04/29/14 16:18:47.0</t>
  </si>
  <si>
    <t>04/29/14 16:19:18.5</t>
  </si>
  <si>
    <t>04/29/14 16:59:16.0</t>
  </si>
  <si>
    <t>04/29/14 16:59:24.5</t>
  </si>
  <si>
    <t>04/29/14 17:00:25.0</t>
  </si>
  <si>
    <t>04/29/14 17:00:32.5</t>
  </si>
  <si>
    <t>04/29/14 17:01:27.0</t>
  </si>
  <si>
    <t>04/29/14 17:01:35.0</t>
  </si>
  <si>
    <t>04/29/14 17:03:14.5</t>
  </si>
  <si>
    <t>04/29/14 17:03:23.0</t>
  </si>
  <si>
    <t>04/29/14 17:04:33.0</t>
  </si>
  <si>
    <t>04/29/14 17:04:44.0</t>
  </si>
  <si>
    <t>04/29/14 17:06:13.5</t>
  </si>
  <si>
    <t>04/29/14 17:06:18.5</t>
  </si>
  <si>
    <t>04/29/14 17:07:14.0</t>
  </si>
  <si>
    <t>04/29/14 17:07:23.0</t>
  </si>
  <si>
    <t>04/29/14 17:08:24.5</t>
  </si>
  <si>
    <t>04/29/14 17:08:31.0</t>
  </si>
  <si>
    <t>04/29/14 17:10:45.5</t>
  </si>
  <si>
    <t>04/29/14 17:10:55.5</t>
  </si>
  <si>
    <t>04/29/14 17:14:21.0</t>
  </si>
  <si>
    <t>04/29/14 17:14:38.0</t>
  </si>
  <si>
    <t>04/29/14 17:19:09.0</t>
  </si>
  <si>
    <t>04/29/14 17:20:00.5</t>
  </si>
  <si>
    <t>04/29/14 17:23:19.0</t>
  </si>
  <si>
    <t>04/29/14 17:24:15.5</t>
  </si>
  <si>
    <t>04/29/14 17:27:57.5</t>
  </si>
  <si>
    <t>04/29/14 17:28:07.0</t>
  </si>
  <si>
    <t>04/29/14 17:29:34.5</t>
  </si>
  <si>
    <t>04/29/14 17:29:41.5</t>
  </si>
  <si>
    <t>04/29/14 17:31:36.0</t>
  </si>
  <si>
    <t>04/29/14 17:31:44.5</t>
  </si>
  <si>
    <t>04/29/14 17:33:33.5</t>
  </si>
  <si>
    <t>04/29/14 17:33:41.5</t>
  </si>
  <si>
    <t>04/29/14 17:34:32.5</t>
  </si>
  <si>
    <t>04/29/14 17:34:40.0</t>
  </si>
  <si>
    <t>04/29/14 17:36:17.5</t>
  </si>
  <si>
    <t>04/29/14 17:36:25.0</t>
  </si>
  <si>
    <t>04/29/14 17:39:26.0</t>
  </si>
  <si>
    <t>04/29/14 17:39:39.0</t>
  </si>
  <si>
    <t>04/29/14 17:57:19.0</t>
  </si>
  <si>
    <t>04/29/14 18:06:46.5</t>
  </si>
  <si>
    <t>04/29/14 18:38:48.0</t>
  </si>
  <si>
    <t>04/29/14 18:48:11.0</t>
  </si>
  <si>
    <t>04/30/14 07:49:24.0</t>
  </si>
  <si>
    <t>04/30/14 07:49:43.0</t>
  </si>
  <si>
    <t>04/30/14 08:32:19.5</t>
  </si>
  <si>
    <t>04/30/14 08:36:38.5</t>
  </si>
  <si>
    <t>04/30/14 08:39:51.0</t>
  </si>
  <si>
    <t>04/30/14 08:40:03.5</t>
  </si>
  <si>
    <t>04/30/14 09:10:13.0</t>
  </si>
  <si>
    <t>04/30/14 09:14:52.0</t>
  </si>
  <si>
    <t>04/30/14 09:25:59.0</t>
  </si>
  <si>
    <t>04/30/14 09:26:15.5</t>
  </si>
  <si>
    <t>04/30/14 09:39:05.5</t>
  </si>
  <si>
    <t>04/30/14 09:40:21.0</t>
  </si>
  <si>
    <t>04/30/14 09:50:07.5</t>
  </si>
  <si>
    <t>04/30/14 09:51:41.0</t>
  </si>
  <si>
    <t>04/30/14 10:06:36.5</t>
  </si>
  <si>
    <t>04/30/14 10:07:03.0</t>
  </si>
  <si>
    <t>04/30/14 10:23:17.5</t>
  </si>
  <si>
    <t>04/30/14 10:23:42.0</t>
  </si>
  <si>
    <t>04/30/14 10:37:21.0</t>
  </si>
  <si>
    <t>04/30/14 10:39:32.5</t>
  </si>
  <si>
    <t>04/30/14 10:47:51.5</t>
  </si>
  <si>
    <t>04/30/14 10:48:03.0</t>
  </si>
  <si>
    <t>04/30/14 10:55:10.5</t>
  </si>
  <si>
    <t>04/30/14 10:57:05.5</t>
  </si>
  <si>
    <t>04/30/14 11:01:24.0</t>
  </si>
  <si>
    <t>04/30/14 11:01:36.0</t>
  </si>
  <si>
    <t>04/30/14 11:08:20.5</t>
  </si>
  <si>
    <t>04/30/14 11:13:33.0</t>
  </si>
  <si>
    <t>04/30/14 11:16:35.5</t>
  </si>
  <si>
    <t>04/30/14 11:16:52.5</t>
  </si>
  <si>
    <t>04/30/14 11:24:39.5</t>
  </si>
  <si>
    <t>04/30/14 11:25:01.0</t>
  </si>
  <si>
    <t>04/30/14 11:28:40.0</t>
  </si>
  <si>
    <t>04/30/14 11:28:57.5</t>
  </si>
  <si>
    <t>04/30/14 11:42:58.0</t>
  </si>
  <si>
    <t>04/30/14 11:43:14.0</t>
  </si>
  <si>
    <t>04/30/14 11:51:04.0</t>
  </si>
  <si>
    <t>04/30/14 11:52:26.5</t>
  </si>
  <si>
    <t>04/30/14 11:55:56.0</t>
  </si>
  <si>
    <t>04/30/14 11:56:08.0</t>
  </si>
  <si>
    <t>04/30/14 11:59:33.5</t>
  </si>
  <si>
    <t>04/30/14 11:59:44.5</t>
  </si>
  <si>
    <t>04/30/14 12:02:02.0</t>
  </si>
  <si>
    <t>04/30/14 12:02:28.5</t>
  </si>
  <si>
    <t>04/30/14 12:05:53.0</t>
  </si>
  <si>
    <t>04/30/14 12:06:11.0</t>
  </si>
  <si>
    <t>04/30/14 12:11:40.0</t>
  </si>
  <si>
    <t>04/30/14 12:12:55.0</t>
  </si>
  <si>
    <t>04/30/14 12:17:55.5</t>
  </si>
  <si>
    <t>04/30/14 12:18:11.0</t>
  </si>
  <si>
    <t>04/30/14 12:22:40.0</t>
  </si>
  <si>
    <t>04/30/14 12:25:54.0</t>
  </si>
  <si>
    <t>04/30/14 12:33:46.5</t>
  </si>
  <si>
    <t>04/30/14 12:34:20.5</t>
  </si>
  <si>
    <t>04/30/14 12:40:15.0</t>
  </si>
  <si>
    <t>04/30/14 12:40:28.5</t>
  </si>
  <si>
    <t>04/30/14 12:45:15.5</t>
  </si>
  <si>
    <t>04/30/14 12:45:32.5</t>
  </si>
  <si>
    <t>04/30/14 12:48:04.0</t>
  </si>
  <si>
    <t>04/30/14 12:48:54.5</t>
  </si>
  <si>
    <t>04/30/14 12:55:12.5</t>
  </si>
  <si>
    <t>04/30/14 12:55:28.0</t>
  </si>
  <si>
    <t>04/30/14 13:03:11.5</t>
  </si>
  <si>
    <t>04/30/14 13:03:25.5</t>
  </si>
  <si>
    <t>04/30/14 13:07:10.0</t>
  </si>
  <si>
    <t>04/30/14 13:09:28.0</t>
  </si>
  <si>
    <t>04/30/14 13:18:33.5</t>
  </si>
  <si>
    <t>04/30/14 13:18:43.5</t>
  </si>
  <si>
    <t>04/30/14 13:21:29.5</t>
  </si>
  <si>
    <t>04/30/14 13:24:56.0</t>
  </si>
  <si>
    <t>04/30/14 13:32:35.5</t>
  </si>
  <si>
    <t>04/30/14 13:34:36.0</t>
  </si>
  <si>
    <t>04/30/14 13:44:15.5</t>
  </si>
  <si>
    <t>04/30/14 13:44:32.5</t>
  </si>
  <si>
    <t>04/30/14 13:48:16.0</t>
  </si>
  <si>
    <t>04/30/14 13:48:28.5</t>
  </si>
  <si>
    <t>04/30/14 13:52:40.0</t>
  </si>
  <si>
    <t>04/30/14 13:52:52.5</t>
  </si>
  <si>
    <t>04/30/14 13:56:12.5</t>
  </si>
  <si>
    <t>04/30/14 13:57:16.0</t>
  </si>
  <si>
    <t>04/30/14 14:20:28.5</t>
  </si>
  <si>
    <t>04/30/14 14:25:08.5</t>
  </si>
  <si>
    <t>04/30/14 14:36:48.0</t>
  </si>
  <si>
    <t>04/30/14 14:37:15.0</t>
  </si>
  <si>
    <t>04/30/14 14:42:33.5</t>
  </si>
  <si>
    <t>04/30/14 14:42:50.5</t>
  </si>
  <si>
    <t>04/30/14 14:46:43.5</t>
  </si>
  <si>
    <t>04/30/14 14:47:05.0</t>
  </si>
  <si>
    <t>04/30/14 14:51:04.0</t>
  </si>
  <si>
    <t>04/30/14 14:51:23.5</t>
  </si>
  <si>
    <t>04/30/14 14:56:48.0</t>
  </si>
  <si>
    <t>04/30/14 14:57:32.5</t>
  </si>
  <si>
    <t>04/30/14 15:04:26.5</t>
  </si>
  <si>
    <t>04/30/14 15:07:30.0</t>
  </si>
  <si>
    <t>04/30/14 15:18:28.5</t>
  </si>
  <si>
    <t>04/30/14 15:20:49.0</t>
  </si>
  <si>
    <t>04/30/14 15:36:49.5</t>
  </si>
  <si>
    <t>04/30/14 15:36:58.0</t>
  </si>
  <si>
    <t>04/30/14 15:47:25.0</t>
  </si>
  <si>
    <t>04/30/14 15:47:39.0</t>
  </si>
  <si>
    <t>04/30/14 15:53:30.0</t>
  </si>
  <si>
    <t>04/30/14 15:53:42.5</t>
  </si>
  <si>
    <t>04/30/14 15:57:38.0</t>
  </si>
  <si>
    <t>04/30/14 16:00:08.5</t>
  </si>
  <si>
    <t>04/30/14 16:03:59.0</t>
  </si>
  <si>
    <t>04/30/14 16:04:11.0</t>
  </si>
  <si>
    <t>04/30/14 16:20:28.5</t>
  </si>
  <si>
    <t>04/30/14 16:20:37.5</t>
  </si>
  <si>
    <t>04/30/14 16:22:55.0</t>
  </si>
  <si>
    <t>04/30/14 16:23:08.0</t>
  </si>
  <si>
    <t>04/30/14 16:31:58.5</t>
  </si>
  <si>
    <t>04/30/14 16:32:10.0</t>
  </si>
  <si>
    <t>04/30/14 16:34:59.5</t>
  </si>
  <si>
    <t>04/30/14 16:35:16.5</t>
  </si>
  <si>
    <t>04/30/14 16:40:14.5</t>
  </si>
  <si>
    <t>04/30/14 16:40:27.0</t>
  </si>
  <si>
    <t>04/30/14 16:48:14.5</t>
  </si>
  <si>
    <t>04/30/14 16:49:03.5</t>
  </si>
  <si>
    <t>04/30/14 16:56:28.0</t>
  </si>
  <si>
    <t>04/30/14 16:56:50.0</t>
  </si>
  <si>
    <t>04/30/14 17:15:28.5</t>
  </si>
  <si>
    <t>04/30/14 17:21:14.5</t>
  </si>
  <si>
    <t>04/30/14 17:38:21.5</t>
  </si>
  <si>
    <t>04/30/14 17:38:31.0</t>
  </si>
  <si>
    <t>04/30/14 17:51:45.5</t>
  </si>
  <si>
    <t>04/30/14 17:51:59.5</t>
  </si>
  <si>
    <t>04/30/14 18:05:30.5</t>
  </si>
  <si>
    <t>04/30/14 18:06:25.0</t>
  </si>
  <si>
    <t>04/30/14 18:25:05.5</t>
  </si>
  <si>
    <t>04/30/14 18:25:29.0</t>
  </si>
  <si>
    <t>05/13/14 02:59:10.0</t>
  </si>
  <si>
    <t>05/13/14 02:59:16.5</t>
  </si>
  <si>
    <t>05/13/14 03:17:00.0</t>
  </si>
  <si>
    <t>05/13/14 03:17:39.5</t>
  </si>
  <si>
    <t>05/13/14 03:30:50.0</t>
  </si>
  <si>
    <t>05/13/14 03:31:04.5</t>
  </si>
  <si>
    <t>05/13/14 03:34:53.0</t>
  </si>
  <si>
    <t>05/13/14 03:35:01.0</t>
  </si>
  <si>
    <t>05/13/14 03:44:52.5</t>
  </si>
  <si>
    <t>05/13/14 03:45:03.0</t>
  </si>
  <si>
    <t>05/13/14 03:48:39.5</t>
  </si>
  <si>
    <t>05/13/14 03:49:00.5</t>
  </si>
  <si>
    <t>05/13/14 05:05:36.5</t>
  </si>
  <si>
    <t>05/13/14 05:05:52.5</t>
  </si>
  <si>
    <t>05/13/14 05:24:11.0</t>
  </si>
  <si>
    <t>05/13/14 05:24:26.5</t>
  </si>
  <si>
    <t>05/13/14 06:31:14.0</t>
  </si>
  <si>
    <t>05/13/14 06:31:30.0</t>
  </si>
  <si>
    <t>05/13/14 06:39:03.0</t>
  </si>
  <si>
    <t>05/13/14 06:39:21.0</t>
  </si>
  <si>
    <t>05/13/14 06:40:47.0</t>
  </si>
  <si>
    <t>05/13/14 06:42:15.5</t>
  </si>
  <si>
    <t>05/13/14 06:45:52.0</t>
  </si>
  <si>
    <t>05/13/14 06:49:46.5</t>
  </si>
  <si>
    <t>05/13/14 07:16:58.0</t>
  </si>
  <si>
    <t>05/13/14 07:18:19.5</t>
  </si>
  <si>
    <t>05/13/14 07:20:48.0</t>
  </si>
  <si>
    <t>05/13/14 07:21:55.0</t>
  </si>
  <si>
    <t>05/13/14 07:23:28.5</t>
  </si>
  <si>
    <t>05/13/14 07:23:41.0</t>
  </si>
  <si>
    <t>05/13/14 07:25:51.5</t>
  </si>
  <si>
    <t>05/13/14 07:26:04.5</t>
  </si>
  <si>
    <t>05/13/14 07:31:01.0</t>
  </si>
  <si>
    <t>05/13/14 07:31:14.5</t>
  </si>
  <si>
    <t>05/13/14 07:37:08.5</t>
  </si>
  <si>
    <t>05/13/14 07:37:49.0</t>
  </si>
  <si>
    <t>05/13/14 07:49:01.0</t>
  </si>
  <si>
    <t>05/13/14 07:49:43.5</t>
  </si>
  <si>
    <t>05/13/14 08:05:41.0</t>
  </si>
  <si>
    <t>05/13/14 08:06:07.5</t>
  </si>
  <si>
    <t>05/13/14 08:12:15.5</t>
  </si>
  <si>
    <t>05/13/14 08:13:21.5</t>
  </si>
  <si>
    <t>05/13/14 08:18:50.0</t>
  </si>
  <si>
    <t>05/13/14 08:19:21.5</t>
  </si>
  <si>
    <t>05/13/14 08:24:13.0</t>
  </si>
  <si>
    <t>05/13/14 08:25:34.0</t>
  </si>
  <si>
    <t>05/13/14 08:31:40.0</t>
  </si>
  <si>
    <t>05/13/14 08:32:05.0</t>
  </si>
  <si>
    <t>05/13/14 08:40:07.5</t>
  </si>
  <si>
    <t>05/13/14 08:40:30.5</t>
  </si>
  <si>
    <t>05/13/14 08:45:12.0</t>
  </si>
  <si>
    <t>05/13/14 08:46:28.5</t>
  </si>
  <si>
    <t>05/13/14 09:07:08.0</t>
  </si>
  <si>
    <t>05/13/14 09:08:41.0</t>
  </si>
  <si>
    <t>05/13/14 09:23:11.0</t>
  </si>
  <si>
    <t>05/13/14 09:23:22.5</t>
  </si>
  <si>
    <t>05/13/14 09:29:31.0</t>
  </si>
  <si>
    <t>05/13/14 09:31:11.5</t>
  </si>
  <si>
    <t>05/13/14 09:38:38.0</t>
  </si>
  <si>
    <t>05/13/14 09:38:45.0</t>
  </si>
  <si>
    <t>05/13/14 09:40:18.0</t>
  </si>
  <si>
    <t>05/13/14 09:40:42.5</t>
  </si>
  <si>
    <t>05/13/14 09:45:33.5</t>
  </si>
  <si>
    <t>05/13/14 09:45:49.5</t>
  </si>
  <si>
    <t>05/13/14 09:51:51.5</t>
  </si>
  <si>
    <t>05/13/14 09:52:17.5</t>
  </si>
  <si>
    <t>05/13/14 09:57:50.5</t>
  </si>
  <si>
    <t>05/13/14 10:00:26.0</t>
  </si>
  <si>
    <t>05/13/14 10:20:57.0</t>
  </si>
  <si>
    <t>05/13/14 10:46:41.5</t>
  </si>
  <si>
    <t>05/13/14 11:51:43.0</t>
  </si>
  <si>
    <t>05/13/14 12:16:44.0</t>
  </si>
  <si>
    <t>05/13/14 12:39:33.0</t>
  </si>
  <si>
    <t>05/13/14 12:40:38.0</t>
  </si>
  <si>
    <t>05/13/14 12:50:43.0</t>
  </si>
  <si>
    <t>05/13/14 12:51:08.5</t>
  </si>
  <si>
    <t>05/13/14 13:26:10.5</t>
  </si>
  <si>
    <t>05/13/14 13:32:29.0</t>
  </si>
  <si>
    <t>05/13/14 13:38:50.5</t>
  </si>
  <si>
    <t>05/13/14 13:39:07.0</t>
  </si>
  <si>
    <t>05/13/14 13:52:04.0</t>
  </si>
  <si>
    <t>05/13/14 13:52:17.5</t>
  </si>
  <si>
    <t>05/13/14 14:18:33.5</t>
  </si>
  <si>
    <t>05/13/14 14:26:59.5</t>
  </si>
  <si>
    <t>05/13/14 14:41:21.0</t>
  </si>
  <si>
    <t>05/13/14 14:41:31.5</t>
  </si>
  <si>
    <t>05/13/14 15:12:49.5</t>
  </si>
  <si>
    <t>05/13/14 15:13:07.5</t>
  </si>
  <si>
    <t>05/13/14 15:19:45.5</t>
  </si>
  <si>
    <t>05/13/14 15:20:08.0</t>
  </si>
  <si>
    <t>05/13/14 16:19:49.5</t>
  </si>
  <si>
    <t>05/13/14 16:20:12.0</t>
  </si>
  <si>
    <t>05/13/14 16:39:16.5</t>
  </si>
  <si>
    <t>05/13/14 16:42:26.5</t>
  </si>
  <si>
    <t>05/13/14 16:54:45.5</t>
  </si>
  <si>
    <t>05/13/14 16:55:09.0</t>
  </si>
  <si>
    <t>05/13/14 17:04:27.5</t>
  </si>
  <si>
    <t>05/13/14 17:04:42.5</t>
  </si>
  <si>
    <t>05/13/14 17:14:06.0</t>
  </si>
  <si>
    <t>05/13/14 17:14:20.5</t>
  </si>
  <si>
    <t>05/13/14 17:31:46.5</t>
  </si>
  <si>
    <t>05/13/14 17:32:02.0</t>
  </si>
  <si>
    <t>05/13/14 17:56:08.0</t>
  </si>
  <si>
    <t>05/13/14 17:56:22.0</t>
  </si>
  <si>
    <t>05/13/14 18:00:05.5</t>
  </si>
  <si>
    <t>05/13/14 18:02:31.0</t>
  </si>
  <si>
    <t>05/13/14 18:20:51.5</t>
  </si>
  <si>
    <t>05/13/14 18:21:07.5</t>
  </si>
  <si>
    <t>05/13/14 18:27:07.0</t>
  </si>
  <si>
    <t>05/13/14 18:31:06.5</t>
  </si>
  <si>
    <t>05/13/14 18:37:08.0</t>
  </si>
  <si>
    <t>05/13/14 18:40:39.0</t>
  </si>
  <si>
    <t>05/13/14 19:16:32.0</t>
  </si>
  <si>
    <t>05/13/14 19:23:56.0</t>
  </si>
  <si>
    <t>05/14/14 06:39:02.0</t>
  </si>
  <si>
    <t>05/14/14 06:39:24.0</t>
  </si>
  <si>
    <t>05/14/14 07:36:47.5</t>
  </si>
  <si>
    <t>05/14/14 07:37:33.0</t>
  </si>
  <si>
    <t>05/14/14 07:52:33.5</t>
  </si>
  <si>
    <t>05/14/14 07:52:58.0</t>
  </si>
  <si>
    <t>05/14/14 07:59:07.0</t>
  </si>
  <si>
    <t>05/14/14 07:59:24.5</t>
  </si>
  <si>
    <t>05/14/14 08:18:49.0</t>
  </si>
  <si>
    <t>05/14/14 08:23:58.5</t>
  </si>
  <si>
    <t>05/14/14 08:44:25.5</t>
  </si>
  <si>
    <t>05/14/14 08:45:56.5</t>
  </si>
  <si>
    <t>05/14/14 08:56:18.0</t>
  </si>
  <si>
    <t>05/14/14 08:56:48.5</t>
  </si>
  <si>
    <t>05/14/14 09:08:35.5</t>
  </si>
  <si>
    <t>05/14/14 09:09:02.0</t>
  </si>
  <si>
    <t>05/14/14 09:26:31.5</t>
  </si>
  <si>
    <t>05/14/14 09:26:51.5</t>
  </si>
  <si>
    <t>05/14/14 09:32:54.0</t>
  </si>
  <si>
    <t>05/14/14 09:33:02.0</t>
  </si>
  <si>
    <t>05/14/14 09:38:56.5</t>
  </si>
  <si>
    <t>05/14/14 09:39:48.5</t>
  </si>
  <si>
    <t>05/14/14 09:42:18.0</t>
  </si>
  <si>
    <t>05/14/14 09:42:52.5</t>
  </si>
  <si>
    <t>05/14/14 09:50:36.0</t>
  </si>
  <si>
    <t>05/14/14 09:51:00.0</t>
  </si>
  <si>
    <t>05/14/14 09:58:48.5</t>
  </si>
  <si>
    <t>05/14/14 10:00:34.5</t>
  </si>
  <si>
    <t>05/14/14 10:06:26.5</t>
  </si>
  <si>
    <t>05/14/14 10:06:39.0</t>
  </si>
  <si>
    <t>05/14/14 10:10:24.0</t>
  </si>
  <si>
    <t>05/14/14 10:10:40.5</t>
  </si>
  <si>
    <t>05/14/14 10:16:53.0</t>
  </si>
  <si>
    <t>05/14/14 10:17:07.0</t>
  </si>
  <si>
    <t>05/14/14 10:22:23.5</t>
  </si>
  <si>
    <t>05/14/14 10:22:42.0</t>
  </si>
  <si>
    <t>05/14/14 10:25:54.5</t>
  </si>
  <si>
    <t>05/14/14 10:26:05.0</t>
  </si>
  <si>
    <t>05/14/14 10:30:58.5</t>
  </si>
  <si>
    <t>05/14/14 10:31:19.0</t>
  </si>
  <si>
    <t>05/14/14 10:34:15.5</t>
  </si>
  <si>
    <t>05/14/14 10:34:43.5</t>
  </si>
  <si>
    <t>05/14/14 10:37:12.0</t>
  </si>
  <si>
    <t>05/14/14 10:37:23.5</t>
  </si>
  <si>
    <t>05/14/14 10:38:39.0</t>
  </si>
  <si>
    <t>05/14/14 10:38:49.5</t>
  </si>
  <si>
    <t>05/14/14 10:41:23.5</t>
  </si>
  <si>
    <t>05/14/14 10:41:35.0</t>
  </si>
  <si>
    <t>05/14/14 10:43:56.5</t>
  </si>
  <si>
    <t>05/14/14 10:44:42.0</t>
  </si>
  <si>
    <t>05/14/14 10:47:38.5</t>
  </si>
  <si>
    <t>05/14/14 10:48:07.5</t>
  </si>
  <si>
    <t>05/14/14 10:52:38.0</t>
  </si>
  <si>
    <t>05/14/14 10:52:52.5</t>
  </si>
  <si>
    <t>05/14/14 10:55:18.0</t>
  </si>
  <si>
    <t>05/14/14 10:55:34.5</t>
  </si>
  <si>
    <t>05/14/14 11:01:12.0</t>
  </si>
  <si>
    <t>05/14/14 11:01:34.0</t>
  </si>
  <si>
    <t>05/14/14 11:06:23.0</t>
  </si>
  <si>
    <t>05/14/14 11:07:30.5</t>
  </si>
  <si>
    <t>05/14/14 11:10:46.5</t>
  </si>
  <si>
    <t>05/14/14 11:11:04.5</t>
  </si>
  <si>
    <t>05/14/14 11:13:45.5</t>
  </si>
  <si>
    <t>05/14/14 11:14:21.0</t>
  </si>
  <si>
    <t>05/14/14 11:17:50.5</t>
  </si>
  <si>
    <t>05/14/14 11:18:07.5</t>
  </si>
  <si>
    <t>05/14/14 11:22:09.0</t>
  </si>
  <si>
    <t>05/14/14 11:22:40.5</t>
  </si>
  <si>
    <t>05/14/14 11:30:18.0</t>
  </si>
  <si>
    <t>05/14/14 11:30:29.5</t>
  </si>
  <si>
    <t>05/14/14 11:35:54.0</t>
  </si>
  <si>
    <t>05/14/14 11:38:03.0</t>
  </si>
  <si>
    <t>05/14/14 11:41:53.0</t>
  </si>
  <si>
    <t>05/14/14 11:42:06.5</t>
  </si>
  <si>
    <t>05/14/14 11:44:45.5</t>
  </si>
  <si>
    <t>05/14/14 11:45:55.5</t>
  </si>
  <si>
    <t>05/14/14 11:49:29.0</t>
  </si>
  <si>
    <t>05/14/14 11:49:52.0</t>
  </si>
  <si>
    <t>05/14/14 11:59:40.0</t>
  </si>
  <si>
    <t>05/14/14 12:00:13.5</t>
  </si>
  <si>
    <t>05/14/14 12:03:12.0</t>
  </si>
  <si>
    <t>05/14/14 12:03:21.0</t>
  </si>
  <si>
    <t>05/14/14 12:04:46.0</t>
  </si>
  <si>
    <t>05/14/14 12:04:52.5</t>
  </si>
  <si>
    <t>05/14/14 12:05:26.5</t>
  </si>
  <si>
    <t>05/14/14 12:05:30.5</t>
  </si>
  <si>
    <t>05/14/14 12:06:43.5</t>
  </si>
  <si>
    <t>05/14/14 12:06:49.5</t>
  </si>
  <si>
    <t>05/14/14 12:08:14.5</t>
  </si>
  <si>
    <t>05/14/14 12:08:41.5</t>
  </si>
  <si>
    <t>05/14/14 12:12:06.5</t>
  </si>
  <si>
    <t>05/14/14 12:12:15.0</t>
  </si>
  <si>
    <t>05/14/14 12:13:36.5</t>
  </si>
  <si>
    <t>05/14/14 12:13:50.5</t>
  </si>
  <si>
    <t>05/14/14 12:15:19.0</t>
  </si>
  <si>
    <t>05/14/14 12:15:30.5</t>
  </si>
  <si>
    <t>05/14/14 12:16:55.5</t>
  </si>
  <si>
    <t>05/14/14 12:17:16.0</t>
  </si>
  <si>
    <t>05/14/14 12:21:23.5</t>
  </si>
  <si>
    <t>05/14/14 12:21:32.0</t>
  </si>
  <si>
    <t>05/14/14 12:22:54.0</t>
  </si>
  <si>
    <t>05/14/14 12:23:03.0</t>
  </si>
  <si>
    <t>05/14/14 12:25:06.5</t>
  </si>
  <si>
    <t>05/14/14 12:25:18.5</t>
  </si>
  <si>
    <t>05/14/14 12:27:03.5</t>
  </si>
  <si>
    <t>05/14/14 12:27:11.5</t>
  </si>
  <si>
    <t>05/14/14 12:28:52.0</t>
  </si>
  <si>
    <t>05/14/14 12:28:57.5</t>
  </si>
  <si>
    <t>05/14/14 12:29:47.5</t>
  </si>
  <si>
    <t>05/14/14 12:29:53.0</t>
  </si>
  <si>
    <t>05/14/14 12:35:15.0</t>
  </si>
  <si>
    <t>05/14/14 12:35:25.5</t>
  </si>
  <si>
    <t>05/14/14 12:38:28.5</t>
  </si>
  <si>
    <t>05/14/14 12:38:42.5</t>
  </si>
  <si>
    <t>05/14/14 12:40:31.5</t>
  </si>
  <si>
    <t>05/14/14 12:40:39.0</t>
  </si>
  <si>
    <t>05/14/14 12:42:22.5</t>
  </si>
  <si>
    <t>05/14/14 12:42:35.0</t>
  </si>
  <si>
    <t>05/14/14 12:43:48.5</t>
  </si>
  <si>
    <t>05/14/14 12:43:52.5</t>
  </si>
  <si>
    <t>05/14/14 12:44:38.5</t>
  </si>
  <si>
    <t>05/14/14 12:44:45.0</t>
  </si>
  <si>
    <t>05/14/14 12:46:20.0</t>
  </si>
  <si>
    <t>05/14/14 12:46:28.5</t>
  </si>
  <si>
    <t>05/14/14 12:48:34.5</t>
  </si>
  <si>
    <t>05/14/14 12:48:49.0</t>
  </si>
  <si>
    <t>05/14/14 12:49:52.5</t>
  </si>
  <si>
    <t>05/14/14 12:49:58.0</t>
  </si>
  <si>
    <t>05/14/14 12:51:07.5</t>
  </si>
  <si>
    <t>05/14/14 12:51:23.5</t>
  </si>
  <si>
    <t>05/14/14 12:53:18.0</t>
  </si>
  <si>
    <t>05/14/14 12:53:30.5</t>
  </si>
  <si>
    <t>05/14/14 12:54:54.5</t>
  </si>
  <si>
    <t>05/14/14 12:55:00.5</t>
  </si>
  <si>
    <t>05/14/14 12:56:56.5</t>
  </si>
  <si>
    <t>05/14/14 12:57:08.5</t>
  </si>
  <si>
    <t>05/14/14 12:58:43.5</t>
  </si>
  <si>
    <t>05/14/14 12:58:57.5</t>
  </si>
  <si>
    <t>05/14/14 13:01:23.5</t>
  </si>
  <si>
    <t>05/14/14 13:01:39.5</t>
  </si>
  <si>
    <t>05/14/14 13:03:55.0</t>
  </si>
  <si>
    <t>05/14/14 13:04:05.5</t>
  </si>
  <si>
    <t>05/14/14 13:06:21.0</t>
  </si>
  <si>
    <t>05/14/14 13:06:29.5</t>
  </si>
  <si>
    <t>05/14/14 13:08:46.5</t>
  </si>
  <si>
    <t>05/14/14 13:09:05.0</t>
  </si>
  <si>
    <t>05/14/14 13:10:45.0</t>
  </si>
  <si>
    <t>05/14/14 13:10:59.5</t>
  </si>
  <si>
    <t>05/14/14 13:12:34.0</t>
  </si>
  <si>
    <t>05/14/14 13:12:40.5</t>
  </si>
  <si>
    <t>05/14/14 13:14:01.5</t>
  </si>
  <si>
    <t>05/14/14 13:14:06.5</t>
  </si>
  <si>
    <t>05/14/14 13:14:52.5</t>
  </si>
  <si>
    <t>05/14/14 13:15:03.5</t>
  </si>
  <si>
    <t>05/14/14 13:16:59.5</t>
  </si>
  <si>
    <t>05/14/14 13:17:05.5</t>
  </si>
  <si>
    <t>05/14/14 13:18:12.5</t>
  </si>
  <si>
    <t>05/14/14 13:18:18.5</t>
  </si>
  <si>
    <t>05/14/14 13:19:52.0</t>
  </si>
  <si>
    <t>05/14/14 13:20:07.5</t>
  </si>
  <si>
    <t>05/14/14 13:23:27.0</t>
  </si>
  <si>
    <t>05/14/14 13:23:51.5</t>
  </si>
  <si>
    <t>05/14/14 13:24:41.5</t>
  </si>
  <si>
    <t>05/14/14 13:24:47.5</t>
  </si>
  <si>
    <t>05/14/14 13:25:43.0</t>
  </si>
  <si>
    <t>05/14/14 13:25:52.0</t>
  </si>
  <si>
    <t>05/14/14 13:27:27.0</t>
  </si>
  <si>
    <t>05/14/14 13:27:31.5</t>
  </si>
  <si>
    <t>05/14/14 13:28:43.0</t>
  </si>
  <si>
    <t>05/14/14 13:28:51.0</t>
  </si>
  <si>
    <t>05/14/14 13:30:25.5</t>
  </si>
  <si>
    <t>05/14/14 13:31:09.0</t>
  </si>
  <si>
    <t>05/14/14 13:33:48.5</t>
  </si>
  <si>
    <t>05/14/14 13:34:19.5</t>
  </si>
  <si>
    <t>05/14/14 13:36:22.5</t>
  </si>
  <si>
    <t>05/14/14 13:36:32.5</t>
  </si>
  <si>
    <t>05/14/14 13:38:04.0</t>
  </si>
  <si>
    <t>05/14/14 13:38:11.0</t>
  </si>
  <si>
    <t>05/14/14 13:39:36.5</t>
  </si>
  <si>
    <t>05/14/14 13:39:45.0</t>
  </si>
  <si>
    <t>05/14/14 13:41:46.0</t>
  </si>
  <si>
    <t>05/14/14 13:41:56.0</t>
  </si>
  <si>
    <t>05/14/14 13:43:53.0</t>
  </si>
  <si>
    <t>05/14/14 13:44:01.5</t>
  </si>
  <si>
    <t>05/14/14 13:46:12.0</t>
  </si>
  <si>
    <t>05/14/14 13:46:22.0</t>
  </si>
  <si>
    <t>05/14/14 13:48:08.0</t>
  </si>
  <si>
    <t>05/14/14 13:49:01.0</t>
  </si>
  <si>
    <t>05/14/14 13:51:44.5</t>
  </si>
  <si>
    <t>05/14/14 13:51:58.5</t>
  </si>
  <si>
    <t>05/14/14 13:53:32.0</t>
  </si>
  <si>
    <t>05/14/14 13:53:47.5</t>
  </si>
  <si>
    <t>05/14/14 13:55:41.5</t>
  </si>
  <si>
    <t>05/14/14 13:55:57.5</t>
  </si>
  <si>
    <t>05/14/14 13:57:54.0</t>
  </si>
  <si>
    <t>05/14/14 13:58:15.0</t>
  </si>
  <si>
    <t>05/14/14 13:59:17.5</t>
  </si>
  <si>
    <t>05/14/14 13:59:23.5</t>
  </si>
  <si>
    <t>05/14/14 14:01:29.0</t>
  </si>
  <si>
    <t>05/14/14 14:01:40.0</t>
  </si>
  <si>
    <t>05/14/14 14:02:34.5</t>
  </si>
  <si>
    <t>05/14/14 14:02:40.5</t>
  </si>
  <si>
    <t>05/14/14 14:05:12.0</t>
  </si>
  <si>
    <t>05/14/14 14:05:28.5</t>
  </si>
  <si>
    <t>05/14/14 14:09:11.0</t>
  </si>
  <si>
    <t>05/14/14 14:09:39.5</t>
  </si>
  <si>
    <t>05/14/14 14:11:13.0</t>
  </si>
  <si>
    <t>05/14/14 14:11:26.0</t>
  </si>
  <si>
    <t>05/14/14 14:13:35.5</t>
  </si>
  <si>
    <t>05/14/14 14:13:56.5</t>
  </si>
  <si>
    <t>05/14/14 14:16:58.0</t>
  </si>
  <si>
    <t>05/14/14 14:17:08.5</t>
  </si>
  <si>
    <t>05/14/14 14:20:29.5</t>
  </si>
  <si>
    <t>05/14/14 14:20:40.5</t>
  </si>
  <si>
    <t>05/14/14 14:21:52.0</t>
  </si>
  <si>
    <t>05/14/14 14:22:03.0</t>
  </si>
  <si>
    <t>05/14/14 14:23:04.5</t>
  </si>
  <si>
    <t>05/14/14 14:23:15.0</t>
  </si>
  <si>
    <t>05/14/14 14:25:34.0</t>
  </si>
  <si>
    <t>05/14/14 14:25:51.5</t>
  </si>
  <si>
    <t>05/14/14 14:26:25.5</t>
  </si>
  <si>
    <t>05/14/14 14:26:31.5</t>
  </si>
  <si>
    <t>05/14/14 14:30:23.5</t>
  </si>
  <si>
    <t>05/14/14 14:30:40.0</t>
  </si>
  <si>
    <t>05/14/14 14:32:54.5</t>
  </si>
  <si>
    <t>05/14/14 14:33:04.5</t>
  </si>
  <si>
    <t>05/14/14 14:35:06.5</t>
  </si>
  <si>
    <t>05/14/14 14:35:26.5</t>
  </si>
  <si>
    <t>05/14/14 14:39:57.0</t>
  </si>
  <si>
    <t>05/14/14 14:40:50.0</t>
  </si>
  <si>
    <t>05/14/14 14:43:13.5</t>
  </si>
  <si>
    <t>05/14/14 14:43:18.5</t>
  </si>
  <si>
    <t>05/14/14 14:44:11.0</t>
  </si>
  <si>
    <t>05/14/14 14:44:18.5</t>
  </si>
  <si>
    <t>05/14/14 14:46:05.5</t>
  </si>
  <si>
    <t>05/14/14 14:46:32.5</t>
  </si>
  <si>
    <t>05/14/14 14:48:45.0</t>
  </si>
  <si>
    <t>05/14/14 14:48:50.5</t>
  </si>
  <si>
    <t>05/14/14 14:53:06.5</t>
  </si>
  <si>
    <t>05/14/14 14:53:53.0</t>
  </si>
  <si>
    <t>05/14/14 14:58:41.5</t>
  </si>
  <si>
    <t>05/14/14 14:59:02.0</t>
  </si>
  <si>
    <t>05/14/14 15:02:04.0</t>
  </si>
  <si>
    <t>05/14/14 15:02:13.5</t>
  </si>
  <si>
    <t>05/14/14 15:04:55.5</t>
  </si>
  <si>
    <t>05/14/14 15:05:02.0</t>
  </si>
  <si>
    <t>05/14/14 15:07:29.5</t>
  </si>
  <si>
    <t>05/14/14 15:08:06.5</t>
  </si>
  <si>
    <t>05/14/14 15:10:13.0</t>
  </si>
  <si>
    <t>05/14/14 15:10:17.5</t>
  </si>
  <si>
    <t>05/14/14 15:10:53.5</t>
  </si>
  <si>
    <t>05/14/14 15:11:12.5</t>
  </si>
  <si>
    <t>05/14/14 15:12:19.5</t>
  </si>
  <si>
    <t>05/14/14 15:12:24.0</t>
  </si>
  <si>
    <t>05/14/14 15:12:54.0</t>
  </si>
  <si>
    <t>05/14/14 15:13:00.0</t>
  </si>
  <si>
    <t>05/14/14 15:14:23.0</t>
  </si>
  <si>
    <t>05/14/14 15:14:30.5</t>
  </si>
  <si>
    <t>05/14/14 15:16:06.5</t>
  </si>
  <si>
    <t>05/14/14 15:16:09.0</t>
  </si>
  <si>
    <t>05/14/14 15:16:39.0</t>
  </si>
  <si>
    <t>05/14/14 15:16:43.0</t>
  </si>
  <si>
    <t>05/14/14 15:17:04.0</t>
  </si>
  <si>
    <t>05/14/14 15:17:07.0</t>
  </si>
  <si>
    <t>05/14/14 15:17:50.0</t>
  </si>
  <si>
    <t>05/14/14 15:17:55.0</t>
  </si>
  <si>
    <t>05/14/14 15:19:06.5</t>
  </si>
  <si>
    <t>05/14/14 15:19:11.5</t>
  </si>
  <si>
    <t>05/14/14 15:20:34.5</t>
  </si>
  <si>
    <t>05/14/14 15:20:43.5</t>
  </si>
  <si>
    <t>05/14/14 15:22:32.5</t>
  </si>
  <si>
    <t>05/14/14 15:22:36.5</t>
  </si>
  <si>
    <t>05/14/14 15:23:20.0</t>
  </si>
  <si>
    <t>05/14/14 15:23:26.0</t>
  </si>
  <si>
    <t>05/14/14 15:24:35.5</t>
  </si>
  <si>
    <t>05/14/14 15:24:40.5</t>
  </si>
  <si>
    <t>05/14/14 15:26:52.5</t>
  </si>
  <si>
    <t>05/14/14 15:27:06.0</t>
  </si>
  <si>
    <t>05/14/14 15:28:26.0</t>
  </si>
  <si>
    <t>05/14/14 15:28:33.0</t>
  </si>
  <si>
    <t>05/14/14 15:29:09.5</t>
  </si>
  <si>
    <t>05/14/14 15:29:13.5</t>
  </si>
  <si>
    <t>05/14/14 15:30:25.5</t>
  </si>
  <si>
    <t>05/14/14 15:30:36.0</t>
  </si>
  <si>
    <t>05/14/14 15:31:32.0</t>
  </si>
  <si>
    <t>05/14/14 15:31:44.5</t>
  </si>
  <si>
    <t>05/14/14 15:32:54.0</t>
  </si>
  <si>
    <t>05/14/14 15:32:57.0</t>
  </si>
  <si>
    <t>05/14/14 15:33:19.0</t>
  </si>
  <si>
    <t>05/14/14 15:33:23.5</t>
  </si>
  <si>
    <t>05/14/14 15:34:41.0</t>
  </si>
  <si>
    <t>05/14/14 15:35:01.5</t>
  </si>
  <si>
    <t>05/14/14 15:35:52.0</t>
  </si>
  <si>
    <t>05/14/14 15:36:11.0</t>
  </si>
  <si>
    <t>05/14/14 15:37:47.5</t>
  </si>
  <si>
    <t>05/14/14 15:37:54.0</t>
  </si>
  <si>
    <t>05/14/14 15:38:59.0</t>
  </si>
  <si>
    <t>05/14/14 15:39:03.0</t>
  </si>
  <si>
    <t>05/14/14 15:39:50.0</t>
  </si>
  <si>
    <t>05/14/14 15:39:54.0</t>
  </si>
  <si>
    <t>05/14/14 15:40:59.5</t>
  </si>
  <si>
    <t>05/14/14 15:41:13.0</t>
  </si>
  <si>
    <t>05/14/14 15:42:58.0</t>
  </si>
  <si>
    <t>05/14/14 15:43:04.0</t>
  </si>
  <si>
    <t>05/14/14 15:44:08.0</t>
  </si>
  <si>
    <t>05/14/14 15:44:13.5</t>
  </si>
  <si>
    <t>05/14/14 15:45:08.5</t>
  </si>
  <si>
    <t>05/14/14 15:45:16.5</t>
  </si>
  <si>
    <t>05/14/14 15:46:22.0</t>
  </si>
  <si>
    <t>05/14/14 15:46:33.5</t>
  </si>
  <si>
    <t>05/14/14 15:48:18.0</t>
  </si>
  <si>
    <t>05/14/14 15:48:24.0</t>
  </si>
  <si>
    <t>05/14/14 15:49:17.5</t>
  </si>
  <si>
    <t>05/14/14 15:49:22.5</t>
  </si>
  <si>
    <t>05/14/14 15:50:32.5</t>
  </si>
  <si>
    <t>05/14/14 15:50:51.0</t>
  </si>
  <si>
    <t>05/14/14 15:53:10.5</t>
  </si>
  <si>
    <t>05/14/14 15:54:57.5</t>
  </si>
  <si>
    <t>05/14/14 15:55:47.5</t>
  </si>
  <si>
    <t>05/14/14 15:55:55.5</t>
  </si>
  <si>
    <t>05/14/14 15:57:41.0</t>
  </si>
  <si>
    <t>05/14/14 15:57:56.0</t>
  </si>
  <si>
    <t>05/14/14 16:00:35.0</t>
  </si>
  <si>
    <t>05/14/14 16:01:08.5</t>
  </si>
  <si>
    <t>05/14/14 16:01:57.5</t>
  </si>
  <si>
    <t>05/14/14 16:02:05.0</t>
  </si>
  <si>
    <t>05/14/14 16:04:23.0</t>
  </si>
  <si>
    <t>05/14/14 16:04:30.5</t>
  </si>
  <si>
    <t>05/14/14 16:05:01.0</t>
  </si>
  <si>
    <t>05/14/14 16:05:05.5</t>
  </si>
  <si>
    <t>05/14/14 16:07:32.0</t>
  </si>
  <si>
    <t>05/14/14 16:07:38.5</t>
  </si>
  <si>
    <t>05/14/14 16:08:06.0</t>
  </si>
  <si>
    <t>05/14/14 16:08:09.5</t>
  </si>
  <si>
    <t>05/14/14 16:08:35.5</t>
  </si>
  <si>
    <t>05/14/14 16:08:38.5</t>
  </si>
  <si>
    <t>05/14/14 16:09:07.5</t>
  </si>
  <si>
    <t>05/14/14 16:09:13.5</t>
  </si>
  <si>
    <t>05/14/14 16:10:20.5</t>
  </si>
  <si>
    <t>05/14/14 16:10:30.5</t>
  </si>
  <si>
    <t>05/14/14 16:11:59.5</t>
  </si>
  <si>
    <t>05/14/14 16:12:05.5</t>
  </si>
  <si>
    <t>05/14/14 16:12:57.5</t>
  </si>
  <si>
    <t>05/14/14 16:13:01.5</t>
  </si>
  <si>
    <t>05/14/14 16:14:05.5</t>
  </si>
  <si>
    <t>05/14/14 16:14:22.5</t>
  </si>
  <si>
    <t>05/14/14 16:14:54.5</t>
  </si>
  <si>
    <t>05/14/14 16:14:57.5</t>
  </si>
  <si>
    <t>05/14/14 16:15:14.0</t>
  </si>
  <si>
    <t>05/14/14 16:15:17.5</t>
  </si>
  <si>
    <t>05/14/14 16:16:22.0</t>
  </si>
  <si>
    <t>05/14/14 16:16:57.5</t>
  </si>
  <si>
    <t>05/14/14 16:18:15.0</t>
  </si>
  <si>
    <t>05/14/14 16:18:24.5</t>
  </si>
  <si>
    <t>05/14/14 16:19:36.0</t>
  </si>
  <si>
    <t>05/14/14 16:19:41.0</t>
  </si>
  <si>
    <t>05/14/14 16:20:30.5</t>
  </si>
  <si>
    <t>05/14/14 16:20:34.5</t>
  </si>
  <si>
    <t>05/14/14 16:21:06.0</t>
  </si>
  <si>
    <t>05/14/14 16:21:10.0</t>
  </si>
  <si>
    <t>05/14/14 16:21:32.0</t>
  </si>
  <si>
    <t>05/14/14 16:21:35.5</t>
  </si>
  <si>
    <t>05/14/14 16:22:28.0</t>
  </si>
  <si>
    <t>05/14/14 16:22:36.0</t>
  </si>
  <si>
    <t>05/14/14 16:24:54.0</t>
  </si>
  <si>
    <t>05/14/14 16:25:56.5</t>
  </si>
  <si>
    <t>05/14/14 16:26:30.0</t>
  </si>
  <si>
    <t>05/14/14 16:26:36.0</t>
  </si>
  <si>
    <t>05/14/14 16:27:16.0</t>
  </si>
  <si>
    <t>05/14/14 16:27:21.0</t>
  </si>
  <si>
    <t>05/14/14 16:28:15.5</t>
  </si>
  <si>
    <t>05/14/14 16:28:22.0</t>
  </si>
  <si>
    <t>05/14/14 16:29:33.0</t>
  </si>
  <si>
    <t>05/14/14 16:29:46.5</t>
  </si>
  <si>
    <t>05/14/14 16:30:29.0</t>
  </si>
  <si>
    <t>05/14/14 16:30:35.5</t>
  </si>
  <si>
    <t>05/14/14 16:31:14.0</t>
  </si>
  <si>
    <t>05/14/14 16:31:24.0</t>
  </si>
  <si>
    <t>05/14/14 16:32:10.5</t>
  </si>
  <si>
    <t>05/14/14 16:32:14.5</t>
  </si>
  <si>
    <t>05/14/14 16:33:28.0</t>
  </si>
  <si>
    <t>05/14/14 16:33:35.0</t>
  </si>
  <si>
    <t>05/14/14 16:34:13.0</t>
  </si>
  <si>
    <t>05/14/14 16:34:18.5</t>
  </si>
  <si>
    <t>05/14/14 16:35:02.5</t>
  </si>
  <si>
    <t>05/14/14 16:35:05.0</t>
  </si>
  <si>
    <t>05/14/14 16:36:04.0</t>
  </si>
  <si>
    <t>05/14/14 16:36:07.5</t>
  </si>
  <si>
    <t>05/14/14 16:36:44.0</t>
  </si>
  <si>
    <t>05/14/14 16:36:51.0</t>
  </si>
  <si>
    <t>05/14/14 16:38:19.0</t>
  </si>
  <si>
    <t>05/14/14 16:38:22.5</t>
  </si>
  <si>
    <t>05/14/14 16:38:52.5</t>
  </si>
  <si>
    <t>05/14/14 16:38:56.5</t>
  </si>
  <si>
    <t>05/14/14 16:39:50.0</t>
  </si>
  <si>
    <t>05/14/14 16:39:53.0</t>
  </si>
  <si>
    <t>05/14/14 16:40:44.5</t>
  </si>
  <si>
    <t>05/14/14 16:40:48.0</t>
  </si>
  <si>
    <t>05/14/14 16:41:30.5</t>
  </si>
  <si>
    <t>05/14/14 16:41:38.0</t>
  </si>
  <si>
    <t>05/14/14 16:43:28.5</t>
  </si>
  <si>
    <t>05/14/14 16:43:35.0</t>
  </si>
  <si>
    <t>05/14/14 16:44:31.0</t>
  </si>
  <si>
    <t>05/14/14 16:44:36.5</t>
  </si>
  <si>
    <t>05/14/14 16:45:20.0</t>
  </si>
  <si>
    <t>05/14/14 16:45:25.5</t>
  </si>
  <si>
    <t>05/14/14 16:46:59.0</t>
  </si>
  <si>
    <t>05/14/14 16:47:08.5</t>
  </si>
  <si>
    <t>05/14/14 16:49:02.5</t>
  </si>
  <si>
    <t>05/14/14 16:49:08.5</t>
  </si>
  <si>
    <t>05/14/14 16:50:00.5</t>
  </si>
  <si>
    <t>05/14/14 16:50:09.0</t>
  </si>
  <si>
    <t>05/14/14 16:51:02.0</t>
  </si>
  <si>
    <t>05/14/14 16:51:07.5</t>
  </si>
  <si>
    <t>05/14/14 16:52:08.0</t>
  </si>
  <si>
    <t>05/14/14 16:52:14.0</t>
  </si>
  <si>
    <t>05/14/14 16:52:50.5</t>
  </si>
  <si>
    <t>05/14/14 16:52:59.5</t>
  </si>
  <si>
    <t>05/14/14 16:53:58.0</t>
  </si>
  <si>
    <t>05/14/14 16:54:01.5</t>
  </si>
  <si>
    <t>05/14/14 16:54:39.0</t>
  </si>
  <si>
    <t>05/14/14 16:54:44.0</t>
  </si>
  <si>
    <t>05/14/14 16:55:42.0</t>
  </si>
  <si>
    <t>05/14/14 16:55:50.0</t>
  </si>
  <si>
    <t>05/14/14 16:56:20.0</t>
  </si>
  <si>
    <t>05/14/14 16:56:23.0</t>
  </si>
  <si>
    <t>05/14/14 16:57:28.5</t>
  </si>
  <si>
    <t>05/14/14 16:57:34.0</t>
  </si>
  <si>
    <t>05/14/14 16:58:35.5</t>
  </si>
  <si>
    <t>05/14/14 16:58:45.5</t>
  </si>
  <si>
    <t>05/14/14 16:59:31.0</t>
  </si>
  <si>
    <t>05/14/14 16:59:40.5</t>
  </si>
  <si>
    <t>05/14/14 17:00:49.5</t>
  </si>
  <si>
    <t>05/14/14 17:00:59.5</t>
  </si>
  <si>
    <t>05/14/14 17:01:33.0</t>
  </si>
  <si>
    <t>05/14/14 17:01:36.5</t>
  </si>
  <si>
    <t>05/14/14 17:02:50.5</t>
  </si>
  <si>
    <t>05/14/14 17:02:56.0</t>
  </si>
  <si>
    <t>05/14/14 17:03:57.5</t>
  </si>
  <si>
    <t>05/14/14 17:04:06.5</t>
  </si>
  <si>
    <t>05/14/14 17:06:07.0</t>
  </si>
  <si>
    <t>05/14/14 17:06:14.0</t>
  </si>
  <si>
    <t>05/14/14 17:07:00.0</t>
  </si>
  <si>
    <t>05/14/14 17:07:05.5</t>
  </si>
  <si>
    <t>05/14/14 17:08:10.5</t>
  </si>
  <si>
    <t>05/14/14 17:08:22.0</t>
  </si>
  <si>
    <t>05/14/14 17:09:07.5</t>
  </si>
  <si>
    <t>05/14/14 17:09:10.0</t>
  </si>
  <si>
    <t>05/14/14 17:09:27.5</t>
  </si>
  <si>
    <t>05/14/14 17:09:30.5</t>
  </si>
  <si>
    <t>05/14/14 17:10:41.0</t>
  </si>
  <si>
    <t>05/14/14 17:10:57.5</t>
  </si>
  <si>
    <t>05/14/14 17:12:46.0</t>
  </si>
  <si>
    <t>05/14/14 17:12:51.5</t>
  </si>
  <si>
    <t>05/14/14 17:14:27.0</t>
  </si>
  <si>
    <t>05/14/14 17:14:31.0</t>
  </si>
  <si>
    <t>05/14/14 17:15:11.5</t>
  </si>
  <si>
    <t>05/14/14 17:15:29.5</t>
  </si>
  <si>
    <t>05/14/14 17:16:33.0</t>
  </si>
  <si>
    <t>05/14/14 17:16:43.5</t>
  </si>
  <si>
    <t>05/14/14 17:17:36.5</t>
  </si>
  <si>
    <t>05/14/14 17:17:53.0</t>
  </si>
  <si>
    <t>05/14/14 17:19:23.5</t>
  </si>
  <si>
    <t>05/14/14 17:19:35.0</t>
  </si>
  <si>
    <t>05/14/14 17:20:57.0</t>
  </si>
  <si>
    <t>05/14/14 17:21:02.5</t>
  </si>
  <si>
    <t>05/14/14 17:21:35.5</t>
  </si>
  <si>
    <t>05/14/14 17:21:38.5</t>
  </si>
  <si>
    <t>05/14/14 17:22:08.0</t>
  </si>
  <si>
    <t>05/14/14 17:22:18.0</t>
  </si>
  <si>
    <t>05/14/14 17:23:53.0</t>
  </si>
  <si>
    <t>05/14/14 17:23:58.0</t>
  </si>
  <si>
    <t>05/14/14 17:25:06.0</t>
  </si>
  <si>
    <t>05/14/14 17:25:10.0</t>
  </si>
  <si>
    <t>05/14/14 17:26:18.5</t>
  </si>
  <si>
    <t>05/14/14 17:26:33.5</t>
  </si>
  <si>
    <t>05/14/14 17:28:30.0</t>
  </si>
  <si>
    <t>05/14/14 17:28:36.0</t>
  </si>
  <si>
    <t>05/14/14 17:29:40.5</t>
  </si>
  <si>
    <t>05/14/14 17:29:48.5</t>
  </si>
  <si>
    <t>05/14/14 17:31:35.5</t>
  </si>
  <si>
    <t>05/14/14 17:31:41.5</t>
  </si>
  <si>
    <t>05/14/14 17:33:03.5</t>
  </si>
  <si>
    <t>05/14/14 17:33:12.5</t>
  </si>
  <si>
    <t>05/14/14 17:35:18.0</t>
  </si>
  <si>
    <t>05/14/14 17:35:32.5</t>
  </si>
  <si>
    <t>05/14/14 17:36:33.0</t>
  </si>
  <si>
    <t>05/14/14 17:37:13.0</t>
  </si>
  <si>
    <t>05/14/14 17:39:13.0</t>
  </si>
  <si>
    <t>05/14/14 17:39:21.5</t>
  </si>
  <si>
    <t>05/14/14 17:39:47.0</t>
  </si>
  <si>
    <t>05/14/14 17:39:51.5</t>
  </si>
  <si>
    <t>05/14/14 17:40:22.0</t>
  </si>
  <si>
    <t>05/14/14 17:40:24.5</t>
  </si>
  <si>
    <t>05/14/14 17:41:17.0</t>
  </si>
  <si>
    <t>05/14/14 17:41:26.0</t>
  </si>
  <si>
    <t>05/14/14 17:42:23.0</t>
  </si>
  <si>
    <t>05/14/14 17:42:34.0</t>
  </si>
  <si>
    <t>05/14/14 17:43:40.0</t>
  </si>
  <si>
    <t>05/14/14 17:43:48.0</t>
  </si>
  <si>
    <t>05/14/14 17:44:23.0</t>
  </si>
  <si>
    <t>05/14/14 17:44:35.0</t>
  </si>
  <si>
    <t>05/14/14 17:46:18.0</t>
  </si>
  <si>
    <t>05/14/14 17:46:22.5</t>
  </si>
  <si>
    <t>05/14/14 17:47:04.5</t>
  </si>
  <si>
    <t>05/14/14 17:47:13.0</t>
  </si>
  <si>
    <t>05/14/14 17:48:08.5</t>
  </si>
  <si>
    <t>05/14/14 17:48:14.5</t>
  </si>
  <si>
    <t>05/14/14 17:49:30.0</t>
  </si>
  <si>
    <t>05/14/14 17:49:40.0</t>
  </si>
  <si>
    <t>05/14/14 17:51:21.5</t>
  </si>
  <si>
    <t>05/14/14 17:51:29.0</t>
  </si>
  <si>
    <t>05/14/14 17:52:50.5</t>
  </si>
  <si>
    <t>05/14/14 17:52:54.0</t>
  </si>
  <si>
    <t>05/14/14 17:54:15.5</t>
  </si>
  <si>
    <t>05/14/14 17:54:37.0</t>
  </si>
  <si>
    <t>05/14/14 17:55:50.0</t>
  </si>
  <si>
    <t>05/14/14 17:55:59.5</t>
  </si>
  <si>
    <t>05/14/14 17:57:11.0</t>
  </si>
  <si>
    <t>05/14/14 17:57:19.0</t>
  </si>
  <si>
    <t>05/14/14 17:58:37.5</t>
  </si>
  <si>
    <t>05/14/14 17:58:52.5</t>
  </si>
  <si>
    <t>05/14/14 18:02:01.5</t>
  </si>
  <si>
    <t>05/14/14 18:02:20.0</t>
  </si>
  <si>
    <t>05/14/14 18:03:26.0</t>
  </si>
  <si>
    <t>05/14/14 18:03:34.0</t>
  </si>
  <si>
    <t>05/14/14 18:04:24.0</t>
  </si>
  <si>
    <t>05/14/14 18:04:34.5</t>
  </si>
  <si>
    <t>05/14/14 18:06:15.5</t>
  </si>
  <si>
    <t>05/14/14 18:06:24.0</t>
  </si>
  <si>
    <t>05/14/14 18:08:25.5</t>
  </si>
  <si>
    <t>05/14/14 18:08:37.5</t>
  </si>
  <si>
    <t>05/14/14 18:09:39.0</t>
  </si>
  <si>
    <t>05/14/14 18:09:50.5</t>
  </si>
  <si>
    <t>05/14/14 18:12:29.0</t>
  </si>
  <si>
    <t>05/14/14 18:12:41.5</t>
  </si>
  <si>
    <t>05/14/14 18:15:31.5</t>
  </si>
  <si>
    <t>05/14/14 18:15:44.5</t>
  </si>
  <si>
    <t>05/14/14 18:18:54.5</t>
  </si>
  <si>
    <t>05/14/14 18:19:12.5</t>
  </si>
  <si>
    <t>05/14/14 18:20:57.5</t>
  </si>
  <si>
    <t>05/14/14 18:21:12.5</t>
  </si>
  <si>
    <t>05/14/14 18:23:56.5</t>
  </si>
  <si>
    <t>05/14/14 18:24:10.0</t>
  </si>
  <si>
    <t>05/14/14 18:25:46.0</t>
  </si>
  <si>
    <t>05/14/14 18:25:58.5</t>
  </si>
  <si>
    <t>05/14/14 18:28:09.0</t>
  </si>
  <si>
    <t>05/14/14 18:28:18.0</t>
  </si>
  <si>
    <t>05/14/14 18:30:16.5</t>
  </si>
  <si>
    <t>05/14/14 18:30:34.0</t>
  </si>
  <si>
    <t>05/14/14 18:35:27.0</t>
  </si>
  <si>
    <t>05/14/14 18:35:35.5</t>
  </si>
  <si>
    <t>05/14/14 18:36:59.0</t>
  </si>
  <si>
    <t>05/14/14 18:37:14.0</t>
  </si>
  <si>
    <t>05/14/14 18:39:53.0</t>
  </si>
  <si>
    <t>05/14/14 18:39:59.0</t>
  </si>
  <si>
    <t>05/14/14 18:40:55.0</t>
  </si>
  <si>
    <t>05/14/14 18:41:00.0</t>
  </si>
  <si>
    <t>05/14/14 18:41:59.0</t>
  </si>
  <si>
    <t>05/14/14 18:42:16.0</t>
  </si>
  <si>
    <t>05/14/14 18:43:50.0</t>
  </si>
  <si>
    <t>05/14/14 18:43:59.0</t>
  </si>
  <si>
    <t>05/14/14 18:45:06.0</t>
  </si>
  <si>
    <t>05/14/14 18:45:13.5</t>
  </si>
  <si>
    <t>05/14/14 18:47:58.0</t>
  </si>
  <si>
    <t>05/14/14 18:48:47.0</t>
  </si>
  <si>
    <t>05/14/14 18:51:15.0</t>
  </si>
  <si>
    <t>05/14/14 18:51:28.5</t>
  </si>
  <si>
    <t>05/14/14 18:53:25.0</t>
  </si>
  <si>
    <t>05/14/14 18:53:33.5</t>
  </si>
  <si>
    <t>05/14/14 18:57:09.0</t>
  </si>
  <si>
    <t>05/14/14 18:57:20.0</t>
  </si>
  <si>
    <t>05/14/14 19:02:07.5</t>
  </si>
  <si>
    <t>05/14/14 19:02:12.0</t>
  </si>
  <si>
    <t>05/14/14 19:06:19.5</t>
  </si>
  <si>
    <t>05/14/14 19:06:27.5</t>
  </si>
  <si>
    <t>05/14/14 19:14:48.5</t>
  </si>
  <si>
    <t>05/14/14 19:14:58.0</t>
  </si>
  <si>
    <t>05/14/14 19:16:10.0</t>
  </si>
  <si>
    <t>05/14/14 19:16:16.0</t>
  </si>
  <si>
    <t>05/14/14 19:17:13.5</t>
  </si>
  <si>
    <t>05/14/14 19:17:20.0</t>
  </si>
  <si>
    <t>05/14/14 19:19:54.0</t>
  </si>
  <si>
    <t>05/14/14 19:20:06.0</t>
  </si>
  <si>
    <t>05/14/14 19:20:50.0</t>
  </si>
  <si>
    <t>05/14/14 19:20:54.5</t>
  </si>
  <si>
    <t>05/14/14 19:21:37.0</t>
  </si>
  <si>
    <t>05/14/14 19:21:41.5</t>
  </si>
  <si>
    <t>05/14/14 19:22:17.5</t>
  </si>
  <si>
    <t>05/14/14 19:22:30.0</t>
  </si>
  <si>
    <t>05/14/14 19:24:21.0</t>
  </si>
  <si>
    <t>05/14/14 19:24:25.5</t>
  </si>
  <si>
    <t>05/14/14 19:26:42.5</t>
  </si>
  <si>
    <t>05/14/14 19:26:47.0</t>
  </si>
  <si>
    <t>05/14/14 19:28:58.5</t>
  </si>
  <si>
    <t>05/14/14 19:29:05.0</t>
  </si>
  <si>
    <t>05/14/14 19:29:45.0</t>
  </si>
  <si>
    <t>05/14/14 19:29:53.5</t>
  </si>
  <si>
    <t>05/14/14 19:32:21.0</t>
  </si>
  <si>
    <t>05/14/14 19:32:27.5</t>
  </si>
  <si>
    <t>05/14/14 19:34:27.5</t>
  </si>
  <si>
    <t>05/14/14 19:34:34.0</t>
  </si>
  <si>
    <t>05/14/14 19:36:09.5</t>
  </si>
  <si>
    <t>05/14/14 19:36:16.5</t>
  </si>
  <si>
    <t>05/14/14 19:39:28.5</t>
  </si>
  <si>
    <t>05/14/14 19:39:33.0</t>
  </si>
  <si>
    <t>05/14/14 19:43:08.0</t>
  </si>
  <si>
    <t>05/14/14 19:43:16.5</t>
  </si>
  <si>
    <t>05/14/14 19:45:34.0</t>
  </si>
  <si>
    <t>05/14/14 19:45:41.5</t>
  </si>
  <si>
    <t>05/14/14 19:46:58.0</t>
  </si>
  <si>
    <t>05/14/14 19:47:04.5</t>
  </si>
  <si>
    <t>05/14/14 19:53:33.5</t>
  </si>
  <si>
    <t>05/14/14 19:54:22.0</t>
  </si>
  <si>
    <t>05/14/14 19:54:52.0</t>
  </si>
  <si>
    <t>05/14/14 19:54:56.5</t>
  </si>
  <si>
    <t>05/14/14 19:55:41.0</t>
  </si>
  <si>
    <t>05/14/14 19:55:54.0</t>
  </si>
  <si>
    <t>05/14/14 19:57:43.5</t>
  </si>
  <si>
    <t>05/14/14 19:57:48.0</t>
  </si>
  <si>
    <t>05/14/14 20:02:00.0</t>
  </si>
  <si>
    <t>05/14/14 20:02:11.0</t>
  </si>
  <si>
    <t>05/14/14 20:02:57.0</t>
  </si>
  <si>
    <t>05/14/14 20:03:09.0</t>
  </si>
  <si>
    <t>05/14/14 20:05:34.5</t>
  </si>
  <si>
    <t>05/14/14 20:05:48.0</t>
  </si>
  <si>
    <t>05/14/14 20:11:20.0</t>
  </si>
  <si>
    <t>05/14/14 20:11:46.0</t>
  </si>
  <si>
    <t>05/14/14 20:13:24.0</t>
  </si>
  <si>
    <t>05/14/14 20:15:53.5</t>
  </si>
  <si>
    <t>05/14/14 20:17:52.0</t>
  </si>
  <si>
    <t>05/14/14 20:17:59.0</t>
  </si>
  <si>
    <t>05/14/14 20:24:01.0</t>
  </si>
  <si>
    <t>05/14/14 20:24:18.0</t>
  </si>
  <si>
    <t>05/14/14 20:28:19.5</t>
  </si>
  <si>
    <t>05/14/14 20:28:26.5</t>
  </si>
  <si>
    <t>05/14/14 20:43:42.5</t>
  </si>
  <si>
    <t>05/14/14 20:44:01.5</t>
  </si>
  <si>
    <t>05/14/14 20:46:36.5</t>
  </si>
  <si>
    <t>05/14/14 20:46:40.5</t>
  </si>
  <si>
    <t>05/14/14 20:47:46.5</t>
  </si>
  <si>
    <t>05/14/14 20:48:03.5</t>
  </si>
  <si>
    <t>05/14/14 20:50:04.5</t>
  </si>
  <si>
    <t>05/14/14 20:50:48.0</t>
  </si>
  <si>
    <t>05/14/14 20:54:28.5</t>
  </si>
  <si>
    <t>05/14/14 20:54:54.5</t>
  </si>
  <si>
    <t>05/14/14 21:01:39.0</t>
  </si>
  <si>
    <t>05/14/14 21:02:45.0</t>
  </si>
  <si>
    <t>05/14/14 21:06:49.5</t>
  </si>
  <si>
    <t>05/14/14 21:07:21.0</t>
  </si>
  <si>
    <t>05/14/14 21:12:10.5</t>
  </si>
  <si>
    <t>05/14/14 21:12:22.0</t>
  </si>
  <si>
    <t>05/14/14 21:14:39.0</t>
  </si>
  <si>
    <t>05/14/14 21:14:48.5</t>
  </si>
  <si>
    <t>05/14/14 21:18:20.5</t>
  </si>
  <si>
    <t>05/14/14 21:19:00.5</t>
  </si>
  <si>
    <t>05/14/14 21:22:54.0</t>
  </si>
  <si>
    <t>05/14/14 21:23:06.0</t>
  </si>
  <si>
    <t>05/14/14 21:27:34.5</t>
  </si>
  <si>
    <t>05/14/14 21:27:54.0</t>
  </si>
  <si>
    <t>05/14/14 21:28:50.0</t>
  </si>
  <si>
    <t>05/14/14 21:29:04.5</t>
  </si>
  <si>
    <t>05/14/14 21:42:19.5</t>
  </si>
  <si>
    <t>05/14/14 21:42:35.0</t>
  </si>
  <si>
    <t>05/14/14 21:45:56.5</t>
  </si>
  <si>
    <t>05/14/14 21:46:09.0</t>
  </si>
  <si>
    <t>05/14/14 21:53:09.0</t>
  </si>
  <si>
    <t>05/14/14 21:53:20.0</t>
  </si>
  <si>
    <t>05/14/14 21:57:18.0</t>
  </si>
  <si>
    <t>05/14/14 21:57:25.0</t>
  </si>
  <si>
    <t>05/14/14 21:59:11.5</t>
  </si>
  <si>
    <t>05/14/14 21:59:18.0</t>
  </si>
  <si>
    <t>05/14/14 22:05:31.0</t>
  </si>
  <si>
    <t>05/14/14 22:05:42.5</t>
  </si>
  <si>
    <t>05/14/14 22:07:49.5</t>
  </si>
  <si>
    <t>05/14/14 22:08:03.0</t>
  </si>
  <si>
    <t>05/14/14 22:13:54.0</t>
  </si>
  <si>
    <t>05/14/14 22:14:12.5</t>
  </si>
  <si>
    <t>05/14/14 22:31:41.5</t>
  </si>
  <si>
    <t>05/14/14 22:31:50.0</t>
  </si>
  <si>
    <t>05/14/14 22:35:46.0</t>
  </si>
  <si>
    <t>05/14/14 22:36:03.0</t>
  </si>
  <si>
    <t>05/14/14 22:37:35.5</t>
  </si>
  <si>
    <t>05/14/14 22:37:40.5</t>
  </si>
  <si>
    <t>05/14/14 22:44:05.5</t>
  </si>
  <si>
    <t>05/14/14 22:44:13.0</t>
  </si>
  <si>
    <t>05/14/14 22:45:33.0</t>
  </si>
  <si>
    <t>05/14/14 22:45:47.5</t>
  </si>
  <si>
    <t>05/14/14 22:50:54.0</t>
  </si>
  <si>
    <t>05/14/14 22:51:03.0</t>
  </si>
  <si>
    <t>05/14/14 22:54:52.0</t>
  </si>
  <si>
    <t>05/14/14 22:55:06.0</t>
  </si>
  <si>
    <t>05/14/14 22:56:42.0</t>
  </si>
  <si>
    <t>05/14/14 22:56:46.5</t>
  </si>
  <si>
    <t>05/14/14 22:57:41.5</t>
  </si>
  <si>
    <t>05/14/14 22:57:51.0</t>
  </si>
  <si>
    <t>05/14/14 23:00:58.5</t>
  </si>
  <si>
    <t>05/14/14 23:01:16.5</t>
  </si>
  <si>
    <t>05/14/14 23:05:06.0</t>
  </si>
  <si>
    <t>05/14/14 23:05:14.0</t>
  </si>
  <si>
    <t>05/14/14 23:06:57.5</t>
  </si>
  <si>
    <t>05/14/14 23:07:12.5</t>
  </si>
  <si>
    <t>05/14/14 23:09:36.0</t>
  </si>
  <si>
    <t>05/14/14 23:09:48.0</t>
  </si>
  <si>
    <t>05/14/14 23:11:44.5</t>
  </si>
  <si>
    <t>05/14/14 23:11:53.0</t>
  </si>
  <si>
    <t>05/14/14 23:13:26.0</t>
  </si>
  <si>
    <t>05/14/14 23:13:40.0</t>
  </si>
  <si>
    <t>05/14/14 23:20:04.0</t>
  </si>
  <si>
    <t>05/14/14 23:20:14.0</t>
  </si>
  <si>
    <t>05/14/14 23:27:20.5</t>
  </si>
  <si>
    <t>05/14/14 23:28:06.0</t>
  </si>
  <si>
    <t>05/14/14 23:29:23.0</t>
  </si>
  <si>
    <t>05/14/14 23:29:30.0</t>
  </si>
  <si>
    <t>05/14/14 23:31:51.0</t>
  </si>
  <si>
    <t>05/14/14 23:32:01.0</t>
  </si>
  <si>
    <t>05/14/14 23:35:00.5</t>
  </si>
  <si>
    <t>05/14/14 23:35:14.5</t>
  </si>
  <si>
    <t>05/14/14 23:36:26.0</t>
  </si>
  <si>
    <t>05/14/14 23:36:47.0</t>
  </si>
  <si>
    <t>05/14/14 23:40:16.5</t>
  </si>
  <si>
    <t>05/14/14 23:40:49.0</t>
  </si>
  <si>
    <t>05/14/14 23:43:11.5</t>
  </si>
  <si>
    <t>05/14/14 23:43:25.5</t>
  </si>
  <si>
    <t>05/14/14 23:45:47.5</t>
  </si>
  <si>
    <t>05/14/14 23:45:56.0</t>
  </si>
  <si>
    <t>05/14/14 23:47:17.0</t>
  </si>
  <si>
    <t>05/14/14 23:47:33.5</t>
  </si>
  <si>
    <t>05/14/14 23:50:47.5</t>
  </si>
  <si>
    <t>05/14/14 23:50:55.0</t>
  </si>
  <si>
    <t>05/14/14 23:54:53.0</t>
  </si>
  <si>
    <t>05/14/14 23:55:01.5</t>
  </si>
  <si>
    <t>05/14/14 23:58:45.5</t>
  </si>
  <si>
    <t>05/14/14 23:58:52.5</t>
  </si>
  <si>
    <t>05/15/14 00:03:03.0</t>
  </si>
  <si>
    <t>05/15/14 00:04:05.0</t>
  </si>
  <si>
    <t>05/15/14 00:07:40.0</t>
  </si>
  <si>
    <t>05/15/14 00:07:45.5</t>
  </si>
  <si>
    <t>05/15/14 00:08:40.0</t>
  </si>
  <si>
    <t>05/15/14 00:09:38.5</t>
  </si>
  <si>
    <t>05/15/14 00:11:53.5</t>
  </si>
  <si>
    <t>05/15/14 00:12:09.5</t>
  </si>
  <si>
    <t>05/15/14 00:16:27.0</t>
  </si>
  <si>
    <t>05/15/14 00:16:51.5</t>
  </si>
  <si>
    <t>05/15/14 00:21:28.5</t>
  </si>
  <si>
    <t>05/15/14 00:23:42.5</t>
  </si>
  <si>
    <t>05/15/14 00:31:52.0</t>
  </si>
  <si>
    <t>05/15/14 00:32:03.5</t>
  </si>
  <si>
    <t>05/15/14 00:37:04.0</t>
  </si>
  <si>
    <t>05/15/14 00:37:10.0</t>
  </si>
  <si>
    <t>05/15/14 00:40:06.0</t>
  </si>
  <si>
    <t>05/15/14 00:40:14.0</t>
  </si>
  <si>
    <t>05/15/14 00:41:07.5</t>
  </si>
  <si>
    <t>05/15/14 00:41:16.0</t>
  </si>
  <si>
    <t>05/15/14 00:51:04.0</t>
  </si>
  <si>
    <t>05/15/14 00:51:11.5</t>
  </si>
  <si>
    <t>05/15/14 00:52:38.0</t>
  </si>
  <si>
    <t>05/15/14 00:52:52.5</t>
  </si>
  <si>
    <t>05/15/14 00:57:49.5</t>
  </si>
  <si>
    <t>05/15/14 00:57:59.5</t>
  </si>
  <si>
    <t>05/15/14 01:03:58.0</t>
  </si>
  <si>
    <t>05/15/14 01:04:17.5</t>
  </si>
  <si>
    <t>05/15/14 01:11:32.0</t>
  </si>
  <si>
    <t>05/15/14 01:11:55.0</t>
  </si>
  <si>
    <t>05/15/14 01:35:22.5</t>
  </si>
  <si>
    <t>05/15/14 01:35:33.0</t>
  </si>
  <si>
    <t>05/15/14 01:37:59.5</t>
  </si>
  <si>
    <t>05/15/14 01:38:05.0</t>
  </si>
  <si>
    <t>05/15/14 01:43:11.0</t>
  </si>
  <si>
    <t>05/15/14 01:43:14.0</t>
  </si>
  <si>
    <t>05/15/14 01:43:35.0</t>
  </si>
  <si>
    <t>05/15/14 01:43:40.0</t>
  </si>
  <si>
    <t>05/15/14 01:45:06.5</t>
  </si>
  <si>
    <t>05/15/14 01:45:18.0</t>
  </si>
  <si>
    <t>05/15/14 01:47:29.0</t>
  </si>
  <si>
    <t>05/15/14 01:47:45.0</t>
  </si>
  <si>
    <t>05/15/14 02:06:51.5</t>
  </si>
  <si>
    <t>05/15/14 02:07:10.0</t>
  </si>
  <si>
    <t>05/15/14 02:21:14.0</t>
  </si>
  <si>
    <t>05/15/14 02:21:30.0</t>
  </si>
  <si>
    <t>05/15/14 02:30:41.0</t>
  </si>
  <si>
    <t>05/15/14 02:30:56.0</t>
  </si>
  <si>
    <t>05/15/14 02:36:28.0</t>
  </si>
  <si>
    <t>05/15/14 02:36:33.5</t>
  </si>
  <si>
    <t>05/15/14 02:50:04.0</t>
  </si>
  <si>
    <t>05/15/14 02:50:57.0</t>
  </si>
  <si>
    <t>05/15/14 03:02:30.5</t>
  </si>
  <si>
    <t>05/15/14 03:03:07.0</t>
  </si>
  <si>
    <t>05/15/14 03:43:44.0</t>
  </si>
  <si>
    <t>05/15/14 03:44:41.5</t>
  </si>
  <si>
    <t>05/15/14 04:02:02.5</t>
  </si>
  <si>
    <t>05/15/14 04:02:23.0</t>
  </si>
  <si>
    <t>05/15/14 04:37:01.0</t>
  </si>
  <si>
    <t>05/15/14 04:37:17.5</t>
  </si>
  <si>
    <t>05/15/14 04:48:52.0</t>
  </si>
  <si>
    <t>05/15/14 04:50:06.5</t>
  </si>
  <si>
    <t>05/15/14 05:17:23.0</t>
  </si>
  <si>
    <t>05/15/14 05:18:05.0</t>
  </si>
  <si>
    <t>05/15/14 05:45:03.0</t>
  </si>
  <si>
    <t>05/15/14 05:46:54.5</t>
  </si>
  <si>
    <t>05/15/14 05:50:26.0</t>
  </si>
  <si>
    <t>05/15/14 05:50:46.0</t>
  </si>
  <si>
    <t>05/15/14 05:54:30.0</t>
  </si>
  <si>
    <t>05/15/14 05:55:58.0</t>
  </si>
  <si>
    <t>05/15/14 06:01:21.5</t>
  </si>
  <si>
    <t>05/15/14 06:01:25.5</t>
  </si>
  <si>
    <t>05/15/14 06:02:12.5</t>
  </si>
  <si>
    <t>05/15/14 06:02:24.5</t>
  </si>
  <si>
    <t>05/15/14 06:17:21.5</t>
  </si>
  <si>
    <t>05/15/14 06:17:29.0</t>
  </si>
  <si>
    <t>05/15/14 06:19:25.0</t>
  </si>
  <si>
    <t>05/15/14 06:19:32.0</t>
  </si>
  <si>
    <t>05/15/14 06:32:19.5</t>
  </si>
  <si>
    <t>05/15/14 06:35:01.5</t>
  </si>
  <si>
    <t>05/15/14 06:49:41.5</t>
  </si>
  <si>
    <t>05/15/14 06:53:36.5</t>
  </si>
  <si>
    <t>05/15/14 07:02:16.5</t>
  </si>
  <si>
    <t>05/15/14 07:02:31.0</t>
  </si>
  <si>
    <t>05/15/14 07:06:10.0</t>
  </si>
  <si>
    <t>05/15/14 07:11:12.5</t>
  </si>
  <si>
    <t>05/15/14 07:24:08.5</t>
  </si>
  <si>
    <t>05/15/14 07:27:35.0</t>
  </si>
  <si>
    <t>05/15/14 07:36:59.0</t>
  </si>
  <si>
    <t>05/15/14 07:40:26.0</t>
  </si>
  <si>
    <t>05/15/14 07:47:09.5</t>
  </si>
  <si>
    <t>05/15/14 07:47:25.0</t>
  </si>
  <si>
    <t>05/15/14 07:57:04.5</t>
  </si>
  <si>
    <t>05/15/14 07:58:00.0</t>
  </si>
  <si>
    <t>05/15/14 08:00:55.5</t>
  </si>
  <si>
    <t>05/15/14 08:01:02.0</t>
  </si>
  <si>
    <t>05/15/14 08:02:24.5</t>
  </si>
  <si>
    <t>05/15/14 08:02:53.0</t>
  </si>
  <si>
    <t>05/15/14 08:08:20.0</t>
  </si>
  <si>
    <t>05/15/14 08:08:28.5</t>
  </si>
  <si>
    <t>05/15/14 08:09:36.0</t>
  </si>
  <si>
    <t>05/15/14 08:09:40.0</t>
  </si>
  <si>
    <t>05/15/14 08:10:52.0</t>
  </si>
  <si>
    <t>05/15/14 08:11:21.0</t>
  </si>
  <si>
    <t>05/15/14 08:12:18.5</t>
  </si>
  <si>
    <t>05/15/14 08:12:24.0</t>
  </si>
  <si>
    <t>05/15/14 08:13:59.5</t>
  </si>
  <si>
    <t>05/15/14 08:14:05.5</t>
  </si>
  <si>
    <t>05/15/14 08:15:35.0</t>
  </si>
  <si>
    <t>05/15/14 08:15:41.5</t>
  </si>
  <si>
    <t>05/15/14 08:18:06.0</t>
  </si>
  <si>
    <t>05/15/14 08:18:17.5</t>
  </si>
  <si>
    <t>05/15/14 08:19:30.0</t>
  </si>
  <si>
    <t>05/15/14 08:19:40.5</t>
  </si>
  <si>
    <t>05/15/14 08:20:29.5</t>
  </si>
  <si>
    <t>05/15/14 08:20:34.0</t>
  </si>
  <si>
    <t>05/15/14 08:21:18.5</t>
  </si>
  <si>
    <t>05/15/14 08:21:22.5</t>
  </si>
  <si>
    <t>05/15/14 08:24:02.5</t>
  </si>
  <si>
    <t>05/15/14 08:24:13.5</t>
  </si>
  <si>
    <t>05/15/14 08:24:58.5</t>
  </si>
  <si>
    <t>05/15/14 08:25:06.0</t>
  </si>
  <si>
    <t>05/15/14 08:27:16.5</t>
  </si>
  <si>
    <t>05/15/14 08:27:23.0</t>
  </si>
  <si>
    <t>05/15/14 08:28:20.5</t>
  </si>
  <si>
    <t>05/15/14 08:28:29.0</t>
  </si>
  <si>
    <t>05/15/14 08:29:42.0</t>
  </si>
  <si>
    <t>05/15/14 08:29:48.0</t>
  </si>
  <si>
    <t>05/15/14 08:30:27.5</t>
  </si>
  <si>
    <t>05/15/14 08:30:33.5</t>
  </si>
  <si>
    <t>05/15/14 08:32:35.5</t>
  </si>
  <si>
    <t>05/15/14 08:32:43.5</t>
  </si>
  <si>
    <t>05/15/14 08:35:46.0</t>
  </si>
  <si>
    <t>05/15/14 08:35:58.0</t>
  </si>
  <si>
    <t>05/15/14 08:38:09.0</t>
  </si>
  <si>
    <t>05/15/14 08:38:13.0</t>
  </si>
  <si>
    <t>05/15/14 08:39:56.5</t>
  </si>
  <si>
    <t>05/15/14 08:40:01.5</t>
  </si>
  <si>
    <t>05/15/14 08:40:50.5</t>
  </si>
  <si>
    <t>05/15/14 08:41:02.5</t>
  </si>
  <si>
    <t>05/15/14 08:43:37.5</t>
  </si>
  <si>
    <t>05/15/14 08:43:43.5</t>
  </si>
  <si>
    <t>05/15/14 08:44:59.5</t>
  </si>
  <si>
    <t>05/15/14 08:45:13.0</t>
  </si>
  <si>
    <t>05/15/14 08:46:24.5</t>
  </si>
  <si>
    <t>05/15/14 08:46:34.0</t>
  </si>
  <si>
    <t>05/15/14 08:50:55.5</t>
  </si>
  <si>
    <t>05/15/14 08:51:16.5</t>
  </si>
  <si>
    <t>05/15/14 08:52:33.5</t>
  </si>
  <si>
    <t>05/15/14 08:52:40.0</t>
  </si>
  <si>
    <t>05/15/14 08:54:26.0</t>
  </si>
  <si>
    <t>05/15/14 08:54:32.0</t>
  </si>
  <si>
    <t>05/15/14 08:55:50.5</t>
  </si>
  <si>
    <t>05/15/14 08:55:55.0</t>
  </si>
  <si>
    <t>05/15/14 08:58:10.0</t>
  </si>
  <si>
    <t>05/15/14 08:58:18.0</t>
  </si>
  <si>
    <t>05/15/14 09:00:32.5</t>
  </si>
  <si>
    <t>05/15/14 09:00:38.5</t>
  </si>
  <si>
    <t>05/15/14 09:03:06.0</t>
  </si>
  <si>
    <t>05/15/14 09:03:10.5</t>
  </si>
  <si>
    <t>05/15/14 09:05:19.5</t>
  </si>
  <si>
    <t>05/15/14 09:05:26.5</t>
  </si>
  <si>
    <t>05/15/14 09:08:36.0</t>
  </si>
  <si>
    <t>05/15/14 09:08:38.5</t>
  </si>
  <si>
    <t>05/15/14 09:09:43.0</t>
  </si>
  <si>
    <t>05/15/14 09:09:56.5</t>
  </si>
  <si>
    <t>05/15/14 09:12:13.5</t>
  </si>
  <si>
    <t>05/15/14 09:12:22.0</t>
  </si>
  <si>
    <t>05/15/14 09:13:21.0</t>
  </si>
  <si>
    <t>05/15/14 09:13:28.0</t>
  </si>
  <si>
    <t>05/15/14 09:14:30.0</t>
  </si>
  <si>
    <t>05/15/14 09:14:34.0</t>
  </si>
  <si>
    <t>05/15/14 09:15:14.0</t>
  </si>
  <si>
    <t>05/15/14 09:15:28.5</t>
  </si>
  <si>
    <t>05/15/14 09:16:30.0</t>
  </si>
  <si>
    <t>05/15/14 09:16:39.0</t>
  </si>
  <si>
    <t>05/15/14 09:18:40.5</t>
  </si>
  <si>
    <t>05/15/14 09:18:46.0</t>
  </si>
  <si>
    <t>05/15/14 09:19:53.5</t>
  </si>
  <si>
    <t>05/15/14 09:19:58.5</t>
  </si>
  <si>
    <t>05/15/14 09:20:39.5</t>
  </si>
  <si>
    <t>05/15/14 09:20:46.0</t>
  </si>
  <si>
    <t>05/15/14 09:21:44.5</t>
  </si>
  <si>
    <t>05/15/14 09:21:59.5</t>
  </si>
  <si>
    <t>05/15/14 09:22:51.5</t>
  </si>
  <si>
    <t>05/15/14 09:22:57.5</t>
  </si>
  <si>
    <t>05/15/14 09:24:15.0</t>
  </si>
  <si>
    <t>05/15/14 09:24:18.5</t>
  </si>
  <si>
    <t>05/15/14 09:25:08.0</t>
  </si>
  <si>
    <t>05/15/14 09:25:18.0</t>
  </si>
  <si>
    <t>05/15/14 09:26:49.5</t>
  </si>
  <si>
    <t>05/15/14 09:26:58.0</t>
  </si>
  <si>
    <t>05/15/14 09:27:32.5</t>
  </si>
  <si>
    <t>05/15/14 09:27:38.0</t>
  </si>
  <si>
    <t>05/15/14 09:28:30.5</t>
  </si>
  <si>
    <t>05/15/14 09:28:37.5</t>
  </si>
  <si>
    <t>05/15/14 09:29:38.0</t>
  </si>
  <si>
    <t>05/15/14 09:29:42.5</t>
  </si>
  <si>
    <t>05/15/14 09:31:22.0</t>
  </si>
  <si>
    <t>05/15/14 09:31:27.0</t>
  </si>
  <si>
    <t>05/15/14 09:32:07.5</t>
  </si>
  <si>
    <t>05/15/14 09:32:21.5</t>
  </si>
  <si>
    <t>05/15/14 09:33:54.0</t>
  </si>
  <si>
    <t>05/15/14 09:34:17.5</t>
  </si>
  <si>
    <t>05/15/14 09:36:56.0</t>
  </si>
  <si>
    <t>05/15/14 09:37:04.5</t>
  </si>
  <si>
    <t>05/15/14 09:37:27.5</t>
  </si>
  <si>
    <t>05/15/14 09:37:31.5</t>
  </si>
  <si>
    <t>05/15/14 09:38:42.0</t>
  </si>
  <si>
    <t>05/15/14 09:38:47.5</t>
  </si>
  <si>
    <t>05/15/14 09:39:20.0</t>
  </si>
  <si>
    <t>05/15/14 09:39:24.5</t>
  </si>
  <si>
    <t>05/15/14 09:41:11.0</t>
  </si>
  <si>
    <t>05/15/14 09:41:24.0</t>
  </si>
  <si>
    <t>05/15/14 09:42:43.0</t>
  </si>
  <si>
    <t>05/15/14 09:42:54.0</t>
  </si>
  <si>
    <t>05/15/14 09:44:03.5</t>
  </si>
  <si>
    <t>05/15/14 09:44:10.0</t>
  </si>
  <si>
    <t>05/15/14 09:45:11.5</t>
  </si>
  <si>
    <t>05/15/14 09:45:24.0</t>
  </si>
  <si>
    <t>05/15/14 09:46:04.5</t>
  </si>
  <si>
    <t>05/15/14 09:46:08.5</t>
  </si>
  <si>
    <t>05/15/14 09:48:17.0</t>
  </si>
  <si>
    <t>05/15/14 09:48:24.0</t>
  </si>
  <si>
    <t>05/15/14 09:50:09.0</t>
  </si>
  <si>
    <t>05/15/14 09:50:14.0</t>
  </si>
  <si>
    <t>05/15/14 09:51:16.5</t>
  </si>
  <si>
    <t>05/15/14 09:51:27.0</t>
  </si>
  <si>
    <t>05/15/14 09:53:07.0</t>
  </si>
  <si>
    <t>05/15/14 09:53:13.0</t>
  </si>
  <si>
    <t>05/15/14 09:54:16.0</t>
  </si>
  <si>
    <t>05/15/14 09:54:23.5</t>
  </si>
  <si>
    <t>05/15/14 09:56:11.0</t>
  </si>
  <si>
    <t>05/15/14 09:56:16.0</t>
  </si>
  <si>
    <t>05/15/14 09:58:47.0</t>
  </si>
  <si>
    <t>05/15/14 09:58:54.0</t>
  </si>
  <si>
    <t>05/15/14 10:00:04.0</t>
  </si>
  <si>
    <t>05/15/14 10:00:22.5</t>
  </si>
  <si>
    <t>05/15/14 10:02:05.0</t>
  </si>
  <si>
    <t>05/15/14 10:02:14.5</t>
  </si>
  <si>
    <t>05/15/14 10:03:24.0</t>
  </si>
  <si>
    <t>05/15/14 10:03:30.5</t>
  </si>
  <si>
    <t>05/15/14 10:05:04.0</t>
  </si>
  <si>
    <t>05/15/14 10:05:13.5</t>
  </si>
  <si>
    <t>05/15/14 10:07:39.0</t>
  </si>
  <si>
    <t>05/15/14 10:07:47.0</t>
  </si>
  <si>
    <t>05/15/14 10:08:23.0</t>
  </si>
  <si>
    <t>05/15/14 10:08:31.0</t>
  </si>
  <si>
    <t>05/15/14 10:09:50.0</t>
  </si>
  <si>
    <t>05/15/14 10:09:59.5</t>
  </si>
  <si>
    <t>05/15/14 10:11:24.0</t>
  </si>
  <si>
    <t>05/15/14 10:11:31.5</t>
  </si>
  <si>
    <t>05/15/14 10:12:32.0</t>
  </si>
  <si>
    <t>05/15/14 10:12:36.5</t>
  </si>
  <si>
    <t>05/15/14 10:13:35.5</t>
  </si>
  <si>
    <t>05/15/14 10:14:01.0</t>
  </si>
  <si>
    <t>05/15/14 10:15:48.5</t>
  </si>
  <si>
    <t>05/15/14 10:15:56.5</t>
  </si>
  <si>
    <t>05/15/14 10:17:21.0</t>
  </si>
  <si>
    <t>05/15/14 10:17:38.5</t>
  </si>
  <si>
    <t>05/15/14 10:20:27.0</t>
  </si>
  <si>
    <t>05/15/14 10:20:33.0</t>
  </si>
  <si>
    <t>05/15/14 10:21:37.5</t>
  </si>
  <si>
    <t>05/15/14 10:21:46.5</t>
  </si>
  <si>
    <t>05/15/14 10:22:54.0</t>
  </si>
  <si>
    <t>05/15/14 10:23:04.5</t>
  </si>
  <si>
    <t>05/15/14 10:24:37.0</t>
  </si>
  <si>
    <t>05/15/14 10:24:41.5</t>
  </si>
  <si>
    <t>05/15/14 10:26:02.0</t>
  </si>
  <si>
    <t>05/15/14 10:26:11.5</t>
  </si>
  <si>
    <t>05/15/14 10:27:39.5</t>
  </si>
  <si>
    <t>05/15/14 10:27:53.0</t>
  </si>
  <si>
    <t>05/15/14 10:30:17.0</t>
  </si>
  <si>
    <t>05/15/14 10:30:22.0</t>
  </si>
  <si>
    <t>05/15/14 10:31:03.0</t>
  </si>
  <si>
    <t>05/15/14 10:31:10.5</t>
  </si>
  <si>
    <t>05/15/14 10:33:35.0</t>
  </si>
  <si>
    <t>05/15/14 10:33:44.5</t>
  </si>
  <si>
    <t>05/15/14 10:34:41.0</t>
  </si>
  <si>
    <t>05/15/14 10:34:51.0</t>
  </si>
  <si>
    <t>05/15/14 10:35:45.5</t>
  </si>
  <si>
    <t>05/15/14 10:35:53.5</t>
  </si>
  <si>
    <t>05/15/14 10:37:15.0</t>
  </si>
  <si>
    <t>05/15/14 10:37:27.5</t>
  </si>
  <si>
    <t>05/15/14 10:39:09.5</t>
  </si>
  <si>
    <t>05/15/14 10:39:14.5</t>
  </si>
  <si>
    <t>05/15/14 10:40:32.5</t>
  </si>
  <si>
    <t>05/15/14 10:40:47.0</t>
  </si>
  <si>
    <t>05/15/14 10:43:44.0</t>
  </si>
  <si>
    <t>05/15/14 10:44:02.0</t>
  </si>
  <si>
    <t>05/15/14 10:45:51.5</t>
  </si>
  <si>
    <t>05/15/14 10:45:58.0</t>
  </si>
  <si>
    <t>05/15/14 10:47:04.5</t>
  </si>
  <si>
    <t>05/15/14 10:47:18.0</t>
  </si>
  <si>
    <t>05/15/14 10:48:16.5</t>
  </si>
  <si>
    <t>05/15/14 10:48:20.5</t>
  </si>
  <si>
    <t>05/15/14 10:50:37.0</t>
  </si>
  <si>
    <t>05/15/14 10:50:53.5</t>
  </si>
  <si>
    <t>05/15/14 10:51:49.5</t>
  </si>
  <si>
    <t>05/15/14 10:52:05.0</t>
  </si>
  <si>
    <t>05/15/14 10:53:28.0</t>
  </si>
  <si>
    <t>05/15/14 10:53:44.0</t>
  </si>
  <si>
    <t>05/15/14 10:55:37.0</t>
  </si>
  <si>
    <t>05/15/14 10:55:44.0</t>
  </si>
  <si>
    <t>05/15/14 10:57:38.5</t>
  </si>
  <si>
    <t>05/15/14 10:57:47.5</t>
  </si>
  <si>
    <t>05/15/14 10:58:43.0</t>
  </si>
  <si>
    <t>05/15/14 10:58:48.0</t>
  </si>
  <si>
    <t>05/15/14 10:59:50.5</t>
  </si>
  <si>
    <t>05/15/14 10:59:56.5</t>
  </si>
  <si>
    <t>05/15/14 11:01:06.0</t>
  </si>
  <si>
    <t>05/15/14 11:01:15.5</t>
  </si>
  <si>
    <t>05/15/14 11:03:26.5</t>
  </si>
  <si>
    <t>05/15/14 11:03:34.5</t>
  </si>
  <si>
    <t>05/15/14 11:04:49.5</t>
  </si>
  <si>
    <t>05/15/14 11:04:57.5</t>
  </si>
  <si>
    <t>05/15/14 11:06:00.5</t>
  </si>
  <si>
    <t>05/15/14 11:07:10.5</t>
  </si>
  <si>
    <t>05/15/14 11:08:06.5</t>
  </si>
  <si>
    <t>05/15/14 11:08:12.0</t>
  </si>
  <si>
    <t>05/15/14 11:09:17.0</t>
  </si>
  <si>
    <t>05/15/14 11:09:22.0</t>
  </si>
  <si>
    <t>05/15/14 11:09:56.5</t>
  </si>
  <si>
    <t>05/15/14 11:09:59.5</t>
  </si>
  <si>
    <t>05/15/14 11:12:10.0</t>
  </si>
  <si>
    <t>05/15/14 11:12:21.0</t>
  </si>
  <si>
    <t>05/15/14 11:14:03.0</t>
  </si>
  <si>
    <t>05/15/14 11:14:07.0</t>
  </si>
  <si>
    <t>05/15/14 11:14:42.0</t>
  </si>
  <si>
    <t>05/15/14 11:14:50.0</t>
  </si>
  <si>
    <t>05/15/14 11:17:00.5</t>
  </si>
  <si>
    <t>05/15/14 11:17:16.5</t>
  </si>
  <si>
    <t>05/15/14 11:19:55.5</t>
  </si>
  <si>
    <t>05/15/14 11:19:59.5</t>
  </si>
  <si>
    <t>05/15/14 11:21:02.0</t>
  </si>
  <si>
    <t>05/15/14 11:21:08.0</t>
  </si>
  <si>
    <t>05/15/14 11:22:16.0</t>
  </si>
  <si>
    <t>05/15/14 11:22:19.5</t>
  </si>
  <si>
    <t>05/15/14 11:23:10.0</t>
  </si>
  <si>
    <t>05/15/14 11:23:24.0</t>
  </si>
  <si>
    <t>05/15/14 11:24:30.0</t>
  </si>
  <si>
    <t>05/15/14 11:24:41.0</t>
  </si>
  <si>
    <t>05/15/14 11:26:09.0</t>
  </si>
  <si>
    <t>05/15/14 11:26:17.5</t>
  </si>
  <si>
    <t>05/15/14 11:27:43.0</t>
  </si>
  <si>
    <t>05/15/14 11:27:54.0</t>
  </si>
  <si>
    <t>05/15/14 11:28:49.0</t>
  </si>
  <si>
    <t>05/15/14 11:28:53.5</t>
  </si>
  <si>
    <t>05/15/14 11:29:27.0</t>
  </si>
  <si>
    <t>05/15/14 11:29:31.5</t>
  </si>
  <si>
    <t>05/15/14 11:30:31.0</t>
  </si>
  <si>
    <t>05/15/14 11:30:40.0</t>
  </si>
  <si>
    <t>05/15/14 11:32:31.5</t>
  </si>
  <si>
    <t>05/15/14 11:32:42.5</t>
  </si>
  <si>
    <t>05/15/14 11:35:06.5</t>
  </si>
  <si>
    <t>05/15/14 11:35:14.0</t>
  </si>
  <si>
    <t>05/15/14 11:36:22.5</t>
  </si>
  <si>
    <t>05/15/14 11:36:28.5</t>
  </si>
  <si>
    <t>05/15/14 11:38:13.0</t>
  </si>
  <si>
    <t>05/15/14 11:38:21.5</t>
  </si>
  <si>
    <t>05/15/14 11:39:29.0</t>
  </si>
  <si>
    <t>05/15/14 11:39:35.0</t>
  </si>
  <si>
    <t>05/15/14 11:41:00.0</t>
  </si>
  <si>
    <t>05/15/14 11:41:20.5</t>
  </si>
  <si>
    <t>05/15/14 11:42:07.0</t>
  </si>
  <si>
    <t>05/15/14 11:42:13.5</t>
  </si>
  <si>
    <t>05/15/14 11:43:58.0</t>
  </si>
  <si>
    <t>05/15/14 11:44:05.5</t>
  </si>
  <si>
    <t>05/15/14 11:45:32.5</t>
  </si>
  <si>
    <t>05/15/14 11:45:41.5</t>
  </si>
  <si>
    <t>05/15/14 11:46:39.5</t>
  </si>
  <si>
    <t>05/15/14 11:46:44.5</t>
  </si>
  <si>
    <t>05/15/14 11:48:24.0</t>
  </si>
  <si>
    <t>05/15/14 11:48:28.5</t>
  </si>
  <si>
    <t>05/15/14 11:49:01.5</t>
  </si>
  <si>
    <t>05/15/14 11:49:09.5</t>
  </si>
  <si>
    <t>05/15/14 11:50:20.5</t>
  </si>
  <si>
    <t>05/15/14 11:50:33.0</t>
  </si>
  <si>
    <t>05/15/14 11:51:53.5</t>
  </si>
  <si>
    <t>05/15/14 11:52:00.5</t>
  </si>
  <si>
    <t>05/15/14 11:54:02.5</t>
  </si>
  <si>
    <t>05/15/14 11:54:15.0</t>
  </si>
  <si>
    <t>05/15/14 11:55:54.5</t>
  </si>
  <si>
    <t>05/15/14 11:56:08.0</t>
  </si>
  <si>
    <t>05/15/14 11:57:09.5</t>
  </si>
  <si>
    <t>05/15/14 11:57:18.5</t>
  </si>
  <si>
    <t>05/15/14 11:57:42.0</t>
  </si>
  <si>
    <t>05/15/14 11:57:45.5</t>
  </si>
  <si>
    <t>05/15/14 11:58:28.5</t>
  </si>
  <si>
    <t>05/15/14 11:58:35.0</t>
  </si>
  <si>
    <t>05/15/14 11:59:29.0</t>
  </si>
  <si>
    <t>05/15/14 11:59:36.5</t>
  </si>
  <si>
    <t>05/15/14 12:00:16.5</t>
  </si>
  <si>
    <t>05/15/14 12:00:25.5</t>
  </si>
  <si>
    <t>05/15/14 12:01:46.5</t>
  </si>
  <si>
    <t>05/15/14 12:01:51.5</t>
  </si>
  <si>
    <t>05/15/14 12:02:45.5</t>
  </si>
  <si>
    <t>05/15/14 12:02:49.5</t>
  </si>
  <si>
    <t>05/15/14 12:03:24.5</t>
  </si>
  <si>
    <t>05/15/14 12:03:29.0</t>
  </si>
  <si>
    <t>05/15/14 12:05:53.0</t>
  </si>
  <si>
    <t>05/15/14 12:06:00.0</t>
  </si>
  <si>
    <t>05/15/14 12:06:54.0</t>
  </si>
  <si>
    <t>05/15/14 12:07:01.5</t>
  </si>
  <si>
    <t>05/15/14 12:08:05.5</t>
  </si>
  <si>
    <t>05/15/14 12:08:08.5</t>
  </si>
  <si>
    <t>05/15/14 12:08:59.0</t>
  </si>
  <si>
    <t>05/15/14 12:09:03.5</t>
  </si>
  <si>
    <t>05/15/14 12:10:04.5</t>
  </si>
  <si>
    <t>05/15/14 12:10:15.0</t>
  </si>
  <si>
    <t>05/15/14 12:10:59.5</t>
  </si>
  <si>
    <t>05/15/14 12:11:28.0</t>
  </si>
  <si>
    <t>05/15/14 12:12:47.5</t>
  </si>
  <si>
    <t>05/15/14 12:12:56.5</t>
  </si>
  <si>
    <t>05/15/14 12:13:52.0</t>
  </si>
  <si>
    <t>05/15/14 12:13:57.5</t>
  </si>
  <si>
    <t>05/15/14 12:14:37.0</t>
  </si>
  <si>
    <t>05/15/14 12:14:51.0</t>
  </si>
  <si>
    <t>05/15/14 12:15:37.5</t>
  </si>
  <si>
    <t>05/15/14 12:15:47.5</t>
  </si>
  <si>
    <t>05/15/14 12:18:23.5</t>
  </si>
  <si>
    <t>05/15/14 12:18:36.0</t>
  </si>
  <si>
    <t>05/15/14 12:19:38.5</t>
  </si>
  <si>
    <t>05/15/14 12:19:49.5</t>
  </si>
  <si>
    <t>05/15/14 12:20:56.0</t>
  </si>
  <si>
    <t>05/15/14 12:21:05.5</t>
  </si>
  <si>
    <t>05/15/14 12:21:39.0</t>
  </si>
  <si>
    <t>05/15/14 12:21:46.0</t>
  </si>
  <si>
    <t>05/15/14 12:22:48.0</t>
  </si>
  <si>
    <t>05/15/14 12:22:53.5</t>
  </si>
  <si>
    <t>05/15/14 12:23:24.5</t>
  </si>
  <si>
    <t>05/15/14 12:23:27.0</t>
  </si>
  <si>
    <t>05/15/14 12:23:50.5</t>
  </si>
  <si>
    <t>05/15/14 12:23:54.0</t>
  </si>
  <si>
    <t>05/15/14 12:24:29.0</t>
  </si>
  <si>
    <t>05/15/14 12:24:36.5</t>
  </si>
  <si>
    <t>05/15/14 12:26:18.0</t>
  </si>
  <si>
    <t>05/15/14 12:26:22.5</t>
  </si>
  <si>
    <t>05/15/14 12:26:54.5</t>
  </si>
  <si>
    <t>05/15/14 12:26:58.5</t>
  </si>
  <si>
    <t>05/15/14 12:28:10.5</t>
  </si>
  <si>
    <t>05/15/14 12:28:42.0</t>
  </si>
  <si>
    <t>05/15/14 12:30:21.0</t>
  </si>
  <si>
    <t>05/15/14 12:30:33.5</t>
  </si>
  <si>
    <t>05/15/14 12:31:27.0</t>
  </si>
  <si>
    <t>05/15/14 12:31:34.5</t>
  </si>
  <si>
    <t>05/15/14 12:33:26.0</t>
  </si>
  <si>
    <t>05/15/14 12:33:38.5</t>
  </si>
  <si>
    <t>05/15/14 12:34:58.0</t>
  </si>
  <si>
    <t>05/15/14 12:35:04.5</t>
  </si>
  <si>
    <t>05/15/14 12:35:40.0</t>
  </si>
  <si>
    <t>05/15/14 12:35:52.0</t>
  </si>
  <si>
    <t>05/15/14 12:37:57.5</t>
  </si>
  <si>
    <t>05/15/14 12:38:06.5</t>
  </si>
  <si>
    <t>05/15/14 12:39:15.0</t>
  </si>
  <si>
    <t>05/15/14 12:39:22.0</t>
  </si>
  <si>
    <t>05/15/14 12:40:21.5</t>
  </si>
  <si>
    <t>05/15/14 12:40:32.0</t>
  </si>
  <si>
    <t>05/15/14 12:42:33.5</t>
  </si>
  <si>
    <t>05/15/14 12:42:42.0</t>
  </si>
  <si>
    <t>05/15/14 12:43:25.0</t>
  </si>
  <si>
    <t>05/15/14 12:43:29.0</t>
  </si>
  <si>
    <t>05/15/14 12:44:02.5</t>
  </si>
  <si>
    <t>05/15/14 12:44:08.0</t>
  </si>
  <si>
    <t>05/15/14 12:45:25.5</t>
  </si>
  <si>
    <t>05/15/14 12:45:33.0</t>
  </si>
  <si>
    <t>05/15/14 12:46:58.5</t>
  </si>
  <si>
    <t>05/15/14 12:47:01.5</t>
  </si>
  <si>
    <t>05/15/14 12:47:54.0</t>
  </si>
  <si>
    <t>05/15/14 12:48:00.0</t>
  </si>
  <si>
    <t>05/15/14 12:49:09.5</t>
  </si>
  <si>
    <t>05/15/14 12:49:16.0</t>
  </si>
  <si>
    <t>05/15/14 12:50:07.0</t>
  </si>
  <si>
    <t>05/15/14 12:50:16.0</t>
  </si>
  <si>
    <t>05/15/14 12:51:48.0</t>
  </si>
  <si>
    <t>05/15/14 12:51:56.0</t>
  </si>
  <si>
    <t>05/15/14 12:53:29.5</t>
  </si>
  <si>
    <t>05/15/14 12:53:43.5</t>
  </si>
  <si>
    <t>05/15/14 12:54:43.5</t>
  </si>
  <si>
    <t>05/15/14 12:54:52.5</t>
  </si>
  <si>
    <t>05/15/14 12:56:41.0</t>
  </si>
  <si>
    <t>05/15/14 12:56:50.0</t>
  </si>
  <si>
    <t>05/15/14 12:57:59.0</t>
  </si>
  <si>
    <t>05/15/14 12:58:04.0</t>
  </si>
  <si>
    <t>05/15/14 12:59:25.5</t>
  </si>
  <si>
    <t>05/15/14 12:59:40.5</t>
  </si>
  <si>
    <t>05/15/14 13:00:35.5</t>
  </si>
  <si>
    <t>05/15/14 13:00:45.0</t>
  </si>
  <si>
    <t>05/15/14 13:01:45.0</t>
  </si>
  <si>
    <t>05/15/14 13:01:49.5</t>
  </si>
  <si>
    <t>05/15/14 13:03:03.5</t>
  </si>
  <si>
    <t>05/15/14 13:03:16.0</t>
  </si>
  <si>
    <t>05/15/14 13:04:26.0</t>
  </si>
  <si>
    <t>05/15/14 13:04:33.0</t>
  </si>
  <si>
    <t>05/15/14 13:05:42.0</t>
  </si>
  <si>
    <t>05/15/14 13:05:48.5</t>
  </si>
  <si>
    <t>05/15/14 13:06:58.5</t>
  </si>
  <si>
    <t>05/15/14 13:07:01.5</t>
  </si>
  <si>
    <t>05/15/14 13:07:46.5</t>
  </si>
  <si>
    <t>05/15/14 13:07:55.0</t>
  </si>
  <si>
    <t>05/15/14 13:08:50.5</t>
  </si>
  <si>
    <t>05/15/14 13:09:01.5</t>
  </si>
  <si>
    <t>05/15/14 13:10:12.0</t>
  </si>
  <si>
    <t>05/15/14 13:10:19.5</t>
  </si>
  <si>
    <t>05/15/14 13:11:39.5</t>
  </si>
  <si>
    <t>05/15/14 13:11:54.0</t>
  </si>
  <si>
    <t>05/15/14 13:12:52.5</t>
  </si>
  <si>
    <t>05/15/14 13:13:04.0</t>
  </si>
  <si>
    <t>05/15/14 13:14:12.0</t>
  </si>
  <si>
    <t>05/15/14 13:14:23.0</t>
  </si>
  <si>
    <t>05/15/14 13:15:10.0</t>
  </si>
  <si>
    <t>05/15/14 13:15:16.5</t>
  </si>
  <si>
    <t>05/15/14 13:16:13.5</t>
  </si>
  <si>
    <t>05/15/14 13:16:19.0</t>
  </si>
  <si>
    <t>05/15/14 13:17:12.0</t>
  </si>
  <si>
    <t>05/15/14 13:17:17.5</t>
  </si>
  <si>
    <t>05/15/14 13:18:27.5</t>
  </si>
  <si>
    <t>05/15/14 13:18:43.5</t>
  </si>
  <si>
    <t>05/15/14 13:19:48.5</t>
  </si>
  <si>
    <t>05/15/14 13:19:54.0</t>
  </si>
  <si>
    <t>05/15/14 13:20:37.0</t>
  </si>
  <si>
    <t>05/15/14 13:20:52.0</t>
  </si>
  <si>
    <t>05/15/14 13:22:36.5</t>
  </si>
  <si>
    <t>05/15/14 13:22:55.0</t>
  </si>
  <si>
    <t>05/15/14 13:24:24.5</t>
  </si>
  <si>
    <t>05/15/14 13:24:29.5</t>
  </si>
  <si>
    <t>05/15/14 13:26:25.5</t>
  </si>
  <si>
    <t>05/15/14 13:26:32.0</t>
  </si>
  <si>
    <t>05/15/14 13:27:35.5</t>
  </si>
  <si>
    <t>05/15/14 13:27:45.5</t>
  </si>
  <si>
    <t>05/15/14 13:29:14.5</t>
  </si>
  <si>
    <t>05/15/14 13:29:20.0</t>
  </si>
  <si>
    <t>05/15/14 13:30:23.0</t>
  </si>
  <si>
    <t>05/15/14 13:30:26.5</t>
  </si>
  <si>
    <t>05/15/14 13:31:21.0</t>
  </si>
  <si>
    <t>05/15/14 13:31:25.0</t>
  </si>
  <si>
    <t>05/15/14 13:31:45.5</t>
  </si>
  <si>
    <t>05/15/14 13:31:51.5</t>
  </si>
  <si>
    <t>05/15/14 13:32:25.5</t>
  </si>
  <si>
    <t>05/15/14 13:32:30.5</t>
  </si>
  <si>
    <t>05/15/14 13:33:19.5</t>
  </si>
  <si>
    <t>05/15/14 13:33:22.5</t>
  </si>
  <si>
    <t>05/15/14 13:34:10.0</t>
  </si>
  <si>
    <t>05/15/14 13:34:20.0</t>
  </si>
  <si>
    <t>05/15/14 13:36:05.0</t>
  </si>
  <si>
    <t>05/15/14 13:36:16.0</t>
  </si>
  <si>
    <t>05/15/14 13:37:15.0</t>
  </si>
  <si>
    <t>05/15/14 13:37:20.5</t>
  </si>
  <si>
    <t>05/15/14 13:37:52.0</t>
  </si>
  <si>
    <t>05/15/14 13:37:56.5</t>
  </si>
  <si>
    <t>05/15/14 13:39:02.5</t>
  </si>
  <si>
    <t>05/15/14 13:39:06.0</t>
  </si>
  <si>
    <t>05/15/14 13:39:40.5</t>
  </si>
  <si>
    <t>05/15/14 13:39:46.5</t>
  </si>
  <si>
    <t>05/15/14 13:40:21.0</t>
  </si>
  <si>
    <t>05/15/14 13:40:30.0</t>
  </si>
  <si>
    <t>05/15/14 13:41:41.0</t>
  </si>
  <si>
    <t>05/15/14 13:41:46.5</t>
  </si>
  <si>
    <t>05/15/14 13:42:25.0</t>
  </si>
  <si>
    <t>05/15/14 13:42:29.5</t>
  </si>
  <si>
    <t>05/15/14 13:43:41.0</t>
  </si>
  <si>
    <t>05/15/14 13:43:46.0</t>
  </si>
  <si>
    <t>05/15/14 13:44:44.5</t>
  </si>
  <si>
    <t>05/15/14 13:44:49.0</t>
  </si>
  <si>
    <t>05/15/14 13:45:35.0</t>
  </si>
  <si>
    <t>05/15/14 13:45:39.0</t>
  </si>
  <si>
    <t>05/15/14 13:46:49.0</t>
  </si>
  <si>
    <t>05/15/14 13:46:57.5</t>
  </si>
  <si>
    <t>05/15/14 13:48:25.0</t>
  </si>
  <si>
    <t>05/15/14 13:48:36.5</t>
  </si>
  <si>
    <t>05/15/14 13:50:51.0</t>
  </si>
  <si>
    <t>05/15/14 13:51:18.0</t>
  </si>
  <si>
    <t>05/15/14 13:51:59.5</t>
  </si>
  <si>
    <t>05/15/14 13:52:05.0</t>
  </si>
  <si>
    <t>05/15/14 13:53:23.5</t>
  </si>
  <si>
    <t>05/15/14 13:53:29.5</t>
  </si>
  <si>
    <t>05/15/14 13:54:16.0</t>
  </si>
  <si>
    <t>05/15/14 13:54:23.0</t>
  </si>
  <si>
    <t>05/15/14 13:55:27.5</t>
  </si>
  <si>
    <t>05/15/14 13:55:32.0</t>
  </si>
  <si>
    <t>05/15/14 13:56:15.5</t>
  </si>
  <si>
    <t>05/15/14 13:56:24.0</t>
  </si>
  <si>
    <t>05/15/14 13:57:29.0</t>
  </si>
  <si>
    <t>05/15/14 13:57:33.0</t>
  </si>
  <si>
    <t>05/15/14 13:59:11.5</t>
  </si>
  <si>
    <t>05/15/14 13:59:27.5</t>
  </si>
  <si>
    <t>05/15/14 14:00:30.5</t>
  </si>
  <si>
    <t>05/15/14 14:00:37.0</t>
  </si>
  <si>
    <t>05/15/14 14:01:27.0</t>
  </si>
  <si>
    <t>05/15/14 14:01:33.5</t>
  </si>
  <si>
    <t>05/15/14 14:02:47.5</t>
  </si>
  <si>
    <t>05/15/14 14:02:58.5</t>
  </si>
  <si>
    <t>05/15/14 14:03:41.0</t>
  </si>
  <si>
    <t>05/15/14 14:03:46.5</t>
  </si>
  <si>
    <t>05/15/14 14:04:34.5</t>
  </si>
  <si>
    <t>05/15/14 14:04:44.5</t>
  </si>
  <si>
    <t>05/15/14 14:05:32.5</t>
  </si>
  <si>
    <t>05/15/14 14:05:38.0</t>
  </si>
  <si>
    <t>05/15/14 14:07:17.0</t>
  </si>
  <si>
    <t>05/15/14 14:07:21.5</t>
  </si>
  <si>
    <t>05/15/14 14:08:11.0</t>
  </si>
  <si>
    <t>05/15/14 14:08:14.5</t>
  </si>
  <si>
    <t>05/15/14 14:09:34.0</t>
  </si>
  <si>
    <t>05/15/14 14:09:41.5</t>
  </si>
  <si>
    <t>05/15/14 14:10:54.0</t>
  </si>
  <si>
    <t>05/15/14 14:10:58.5</t>
  </si>
  <si>
    <t>05/15/14 14:11:26.0</t>
  </si>
  <si>
    <t>05/15/14 14:11:30.0</t>
  </si>
  <si>
    <t>05/15/14 14:12:10.5</t>
  </si>
  <si>
    <t>05/15/14 14:12:14.5</t>
  </si>
  <si>
    <t>05/15/14 14:13:00.5</t>
  </si>
  <si>
    <t>05/15/14 14:13:09.0</t>
  </si>
  <si>
    <t>05/15/14 14:14:21.5</t>
  </si>
  <si>
    <t>05/15/14 14:14:30.0</t>
  </si>
  <si>
    <t>05/15/14 14:15:08.0</t>
  </si>
  <si>
    <t>05/15/14 14:15:17.0</t>
  </si>
  <si>
    <t>05/15/14 14:16:18.0</t>
  </si>
  <si>
    <t>05/15/14 14:16:22.0</t>
  </si>
  <si>
    <t>05/15/14 14:17:55.0</t>
  </si>
  <si>
    <t>05/15/14 14:18:02.5</t>
  </si>
  <si>
    <t>05/15/14 14:18:54.0</t>
  </si>
  <si>
    <t>05/15/14 14:19:05.0</t>
  </si>
  <si>
    <t>05/15/14 14:20:34.5</t>
  </si>
  <si>
    <t>05/15/14 14:20:41.0</t>
  </si>
  <si>
    <t>05/15/14 14:21:36.0</t>
  </si>
  <si>
    <t>05/15/14 14:21:51.5</t>
  </si>
  <si>
    <t>05/15/14 14:26:52.5</t>
  </si>
  <si>
    <t>05/15/14 14:27:03.5</t>
  </si>
  <si>
    <t>05/15/14 14:28:05.5</t>
  </si>
  <si>
    <t>05/15/14 14:28:21.5</t>
  </si>
  <si>
    <t>05/15/14 14:29:31.5</t>
  </si>
  <si>
    <t>05/15/14 14:29:37.5</t>
  </si>
  <si>
    <t>05/15/14 14:30:49.0</t>
  </si>
  <si>
    <t>05/15/14 14:30:59.0</t>
  </si>
  <si>
    <t>05/15/14 14:32:45.0</t>
  </si>
  <si>
    <t>05/15/14 14:33:00.5</t>
  </si>
  <si>
    <t>05/15/14 14:34:26.5</t>
  </si>
  <si>
    <t>05/15/14 14:34:34.0</t>
  </si>
  <si>
    <t>05/15/14 14:35:51.0</t>
  </si>
  <si>
    <t>05/15/14 14:35:54.0</t>
  </si>
  <si>
    <t>05/15/14 14:36:21.0</t>
  </si>
  <si>
    <t>05/15/14 14:36:26.0</t>
  </si>
  <si>
    <t>05/15/14 14:36:55.0</t>
  </si>
  <si>
    <t>05/15/14 14:36:58.0</t>
  </si>
  <si>
    <t>05/15/14 14:37:52.0</t>
  </si>
  <si>
    <t>05/15/14 14:38:32.5</t>
  </si>
  <si>
    <t>05/15/14 14:39:38.0</t>
  </si>
  <si>
    <t>05/15/14 14:39:41.0</t>
  </si>
  <si>
    <t>05/15/14 14:40:16.0</t>
  </si>
  <si>
    <t>05/15/14 14:40:20.5</t>
  </si>
  <si>
    <t>05/15/14 14:40:52.5</t>
  </si>
  <si>
    <t>05/15/14 14:40:58.0</t>
  </si>
  <si>
    <t>05/15/14 14:43:04.0</t>
  </si>
  <si>
    <t>05/15/14 14:43:17.0</t>
  </si>
  <si>
    <t>05/15/14 14:46:51.0</t>
  </si>
  <si>
    <t>05/15/14 14:47:05.5</t>
  </si>
  <si>
    <t>05/15/14 14:48:09.0</t>
  </si>
  <si>
    <t>05/15/14 14:48:32.0</t>
  </si>
  <si>
    <t>05/15/14 14:48:59.5</t>
  </si>
  <si>
    <t>05/15/14 14:49:04.5</t>
  </si>
  <si>
    <t>05/15/14 14:50:28.0</t>
  </si>
  <si>
    <t>05/15/14 14:50:45.0</t>
  </si>
  <si>
    <t>05/15/14 14:52:16.0</t>
  </si>
  <si>
    <t>05/15/14 14:52:21.5</t>
  </si>
  <si>
    <t>05/15/14 14:54:32.0</t>
  </si>
  <si>
    <t>05/15/14 14:54:40.0</t>
  </si>
  <si>
    <t>05/15/14 14:56:43.0</t>
  </si>
  <si>
    <t>05/15/14 14:56:48.0</t>
  </si>
  <si>
    <t>05/15/14 14:58:14.5</t>
  </si>
  <si>
    <t>05/15/14 15:00:21.0</t>
  </si>
  <si>
    <t>05/15/14 15:02:26.5</t>
  </si>
  <si>
    <t>05/15/14 15:02:32.5</t>
  </si>
  <si>
    <t>05/15/14 15:03:30.0</t>
  </si>
  <si>
    <t>05/15/14 15:03:33.0</t>
  </si>
  <si>
    <t>05/15/14 15:04:19.5</t>
  </si>
  <si>
    <t>05/15/14 15:04:27.0</t>
  </si>
  <si>
    <t>05/15/14 15:04:48.5</t>
  </si>
  <si>
    <t>05/15/14 15:04:53.0</t>
  </si>
  <si>
    <t>05/15/14 15:06:46.0</t>
  </si>
  <si>
    <t>05/15/14 15:06:54.0</t>
  </si>
  <si>
    <t>05/15/14 15:07:52.0</t>
  </si>
  <si>
    <t>05/15/14 15:07:57.5</t>
  </si>
  <si>
    <t>05/15/14 15:10:12.5</t>
  </si>
  <si>
    <t>05/15/14 15:10:21.0</t>
  </si>
  <si>
    <t>05/15/14 15:13:15.5</t>
  </si>
  <si>
    <t>05/15/14 15:13:25.5</t>
  </si>
  <si>
    <t>05/15/14 15:14:14.0</t>
  </si>
  <si>
    <t>05/15/14 15:14:27.5</t>
  </si>
  <si>
    <t>05/15/14 15:16:22.5</t>
  </si>
  <si>
    <t>05/15/14 15:16:27.0</t>
  </si>
  <si>
    <t>05/15/14 15:20:52.0</t>
  </si>
  <si>
    <t>05/15/14 15:21:39.5</t>
  </si>
  <si>
    <t>05/15/14 15:23:55.5</t>
  </si>
  <si>
    <t>05/15/14 15:24:17.0</t>
  </si>
  <si>
    <t>05/15/14 15:28:12.5</t>
  </si>
  <si>
    <t>05/15/14 15:28:27.5</t>
  </si>
  <si>
    <t>05/15/14 15:30:19.0</t>
  </si>
  <si>
    <t>05/15/14 15:30:24.0</t>
  </si>
  <si>
    <t>05/15/14 15:32:16.5</t>
  </si>
  <si>
    <t>05/15/14 15:32:24.0</t>
  </si>
  <si>
    <t>05/15/14 15:35:29.5</t>
  </si>
  <si>
    <t>05/15/14 15:35:37.5</t>
  </si>
  <si>
    <t>05/15/14 15:36:59.0</t>
  </si>
  <si>
    <t>05/15/14 15:37:06.5</t>
  </si>
  <si>
    <t>05/15/14 15:38:05.0</t>
  </si>
  <si>
    <t>05/15/14 15:38:09.5</t>
  </si>
  <si>
    <t>05/15/14 15:40:47.0</t>
  </si>
  <si>
    <t>05/15/14 15:41:06.5</t>
  </si>
  <si>
    <t>05/15/14 15:43:56.5</t>
  </si>
  <si>
    <t>05/15/14 15:44:06.0</t>
  </si>
  <si>
    <t>05/15/14 15:47:34.5</t>
  </si>
  <si>
    <t>05/15/14 15:47:46.5</t>
  </si>
  <si>
    <t>05/15/14 15:51:01.0</t>
  </si>
  <si>
    <t>05/15/14 15:51:14.0</t>
  </si>
  <si>
    <t>05/15/14 15:53:10.0</t>
  </si>
  <si>
    <t>05/15/14 15:53:39.0</t>
  </si>
  <si>
    <t>05/15/14 15:55:40.5</t>
  </si>
  <si>
    <t>05/15/14 15:55:46.0</t>
  </si>
  <si>
    <t>05/15/14 15:57:34.0</t>
  </si>
  <si>
    <t>05/15/14 15:57:44.5</t>
  </si>
  <si>
    <t>05/15/14 15:59:54.5</t>
  </si>
  <si>
    <t>05/15/14 16:00:00.5</t>
  </si>
  <si>
    <t>05/15/14 16:01:47.5</t>
  </si>
  <si>
    <t>05/15/14 16:01:53.5</t>
  </si>
  <si>
    <t>05/15/14 16:05:48.5</t>
  </si>
  <si>
    <t>05/15/14 16:06:03.5</t>
  </si>
  <si>
    <t>05/15/14 16:07:08.5</t>
  </si>
  <si>
    <t>05/15/14 16:07:14.0</t>
  </si>
  <si>
    <t>05/15/14 16:09:35.0</t>
  </si>
  <si>
    <t>05/15/14 16:09:40.0</t>
  </si>
  <si>
    <t>05/15/14 16:11:07.0</t>
  </si>
  <si>
    <t>05/15/14 16:11:28.5</t>
  </si>
  <si>
    <t>05/15/14 16:13:08.0</t>
  </si>
  <si>
    <t>05/15/14 16:13:16.0</t>
  </si>
  <si>
    <t>05/15/14 16:15:17.0</t>
  </si>
  <si>
    <t>05/15/14 16:15:28.5</t>
  </si>
  <si>
    <t>05/15/14 16:17:10.0</t>
  </si>
  <si>
    <t>05/15/14 16:17:17.0</t>
  </si>
  <si>
    <t>05/15/14 16:18:22.0</t>
  </si>
  <si>
    <t>05/15/14 16:18:30.5</t>
  </si>
  <si>
    <t>05/15/14 16:21:51.0</t>
  </si>
  <si>
    <t>05/15/14 16:21:57.5</t>
  </si>
  <si>
    <t>05/15/14 16:22:24.0</t>
  </si>
  <si>
    <t>05/15/14 16:22:28.0</t>
  </si>
  <si>
    <t>05/15/14 16:24:32.0</t>
  </si>
  <si>
    <t>05/15/14 16:24:44.5</t>
  </si>
  <si>
    <t>05/15/14 16:26:49.0</t>
  </si>
  <si>
    <t>05/15/14 16:26:55.0</t>
  </si>
  <si>
    <t>05/15/14 16:28:15.0</t>
  </si>
  <si>
    <t>05/15/14 16:28:20.5</t>
  </si>
  <si>
    <t>05/15/14 16:30:47.5</t>
  </si>
  <si>
    <t>05/15/14 16:30:57.0</t>
  </si>
  <si>
    <t>05/15/14 16:33:11.5</t>
  </si>
  <si>
    <t>05/15/14 16:33:15.5</t>
  </si>
  <si>
    <t>05/15/14 16:33:53.0</t>
  </si>
  <si>
    <t>05/15/14 16:34:03.0</t>
  </si>
  <si>
    <t>05/15/14 16:36:28.5</t>
  </si>
  <si>
    <t>05/15/14 16:36:32.0</t>
  </si>
  <si>
    <t>05/15/14 16:40:41.5</t>
  </si>
  <si>
    <t>05/15/14 16:40:54.5</t>
  </si>
  <si>
    <t>05/15/14 16:43:01.5</t>
  </si>
  <si>
    <t>05/15/14 16:43:08.5</t>
  </si>
  <si>
    <t>05/15/14 16:45:34.5</t>
  </si>
  <si>
    <t>05/15/14 16:45:41.0</t>
  </si>
  <si>
    <t>05/15/14 16:46:19.5</t>
  </si>
  <si>
    <t>05/15/14 16:46:26.0</t>
  </si>
  <si>
    <t>05/15/14 16:47:59.0</t>
  </si>
  <si>
    <t>05/15/14 16:48:03.0</t>
  </si>
  <si>
    <t>05/15/14 16:49:00.5</t>
  </si>
  <si>
    <t>05/15/14 16:49:14.0</t>
  </si>
  <si>
    <t>05/15/14 16:50:37.5</t>
  </si>
  <si>
    <t>05/15/14 16:50:46.5</t>
  </si>
  <si>
    <t>05/15/14 16:53:07.0</t>
  </si>
  <si>
    <t>05/15/14 16:53:19.0</t>
  </si>
  <si>
    <t>05/15/14 16:56:15.0</t>
  </si>
  <si>
    <t>05/15/14 16:56:47.5</t>
  </si>
  <si>
    <t>05/15/14 17:01:02.5</t>
  </si>
  <si>
    <t>05/15/14 17:02:04.5</t>
  </si>
  <si>
    <t>05/15/14 17:03:06.0</t>
  </si>
  <si>
    <t>05/15/14 17:03:13.0</t>
  </si>
  <si>
    <t>05/15/14 17:06:45.0</t>
  </si>
  <si>
    <t>05/15/14 17:07:08.0</t>
  </si>
  <si>
    <t>05/15/14 17:08:09.5</t>
  </si>
  <si>
    <t>05/15/14 17:08:15.5</t>
  </si>
  <si>
    <t>05/15/14 17:10:14.5</t>
  </si>
  <si>
    <t>05/15/14 17:11:56.0</t>
  </si>
  <si>
    <t>05/15/14 17:13:41.0</t>
  </si>
  <si>
    <t>05/15/14 17:14:22.5</t>
  </si>
  <si>
    <t>05/15/14 17:18:39.0</t>
  </si>
  <si>
    <t>05/15/14 17:19:00.0</t>
  </si>
  <si>
    <t>05/15/14 17:20:10.0</t>
  </si>
  <si>
    <t>05/15/14 17:20:29.0</t>
  </si>
  <si>
    <t>05/15/14 17:22:08.5</t>
  </si>
  <si>
    <t>05/15/14 17:22:18.5</t>
  </si>
  <si>
    <t>05/15/14 17:22:45.0</t>
  </si>
  <si>
    <t>05/15/14 17:22:51.0</t>
  </si>
  <si>
    <t>05/15/14 17:26:12.0</t>
  </si>
  <si>
    <t>05/15/14 17:26:18.5</t>
  </si>
  <si>
    <t>05/15/14 17:28:27.0</t>
  </si>
  <si>
    <t>05/15/14 17:28:36.0</t>
  </si>
  <si>
    <t>05/15/14 17:30:24.5</t>
  </si>
  <si>
    <t>05/15/14 17:30:35.5</t>
  </si>
  <si>
    <t>05/15/14 17:35:12.5</t>
  </si>
  <si>
    <t>05/15/14 17:35:28.5</t>
  </si>
  <si>
    <t>05/15/14 17:37:43.5</t>
  </si>
  <si>
    <t>05/15/14 17:37:54.0</t>
  </si>
  <si>
    <t>05/15/14 17:39:02.0</t>
  </si>
  <si>
    <t>05/15/14 17:39:08.5</t>
  </si>
  <si>
    <t>05/15/14 17:40:40.5</t>
  </si>
  <si>
    <t>05/15/14 17:40:52.5</t>
  </si>
  <si>
    <t>05/15/14 17:42:08.0</t>
  </si>
  <si>
    <t>05/15/14 17:42:20.0</t>
  </si>
  <si>
    <t>05/15/14 17:46:05.0</t>
  </si>
  <si>
    <t>05/15/14 17:46:10.5</t>
  </si>
  <si>
    <t>05/15/14 17:49:38.5</t>
  </si>
  <si>
    <t>05/15/14 17:51:38.0</t>
  </si>
  <si>
    <t>05/15/14 17:56:31.0</t>
  </si>
  <si>
    <t>05/15/14 17:56:45.0</t>
  </si>
  <si>
    <t>05/15/14 17:58:41.0</t>
  </si>
  <si>
    <t>05/15/14 17:58:50.0</t>
  </si>
  <si>
    <t>05/15/14 18:00:10.5</t>
  </si>
  <si>
    <t>05/15/14 18:00:18.5</t>
  </si>
  <si>
    <t>05/15/14 18:01:56.5</t>
  </si>
  <si>
    <t>05/15/14 18:02:05.5</t>
  </si>
  <si>
    <t>05/15/14 18:05:19.0</t>
  </si>
  <si>
    <t>05/15/14 18:05:32.0</t>
  </si>
  <si>
    <t>05/15/14 18:13:57.5</t>
  </si>
  <si>
    <t>05/15/14 18:14:06.5</t>
  </si>
  <si>
    <t>05/15/14 18:15:20.5</t>
  </si>
  <si>
    <t>05/15/14 18:15:38.0</t>
  </si>
  <si>
    <t>05/15/14 18:16:54.5</t>
  </si>
  <si>
    <t>05/15/14 18:17:01.0</t>
  </si>
  <si>
    <t>05/15/14 18:19:48.5</t>
  </si>
  <si>
    <t>05/15/14 18:19:56.0</t>
  </si>
  <si>
    <t>05/15/14 18:21:21.5</t>
  </si>
  <si>
    <t>05/15/14 18:21:30.5</t>
  </si>
  <si>
    <t>05/15/14 18:26:14.5</t>
  </si>
  <si>
    <t>05/15/14 18:26:26.0</t>
  </si>
  <si>
    <t>05/15/14 18:31:28.5</t>
  </si>
  <si>
    <t>05/15/14 18:31:48.0</t>
  </si>
  <si>
    <t>05/15/14 18:35:59.5</t>
  </si>
  <si>
    <t>05/15/14 18:36:29.0</t>
  </si>
  <si>
    <t>05/15/14 18:37:44.5</t>
  </si>
  <si>
    <t>05/15/14 18:37:51.5</t>
  </si>
  <si>
    <t>05/15/14 18:38:47.0</t>
  </si>
  <si>
    <t>05/15/14 18:38:52.5</t>
  </si>
  <si>
    <t>05/15/14 18:41:13.0</t>
  </si>
  <si>
    <t>05/15/14 18:41:21.0</t>
  </si>
  <si>
    <t>05/15/14 18:42:25.0</t>
  </si>
  <si>
    <t>05/15/14 18:42:43.5</t>
  </si>
  <si>
    <t>05/15/14 18:44:10.5</t>
  </si>
  <si>
    <t>05/15/14 18:44:15.5</t>
  </si>
  <si>
    <t>05/15/14 18:45:36.5</t>
  </si>
  <si>
    <t>05/15/14 18:49:40.5</t>
  </si>
  <si>
    <t>05/15/14 18:51:34.0</t>
  </si>
  <si>
    <t>05/15/14 18:51:47.0</t>
  </si>
  <si>
    <t>05/15/14 18:54:28.5</t>
  </si>
  <si>
    <t>05/15/14 18:55:11.5</t>
  </si>
  <si>
    <t>05/15/14 18:56:19.5</t>
  </si>
  <si>
    <t>05/15/14 18:56:27.0</t>
  </si>
  <si>
    <t>05/15/14 18:58:09.5</t>
  </si>
  <si>
    <t>05/15/14 18:58:13.0</t>
  </si>
  <si>
    <t>05/15/14 18:59:08.0</t>
  </si>
  <si>
    <t>05/15/14 18:59:15.0</t>
  </si>
  <si>
    <t>05/15/14 19:02:19.0</t>
  </si>
  <si>
    <t>05/15/14 19:02:31.5</t>
  </si>
  <si>
    <t>05/15/14 19:07:12.5</t>
  </si>
  <si>
    <t>05/15/14 19:07:17.5</t>
  </si>
  <si>
    <t>05/15/14 19:11:19.5</t>
  </si>
  <si>
    <t>05/15/14 19:11:24.0</t>
  </si>
  <si>
    <t>05/15/14 19:12:25.5</t>
  </si>
  <si>
    <t>05/15/14 19:12:33.5</t>
  </si>
  <si>
    <t>05/15/14 19:16:34.5</t>
  </si>
  <si>
    <t>05/15/14 19:16:49.0</t>
  </si>
  <si>
    <t>05/15/14 19:28:37.0</t>
  </si>
  <si>
    <t>05/15/14 19:28:47.5</t>
  </si>
  <si>
    <t>05/15/14 19:29:41.0</t>
  </si>
  <si>
    <t>05/15/14 19:29:50.0</t>
  </si>
  <si>
    <t>05/15/14 19:33:51.5</t>
  </si>
  <si>
    <t>05/15/14 19:34:30.0</t>
  </si>
  <si>
    <t>05/15/14 19:36:55.0</t>
  </si>
  <si>
    <t>05/15/14 19:37:05.5</t>
  </si>
  <si>
    <t>05/15/14 19:38:43.0</t>
  </si>
  <si>
    <t>05/15/14 19:38:55.5</t>
  </si>
  <si>
    <t>05/15/14 19:40:07.0</t>
  </si>
  <si>
    <t>05/15/14 19:40:20.5</t>
  </si>
  <si>
    <t>05/15/14 19:41:15.0</t>
  </si>
  <si>
    <t>05/15/14 19:41:25.0</t>
  </si>
  <si>
    <t>05/15/14 19:42:10.0</t>
  </si>
  <si>
    <t>05/15/14 19:42:15.0</t>
  </si>
  <si>
    <t>05/15/14 19:44:10.0</t>
  </si>
  <si>
    <t>05/15/14 19:44:27.0</t>
  </si>
  <si>
    <t>05/15/14 19:45:46.0</t>
  </si>
  <si>
    <t>05/15/14 19:46:29.5</t>
  </si>
  <si>
    <t>05/15/14 19:51:29.5</t>
  </si>
  <si>
    <t>05/15/14 19:51:40.0</t>
  </si>
  <si>
    <t>05/15/14 19:56:12.0</t>
  </si>
  <si>
    <t>05/15/14 19:56:20.5</t>
  </si>
  <si>
    <t>05/15/14 19:57:34.5</t>
  </si>
  <si>
    <t>05/15/14 19:57:41.5</t>
  </si>
  <si>
    <t>05/15/14 19:58:06.5</t>
  </si>
  <si>
    <t>05/15/14 19:58:10.5</t>
  </si>
  <si>
    <t>05/15/14 19:59:27.0</t>
  </si>
  <si>
    <t>05/15/14 19:59:31.5</t>
  </si>
  <si>
    <t>05/15/14 20:01:40.5</t>
  </si>
  <si>
    <t>05/15/14 20:01:47.0</t>
  </si>
  <si>
    <t>05/15/14 20:06:32.0</t>
  </si>
  <si>
    <t>05/15/14 20:06:36.5</t>
  </si>
  <si>
    <t>05/15/14 20:08:13.0</t>
  </si>
  <si>
    <t>05/15/14 20:08:22.0</t>
  </si>
  <si>
    <t>05/15/14 20:09:28.0</t>
  </si>
  <si>
    <t>05/15/14 20:09:33.5</t>
  </si>
  <si>
    <t>05/15/14 20:11:55.5</t>
  </si>
  <si>
    <t>05/15/14 20:12:02.0</t>
  </si>
  <si>
    <t>05/15/14 20:13:21.0</t>
  </si>
  <si>
    <t>05/15/14 20:13:28.5</t>
  </si>
  <si>
    <t>05/15/14 20:14:59.5</t>
  </si>
  <si>
    <t>05/15/14 20:15:13.0</t>
  </si>
  <si>
    <t>05/15/14 20:19:11.0</t>
  </si>
  <si>
    <t>05/15/14 20:19:18.5</t>
  </si>
  <si>
    <t>05/15/14 20:22:10.0</t>
  </si>
  <si>
    <t>05/15/14 20:22:16.0</t>
  </si>
  <si>
    <t>05/15/14 20:23:11.5</t>
  </si>
  <si>
    <t>05/15/14 20:23:22.0</t>
  </si>
  <si>
    <t>05/15/14 20:24:03.5</t>
  </si>
  <si>
    <t>05/15/14 20:24:10.5</t>
  </si>
  <si>
    <t>05/15/14 20:25:34.5</t>
  </si>
  <si>
    <t>05/15/14 20:25:58.0</t>
  </si>
  <si>
    <t>05/15/14 20:27:15.0</t>
  </si>
  <si>
    <t>05/15/14 20:27:19.0</t>
  </si>
  <si>
    <t>05/15/14 20:27:57.5</t>
  </si>
  <si>
    <t>05/15/14 20:28:05.0</t>
  </si>
  <si>
    <t>05/15/14 20:29:47.0</t>
  </si>
  <si>
    <t>05/15/14 20:29:54.5</t>
  </si>
  <si>
    <t>05/15/14 20:31:07.5</t>
  </si>
  <si>
    <t>05/15/14 20:31:14.5</t>
  </si>
  <si>
    <t>05/15/14 20:33:35.5</t>
  </si>
  <si>
    <t>05/15/14 20:33:42.5</t>
  </si>
  <si>
    <t>05/15/14 20:35:14.0</t>
  </si>
  <si>
    <t>05/15/14 20:35:21.0</t>
  </si>
  <si>
    <t>05/15/14 20:37:07.0</t>
  </si>
  <si>
    <t>05/15/14 20:37:13.0</t>
  </si>
  <si>
    <t>05/15/14 20:38:05.5</t>
  </si>
  <si>
    <t>05/15/14 20:38:13.5</t>
  </si>
  <si>
    <t>05/15/14 20:39:35.5</t>
  </si>
  <si>
    <t>05/15/14 20:39:41.0</t>
  </si>
  <si>
    <t>05/15/14 20:41:04.5</t>
  </si>
  <si>
    <t>05/15/14 20:41:13.5</t>
  </si>
  <si>
    <t>05/15/14 20:43:07.0</t>
  </si>
  <si>
    <t>05/15/14 20:43:20.0</t>
  </si>
  <si>
    <t>05/15/14 20:45:56.0</t>
  </si>
  <si>
    <t>05/15/14 20:46:01.5</t>
  </si>
  <si>
    <t>05/15/14 20:48:29.0</t>
  </si>
  <si>
    <t>05/15/14 20:48:40.0</t>
  </si>
  <si>
    <t>05/15/14 20:50:50.0</t>
  </si>
  <si>
    <t>05/15/14 20:50:57.0</t>
  </si>
  <si>
    <t>05/15/14 20:53:55.5</t>
  </si>
  <si>
    <t>05/15/14 20:54:11.0</t>
  </si>
  <si>
    <t>05/15/14 20:57:45.0</t>
  </si>
  <si>
    <t>05/15/14 20:58:06.0</t>
  </si>
  <si>
    <t>05/15/14 21:02:22.0</t>
  </si>
  <si>
    <t>05/15/14 21:02:48.0</t>
  </si>
  <si>
    <t>05/15/14 21:04:25.5</t>
  </si>
  <si>
    <t>05/15/14 21:04:29.5</t>
  </si>
  <si>
    <t>05/15/14 21:05:46.0</t>
  </si>
  <si>
    <t>05/15/14 21:05:59.5</t>
  </si>
  <si>
    <t>05/15/14 21:07:39.0</t>
  </si>
  <si>
    <t>05/15/14 21:07:44.0</t>
  </si>
  <si>
    <t>05/15/14 21:08:51.5</t>
  </si>
  <si>
    <t>05/15/14 21:08:55.0</t>
  </si>
  <si>
    <t>05/15/14 21:11:26.5</t>
  </si>
  <si>
    <t>05/15/14 21:11:31.0</t>
  </si>
  <si>
    <t>05/15/14 21:12:35.0</t>
  </si>
  <si>
    <t>05/15/14 21:12:42.0</t>
  </si>
  <si>
    <t>05/15/14 21:14:25.5</t>
  </si>
  <si>
    <t>05/15/14 21:14:51.5</t>
  </si>
  <si>
    <t>05/15/14 21:16:52.0</t>
  </si>
  <si>
    <t>05/15/14 21:16:59.0</t>
  </si>
  <si>
    <t>05/15/14 21:17:35.0</t>
  </si>
  <si>
    <t>05/15/14 21:17:41.5</t>
  </si>
  <si>
    <t>05/15/14 21:19:02.0</t>
  </si>
  <si>
    <t>05/15/14 21:19:12.5</t>
  </si>
  <si>
    <t>05/15/14 21:23:12.5</t>
  </si>
  <si>
    <t>05/15/14 21:23:19.5</t>
  </si>
  <si>
    <t>05/15/14 21:24:29.0</t>
  </si>
  <si>
    <t>05/15/14 21:24:44.5</t>
  </si>
  <si>
    <t>05/15/14 21:25:24.5</t>
  </si>
  <si>
    <t>05/15/14 21:25:29.5</t>
  </si>
  <si>
    <t>05/15/14 21:26:23.0</t>
  </si>
  <si>
    <t>05/15/14 21:26:41.0</t>
  </si>
  <si>
    <t>05/15/14 21:33:24.0</t>
  </si>
  <si>
    <t>05/15/14 21:33:29.0</t>
  </si>
  <si>
    <t>05/15/14 21:35:38.0</t>
  </si>
  <si>
    <t>05/15/14 21:35:51.0</t>
  </si>
  <si>
    <t>05/15/14 21:38:25.0</t>
  </si>
  <si>
    <t>05/15/14 21:38:28.5</t>
  </si>
  <si>
    <t>05/15/14 21:39:19.5</t>
  </si>
  <si>
    <t>05/15/14 21:39:32.0</t>
  </si>
  <si>
    <t>05/15/14 21:41:22.5</t>
  </si>
  <si>
    <t>05/15/14 21:41:28.0</t>
  </si>
  <si>
    <t>05/15/14 21:45:11.0</t>
  </si>
  <si>
    <t>05/15/14 21:45:19.0</t>
  </si>
  <si>
    <t>05/15/14 21:46:05.5</t>
  </si>
  <si>
    <t>05/15/14 21:46:30.5</t>
  </si>
  <si>
    <t>05/15/14 21:50:25.0</t>
  </si>
  <si>
    <t>05/15/14 21:50:36.0</t>
  </si>
  <si>
    <t>05/15/14 21:51:37.5</t>
  </si>
  <si>
    <t>05/15/14 21:51:44.0</t>
  </si>
  <si>
    <t>05/15/14 21:53:57.0</t>
  </si>
  <si>
    <t>05/15/14 21:54:10.0</t>
  </si>
  <si>
    <t>05/15/14 21:55:59.0</t>
  </si>
  <si>
    <t>05/15/14 21:56:09.0</t>
  </si>
  <si>
    <t>05/15/14 21:57:26.0</t>
  </si>
  <si>
    <t>05/15/14 21:57:35.0</t>
  </si>
  <si>
    <t>05/15/14 21:59:59.5</t>
  </si>
  <si>
    <t>05/15/14 22:00:09.0</t>
  </si>
  <si>
    <t>05/15/14 22:00:58.5</t>
  </si>
  <si>
    <t>05/15/14 22:01:04.0</t>
  </si>
  <si>
    <t>05/15/14 22:02:03.0</t>
  </si>
  <si>
    <t>05/15/14 22:02:09.0</t>
  </si>
  <si>
    <t>05/15/14 22:04:02.0</t>
  </si>
  <si>
    <t>05/15/14 22:04:12.5</t>
  </si>
  <si>
    <t>05/15/14 22:10:26.5</t>
  </si>
  <si>
    <t>05/15/14 22:11:04.0</t>
  </si>
  <si>
    <t>05/15/14 22:12:40.0</t>
  </si>
  <si>
    <t>05/15/14 22:12:42.5</t>
  </si>
  <si>
    <t>05/15/14 22:14:23.0</t>
  </si>
  <si>
    <t>05/15/14 22:14:34.0</t>
  </si>
  <si>
    <t>05/15/14 22:16:12.0</t>
  </si>
  <si>
    <t>05/15/14 22:16:17.5</t>
  </si>
  <si>
    <t>05/15/14 22:18:21.5</t>
  </si>
  <si>
    <t>05/15/14 22:18:40.0</t>
  </si>
  <si>
    <t>05/15/14 22:19:36.0</t>
  </si>
  <si>
    <t>05/15/14 22:19:39.5</t>
  </si>
  <si>
    <t>05/15/14 22:20:16.0</t>
  </si>
  <si>
    <t>05/15/14 22:20:22.0</t>
  </si>
  <si>
    <t>05/15/14 22:24:11.0</t>
  </si>
  <si>
    <t>05/15/14 22:24:21.5</t>
  </si>
  <si>
    <t>05/15/14 22:26:11.0</t>
  </si>
  <si>
    <t>05/15/14 22:26:33.0</t>
  </si>
  <si>
    <t>05/15/14 22:28:04.5</t>
  </si>
  <si>
    <t>05/15/14 22:28:10.5</t>
  </si>
  <si>
    <t>05/15/14 22:28:31.5</t>
  </si>
  <si>
    <t>05/15/14 22:28:36.5</t>
  </si>
  <si>
    <t>05/15/14 22:29:50.5</t>
  </si>
  <si>
    <t>05/15/14 22:30:17.0</t>
  </si>
  <si>
    <t>05/15/14 22:34:53.0</t>
  </si>
  <si>
    <t>05/15/14 22:34:58.0</t>
  </si>
  <si>
    <t>05/15/14 22:36:51.0</t>
  </si>
  <si>
    <t>05/15/14 22:37:03.0</t>
  </si>
  <si>
    <t>05/15/14 22:38:02.0</t>
  </si>
  <si>
    <t>05/15/14 22:38:06.5</t>
  </si>
  <si>
    <t>05/15/14 22:39:35.5</t>
  </si>
  <si>
    <t>05/15/14 22:39:42.5</t>
  </si>
  <si>
    <t>05/15/14 22:41:55.5</t>
  </si>
  <si>
    <t>05/15/14 22:42:02.5</t>
  </si>
  <si>
    <t>05/15/14 22:43:27.0</t>
  </si>
  <si>
    <t>05/15/14 22:43:33.0</t>
  </si>
  <si>
    <t>05/15/14 22:47:20.5</t>
  </si>
  <si>
    <t>05/15/14 22:47:31.0</t>
  </si>
  <si>
    <t>05/15/14 22:48:50.5</t>
  </si>
  <si>
    <t>05/15/14 22:49:04.5</t>
  </si>
  <si>
    <t>05/15/14 22:50:08.0</t>
  </si>
  <si>
    <t>05/15/14 22:50:32.0</t>
  </si>
  <si>
    <t>05/15/14 22:51:39.0</t>
  </si>
  <si>
    <t>05/15/14 22:51:46.0</t>
  </si>
  <si>
    <t>05/15/14 22:54:58.5</t>
  </si>
  <si>
    <t>05/15/14 22:55:08.0</t>
  </si>
  <si>
    <t>05/15/14 22:56:20.5</t>
  </si>
  <si>
    <t>05/15/14 22:56:29.5</t>
  </si>
  <si>
    <t>05/15/14 22:57:52.0</t>
  </si>
  <si>
    <t>05/15/14 22:58:05.0</t>
  </si>
  <si>
    <t>05/15/14 23:01:35.0</t>
  </si>
  <si>
    <t>05/15/14 23:01:43.5</t>
  </si>
  <si>
    <t>05/15/14 23:04:07.0</t>
  </si>
  <si>
    <t>05/15/14 23:04:15.0</t>
  </si>
  <si>
    <t>05/15/14 23:05:13.5</t>
  </si>
  <si>
    <t>05/15/14 23:05:18.0</t>
  </si>
  <si>
    <t>05/15/14 23:07:11.0</t>
  </si>
  <si>
    <t>05/15/14 23:07:19.0</t>
  </si>
  <si>
    <t>05/15/14 23:08:12.5</t>
  </si>
  <si>
    <t>05/15/14 23:08:19.0</t>
  </si>
  <si>
    <t>05/15/14 23:09:53.5</t>
  </si>
  <si>
    <t>05/15/14 23:09:58.0</t>
  </si>
  <si>
    <t>05/15/14 23:10:25.0</t>
  </si>
  <si>
    <t>05/15/14 23:10:35.0</t>
  </si>
  <si>
    <t>05/15/14 23:12:10.5</t>
  </si>
  <si>
    <t>05/15/14 23:12:16.5</t>
  </si>
  <si>
    <t>05/15/14 23:14:12.0</t>
  </si>
  <si>
    <t>05/15/14 23:14:23.0</t>
  </si>
  <si>
    <t>05/15/14 23:15:58.5</t>
  </si>
  <si>
    <t>05/15/14 23:16:05.0</t>
  </si>
  <si>
    <t>05/15/14 23:17:20.5</t>
  </si>
  <si>
    <t>05/15/14 23:17:28.5</t>
  </si>
  <si>
    <t>05/15/14 23:19:11.5</t>
  </si>
  <si>
    <t>05/15/14 23:19:26.0</t>
  </si>
  <si>
    <t>05/15/14 23:21:18.0</t>
  </si>
  <si>
    <t>05/15/14 23:21:27.0</t>
  </si>
  <si>
    <t>05/15/14 23:22:30.5</t>
  </si>
  <si>
    <t>05/15/14 23:22:35.5</t>
  </si>
  <si>
    <t>05/15/14 23:24:51.0</t>
  </si>
  <si>
    <t>05/15/14 23:25:05.5</t>
  </si>
  <si>
    <t>05/15/14 23:27:14.5</t>
  </si>
  <si>
    <t>05/15/14 23:27:27.0</t>
  </si>
  <si>
    <t>05/15/14 23:31:04.0</t>
  </si>
  <si>
    <t>05/15/14 23:31:20.0</t>
  </si>
  <si>
    <t>05/15/14 23:34:36.5</t>
  </si>
  <si>
    <t>05/15/14 23:34:52.0</t>
  </si>
  <si>
    <t>05/15/14 23:36:01.0</t>
  </si>
  <si>
    <t>05/15/14 23:36:05.0</t>
  </si>
  <si>
    <t>05/15/14 23:36:49.0</t>
  </si>
  <si>
    <t>05/15/14 23:37:03.0</t>
  </si>
  <si>
    <t>05/15/14 23:38:15.0</t>
  </si>
  <si>
    <t>05/15/14 23:38:20.0</t>
  </si>
  <si>
    <t>05/15/14 23:40:01.5</t>
  </si>
  <si>
    <t>05/15/14 23:40:10.5</t>
  </si>
  <si>
    <t>05/15/14 23:42:39.5</t>
  </si>
  <si>
    <t>05/15/14 23:42:49.0</t>
  </si>
  <si>
    <t>05/15/14 23:43:44.0</t>
  </si>
  <si>
    <t>05/15/14 23:43:52.0</t>
  </si>
  <si>
    <t>05/15/14 23:45:42.5</t>
  </si>
  <si>
    <t>05/15/14 23:45:47.5</t>
  </si>
  <si>
    <t>05/15/14 23:46:44.5</t>
  </si>
  <si>
    <t>05/15/14 23:47:02.0</t>
  </si>
  <si>
    <t>05/15/14 23:48:47.5</t>
  </si>
  <si>
    <t>05/15/14 23:48:55.0</t>
  </si>
  <si>
    <t>05/15/14 23:50:41.5</t>
  </si>
  <si>
    <t>05/15/14 23:50:46.0</t>
  </si>
  <si>
    <t>05/15/14 23:52:14.5</t>
  </si>
  <si>
    <t>05/15/14 23:52:21.5</t>
  </si>
  <si>
    <t>05/15/14 23:54:00.5</t>
  </si>
  <si>
    <t>05/15/14 23:54:11.5</t>
  </si>
  <si>
    <t>05/15/14 23:57:46.0</t>
  </si>
  <si>
    <t>05/15/14 23:58:06.5</t>
  </si>
  <si>
    <t>05/15/14 23:59:25.5</t>
  </si>
  <si>
    <t>05/15/14 23:59:32.0</t>
  </si>
  <si>
    <t>05/16/14 00:01:14.0</t>
  </si>
  <si>
    <t>05/16/14 00:01:29.5</t>
  </si>
  <si>
    <t>05/16/14 00:02:59.0</t>
  </si>
  <si>
    <t>05/16/14 00:04:56.0</t>
  </si>
  <si>
    <t>05/16/14 00:07:07.0</t>
  </si>
  <si>
    <t>05/16/14 00:07:21.5</t>
  </si>
  <si>
    <t>05/16/14 00:08:12.0</t>
  </si>
  <si>
    <t>05/16/14 00:08:19.5</t>
  </si>
  <si>
    <t>05/16/14 00:09:05.0</t>
  </si>
  <si>
    <t>05/16/14 00:09:12.0</t>
  </si>
  <si>
    <t>05/16/14 00:11:48.5</t>
  </si>
  <si>
    <t>05/16/14 00:12:01.0</t>
  </si>
  <si>
    <t>05/16/14 00:13:15.0</t>
  </si>
  <si>
    <t>05/16/14 00:13:21.5</t>
  </si>
  <si>
    <t>05/16/14 00:15:06.0</t>
  </si>
  <si>
    <t>05/16/14 00:15:11.5</t>
  </si>
  <si>
    <t>05/16/14 00:16:11.5</t>
  </si>
  <si>
    <t>05/16/14 00:16:14.5</t>
  </si>
  <si>
    <t>05/16/14 00:16:46.0</t>
  </si>
  <si>
    <t>05/16/14 00:16:49.5</t>
  </si>
  <si>
    <t>05/16/14 00:17:46.0</t>
  </si>
  <si>
    <t>05/16/14 00:18:13.5</t>
  </si>
  <si>
    <t>05/16/14 00:20:38.5</t>
  </si>
  <si>
    <t>05/16/14 00:21:46.0</t>
  </si>
  <si>
    <t>05/16/14 00:23:37.0</t>
  </si>
  <si>
    <t>05/16/14 00:23:43.0</t>
  </si>
  <si>
    <t>05/16/14 00:25:47.0</t>
  </si>
  <si>
    <t>05/16/14 00:25:55.5</t>
  </si>
  <si>
    <t>05/16/14 00:28:48.5</t>
  </si>
  <si>
    <t>05/16/14 00:29:24.0</t>
  </si>
  <si>
    <t>05/16/14 00:31:26.0</t>
  </si>
  <si>
    <t>05/16/14 00:31:34.0</t>
  </si>
  <si>
    <t>05/16/14 00:32:39.5</t>
  </si>
  <si>
    <t>05/16/14 00:32:53.5</t>
  </si>
  <si>
    <t>05/16/14 00:34:26.5</t>
  </si>
  <si>
    <t>05/16/14 00:34:51.0</t>
  </si>
  <si>
    <t>05/16/14 00:36:58.0</t>
  </si>
  <si>
    <t>05/16/14 00:37:06.0</t>
  </si>
  <si>
    <t>05/16/14 00:38:08.0</t>
  </si>
  <si>
    <t>05/16/14 00:38:13.5</t>
  </si>
  <si>
    <t>05/16/14 00:39:29.0</t>
  </si>
  <si>
    <t>05/16/14 00:39:37.0</t>
  </si>
  <si>
    <t>05/16/14 00:41:45.5</t>
  </si>
  <si>
    <t>05/16/14 00:42:55.0</t>
  </si>
  <si>
    <t>05/16/14 00:45:39.0</t>
  </si>
  <si>
    <t>05/16/14 00:45:45.5</t>
  </si>
  <si>
    <t>05/16/14 00:47:47.0</t>
  </si>
  <si>
    <t>05/16/14 00:47:59.0</t>
  </si>
  <si>
    <t>05/16/14 00:49:02.0</t>
  </si>
  <si>
    <t>05/16/14 00:49:09.5</t>
  </si>
  <si>
    <t>05/16/14 00:51:43.0</t>
  </si>
  <si>
    <t>05/16/14 00:51:53.0</t>
  </si>
  <si>
    <t>05/16/14 00:52:29.0</t>
  </si>
  <si>
    <t>05/16/14 00:52:32.5</t>
  </si>
  <si>
    <t>05/16/14 00:53:01.0</t>
  </si>
  <si>
    <t>05/16/14 00:53:08.5</t>
  </si>
  <si>
    <t>05/16/14 00:55:56.5</t>
  </si>
  <si>
    <t>05/16/14 00:56:01.0</t>
  </si>
  <si>
    <t>05/16/14 00:56:40.0</t>
  </si>
  <si>
    <t>05/16/14 00:56:44.0</t>
  </si>
  <si>
    <t>05/16/14 00:58:22.0</t>
  </si>
  <si>
    <t>05/16/14 00:59:01.5</t>
  </si>
  <si>
    <t>05/16/14 00:59:51.5</t>
  </si>
  <si>
    <t>05/16/14 01:00:00.5</t>
  </si>
  <si>
    <t>05/16/14 01:01:17.5</t>
  </si>
  <si>
    <t>05/16/14 01:01:23.0</t>
  </si>
  <si>
    <t>05/16/14 01:02:29.0</t>
  </si>
  <si>
    <t>05/16/14 01:02:34.5</t>
  </si>
  <si>
    <t>05/16/14 01:03:46.5</t>
  </si>
  <si>
    <t>05/16/14 01:03:51.5</t>
  </si>
  <si>
    <t>05/16/14 01:06:04.5</t>
  </si>
  <si>
    <t>05/16/14 01:06:10.0</t>
  </si>
  <si>
    <t>05/16/14 01:08:10.0</t>
  </si>
  <si>
    <t>05/16/14 01:08:58.5</t>
  </si>
  <si>
    <t>05/16/14 01:13:08.0</t>
  </si>
  <si>
    <t>05/16/14 01:14:07.5</t>
  </si>
  <si>
    <t>05/16/14 01:17:52.5</t>
  </si>
  <si>
    <t>05/16/14 01:18:15.5</t>
  </si>
  <si>
    <t>05/16/14 01:23:09.5</t>
  </si>
  <si>
    <t>05/16/14 01:23:16.0</t>
  </si>
  <si>
    <t>05/16/14 01:24:27.5</t>
  </si>
  <si>
    <t>05/16/14 01:24:34.5</t>
  </si>
  <si>
    <t>05/16/14 01:25:36.0</t>
  </si>
  <si>
    <t>05/16/14 01:25:44.5</t>
  </si>
  <si>
    <t>05/16/14 01:26:34.0</t>
  </si>
  <si>
    <t>05/16/14 01:26:39.0</t>
  </si>
  <si>
    <t>05/16/14 01:29:00.0</t>
  </si>
  <si>
    <t>05/16/14 01:29:13.5</t>
  </si>
  <si>
    <t>05/16/14 01:31:04.0</t>
  </si>
  <si>
    <t>05/16/14 01:31:11.5</t>
  </si>
  <si>
    <t>05/16/14 01:33:30.5</t>
  </si>
  <si>
    <t>05/16/14 01:33:41.5</t>
  </si>
  <si>
    <t>05/16/14 01:34:34.5</t>
  </si>
  <si>
    <t>05/16/14 01:34:42.5</t>
  </si>
  <si>
    <t>05/16/14 01:39:11.0</t>
  </si>
  <si>
    <t>05/16/14 01:39:18.5</t>
  </si>
  <si>
    <t>05/16/14 01:40:55.5</t>
  </si>
  <si>
    <t>05/16/14 01:41:03.5</t>
  </si>
  <si>
    <t>05/16/14 01:42:05.0</t>
  </si>
  <si>
    <t>05/16/14 01:42:12.0</t>
  </si>
  <si>
    <t>05/16/14 01:45:43.0</t>
  </si>
  <si>
    <t>05/16/14 01:45:55.5</t>
  </si>
  <si>
    <t>05/16/14 01:48:23.0</t>
  </si>
  <si>
    <t>05/16/14 01:48:30.5</t>
  </si>
  <si>
    <t>05/16/14 01:52:24.0</t>
  </si>
  <si>
    <t>05/16/14 01:52:39.0</t>
  </si>
  <si>
    <t>05/16/14 01:53:54.5</t>
  </si>
  <si>
    <t>05/16/14 01:54:00.0</t>
  </si>
  <si>
    <t>05/16/14 01:55:23.0</t>
  </si>
  <si>
    <t>05/16/14 01:55:29.0</t>
  </si>
  <si>
    <t>05/16/14 01:59:17.5</t>
  </si>
  <si>
    <t>05/16/14 01:59:22.5</t>
  </si>
  <si>
    <t>05/16/14 02:08:50.0</t>
  </si>
  <si>
    <t>05/16/14 02:08:59.5</t>
  </si>
  <si>
    <t>05/16/14 02:12:40.5</t>
  </si>
  <si>
    <t>05/16/14 02:12:48.0</t>
  </si>
  <si>
    <t>05/16/14 02:21:26.5</t>
  </si>
  <si>
    <t>05/16/14 02:21:36.0</t>
  </si>
  <si>
    <t>05/16/14 02:33:06.0</t>
  </si>
  <si>
    <t>05/16/14 02:33:10.0</t>
  </si>
  <si>
    <t>05/16/14 02:35:47.5</t>
  </si>
  <si>
    <t>05/16/14 02:35:52.5</t>
  </si>
  <si>
    <t>05/16/14 02:39:30.5</t>
  </si>
  <si>
    <t>05/16/14 02:39:43.0</t>
  </si>
  <si>
    <t>05/16/14 03:26:09.5</t>
  </si>
  <si>
    <t>05/16/14 03:26:23.0</t>
  </si>
  <si>
    <t>05/16/14 03:30:47.0</t>
  </si>
  <si>
    <t>05/16/14 03:30:51.5</t>
  </si>
  <si>
    <t>05/16/14 03:40:28.0</t>
  </si>
  <si>
    <t>05/16/14 03:40:37.0</t>
  </si>
  <si>
    <t>05/16/14 03:48:06.0</t>
  </si>
  <si>
    <t>05/16/14 03:48:13.0</t>
  </si>
  <si>
    <t>05/16/14 03:49:00.5</t>
  </si>
  <si>
    <t>05/16/14 03:49:06.0</t>
  </si>
  <si>
    <t>05/16/14 03:51:19.5</t>
  </si>
  <si>
    <t>05/16/14 03:51:31.0</t>
  </si>
  <si>
    <t>05/16/14 03:53:45.5</t>
  </si>
  <si>
    <t>05/16/14 03:53:53.5</t>
  </si>
  <si>
    <t>05/16/14 03:54:39.5</t>
  </si>
  <si>
    <t>05/16/14 03:54:53.5</t>
  </si>
  <si>
    <t>05/16/14 04:03:55.5</t>
  </si>
  <si>
    <t>05/16/14 04:04:03.5</t>
  </si>
  <si>
    <t>05/16/14 04:16:42.5</t>
  </si>
  <si>
    <t>05/16/14 04:26:45.5</t>
  </si>
  <si>
    <t>05/16/14 04:29:45.0</t>
  </si>
  <si>
    <t>05/16/14 04:29:58.5</t>
  </si>
  <si>
    <t>05/16/14 04:36:45.5</t>
  </si>
  <si>
    <t>05/16/14 04:36:53.5</t>
  </si>
  <si>
    <t>05/16/14 04:41:17.5</t>
  </si>
  <si>
    <t>05/16/14 04:41:21.0</t>
  </si>
  <si>
    <t>05/16/14 04:42:14.5</t>
  </si>
  <si>
    <t>05/16/14 04:42:21.5</t>
  </si>
  <si>
    <t>05/16/14 04:43:55.0</t>
  </si>
  <si>
    <t>05/16/14 04:44:05.0</t>
  </si>
  <si>
    <t>05/16/14 04:45:09.0</t>
  </si>
  <si>
    <t>05/16/14 04:45:16.5</t>
  </si>
  <si>
    <t>05/16/14 04:50:52.0</t>
  </si>
  <si>
    <t>05/16/14 04:51:07.0</t>
  </si>
  <si>
    <t>05/16/14 04:52:34.5</t>
  </si>
  <si>
    <t>05/16/14 04:52:46.5</t>
  </si>
  <si>
    <t>05/16/14 04:56:26.0</t>
  </si>
  <si>
    <t>05/16/14 04:56:32.5</t>
  </si>
  <si>
    <t>05/16/14 04:58:49.0</t>
  </si>
  <si>
    <t>05/16/14 04:58:52.5</t>
  </si>
  <si>
    <t>05/16/14 04:59:27.5</t>
  </si>
  <si>
    <t>05/16/14 04:59:33.5</t>
  </si>
  <si>
    <t>05/16/14 05:02:08.5</t>
  </si>
  <si>
    <t>05/16/14 05:02:15.5</t>
  </si>
  <si>
    <t>05/16/14 05:06:32.5</t>
  </si>
  <si>
    <t>05/16/14 05:06:39.5</t>
  </si>
  <si>
    <t>05/16/14 05:07:26.5</t>
  </si>
  <si>
    <t>05/16/14 05:07:33.0</t>
  </si>
  <si>
    <t>05/16/14 05:09:12.0</t>
  </si>
  <si>
    <t>05/16/14 05:09:25.0</t>
  </si>
  <si>
    <t>05/16/14 05:10:18.0</t>
  </si>
  <si>
    <t>05/16/14 05:10:27.0</t>
  </si>
  <si>
    <t>05/16/14 05:11:33.5</t>
  </si>
  <si>
    <t>05/16/14 05:11:37.5</t>
  </si>
  <si>
    <t>05/16/14 05:13:18.5</t>
  </si>
  <si>
    <t>05/16/14 05:13:39.0</t>
  </si>
  <si>
    <t>05/16/14 05:14:54.5</t>
  </si>
  <si>
    <t>05/16/14 05:15:40.0</t>
  </si>
  <si>
    <t>05/16/14 05:17:36.5</t>
  </si>
  <si>
    <t>05/16/14 05:17:58.5</t>
  </si>
  <si>
    <t>05/16/14 05:19:54.5</t>
  </si>
  <si>
    <t>05/16/14 05:20:05.5</t>
  </si>
  <si>
    <t>05/16/14 05:21:22.5</t>
  </si>
  <si>
    <t>05/16/14 05:21:41.0</t>
  </si>
  <si>
    <t>05/16/14 05:22:26.0</t>
  </si>
  <si>
    <t>05/16/14 05:22:40.0</t>
  </si>
  <si>
    <t>05/16/14 05:26:16.0</t>
  </si>
  <si>
    <t>05/16/14 05:26:24.0</t>
  </si>
  <si>
    <t>05/16/14 05:29:44.0</t>
  </si>
  <si>
    <t>05/16/14 05:30:02.5</t>
  </si>
  <si>
    <t>05/16/14 05:31:30.0</t>
  </si>
  <si>
    <t>05/16/14 05:31:35.5</t>
  </si>
  <si>
    <t>05/16/14 05:32:57.0</t>
  </si>
  <si>
    <t>05/16/14 05:33:27.5</t>
  </si>
  <si>
    <t>05/16/14 05:38:12.5</t>
  </si>
  <si>
    <t>05/16/14 05:38:24.0</t>
  </si>
  <si>
    <t>05/16/14 05:39:57.0</t>
  </si>
  <si>
    <t>05/16/14 05:41:08.0</t>
  </si>
  <si>
    <t>05/16/14 05:47:27.0</t>
  </si>
  <si>
    <t>05/16/14 05:48:00.5</t>
  </si>
  <si>
    <t>05/16/14 05:55:42.5</t>
  </si>
  <si>
    <t>05/16/14 05:56:01.0</t>
  </si>
  <si>
    <t>05/16/14 06:05:23.5</t>
  </si>
  <si>
    <t>05/16/14 06:05:33.5</t>
  </si>
  <si>
    <t>05/16/14 06:13:14.5</t>
  </si>
  <si>
    <t>05/16/14 06:13:28.0</t>
  </si>
  <si>
    <t>05/16/14 06:26:49.5</t>
  </si>
  <si>
    <t>05/16/14 06:27:14.0</t>
  </si>
  <si>
    <t>05/16/14 06:33:20.5</t>
  </si>
  <si>
    <t>05/16/14 06:35:20.5</t>
  </si>
  <si>
    <t>05/16/14 06:54:39.5</t>
  </si>
  <si>
    <t>05/16/14 06:54:44.5</t>
  </si>
  <si>
    <t>05/16/14 06:56:07.5</t>
  </si>
  <si>
    <t>05/16/14 06:56:14.0</t>
  </si>
  <si>
    <t>05/16/14 07:14:19.5</t>
  </si>
  <si>
    <t>05/16/14 07:25:52.5</t>
  </si>
  <si>
    <t>05/16/14 07:33:55.0</t>
  </si>
  <si>
    <t>05/16/14 07:36:38.0</t>
  </si>
  <si>
    <t>05/16/14 08:02:21.0</t>
  </si>
  <si>
    <t>05/16/14 08:02:31.5</t>
  </si>
  <si>
    <t>05/16/14 08:08:44.5</t>
  </si>
  <si>
    <t>05/16/14 08:08:55.0</t>
  </si>
  <si>
    <t>05/16/14 08:14:16.0</t>
  </si>
  <si>
    <t>05/16/14 08:14:20.5</t>
  </si>
  <si>
    <t>05/16/14 08:15:10.0</t>
  </si>
  <si>
    <t>05/16/14 08:15:15.5</t>
  </si>
  <si>
    <t>05/16/14 08:15:56.5</t>
  </si>
  <si>
    <t>05/16/14 08:16:03.0</t>
  </si>
  <si>
    <t>05/16/14 08:18:12.5</t>
  </si>
  <si>
    <t>05/16/14 08:18:18.5</t>
  </si>
  <si>
    <t>05/16/14 08:19:19.5</t>
  </si>
  <si>
    <t>05/16/14 08:19:27.0</t>
  </si>
  <si>
    <t>05/16/14 08:21:16.0</t>
  </si>
  <si>
    <t>05/16/14 08:21:43.0</t>
  </si>
  <si>
    <t>05/16/14 08:22:24.5</t>
  </si>
  <si>
    <t>05/16/14 08:22:29.5</t>
  </si>
  <si>
    <t>05/16/14 08:23:31.5</t>
  </si>
  <si>
    <t>05/16/14 08:23:49.5</t>
  </si>
  <si>
    <t>05/16/14 08:26:22.5</t>
  </si>
  <si>
    <t>05/16/14 08:26:38.5</t>
  </si>
  <si>
    <t>05/16/14 08:29:14.5</t>
  </si>
  <si>
    <t>05/16/14 08:29:35.0</t>
  </si>
  <si>
    <t>05/16/14 08:31:11.5</t>
  </si>
  <si>
    <t>05/16/14 08:31:17.0</t>
  </si>
  <si>
    <t>05/16/14 08:32:28.0</t>
  </si>
  <si>
    <t>05/16/14 08:32:34.0</t>
  </si>
  <si>
    <t>05/16/14 08:34:15.0</t>
  </si>
  <si>
    <t>05/16/14 08:35:17.0</t>
  </si>
  <si>
    <t>05/16/14 08:45:51.0</t>
  </si>
  <si>
    <t>05/16/14 08:47:10.5</t>
  </si>
  <si>
    <t>05/16/14 08:51:48.0</t>
  </si>
  <si>
    <t>05/16/14 08:51:53.5</t>
  </si>
  <si>
    <t>05/16/14 08:53:02.5</t>
  </si>
  <si>
    <t>05/16/14 08:53:10.5</t>
  </si>
  <si>
    <t>05/16/14 08:56:27.0</t>
  </si>
  <si>
    <t>05/16/14 08:57:37.5</t>
  </si>
  <si>
    <t>05/16/14 08:59:35.0</t>
  </si>
  <si>
    <t>05/16/14 08:59:48.0</t>
  </si>
  <si>
    <t>05/16/14 09:04:24.5</t>
  </si>
  <si>
    <t>05/16/14 09:07:07.0</t>
  </si>
  <si>
    <t>05/16/14 09:08:50.5</t>
  </si>
  <si>
    <t>05/16/14 09:08:59.0</t>
  </si>
  <si>
    <t>05/16/14 09:11:42.0</t>
  </si>
  <si>
    <t>05/16/14 09:12:49.0</t>
  </si>
  <si>
    <t>05/16/14 09:16:45.0</t>
  </si>
  <si>
    <t>05/16/14 09:16:56.5</t>
  </si>
  <si>
    <t>05/16/14 09:17:49.5</t>
  </si>
  <si>
    <t>05/16/14 09:18:05.0</t>
  </si>
  <si>
    <t>05/16/14 09:20:39.0</t>
  </si>
  <si>
    <t>05/16/14 09:21:41.5</t>
  </si>
  <si>
    <t>05/16/14 09:23:57.5</t>
  </si>
  <si>
    <t>05/16/14 09:24:05.0</t>
  </si>
  <si>
    <t>05/16/14 09:27:05.5</t>
  </si>
  <si>
    <t>05/16/14 09:27:25.0</t>
  </si>
  <si>
    <t>05/16/14 09:31:20.0</t>
  </si>
  <si>
    <t>05/16/14 09:31:28.5</t>
  </si>
  <si>
    <t>05/16/14 09:33:22.5</t>
  </si>
  <si>
    <t>05/16/14 09:33:30.0</t>
  </si>
  <si>
    <t>05/16/14 09:34:03.5</t>
  </si>
  <si>
    <t>05/16/14 09:34:10.0</t>
  </si>
  <si>
    <t>05/16/14 09:35:04.5</t>
  </si>
  <si>
    <t>05/16/14 09:35:26.0</t>
  </si>
  <si>
    <t>05/16/14 09:38:27.0</t>
  </si>
  <si>
    <t>05/16/14 09:38:53.5</t>
  </si>
  <si>
    <t>05/16/14 09:40:16.0</t>
  </si>
  <si>
    <t>05/16/14 09:40:25.0</t>
  </si>
  <si>
    <t>05/16/14 09:41:06.5</t>
  </si>
  <si>
    <t>05/16/14 09:41:18.5</t>
  </si>
  <si>
    <t>05/16/14 09:42:36.0</t>
  </si>
  <si>
    <t>05/16/14 09:42:56.5</t>
  </si>
  <si>
    <t>05/16/14 09:43:52.0</t>
  </si>
  <si>
    <t>05/16/14 09:44:01.0</t>
  </si>
  <si>
    <t>05/16/14 09:45:29.5</t>
  </si>
  <si>
    <t>05/16/14 09:45:41.0</t>
  </si>
  <si>
    <t>05/16/14 09:46:29.5</t>
  </si>
  <si>
    <t>05/16/14 09:46:33.0</t>
  </si>
  <si>
    <t>05/16/14 09:47:05.0</t>
  </si>
  <si>
    <t>05/16/14 09:47:14.0</t>
  </si>
  <si>
    <t>05/16/14 09:51:10.0</t>
  </si>
  <si>
    <t>05/16/14 09:51:20.0</t>
  </si>
  <si>
    <t>05/16/14 09:54:10.0</t>
  </si>
  <si>
    <t>05/16/14 09:54:14.5</t>
  </si>
  <si>
    <t>05/16/14 09:55:31.5</t>
  </si>
  <si>
    <t>05/16/14 09:55:37.0</t>
  </si>
  <si>
    <t>05/16/14 09:56:52.5</t>
  </si>
  <si>
    <t>05/16/14 09:57:01.5</t>
  </si>
  <si>
    <t>05/16/14 09:58:28.5</t>
  </si>
  <si>
    <t>05/16/14 09:58:37.0</t>
  </si>
  <si>
    <t>05/16/14 10:07:32.0</t>
  </si>
  <si>
    <t>05/16/14 10:07:55.5</t>
  </si>
  <si>
    <t>05/16/14 10:12:38.0</t>
  </si>
  <si>
    <t>05/16/14 10:12:43.5</t>
  </si>
  <si>
    <t>05/16/14 10:13:25.0</t>
  </si>
  <si>
    <t>05/16/14 10:13:30.0</t>
  </si>
  <si>
    <t>05/16/14 10:15:08.0</t>
  </si>
  <si>
    <t>05/16/14 10:15:14.0</t>
  </si>
  <si>
    <t>05/16/14 10:17:01.0</t>
  </si>
  <si>
    <t>05/16/14 10:17:15.0</t>
  </si>
  <si>
    <t>05/16/14 10:20:55.5</t>
  </si>
  <si>
    <t>05/16/14 10:21:06.0</t>
  </si>
  <si>
    <t>05/16/14 10:27:07.0</t>
  </si>
  <si>
    <t>05/16/14 10:27:11.5</t>
  </si>
  <si>
    <t>05/16/14 10:28:32.0</t>
  </si>
  <si>
    <t>05/16/14 10:28:42.5</t>
  </si>
  <si>
    <t>05/16/14 10:30:05.5</t>
  </si>
  <si>
    <t>05/16/14 10:30:30.0</t>
  </si>
  <si>
    <t>05/16/14 10:34:26.0</t>
  </si>
  <si>
    <t>05/16/14 10:34:36.0</t>
  </si>
  <si>
    <t>05/16/14 10:38:03.0</t>
  </si>
  <si>
    <t>05/16/14 10:38:12.0</t>
  </si>
  <si>
    <t>05/16/14 10:39:58.0</t>
  </si>
  <si>
    <t>05/16/14 10:40:07.5</t>
  </si>
  <si>
    <t>05/16/14 10:42:02.0</t>
  </si>
  <si>
    <t>05/16/14 10:42:11.5</t>
  </si>
  <si>
    <t>05/16/14 10:45:24.5</t>
  </si>
  <si>
    <t>05/16/14 10:46:33.5</t>
  </si>
  <si>
    <t>05/16/14 10:48:32.5</t>
  </si>
  <si>
    <t>05/16/14 10:48:40.0</t>
  </si>
  <si>
    <t>05/16/14 10:49:55.0</t>
  </si>
  <si>
    <t>05/16/14 10:50:00.5</t>
  </si>
  <si>
    <t>05/16/14 10:51:15.0</t>
  </si>
  <si>
    <t>05/16/14 10:51:27.0</t>
  </si>
  <si>
    <t>05/16/14 10:52:24.5</t>
  </si>
  <si>
    <t>05/16/14 10:52:29.0</t>
  </si>
  <si>
    <t>05/16/14 10:53:12.0</t>
  </si>
  <si>
    <t>05/16/14 10:53:16.0</t>
  </si>
  <si>
    <t>05/16/14 10:53:45.0</t>
  </si>
  <si>
    <t>05/16/14 10:53:50.0</t>
  </si>
  <si>
    <t>05/16/14 10:54:25.5</t>
  </si>
  <si>
    <t>05/16/14 10:54:31.5</t>
  </si>
  <si>
    <t>05/16/14 10:55:52.0</t>
  </si>
  <si>
    <t>05/16/14 10:56:09.5</t>
  </si>
  <si>
    <t>05/16/14 10:58:02.5</t>
  </si>
  <si>
    <t>05/16/14 10:58:12.0</t>
  </si>
  <si>
    <t>05/16/14 10:59:09.5</t>
  </si>
  <si>
    <t>05/16/14 10:59:53.0</t>
  </si>
  <si>
    <t>05/16/14 11:01:18.5</t>
  </si>
  <si>
    <t>05/16/14 11:01:26.0</t>
  </si>
  <si>
    <t>05/16/14 11:02:03.0</t>
  </si>
  <si>
    <t>05/16/14 11:02:14.5</t>
  </si>
  <si>
    <t>05/16/14 11:03:57.5</t>
  </si>
  <si>
    <t>05/16/14 11:04:05.5</t>
  </si>
  <si>
    <t>05/16/14 11:05:41.0</t>
  </si>
  <si>
    <t>05/16/14 11:05:44.0</t>
  </si>
  <si>
    <t>05/16/14 11:06:00.0</t>
  </si>
  <si>
    <t>05/16/14 11:06:04.0</t>
  </si>
  <si>
    <t>05/16/14 11:06:54.0</t>
  </si>
  <si>
    <t>05/16/14 11:07:00.0</t>
  </si>
  <si>
    <t>05/16/14 11:08:27.0</t>
  </si>
  <si>
    <t>05/16/14 11:08:35.0</t>
  </si>
  <si>
    <t>05/16/14 11:09:23.5</t>
  </si>
  <si>
    <t>05/16/14 11:09:33.0</t>
  </si>
  <si>
    <t>05/16/14 11:10:35.0</t>
  </si>
  <si>
    <t>05/16/14 11:10:39.0</t>
  </si>
  <si>
    <t>05/16/14 11:11:23.0</t>
  </si>
  <si>
    <t>05/16/14 11:11:31.0</t>
  </si>
  <si>
    <t>05/16/14 11:12:16.5</t>
  </si>
  <si>
    <t>05/16/14 11:12:20.5</t>
  </si>
  <si>
    <t>05/16/14 11:13:53.0</t>
  </si>
  <si>
    <t>05/16/14 11:13:56.0</t>
  </si>
  <si>
    <t>05/16/14 11:14:33.5</t>
  </si>
  <si>
    <t>05/16/14 11:14:42.5</t>
  </si>
  <si>
    <t>05/16/14 11:15:51.5</t>
  </si>
  <si>
    <t>05/16/14 11:15:58.0</t>
  </si>
  <si>
    <t>05/16/14 11:16:53.5</t>
  </si>
  <si>
    <t>05/16/14 11:16:57.5</t>
  </si>
  <si>
    <t>05/16/14 11:17:51.0</t>
  </si>
  <si>
    <t>05/16/14 11:17:59.0</t>
  </si>
  <si>
    <t>05/16/14 11:18:39.5</t>
  </si>
  <si>
    <t>05/16/14 11:18:46.0</t>
  </si>
  <si>
    <t>05/16/14 11:19:56.5</t>
  </si>
  <si>
    <t>05/16/14 11:20:02.0</t>
  </si>
  <si>
    <t>05/16/14 11:21:11.5</t>
  </si>
  <si>
    <t>05/16/14 11:21:17.5</t>
  </si>
  <si>
    <t>05/16/14 11:22:11.0</t>
  </si>
  <si>
    <t>05/16/14 11:22:18.5</t>
  </si>
  <si>
    <t>05/16/14 11:23:06.5</t>
  </si>
  <si>
    <t>05/16/14 11:23:18.0</t>
  </si>
  <si>
    <t>05/16/14 11:23:51.0</t>
  </si>
  <si>
    <t>05/16/14 11:23:58.5</t>
  </si>
  <si>
    <t>05/16/14 11:24:51.0</t>
  </si>
  <si>
    <t>05/16/14 11:24:58.0</t>
  </si>
  <si>
    <t>05/16/14 11:25:39.5</t>
  </si>
  <si>
    <t>05/16/14 11:25:46.5</t>
  </si>
  <si>
    <t>05/16/14 11:26:39.0</t>
  </si>
  <si>
    <t>05/16/14 11:26:47.0</t>
  </si>
  <si>
    <t>05/16/14 11:27:36.5</t>
  </si>
  <si>
    <t>05/16/14 11:27:42.0</t>
  </si>
  <si>
    <t>05/16/14 11:28:26.0</t>
  </si>
  <si>
    <t>05/16/14 11:28:44.0</t>
  </si>
  <si>
    <t>05/16/14 11:29:53.5</t>
  </si>
  <si>
    <t>05/16/14 11:30:02.5</t>
  </si>
  <si>
    <t>05/16/14 11:30:54.5</t>
  </si>
  <si>
    <t>05/16/14 11:31:00.5</t>
  </si>
  <si>
    <t>05/16/14 11:31:35.5</t>
  </si>
  <si>
    <t>05/16/14 11:31:39.0</t>
  </si>
  <si>
    <t>05/16/14 11:32:40.0</t>
  </si>
  <si>
    <t>05/16/14 11:32:47.0</t>
  </si>
  <si>
    <t>05/16/14 11:33:37.5</t>
  </si>
  <si>
    <t>05/16/14 11:33:45.0</t>
  </si>
  <si>
    <t>05/16/14 11:35:16.0</t>
  </si>
  <si>
    <t>05/16/14 11:35:25.0</t>
  </si>
  <si>
    <t>05/16/14 11:37:06.0</t>
  </si>
  <si>
    <t>05/16/14 11:37:17.0</t>
  </si>
  <si>
    <t>05/16/14 11:38:52.5</t>
  </si>
  <si>
    <t>05/16/14 11:39:13.5</t>
  </si>
  <si>
    <t>05/16/14 11:40:10.5</t>
  </si>
  <si>
    <t>05/16/14 11:40:46.0</t>
  </si>
  <si>
    <t>05/16/14 11:42:10.5</t>
  </si>
  <si>
    <t>05/16/14 11:42:19.0</t>
  </si>
  <si>
    <t>05/16/14 11:43:58.0</t>
  </si>
  <si>
    <t>05/16/14 11:44:10.5</t>
  </si>
  <si>
    <t>05/16/14 11:45:51.0</t>
  </si>
  <si>
    <t>05/16/14 11:46:24.0</t>
  </si>
  <si>
    <t>05/16/14 11:48:38.0</t>
  </si>
  <si>
    <t>05/16/14 11:48:41.0</t>
  </si>
  <si>
    <t>05/16/14 11:49:07.0</t>
  </si>
  <si>
    <t>05/16/14 11:49:11.5</t>
  </si>
  <si>
    <t>05/16/14 11:50:06.0</t>
  </si>
  <si>
    <t>05/16/14 11:50:16.5</t>
  </si>
  <si>
    <t>05/16/14 11:51:04.5</t>
  </si>
  <si>
    <t>05/16/14 11:51:08.5</t>
  </si>
  <si>
    <t>05/16/14 11:51:44.0</t>
  </si>
  <si>
    <t>05/16/14 11:51:48.5</t>
  </si>
  <si>
    <t>05/16/14 11:52:26.0</t>
  </si>
  <si>
    <t>05/16/14 11:52:29.5</t>
  </si>
  <si>
    <t>05/16/14 11:53:06.0</t>
  </si>
  <si>
    <t>05/16/14 11:53:13.0</t>
  </si>
  <si>
    <t>05/16/14 11:53:54.5</t>
  </si>
  <si>
    <t>05/16/14 11:54:01.0</t>
  </si>
  <si>
    <t>05/16/14 11:55:33.5</t>
  </si>
  <si>
    <t>05/16/14 11:56:13.5</t>
  </si>
  <si>
    <t>05/16/14 11:58:15.5</t>
  </si>
  <si>
    <t>05/16/14 11:58:21.0</t>
  </si>
  <si>
    <t>05/16/14 11:59:57.5</t>
  </si>
  <si>
    <t>05/16/14 12:00:05.5</t>
  </si>
  <si>
    <t>05/16/14 12:00:44.5</t>
  </si>
  <si>
    <t>05/16/14 12:00:50.5</t>
  </si>
  <si>
    <t>05/16/14 12:01:47.0</t>
  </si>
  <si>
    <t>05/16/14 12:01:57.5</t>
  </si>
  <si>
    <t>05/16/14 12:02:43.5</t>
  </si>
  <si>
    <t>05/16/14 12:03:04.5</t>
  </si>
  <si>
    <t>05/16/14 12:03:52.5</t>
  </si>
  <si>
    <t>05/16/14 12:04:09.0</t>
  </si>
  <si>
    <t>05/16/14 12:05:44.0</t>
  </si>
  <si>
    <t>05/16/14 12:05:49.5</t>
  </si>
  <si>
    <t>05/16/14 12:08:05.5</t>
  </si>
  <si>
    <t>05/16/14 12:08:11.5</t>
  </si>
  <si>
    <t>05/16/14 12:09:39.5</t>
  </si>
  <si>
    <t>05/16/14 12:09:46.0</t>
  </si>
  <si>
    <t>05/16/14 12:11:02.5</t>
  </si>
  <si>
    <t>05/16/14 12:11:06.0</t>
  </si>
  <si>
    <t>05/16/14 12:12:03.5</t>
  </si>
  <si>
    <t>05/16/14 12:12:08.5</t>
  </si>
  <si>
    <t>05/16/14 12:13:05.5</t>
  </si>
  <si>
    <t>05/16/14 12:13:22.5</t>
  </si>
  <si>
    <t>05/16/14 12:14:56.5</t>
  </si>
  <si>
    <t>05/16/14 12:15:02.5</t>
  </si>
  <si>
    <t>05/16/14 12:15:37.5</t>
  </si>
  <si>
    <t>05/16/14 12:15:41.5</t>
  </si>
  <si>
    <t>05/16/14 12:18:11.0</t>
  </si>
  <si>
    <t>05/16/14 12:18:18.5</t>
  </si>
  <si>
    <t>05/16/14 12:20:44.5</t>
  </si>
  <si>
    <t>05/16/14 12:21:28.0</t>
  </si>
  <si>
    <t>05/16/14 12:25:12.5</t>
  </si>
  <si>
    <t>05/16/14 12:25:17.5</t>
  </si>
  <si>
    <t>05/16/14 12:27:01.5</t>
  </si>
  <si>
    <t>05/16/14 12:27:13.0</t>
  </si>
  <si>
    <t>05/16/14 12:29:13.5</t>
  </si>
  <si>
    <t>05/16/14 12:29:46.0</t>
  </si>
  <si>
    <t>05/16/14 12:30:27.0</t>
  </si>
  <si>
    <t>05/16/14 12:30:32.0</t>
  </si>
  <si>
    <t>05/16/14 12:31:52.0</t>
  </si>
  <si>
    <t>05/16/14 12:31:59.0</t>
  </si>
  <si>
    <t>05/16/14 12:32:51.0</t>
  </si>
  <si>
    <t>05/16/14 12:32:57.5</t>
  </si>
  <si>
    <t>05/16/14 12:35:22.5</t>
  </si>
  <si>
    <t>05/16/14 12:35:32.5</t>
  </si>
  <si>
    <t>05/16/14 12:37:19.5</t>
  </si>
  <si>
    <t>05/16/14 12:37:25.5</t>
  </si>
  <si>
    <t>05/16/14 12:38:34.5</t>
  </si>
  <si>
    <t>05/16/14 12:38:45.0</t>
  </si>
  <si>
    <t>05/16/14 12:40:02.0</t>
  </si>
  <si>
    <t>05/16/14 12:40:11.0</t>
  </si>
  <si>
    <t>05/16/14 12:41:02.0</t>
  </si>
  <si>
    <t>05/16/14 12:41:10.5</t>
  </si>
  <si>
    <t>05/16/14 12:42:09.0</t>
  </si>
  <si>
    <t>05/16/14 12:42:14.5</t>
  </si>
  <si>
    <t>05/16/14 12:43:27.0</t>
  </si>
  <si>
    <t>05/16/14 12:43:34.5</t>
  </si>
  <si>
    <t>05/16/14 12:45:13.5</t>
  </si>
  <si>
    <t>05/16/14 12:45:32.0</t>
  </si>
  <si>
    <t>05/16/14 12:46:41.5</t>
  </si>
  <si>
    <t>05/16/14 12:46:45.0</t>
  </si>
  <si>
    <t>05/16/14 12:47:30.0</t>
  </si>
  <si>
    <t>05/16/14 12:47:43.0</t>
  </si>
  <si>
    <t>05/16/14 12:49:20.0</t>
  </si>
  <si>
    <t>05/16/14 12:49:44.0</t>
  </si>
  <si>
    <t>05/16/14 12:52:53.0</t>
  </si>
  <si>
    <t>05/16/14 12:53:03.0</t>
  </si>
  <si>
    <t>05/16/14 12:54:55.0</t>
  </si>
  <si>
    <t>05/16/14 12:55:03.5</t>
  </si>
  <si>
    <t>05/16/14 12:55:45.5</t>
  </si>
  <si>
    <t>05/16/14 12:55:54.0</t>
  </si>
  <si>
    <t>05/16/14 12:58:06.0</t>
  </si>
  <si>
    <t>05/16/14 12:58:14.5</t>
  </si>
  <si>
    <t>05/16/14 12:59:08.5</t>
  </si>
  <si>
    <t>05/16/14 12:59:13.5</t>
  </si>
  <si>
    <t>05/16/14 13:00:15.5</t>
  </si>
  <si>
    <t>05/16/14 13:00:31.5</t>
  </si>
  <si>
    <t>05/16/14 13:01:52.0</t>
  </si>
  <si>
    <t>05/16/14 13:02:00.0</t>
  </si>
  <si>
    <t>05/16/14 13:02:57.0</t>
  </si>
  <si>
    <t>05/16/14 13:03:01.0</t>
  </si>
  <si>
    <t>05/16/14 13:03:24.0</t>
  </si>
  <si>
    <t>05/16/14 13:03:28.5</t>
  </si>
  <si>
    <t>05/16/14 13:04:05.5</t>
  </si>
  <si>
    <t>05/16/14 13:04:08.0</t>
  </si>
  <si>
    <t>05/16/14 13:04:27.5</t>
  </si>
  <si>
    <t>05/16/14 13:04:33.0</t>
  </si>
  <si>
    <t>05/16/14 13:05:27.0</t>
  </si>
  <si>
    <t>05/16/14 13:05:32.5</t>
  </si>
  <si>
    <t>05/16/14 13:06:18.0</t>
  </si>
  <si>
    <t>05/16/14 13:06:21.5</t>
  </si>
  <si>
    <t>05/16/14 13:07:40.5</t>
  </si>
  <si>
    <t>05/16/14 13:07:54.5</t>
  </si>
  <si>
    <t>05/16/14 13:09:00.0</t>
  </si>
  <si>
    <t>05/16/14 13:09:10.5</t>
  </si>
  <si>
    <t>05/16/14 13:10:14.0</t>
  </si>
  <si>
    <t>05/16/14 13:10:25.0</t>
  </si>
  <si>
    <t>05/16/14 13:11:51.5</t>
  </si>
  <si>
    <t>05/16/14 13:12:00.0</t>
  </si>
  <si>
    <t>05/16/14 13:13:19.5</t>
  </si>
  <si>
    <t>05/16/14 13:13:28.5</t>
  </si>
  <si>
    <t>05/16/14 13:15:24.0</t>
  </si>
  <si>
    <t>05/16/14 13:15:32.5</t>
  </si>
  <si>
    <t>05/16/14 13:16:44.5</t>
  </si>
  <si>
    <t>05/16/14 13:17:20.5</t>
  </si>
  <si>
    <t>05/16/14 13:20:13.5</t>
  </si>
  <si>
    <t>05/16/14 13:20:21.0</t>
  </si>
  <si>
    <t>05/16/14 13:22:02.0</t>
  </si>
  <si>
    <t>05/16/14 13:22:06.5</t>
  </si>
  <si>
    <t>05/16/14 13:22:54.0</t>
  </si>
  <si>
    <t>05/16/14 13:23:01.5</t>
  </si>
  <si>
    <t>05/16/14 13:24:13.0</t>
  </si>
  <si>
    <t>05/16/14 13:24:50.5</t>
  </si>
  <si>
    <t>05/16/14 13:25:44.5</t>
  </si>
  <si>
    <t>05/16/14 13:25:50.5</t>
  </si>
  <si>
    <t>05/16/14 13:26:50.5</t>
  </si>
  <si>
    <t>05/16/14 13:26:54.0</t>
  </si>
  <si>
    <t>05/16/14 13:27:41.0</t>
  </si>
  <si>
    <t>05/16/14 13:27:45.5</t>
  </si>
  <si>
    <t>05/16/14 13:28:21.0</t>
  </si>
  <si>
    <t>05/16/14 13:28:29.0</t>
  </si>
  <si>
    <t>05/16/14 13:29:49.5</t>
  </si>
  <si>
    <t>05/16/14 13:29:53.5</t>
  </si>
  <si>
    <t>05/16/14 13:31:11.0</t>
  </si>
  <si>
    <t>05/16/14 13:31:22.5</t>
  </si>
  <si>
    <t>05/16/14 13:32:36.0</t>
  </si>
  <si>
    <t>05/16/14 13:32:57.0</t>
  </si>
  <si>
    <t>05/16/14 13:34:32.0</t>
  </si>
  <si>
    <t>05/16/14 13:34:37.0</t>
  </si>
  <si>
    <t>05/16/14 13:36:01.0</t>
  </si>
  <si>
    <t>05/16/14 13:36:18.0</t>
  </si>
  <si>
    <t>05/16/14 13:37:39.5</t>
  </si>
  <si>
    <t>05/16/14 13:37:51.5</t>
  </si>
  <si>
    <t>05/16/14 13:38:35.5</t>
  </si>
  <si>
    <t>05/16/14 13:38:43.0</t>
  </si>
  <si>
    <t>05/16/14 13:41:16.5</t>
  </si>
  <si>
    <t>05/16/14 13:41:25.0</t>
  </si>
  <si>
    <t>05/16/14 13:42:19.0</t>
  </si>
  <si>
    <t>05/16/14 13:42:25.0</t>
  </si>
  <si>
    <t>05/16/14 13:43:55.5</t>
  </si>
  <si>
    <t>05/16/14 13:44:04.5</t>
  </si>
  <si>
    <t>05/16/14 13:45:23.5</t>
  </si>
  <si>
    <t>05/16/14 13:45:37.5</t>
  </si>
  <si>
    <t>05/16/14 13:47:41.5</t>
  </si>
  <si>
    <t>05/16/14 13:47:49.0</t>
  </si>
  <si>
    <t>05/16/14 13:50:26.5</t>
  </si>
  <si>
    <t>05/16/14 13:51:46.0</t>
  </si>
  <si>
    <t>05/16/14 13:53:13.0</t>
  </si>
  <si>
    <t>05/16/14 13:53:18.5</t>
  </si>
  <si>
    <t>05/16/14 13:54:38.5</t>
  </si>
  <si>
    <t>05/16/14 13:54:46.5</t>
  </si>
  <si>
    <t>05/16/14 13:57:00.5</t>
  </si>
  <si>
    <t>05/16/14 13:57:16.0</t>
  </si>
  <si>
    <t>05/16/14 13:58:08.5</t>
  </si>
  <si>
    <t>05/16/14 13:58:20.0</t>
  </si>
  <si>
    <t>05/16/14 13:59:55.5</t>
  </si>
  <si>
    <t>05/16/14 14:00:02.5</t>
  </si>
  <si>
    <t>05/16/14 14:01:09.0</t>
  </si>
  <si>
    <t>05/16/14 14:01:15.0</t>
  </si>
  <si>
    <t>05/16/14 14:03:07.5</t>
  </si>
  <si>
    <t>05/16/14 14:03:19.5</t>
  </si>
  <si>
    <t>05/16/14 14:04:56.5</t>
  </si>
  <si>
    <t>05/16/14 14:05:07.5</t>
  </si>
  <si>
    <t>05/16/14 14:07:41.0</t>
  </si>
  <si>
    <t>05/16/14 14:07:53.5</t>
  </si>
  <si>
    <t>05/16/14 14:09:39.5</t>
  </si>
  <si>
    <t>05/16/14 14:09:47.0</t>
  </si>
  <si>
    <t>05/16/14 14:12:04.0</t>
  </si>
  <si>
    <t>05/16/14 14:12:10.5</t>
  </si>
  <si>
    <t>05/16/14 14:13:57.0</t>
  </si>
  <si>
    <t>05/16/14 14:14:09.5</t>
  </si>
  <si>
    <t>05/16/14 14:15:37.0</t>
  </si>
  <si>
    <t>05/16/14 14:15:59.0</t>
  </si>
  <si>
    <t>05/16/14 14:17:17.5</t>
  </si>
  <si>
    <t>05/16/14 14:17:22.0</t>
  </si>
  <si>
    <t>05/16/14 14:18:50.5</t>
  </si>
  <si>
    <t>05/16/14 14:19:09.5</t>
  </si>
  <si>
    <t>05/16/14 14:20:44.0</t>
  </si>
  <si>
    <t>05/16/14 14:20:47.5</t>
  </si>
  <si>
    <t>05/16/14 14:21:27.5</t>
  </si>
  <si>
    <t>05/16/14 14:21:33.5</t>
  </si>
  <si>
    <t>05/16/14 14:22:15.0</t>
  </si>
  <si>
    <t>05/16/14 14:22:20.5</t>
  </si>
  <si>
    <t>05/16/14 14:23:38.5</t>
  </si>
  <si>
    <t>05/16/14 14:23:43.5</t>
  </si>
  <si>
    <t>05/16/14 14:25:03.5</t>
  </si>
  <si>
    <t>05/16/14 14:25:11.0</t>
  </si>
  <si>
    <t>05/16/14 14:26:51.0</t>
  </si>
  <si>
    <t>05/16/14 14:27:05.0</t>
  </si>
  <si>
    <t>05/16/14 14:28:59.0</t>
  </si>
  <si>
    <t>05/16/14 14:29:05.0</t>
  </si>
  <si>
    <t>05/16/14 14:30:15.5</t>
  </si>
  <si>
    <t>05/16/14 14:30:23.5</t>
  </si>
  <si>
    <t>05/16/14 14:32:41.5</t>
  </si>
  <si>
    <t>05/16/14 14:32:49.0</t>
  </si>
  <si>
    <t>05/16/14 14:35:40.5</t>
  </si>
  <si>
    <t>05/16/14 14:36:09.5</t>
  </si>
  <si>
    <t>05/16/14 14:37:29.0</t>
  </si>
  <si>
    <t>05/16/14 14:37:47.0</t>
  </si>
  <si>
    <t>05/16/14 14:39:37.0</t>
  </si>
  <si>
    <t>05/16/14 14:39:43.5</t>
  </si>
  <si>
    <t>05/16/14 14:42:21.5</t>
  </si>
  <si>
    <t>05/16/14 14:42:28.0</t>
  </si>
  <si>
    <t>05/16/14 14:43:00.5</t>
  </si>
  <si>
    <t>05/16/14 14:43:08.0</t>
  </si>
  <si>
    <t>05/16/14 14:44:25.0</t>
  </si>
  <si>
    <t>05/16/14 14:44:36.0</t>
  </si>
  <si>
    <t>05/16/14 14:46:03.0</t>
  </si>
  <si>
    <t>05/16/14 14:46:07.0</t>
  </si>
  <si>
    <t>05/16/14 14:47:54.0</t>
  </si>
  <si>
    <t>05/16/14 14:48:23.0</t>
  </si>
  <si>
    <t>05/16/14 14:50:39.5</t>
  </si>
  <si>
    <t>05/16/14 14:50:57.0</t>
  </si>
  <si>
    <t>05/16/14 14:53:06.5</t>
  </si>
  <si>
    <t>05/16/14 14:53:10.5</t>
  </si>
  <si>
    <t>05/16/14 14:53:43.0</t>
  </si>
  <si>
    <t>05/16/14 14:53:46.0</t>
  </si>
  <si>
    <t>05/16/14 14:54:48.0</t>
  </si>
  <si>
    <t>05/16/14 14:55:01.5</t>
  </si>
  <si>
    <t>05/16/14 14:56:23.0</t>
  </si>
  <si>
    <t>05/16/14 14:56:38.5</t>
  </si>
  <si>
    <t>05/16/14 14:59:08.0</t>
  </si>
  <si>
    <t>05/16/14 14:59:18.5</t>
  </si>
  <si>
    <t>05/16/14 15:01:02.5</t>
  </si>
  <si>
    <t>05/16/14 15:01:15.0</t>
  </si>
  <si>
    <t>05/16/14 15:04:51.0</t>
  </si>
  <si>
    <t>05/16/14 15:04:56.5</t>
  </si>
  <si>
    <t>05/16/14 15:06:40.5</t>
  </si>
  <si>
    <t>05/16/14 15:06:46.5</t>
  </si>
  <si>
    <t>05/16/14 15:08:36.5</t>
  </si>
  <si>
    <t>05/16/14 15:08:46.0</t>
  </si>
  <si>
    <t>05/16/14 15:12:37.0</t>
  </si>
  <si>
    <t>05/16/14 15:12:50.0</t>
  </si>
  <si>
    <t>05/16/14 15:14:35.0</t>
  </si>
  <si>
    <t>05/16/14 15:14:47.0</t>
  </si>
  <si>
    <t>05/16/14 15:16:21.5</t>
  </si>
  <si>
    <t>05/16/14 15:16:29.0</t>
  </si>
  <si>
    <t>05/16/14 15:17:58.0</t>
  </si>
  <si>
    <t>05/16/14 15:18:06.0</t>
  </si>
  <si>
    <t>05/16/14 15:19:01.5</t>
  </si>
  <si>
    <t>05/16/14 15:19:10.5</t>
  </si>
  <si>
    <t>05/16/14 15:20:39.5</t>
  </si>
  <si>
    <t>05/16/14 15:20:46.0</t>
  </si>
  <si>
    <t>05/16/14 15:22:06.5</t>
  </si>
  <si>
    <t>05/16/14 15:22:14.5</t>
  </si>
  <si>
    <t>05/16/14 15:23:18.5</t>
  </si>
  <si>
    <t>05/16/14 15:23:26.5</t>
  </si>
  <si>
    <t>05/16/14 15:24:43.5</t>
  </si>
  <si>
    <t>05/16/14 15:24:50.0</t>
  </si>
  <si>
    <t>05/16/14 15:25:50.0</t>
  </si>
  <si>
    <t>05/16/14 15:25:57.0</t>
  </si>
  <si>
    <t>05/16/14 15:27:34.0</t>
  </si>
  <si>
    <t>05/16/14 15:27:40.5</t>
  </si>
  <si>
    <t>05/16/14 15:28:25.5</t>
  </si>
  <si>
    <t>05/16/14 15:28:53.0</t>
  </si>
  <si>
    <t>05/16/14 15:30:15.0</t>
  </si>
  <si>
    <t>05/16/14 15:30:30.0</t>
  </si>
  <si>
    <t>05/16/14 15:32:16.0</t>
  </si>
  <si>
    <t>05/16/14 15:32:21.5</t>
  </si>
  <si>
    <t>05/16/14 15:33:15.5</t>
  </si>
  <si>
    <t>05/16/14 15:33:25.0</t>
  </si>
  <si>
    <t>05/16/14 15:36:22.5</t>
  </si>
  <si>
    <t>05/16/14 15:36:43.5</t>
  </si>
  <si>
    <t>05/16/14 15:37:38.0</t>
  </si>
  <si>
    <t>05/16/14 15:37:42.5</t>
  </si>
  <si>
    <t>05/16/14 15:38:28.0</t>
  </si>
  <si>
    <t>05/16/14 15:38:37.0</t>
  </si>
  <si>
    <t>05/16/14 15:39:48.5</t>
  </si>
  <si>
    <t>05/16/14 15:39:57.5</t>
  </si>
  <si>
    <t>05/16/14 15:41:49.5</t>
  </si>
  <si>
    <t>05/16/14 15:41:56.5</t>
  </si>
  <si>
    <t>05/16/14 15:42:51.0</t>
  </si>
  <si>
    <t>05/16/14 15:42:59.5</t>
  </si>
  <si>
    <t>05/16/14 15:44:17.5</t>
  </si>
  <si>
    <t>05/16/14 15:44:26.5</t>
  </si>
  <si>
    <t>05/16/14 15:45:55.0</t>
  </si>
  <si>
    <t>05/16/14 15:46:05.0</t>
  </si>
  <si>
    <t>05/16/14 15:47:56.5</t>
  </si>
  <si>
    <t>05/16/14 15:48:05.0</t>
  </si>
  <si>
    <t>05/16/14 15:49:46.5</t>
  </si>
  <si>
    <t>05/16/14 15:50:02.5</t>
  </si>
  <si>
    <t>05/16/14 15:52:37.0</t>
  </si>
  <si>
    <t>05/16/14 15:52:45.5</t>
  </si>
  <si>
    <t>05/16/14 15:54:13.0</t>
  </si>
  <si>
    <t>05/16/14 15:54:22.0</t>
  </si>
  <si>
    <t>05/16/14 15:55:36.5</t>
  </si>
  <si>
    <t>05/16/14 15:55:45.0</t>
  </si>
  <si>
    <t>05/16/14 15:57:30.0</t>
  </si>
  <si>
    <t>05/16/14 15:57:37.0</t>
  </si>
  <si>
    <t>05/16/14 15:58:22.5</t>
  </si>
  <si>
    <t>05/16/14 15:58:37.0</t>
  </si>
  <si>
    <t>05/16/14 15:59:19.5</t>
  </si>
  <si>
    <t>05/16/14 15:59:25.0</t>
  </si>
  <si>
    <t>05/16/14 16:00:20.5</t>
  </si>
  <si>
    <t>05/16/14 16:00:28.5</t>
  </si>
  <si>
    <t>05/16/14 16:01:54.0</t>
  </si>
  <si>
    <t>05/16/14 16:01:58.5</t>
  </si>
  <si>
    <t>05/16/14 16:03:36.0</t>
  </si>
  <si>
    <t>05/16/14 16:03:44.5</t>
  </si>
  <si>
    <t>05/16/14 16:06:46.5</t>
  </si>
  <si>
    <t>05/16/14 16:07:02.5</t>
  </si>
  <si>
    <t>05/16/14 16:09:31.0</t>
  </si>
  <si>
    <t>05/16/14 16:09:40.5</t>
  </si>
  <si>
    <t>05/16/14 16:10:39.5</t>
  </si>
  <si>
    <t>05/16/14 16:11:05.0</t>
  </si>
  <si>
    <t>05/16/14 16:13:03.0</t>
  </si>
  <si>
    <t>05/16/14 16:13:07.0</t>
  </si>
  <si>
    <t>05/16/14 16:14:03.0</t>
  </si>
  <si>
    <t>05/16/14 16:14:19.5</t>
  </si>
  <si>
    <t>05/16/14 16:16:02.5</t>
  </si>
  <si>
    <t>05/16/14 16:16:19.5</t>
  </si>
  <si>
    <t>05/16/14 16:17:42.0</t>
  </si>
  <si>
    <t>05/16/14 16:17:57.0</t>
  </si>
  <si>
    <t>05/16/14 16:19:12.0</t>
  </si>
  <si>
    <t>05/16/14 16:19:29.0</t>
  </si>
  <si>
    <t>05/16/14 16:22:26.5</t>
  </si>
  <si>
    <t>05/16/14 16:22:39.5</t>
  </si>
  <si>
    <t>05/16/14 16:24:37.0</t>
  </si>
  <si>
    <t>05/16/14 16:25:29.5</t>
  </si>
  <si>
    <t>05/16/14 16:27:25.5</t>
  </si>
  <si>
    <t>05/16/14 16:27:35.5</t>
  </si>
  <si>
    <t>05/16/14 16:29:11.0</t>
  </si>
  <si>
    <t>05/16/14 16:29:25.5</t>
  </si>
  <si>
    <t>05/16/14 16:30:58.5</t>
  </si>
  <si>
    <t>05/16/14 16:31:03.0</t>
  </si>
  <si>
    <t>05/16/14 16:35:09.0</t>
  </si>
  <si>
    <t>05/16/14 16:35:14.5</t>
  </si>
  <si>
    <t>05/16/14 16:36:59.0</t>
  </si>
  <si>
    <t>05/16/14 16:37:24.0</t>
  </si>
  <si>
    <t>05/16/14 16:39:29.0</t>
  </si>
  <si>
    <t>05/16/14 16:39:39.5</t>
  </si>
  <si>
    <t>05/16/14 16:41:39.5</t>
  </si>
  <si>
    <t>05/16/14 16:41:57.5</t>
  </si>
  <si>
    <t>05/16/14 16:43:20.5</t>
  </si>
  <si>
    <t>05/16/14 16:43:36.0</t>
  </si>
  <si>
    <t>05/16/14 16:45:28.0</t>
  </si>
  <si>
    <t>05/16/14 16:46:02.0</t>
  </si>
  <si>
    <t>05/16/14 16:47:52.0</t>
  </si>
  <si>
    <t>05/16/14 16:48:08.5</t>
  </si>
  <si>
    <t>05/16/14 16:51:05.5</t>
  </si>
  <si>
    <t>05/16/14 16:51:38.0</t>
  </si>
  <si>
    <t>05/16/14 16:53:08.5</t>
  </si>
  <si>
    <t>05/16/14 16:53:14.5</t>
  </si>
  <si>
    <t>05/16/14 16:55:17.5</t>
  </si>
  <si>
    <t>05/16/14 16:55:31.5</t>
  </si>
  <si>
    <t>05/16/14 16:56:36.5</t>
  </si>
  <si>
    <t>05/16/14 16:56:56.5</t>
  </si>
  <si>
    <t>05/16/14 16:58:24.5</t>
  </si>
  <si>
    <t>05/16/14 16:58:33.5</t>
  </si>
  <si>
    <t>05/16/14 17:00:26.5</t>
  </si>
  <si>
    <t>05/16/14 17:00:41.0</t>
  </si>
  <si>
    <t>05/16/14 17:02:51.5</t>
  </si>
  <si>
    <t>05/16/14 17:03:04.0</t>
  </si>
  <si>
    <t>05/16/14 17:04:32.0</t>
  </si>
  <si>
    <t>05/16/14 17:04:38.0</t>
  </si>
  <si>
    <t>05/16/14 17:05:34.0</t>
  </si>
  <si>
    <t>05/16/14 17:05:42.0</t>
  </si>
  <si>
    <t>05/16/14 17:06:40.0</t>
  </si>
  <si>
    <t>05/16/14 17:06:48.5</t>
  </si>
  <si>
    <t>05/16/14 17:09:50.5</t>
  </si>
  <si>
    <t>05/16/14 17:10:04.5</t>
  </si>
  <si>
    <t>05/16/14 17:10:59.5</t>
  </si>
  <si>
    <t>05/16/14 17:11:05.5</t>
  </si>
  <si>
    <t>05/16/14 17:11:38.5</t>
  </si>
  <si>
    <t>05/16/14 17:11:47.0</t>
  </si>
  <si>
    <t>05/16/14 17:12:55.0</t>
  </si>
  <si>
    <t>05/16/14 17:13:02.5</t>
  </si>
  <si>
    <t>05/16/14 17:13:56.0</t>
  </si>
  <si>
    <t>05/16/14 17:14:01.0</t>
  </si>
  <si>
    <t>05/16/14 17:16:36.5</t>
  </si>
  <si>
    <t>05/16/14 17:16:43.0</t>
  </si>
  <si>
    <t>05/16/14 17:18:02.0</t>
  </si>
  <si>
    <t>05/16/14 17:18:32.0</t>
  </si>
  <si>
    <t>05/16/14 17:22:22.5</t>
  </si>
  <si>
    <t>05/16/14 17:22:37.0</t>
  </si>
  <si>
    <t>05/16/14 17:27:03.0</t>
  </si>
  <si>
    <t>05/16/14 17:27:20.0</t>
  </si>
  <si>
    <t>05/16/14 17:29:09.0</t>
  </si>
  <si>
    <t>05/16/14 17:29:14.5</t>
  </si>
  <si>
    <t>05/16/14 17:31:01.0</t>
  </si>
  <si>
    <t>05/16/14 17:31:14.5</t>
  </si>
  <si>
    <t>05/16/14 17:34:18.0</t>
  </si>
  <si>
    <t>05/16/14 17:35:31.5</t>
  </si>
  <si>
    <t>05/16/14 17:36:52.0</t>
  </si>
  <si>
    <t>05/16/14 17:36:59.5</t>
  </si>
  <si>
    <t>05/16/14 17:38:59.0</t>
  </si>
  <si>
    <t>05/16/14 17:39:05.5</t>
  </si>
  <si>
    <t>05/16/14 17:41:08.5</t>
  </si>
  <si>
    <t>05/16/14 17:41:21.0</t>
  </si>
  <si>
    <t>05/16/14 17:46:25.0</t>
  </si>
  <si>
    <t>05/16/14 17:46:46.0</t>
  </si>
  <si>
    <t>05/16/14 17:48:27.0</t>
  </si>
  <si>
    <t>05/16/14 17:48:37.5</t>
  </si>
  <si>
    <t>05/16/14 17:51:35.0</t>
  </si>
  <si>
    <t>05/16/14 17:51:45.0</t>
  </si>
  <si>
    <t>05/16/14 17:54:24.0</t>
  </si>
  <si>
    <t>05/16/14 17:55:09.5</t>
  </si>
  <si>
    <t>05/16/14 17:57:13.5</t>
  </si>
  <si>
    <t>05/16/14 17:57:21.5</t>
  </si>
  <si>
    <t>05/16/14 17:58:39.5</t>
  </si>
  <si>
    <t>05/16/14 17:58:47.5</t>
  </si>
  <si>
    <t>05/16/14 18:00:37.0</t>
  </si>
  <si>
    <t>05/16/14 18:01:07.5</t>
  </si>
  <si>
    <t>05/16/14 18:05:48.0</t>
  </si>
  <si>
    <t>05/16/14 18:06:37.0</t>
  </si>
  <si>
    <t>05/16/14 18:12:43.0</t>
  </si>
  <si>
    <t>05/16/14 18:12:54.0</t>
  </si>
  <si>
    <t>05/16/14 18:15:52.0</t>
  </si>
  <si>
    <t>05/16/14 18:15:59.5</t>
  </si>
  <si>
    <t>05/16/14 18:19:17.5</t>
  </si>
  <si>
    <t>05/16/14 18:19:36.5</t>
  </si>
  <si>
    <t>05/16/14 18:21:46.0</t>
  </si>
  <si>
    <t>05/16/14 18:22:03.5</t>
  </si>
  <si>
    <t>05/16/14 18:26:19.0</t>
  </si>
  <si>
    <t>05/16/14 18:26:30.0</t>
  </si>
  <si>
    <t>05/16/14 18:29:24.5</t>
  </si>
  <si>
    <t>05/16/14 18:29:36.5</t>
  </si>
  <si>
    <t>05/16/14 18:32:23.0</t>
  </si>
  <si>
    <t>05/16/14 18:33:10.5</t>
  </si>
  <si>
    <t>05/16/14 18:35:18.5</t>
  </si>
  <si>
    <t>05/16/14 18:35:27.0</t>
  </si>
  <si>
    <t>05/16/14 18:37:08.0</t>
  </si>
  <si>
    <t>05/16/14 18:37:11.5</t>
  </si>
  <si>
    <t>05/16/14 18:38:15.0</t>
  </si>
  <si>
    <t>05/16/14 18:38:22.5</t>
  </si>
  <si>
    <t>05/16/14 18:40:29.5</t>
  </si>
  <si>
    <t>05/16/14 18:40:43.0</t>
  </si>
  <si>
    <t>05/16/14 18:43:44.0</t>
  </si>
  <si>
    <t>05/16/14 18:43:53.0</t>
  </si>
  <si>
    <t>05/16/14 18:46:09.5</t>
  </si>
  <si>
    <t>05/16/14 18:46:21.5</t>
  </si>
  <si>
    <t>05/16/14 18:48:11.0</t>
  </si>
  <si>
    <t>05/16/14 18:48:17.0</t>
  </si>
  <si>
    <t>05/16/14 18:50:29.5</t>
  </si>
  <si>
    <t>05/16/14 18:50:42.0</t>
  </si>
  <si>
    <t>05/16/14 18:52:00.0</t>
  </si>
  <si>
    <t>05/16/14 18:52:10.5</t>
  </si>
  <si>
    <t>05/16/14 18:53:37.5</t>
  </si>
  <si>
    <t>05/16/14 18:53:51.0</t>
  </si>
  <si>
    <t>05/16/14 18:55:12.5</t>
  </si>
  <si>
    <t>05/16/14 18:55:30.0</t>
  </si>
  <si>
    <t>05/16/14 18:58:34.0</t>
  </si>
  <si>
    <t>05/16/14 18:58:44.0</t>
  </si>
  <si>
    <t>05/16/14 19:00:44.0</t>
  </si>
  <si>
    <t>05/16/14 19:01:16.5</t>
  </si>
  <si>
    <t>05/16/14 19:03:07.5</t>
  </si>
  <si>
    <t>05/16/14 19:03:15.0</t>
  </si>
  <si>
    <t>05/16/14 19:04:33.0</t>
  </si>
  <si>
    <t>05/16/14 19:04:42.5</t>
  </si>
  <si>
    <t>05/16/14 19:07:06.0</t>
  </si>
  <si>
    <t>05/16/14 19:07:19.0</t>
  </si>
  <si>
    <t>05/16/14 19:08:44.5</t>
  </si>
  <si>
    <t>05/16/14 19:08:54.0</t>
  </si>
  <si>
    <t>05/16/14 19:10:48.5</t>
  </si>
  <si>
    <t>05/16/14 19:10:54.5</t>
  </si>
  <si>
    <t>05/16/14 19:12:14.0</t>
  </si>
  <si>
    <t>05/16/14 19:12:21.5</t>
  </si>
  <si>
    <t>05/16/14 19:14:12.0</t>
  </si>
  <si>
    <t>05/16/14 19:14:31.0</t>
  </si>
  <si>
    <t>05/16/14 19:15:45.5</t>
  </si>
  <si>
    <t>05/16/14 19:15:54.5</t>
  </si>
  <si>
    <t>05/16/14 19:17:07.5</t>
  </si>
  <si>
    <t>05/16/14 19:17:16.5</t>
  </si>
  <si>
    <t>05/16/14 19:20:45.0</t>
  </si>
  <si>
    <t>05/16/14 19:20:55.0</t>
  </si>
  <si>
    <t>05/16/14 19:24:16.0</t>
  </si>
  <si>
    <t>05/16/14 19:25:38.5</t>
  </si>
  <si>
    <t>05/16/14 19:28:35.0</t>
  </si>
  <si>
    <t>05/16/14 19:29:07.5</t>
  </si>
  <si>
    <t>05/16/14 19:32:51.0</t>
  </si>
  <si>
    <t>05/16/14 19:33:37.5</t>
  </si>
  <si>
    <t>05/16/14 19:34:46.0</t>
  </si>
  <si>
    <t>05/16/14 19:35:22.5</t>
  </si>
  <si>
    <t>05/16/14 19:37:28.0</t>
  </si>
  <si>
    <t>05/16/14 19:37:44.5</t>
  </si>
  <si>
    <t>05/16/14 19:38:59.0</t>
  </si>
  <si>
    <t>05/16/14 19:39:07.5</t>
  </si>
  <si>
    <t>05/16/14 19:41:40.0</t>
  </si>
  <si>
    <t>05/16/14 19:42:03.5</t>
  </si>
  <si>
    <t>05/16/14 19:44:26.0</t>
  </si>
  <si>
    <t>05/16/14 19:44:47.5</t>
  </si>
  <si>
    <t>05/16/14 19:47:18.5</t>
  </si>
  <si>
    <t>05/16/14 19:47:56.0</t>
  </si>
  <si>
    <t>05/16/14 19:49:52.5</t>
  </si>
  <si>
    <t>05/16/14 19:50:01.0</t>
  </si>
  <si>
    <t>05/16/14 19:53:36.5</t>
  </si>
  <si>
    <t>05/16/14 19:54:22.0</t>
  </si>
  <si>
    <t>05/16/14 19:55:41.0</t>
  </si>
  <si>
    <t>05/16/14 19:55:45.0</t>
  </si>
  <si>
    <t>05/16/14 20:01:35.0</t>
  </si>
  <si>
    <t>05/16/14 20:01:45.0</t>
  </si>
  <si>
    <t>05/16/14 20:06:15.0</t>
  </si>
  <si>
    <t>05/16/14 20:06:33.0</t>
  </si>
  <si>
    <t>05/16/14 20:07:24.0</t>
  </si>
  <si>
    <t>05/16/14 20:07:30.0</t>
  </si>
  <si>
    <t>05/16/14 20:08:54.0</t>
  </si>
  <si>
    <t>05/16/14 20:10:53.5</t>
  </si>
  <si>
    <t>05/16/14 20:12:25.5</t>
  </si>
  <si>
    <t>05/16/14 20:12:53.0</t>
  </si>
  <si>
    <t>05/16/14 20:16:22.0</t>
  </si>
  <si>
    <t>05/16/14 20:16:28.0</t>
  </si>
  <si>
    <t>05/16/14 20:18:11.5</t>
  </si>
  <si>
    <t>05/16/14 20:18:21.0</t>
  </si>
  <si>
    <t>05/16/14 20:21:59.0</t>
  </si>
  <si>
    <t>05/16/14 20:22:02.5</t>
  </si>
  <si>
    <t>05/16/14 20:22:48.0</t>
  </si>
  <si>
    <t>05/16/14 20:23:52.0</t>
  </si>
  <si>
    <t>05/16/14 20:25:57.5</t>
  </si>
  <si>
    <t>05/16/14 20:26:05.0</t>
  </si>
  <si>
    <t>05/16/14 20:28:38.0</t>
  </si>
  <si>
    <t>05/16/14 20:28:43.5</t>
  </si>
  <si>
    <t>05/16/14 20:34:25.5</t>
  </si>
  <si>
    <t>05/16/14 20:34:45.5</t>
  </si>
  <si>
    <t>05/16/14 20:36:19.5</t>
  </si>
  <si>
    <t>05/16/14 20:36:41.0</t>
  </si>
  <si>
    <t>05/16/14 20:38:41.5</t>
  </si>
  <si>
    <t>05/16/14 20:39:13.0</t>
  </si>
  <si>
    <t>05/16/14 20:40:19.5</t>
  </si>
  <si>
    <t>05/16/14 20:40:27.0</t>
  </si>
  <si>
    <t>05/16/14 20:47:29.5</t>
  </si>
  <si>
    <t>05/16/14 20:47:38.5</t>
  </si>
  <si>
    <t>05/16/14 20:53:50.5</t>
  </si>
  <si>
    <t>05/16/14 20:54:37.0</t>
  </si>
  <si>
    <t>05/16/14 21:01:53.0</t>
  </si>
  <si>
    <t>05/16/14 21:02:33.0</t>
  </si>
  <si>
    <t>05/16/14 21:05:56.5</t>
  </si>
  <si>
    <t>05/16/14 21:06:02.5</t>
  </si>
  <si>
    <t>05/16/14 21:07:41.5</t>
  </si>
  <si>
    <t>05/16/14 21:07:57.5</t>
  </si>
  <si>
    <t>05/16/14 21:10:39.0</t>
  </si>
  <si>
    <t>05/16/14 21:13:46.0</t>
  </si>
  <si>
    <t>05/16/14 21:19:29.5</t>
  </si>
  <si>
    <t>05/16/14 21:19:41.5</t>
  </si>
  <si>
    <t>05/16/14 21:24:50.0</t>
  </si>
  <si>
    <t>05/16/14 21:24:59.5</t>
  </si>
  <si>
    <t>05/16/14 21:26:34.0</t>
  </si>
  <si>
    <t>05/16/14 21:26:42.0</t>
  </si>
  <si>
    <t>05/16/14 21:31:31.0</t>
  </si>
  <si>
    <t>05/16/14 21:31:40.5</t>
  </si>
  <si>
    <t>05/16/14 21:34:18.5</t>
  </si>
  <si>
    <t>05/16/14 21:34:28.5</t>
  </si>
  <si>
    <t>05/16/14 21:35:50.5</t>
  </si>
  <si>
    <t>05/16/14 21:36:07.5</t>
  </si>
  <si>
    <t>05/16/14 21:46:06.0</t>
  </si>
  <si>
    <t>05/16/14 21:46:19.0</t>
  </si>
  <si>
    <t>05/16/14 21:48:42.5</t>
  </si>
  <si>
    <t>05/16/14 21:50:17.0</t>
  </si>
  <si>
    <t>05/16/14 21:53:50.5</t>
  </si>
  <si>
    <t>05/16/14 21:53:59.5</t>
  </si>
  <si>
    <t>05/16/14 22:12:25.5</t>
  </si>
  <si>
    <t>05/16/14 22:12:35.5</t>
  </si>
  <si>
    <t>05/16/14 23:08:32.0</t>
  </si>
  <si>
    <t>05/16/14 23:08:51.5</t>
  </si>
  <si>
    <t>05/17/14 00:40:17.5</t>
  </si>
  <si>
    <t>05/17/14 00:40:58.0</t>
  </si>
  <si>
    <t>05/17/14 00:50:52.0</t>
  </si>
  <si>
    <t>05/17/14 00:51:04.5</t>
  </si>
  <si>
    <t>05/17/14 00:53:52.0</t>
  </si>
  <si>
    <t>05/17/14 00:54:10.0</t>
  </si>
  <si>
    <t>05/17/14 00:59:33.0</t>
  </si>
  <si>
    <t>05/17/14 01:00:14.5</t>
  </si>
  <si>
    <t>05/17/14 01:04:01.5</t>
  </si>
  <si>
    <t>05/17/14 01:04:56.0</t>
  </si>
  <si>
    <t>05/17/14 01:13:41.5</t>
  </si>
  <si>
    <t>05/17/14 01:13:54.5</t>
  </si>
  <si>
    <t>05/17/14 01:16:54.5</t>
  </si>
  <si>
    <t>05/17/14 01:17:04.5</t>
  </si>
  <si>
    <t>05/17/14 01:18:48.5</t>
  </si>
  <si>
    <t>05/17/14 01:19:04.0</t>
  </si>
  <si>
    <t>05/17/14 01:25:17.0</t>
  </si>
  <si>
    <t>05/17/14 01:25:22.0</t>
  </si>
  <si>
    <t>05/17/14 01:26:18.5</t>
  </si>
  <si>
    <t>05/17/14 01:26:30.0</t>
  </si>
  <si>
    <t>05/17/14 01:28:27.5</t>
  </si>
  <si>
    <t>05/17/14 01:28:59.0</t>
  </si>
  <si>
    <t>05/17/14 01:29:58.5</t>
  </si>
  <si>
    <t>05/17/14 01:30:09.0</t>
  </si>
  <si>
    <t>05/17/14 01:32:46.0</t>
  </si>
  <si>
    <t>05/17/14 01:32:50.5</t>
  </si>
  <si>
    <t>05/17/14 01:33:35.5</t>
  </si>
  <si>
    <t>05/17/14 01:33:48.0</t>
  </si>
  <si>
    <t>05/17/14 01:34:59.5</t>
  </si>
  <si>
    <t>05/17/14 01:35:14.5</t>
  </si>
  <si>
    <t>05/17/14 01:42:01.5</t>
  </si>
  <si>
    <t>05/17/14 01:42:20.0</t>
  </si>
  <si>
    <t>05/17/14 02:14:58.0</t>
  </si>
  <si>
    <t>05/17/14 02:18:53.5</t>
  </si>
  <si>
    <t>05/17/14 02:24:19.0</t>
  </si>
  <si>
    <t>05/17/14 02:24:33.0</t>
  </si>
  <si>
    <t>05/17/14 02:45:44.5</t>
  </si>
  <si>
    <t>05/17/14 02:51:49.5</t>
  </si>
  <si>
    <t>05/17/14 03:37:32.5</t>
  </si>
  <si>
    <t>05/17/14 06:05:58.0</t>
  </si>
  <si>
    <t>05/17/14 08:55:19.5</t>
  </si>
  <si>
    <t>05/17/14 08:58:22.5</t>
  </si>
  <si>
    <t>05/17/14 09:22:10.5</t>
  </si>
  <si>
    <t>05/17/14 09:22:27.0</t>
  </si>
  <si>
    <t>05/17/14 09:25:31.0</t>
  </si>
  <si>
    <t>05/17/14 09:25:39.5</t>
  </si>
  <si>
    <t>05/17/14 09:29:00.0</t>
  </si>
  <si>
    <t>05/17/14 09:29:10.0</t>
  </si>
  <si>
    <t>05/17/14 09:33:22.5</t>
  </si>
  <si>
    <t>05/17/14 09:33:32.5</t>
  </si>
  <si>
    <t>05/17/14 09:36:36.5</t>
  </si>
  <si>
    <t>05/17/14 09:37:44.0</t>
  </si>
  <si>
    <t>05/17/14 10:11:36.0</t>
  </si>
  <si>
    <t>05/17/14 10:11:53.0</t>
  </si>
  <si>
    <t>05/17/14 10:28:08.0</t>
  </si>
  <si>
    <t>05/17/14 10:37:02.0</t>
  </si>
  <si>
    <t>05/17/14 10:53:59.5</t>
  </si>
  <si>
    <t>05/17/14 11:19:05.5</t>
  </si>
  <si>
    <t>05/17/14 11:35:22.5</t>
  </si>
  <si>
    <t>05/17/14 11:35:43.0</t>
  </si>
  <si>
    <t>05/17/14 11:39:36.5</t>
  </si>
  <si>
    <t>05/17/14 11:42:20.0</t>
  </si>
  <si>
    <t>05/17/14 11:45:19.0</t>
  </si>
  <si>
    <t>05/17/14 11:45:34.5</t>
  </si>
  <si>
    <t>05/17/14 11:53:48.0</t>
  </si>
  <si>
    <t>05/17/14 11:54:11.0</t>
  </si>
  <si>
    <t>05/17/14 12:00:20.0</t>
  </si>
  <si>
    <t>05/17/14 12:00:43.5</t>
  </si>
  <si>
    <t>05/17/14 12:07:33.0</t>
  </si>
  <si>
    <t>05/17/14 12:07:49.5</t>
  </si>
  <si>
    <t>05/17/14 12:12:58.0</t>
  </si>
  <si>
    <t>05/17/14 12:14:01.0</t>
  </si>
  <si>
    <t>05/17/14 12:17:29.5</t>
  </si>
  <si>
    <t>05/17/14 12:17:39.0</t>
  </si>
  <si>
    <t>05/17/14 12:27:30.0</t>
  </si>
  <si>
    <t>05/17/14 12:27:40.5</t>
  </si>
  <si>
    <t>05/17/14 12:30:16.0</t>
  </si>
  <si>
    <t>05/17/14 12:30:26.0</t>
  </si>
  <si>
    <t>05/17/14 12:33:54.0</t>
  </si>
  <si>
    <t>05/17/14 12:34:01.0</t>
  </si>
  <si>
    <t>05/17/14 12:37:12.0</t>
  </si>
  <si>
    <t>05/17/14 12:37:58.5</t>
  </si>
  <si>
    <t>05/17/14 12:43:23.5</t>
  </si>
  <si>
    <t>05/17/14 12:43:54.0</t>
  </si>
  <si>
    <t>05/17/14 12:46:37.5</t>
  </si>
  <si>
    <t>05/17/14 12:47:01.0</t>
  </si>
  <si>
    <t>05/17/14 12:55:11.5</t>
  </si>
  <si>
    <t>05/17/14 12:55:26.5</t>
  </si>
  <si>
    <t>05/17/14 12:57:14.0</t>
  </si>
  <si>
    <t>05/17/14 12:57:22.5</t>
  </si>
  <si>
    <t>05/17/14 13:12:26.5</t>
  </si>
  <si>
    <t>05/17/14 13:12:34.0</t>
  </si>
  <si>
    <t>05/17/14 13:17:32.0</t>
  </si>
  <si>
    <t>05/17/14 13:17:53.0</t>
  </si>
  <si>
    <t>05/17/14 13:28:10.0</t>
  </si>
  <si>
    <t>05/17/14 13:29:08.5</t>
  </si>
  <si>
    <t>05/17/14 13:33:59.5</t>
  </si>
  <si>
    <t>05/17/14 13:34:25.5</t>
  </si>
  <si>
    <t>05/17/14 13:35:43.0</t>
  </si>
  <si>
    <t>05/17/14 13:35:55.0</t>
  </si>
  <si>
    <t>05/17/14 13:38:46.0</t>
  </si>
  <si>
    <t>05/17/14 13:38:55.5</t>
  </si>
  <si>
    <t>05/17/14 13:46:53.5</t>
  </si>
  <si>
    <t>05/17/14 13:47:04.0</t>
  </si>
  <si>
    <t>05/17/14 13:52:17.0</t>
  </si>
  <si>
    <t>05/17/14 13:52:38.5</t>
  </si>
  <si>
    <t>05/17/14 14:03:29.0</t>
  </si>
  <si>
    <t>05/17/14 14:03:45.5</t>
  </si>
  <si>
    <t>05/17/14 14:10:01.5</t>
  </si>
  <si>
    <t>05/17/14 14:10:13.5</t>
  </si>
  <si>
    <t>05/17/14 14:13:21.5</t>
  </si>
  <si>
    <t>05/17/14 14:13:33.0</t>
  </si>
  <si>
    <t>05/17/14 14:18:44.0</t>
  </si>
  <si>
    <t>05/17/14 14:18:58.5</t>
  </si>
  <si>
    <t>05/17/14 14:22:44.0</t>
  </si>
  <si>
    <t>05/17/14 14:22:57.5</t>
  </si>
  <si>
    <t>05/17/14 14:29:36.5</t>
  </si>
  <si>
    <t>05/17/14 14:29:51.0</t>
  </si>
  <si>
    <t>05/17/14 14:41:24.0</t>
  </si>
  <si>
    <t>05/17/14 14:42:03.5</t>
  </si>
  <si>
    <t>05/17/14 14:47:20.0</t>
  </si>
  <si>
    <t>05/17/14 14:47:44.0</t>
  </si>
  <si>
    <t>05/17/14 14:51:24.0</t>
  </si>
  <si>
    <t>05/17/14 14:51:37.5</t>
  </si>
  <si>
    <t>05/17/14 14:54:15.0</t>
  </si>
  <si>
    <t>05/17/14 14:54:30.0</t>
  </si>
  <si>
    <t>05/17/14 15:09:40.5</t>
  </si>
  <si>
    <t>05/17/14 15:09:56.5</t>
  </si>
  <si>
    <t>05/17/14 15:15:43.0</t>
  </si>
  <si>
    <t>05/17/14 15:16:06.5</t>
  </si>
  <si>
    <t>05/17/14 15:18:43.0</t>
  </si>
  <si>
    <t>05/17/14 15:19:29.5</t>
  </si>
  <si>
    <t>05/17/14 15:21:19.5</t>
  </si>
  <si>
    <t>05/17/14 15:24:45.5</t>
  </si>
  <si>
    <t>05/17/14 15:28:16.0</t>
  </si>
  <si>
    <t>05/17/14 15:28:55.0</t>
  </si>
  <si>
    <t>05/17/14 15:34:48.0</t>
  </si>
  <si>
    <t>05/17/14 15:37:43.5</t>
  </si>
  <si>
    <t>05/17/14 15:46:33.0</t>
  </si>
  <si>
    <t>05/17/14 15:48:54.5</t>
  </si>
  <si>
    <t>05/17/14 15:54:52.0</t>
  </si>
  <si>
    <t>05/17/14 15:55:54.5</t>
  </si>
  <si>
    <t>05/17/14 16:06:01.0</t>
  </si>
  <si>
    <t>05/17/14 16:06:15.0</t>
  </si>
  <si>
    <t>05/17/14 16:14:40.0</t>
  </si>
  <si>
    <t>05/17/14 16:15:02.5</t>
  </si>
  <si>
    <t>05/17/14 16:28:19.0</t>
  </si>
  <si>
    <t>05/17/14 16:28:33.0</t>
  </si>
  <si>
    <t>05/17/14 16:43:51.0</t>
  </si>
  <si>
    <t>05/17/14 16:47:41.5</t>
  </si>
  <si>
    <t>05/17/14 16:58:31.0</t>
  </si>
  <si>
    <t>05/17/14 16:58:41.5</t>
  </si>
  <si>
    <t>05/17/14 17:09:32.0</t>
  </si>
  <si>
    <t>05/17/14 17:09:42.5</t>
  </si>
  <si>
    <t>05/17/14 17:24:39.5</t>
  </si>
  <si>
    <t>05/17/14 17:27:34.0</t>
  </si>
  <si>
    <t>05/17/14 17:38:02.0</t>
  </si>
  <si>
    <t>05/17/14 17:38:18.5</t>
  </si>
  <si>
    <t>05/17/14 17:41:32.5</t>
  </si>
  <si>
    <t>05/17/14 17:41:50.0</t>
  </si>
  <si>
    <t>05/17/14 17:43:39.5</t>
  </si>
  <si>
    <t>05/17/14 17:45:02.0</t>
  </si>
  <si>
    <t>05/17/14 17:55:59.5</t>
  </si>
  <si>
    <t>05/17/14 17:56:08.5</t>
  </si>
  <si>
    <t>05/17/14 17:57:35.5</t>
  </si>
  <si>
    <t>05/17/14 17:57:46.0</t>
  </si>
  <si>
    <t>05/17/14 17:59:03.5</t>
  </si>
  <si>
    <t>05/17/14 17:59:14.0</t>
  </si>
  <si>
    <t>05/17/14 18:06:53.0</t>
  </si>
  <si>
    <t>05/17/14 18:08:57.0</t>
  </si>
  <si>
    <t>05/17/14 18:12:20.0</t>
  </si>
  <si>
    <t>05/17/14 18:12:30.5</t>
  </si>
  <si>
    <t>05/17/14 18:20:46.5</t>
  </si>
  <si>
    <t>05/17/14 18:20:59.5</t>
  </si>
  <si>
    <t>05/17/14 18:26:45.0</t>
  </si>
  <si>
    <t>05/17/14 18:26:56.5</t>
  </si>
  <si>
    <t>05/17/14 18:28:50.0</t>
  </si>
  <si>
    <t>05/17/14 18:29:02.0</t>
  </si>
  <si>
    <t>05/17/14 18:32:43.0</t>
  </si>
  <si>
    <t>05/17/14 18:32:51.0</t>
  </si>
  <si>
    <t>05/17/14 18:35:38.5</t>
  </si>
  <si>
    <t>05/17/14 18:35:58.0</t>
  </si>
  <si>
    <t>05/17/14 18:39:39.5</t>
  </si>
  <si>
    <t>05/17/14 18:39:52.5</t>
  </si>
  <si>
    <t>05/17/14 18:46:30.0</t>
  </si>
  <si>
    <t>05/17/14 18:47:50.0</t>
  </si>
  <si>
    <t>05/17/14 18:58:06.5</t>
  </si>
  <si>
    <t>05/17/14 18:58:16.0</t>
  </si>
  <si>
    <t>05/17/14 19:09:44.5</t>
  </si>
  <si>
    <t>05/17/14 19:13:30.5</t>
  </si>
  <si>
    <t>05/17/14 19:18:44.0</t>
  </si>
  <si>
    <t>05/17/14 19:18:56.5</t>
  </si>
  <si>
    <t>05/17/14 19:21:16.0</t>
  </si>
  <si>
    <t>05/17/14 19:21:40.0</t>
  </si>
  <si>
    <t>05/17/14 19:32:13.0</t>
  </si>
  <si>
    <t>05/17/14 19:32:24.5</t>
  </si>
  <si>
    <t>05/17/14 19:42:51.5</t>
  </si>
  <si>
    <t>05/17/14 19:42:58.0</t>
  </si>
  <si>
    <t>05/17/14 20:38:26.0</t>
  </si>
  <si>
    <t>05/17/14 23:21:28.0</t>
  </si>
  <si>
    <t>05/18/14 01:23:27.0</t>
  </si>
  <si>
    <t>05/18/14 01:24:59.0</t>
  </si>
  <si>
    <t>05/18/14 01:50:17.5</t>
  </si>
  <si>
    <t>05/18/14 03:11:51.0</t>
  </si>
  <si>
    <t>05/18/14 08:15:32.0</t>
  </si>
  <si>
    <t>05/18/14 08:15:49.5</t>
  </si>
  <si>
    <t>05/18/14 08:39:33.5</t>
  </si>
  <si>
    <t>05/18/14 08:42:27.0</t>
  </si>
  <si>
    <t>05/18/14 08:47:04.0</t>
  </si>
  <si>
    <t>05/18/14 08:47:51.5</t>
  </si>
  <si>
    <t>05/18/14 08:57:46.0</t>
  </si>
  <si>
    <t>05/18/14 09:03:44.5</t>
  </si>
  <si>
    <t>05/18/14 09:16:57.5</t>
  </si>
  <si>
    <t>05/18/14 09:17:06.5</t>
  </si>
  <si>
    <t>05/18/14 09:25:57.5</t>
  </si>
  <si>
    <t>05/18/14 09:26:06.0</t>
  </si>
  <si>
    <t>05/18/14 09:28:51.5</t>
  </si>
  <si>
    <t>05/18/14 09:29:32.0</t>
  </si>
  <si>
    <t>05/18/14 09:40:05.5</t>
  </si>
  <si>
    <t>05/18/14 09:41:34.5</t>
  </si>
  <si>
    <t>05/18/14 09:44:48.5</t>
  </si>
  <si>
    <t>05/18/14 09:45:58.0</t>
  </si>
  <si>
    <t>05/18/14 10:02:42.0</t>
  </si>
  <si>
    <t>05/18/14 10:03:20.0</t>
  </si>
  <si>
    <t>05/18/14 10:11:42.5</t>
  </si>
  <si>
    <t>05/18/14 10:11:52.0</t>
  </si>
  <si>
    <t>05/18/14 10:23:28.0</t>
  </si>
  <si>
    <t>05/18/14 10:23:37.0</t>
  </si>
  <si>
    <t>05/18/14 10:32:45.5</t>
  </si>
  <si>
    <t>05/18/14 10:33:21.0</t>
  </si>
  <si>
    <t>05/18/14 10:41:50.0</t>
  </si>
  <si>
    <t>05/18/14 10:42:03.0</t>
  </si>
  <si>
    <t>05/18/14 10:45:47.5</t>
  </si>
  <si>
    <t>05/18/14 10:46:29.5</t>
  </si>
  <si>
    <t>05/18/14 10:58:00.5</t>
  </si>
  <si>
    <t>05/18/14 10:58:20.0</t>
  </si>
  <si>
    <t>05/18/14 11:01:12.0</t>
  </si>
  <si>
    <t>05/18/14 11:01:35.0</t>
  </si>
  <si>
    <t>05/18/14 11:03:33.5</t>
  </si>
  <si>
    <t>05/18/14 11:03:43.5</t>
  </si>
  <si>
    <t>05/18/14 11:09:12.0</t>
  </si>
  <si>
    <t>05/18/14 11:09:28.0</t>
  </si>
  <si>
    <t>05/18/14 11:12:54.5</t>
  </si>
  <si>
    <t>05/18/14 11:13:12.0</t>
  </si>
  <si>
    <t>05/18/14 11:17:02.5</t>
  </si>
  <si>
    <t>05/18/14 11:17:11.0</t>
  </si>
  <si>
    <t>05/18/14 11:22:37.5</t>
  </si>
  <si>
    <t>05/18/14 11:22:57.0</t>
  </si>
  <si>
    <t>05/18/14 11:26:54.5</t>
  </si>
  <si>
    <t>05/18/14 11:27:38.0</t>
  </si>
  <si>
    <t>05/18/14 11:30:00.5</t>
  </si>
  <si>
    <t>05/18/14 11:30:15.0</t>
  </si>
  <si>
    <t>05/18/14 11:31:49.0</t>
  </si>
  <si>
    <t>05/18/14 11:31:58.0</t>
  </si>
  <si>
    <t>05/18/14 11:33:34.0</t>
  </si>
  <si>
    <t>05/18/14 11:33:38.0</t>
  </si>
  <si>
    <t>05/18/14 11:34:59.5</t>
  </si>
  <si>
    <t>05/18/14 11:35:09.5</t>
  </si>
  <si>
    <t>05/18/14 11:37:06.0</t>
  </si>
  <si>
    <t>05/18/14 11:37:15.5</t>
  </si>
  <si>
    <t>05/18/14 11:39:42.0</t>
  </si>
  <si>
    <t>05/18/14 11:40:03.0</t>
  </si>
  <si>
    <t>05/18/14 11:44:07.5</t>
  </si>
  <si>
    <t>05/18/14 11:44:16.5</t>
  </si>
  <si>
    <t>05/18/14 11:46:51.5</t>
  </si>
  <si>
    <t>05/18/14 11:47:05.5</t>
  </si>
  <si>
    <t>05/18/14 11:50:13.5</t>
  </si>
  <si>
    <t>05/18/14 11:50:30.5</t>
  </si>
  <si>
    <t>05/18/14 11:54:35.0</t>
  </si>
  <si>
    <t>05/18/14 11:54:46.0</t>
  </si>
  <si>
    <t>05/18/14 11:55:49.0</t>
  </si>
  <si>
    <t>05/18/14 11:55:56.5</t>
  </si>
  <si>
    <t>05/18/14 11:57:25.5</t>
  </si>
  <si>
    <t>05/18/14 11:58:04.5</t>
  </si>
  <si>
    <t>05/18/14 12:00:58.5</t>
  </si>
  <si>
    <t>05/18/14 12:01:36.5</t>
  </si>
  <si>
    <t>05/18/14 12:04:37.0</t>
  </si>
  <si>
    <t>05/18/14 12:05:28.5</t>
  </si>
  <si>
    <t>05/18/14 12:10:46.0</t>
  </si>
  <si>
    <t>05/18/14 12:10:58.5</t>
  </si>
  <si>
    <t>05/18/14 12:14:34.0</t>
  </si>
  <si>
    <t>05/18/14 12:14:56.5</t>
  </si>
  <si>
    <t>05/18/14 12:17:08.5</t>
  </si>
  <si>
    <t>05/18/14 12:18:16.5</t>
  </si>
  <si>
    <t>05/18/14 12:21:08.5</t>
  </si>
  <si>
    <t>05/18/14 12:21:21.0</t>
  </si>
  <si>
    <t>05/18/14 12:23:59.5</t>
  </si>
  <si>
    <t>05/18/14 12:24:06.5</t>
  </si>
  <si>
    <t>05/18/14 12:32:52.0</t>
  </si>
  <si>
    <t>05/18/14 12:33:02.0</t>
  </si>
  <si>
    <t>05/18/14 12:35:08.5</t>
  </si>
  <si>
    <t>05/18/14 12:35:57.5</t>
  </si>
  <si>
    <t>05/18/14 12:39:35.0</t>
  </si>
  <si>
    <t>05/18/14 12:39:47.5</t>
  </si>
  <si>
    <t>05/18/14 12:41:58.5</t>
  </si>
  <si>
    <t>05/18/14 12:42:25.5</t>
  </si>
  <si>
    <t>05/18/14 12:48:13.5</t>
  </si>
  <si>
    <t>05/18/14 12:48:22.5</t>
  </si>
  <si>
    <t>05/18/14 12:51:07.5</t>
  </si>
  <si>
    <t>05/18/14 12:51:15.0</t>
  </si>
  <si>
    <t>05/18/14 12:53:44.0</t>
  </si>
  <si>
    <t>05/18/14 12:54:16.5</t>
  </si>
  <si>
    <t>05/18/14 12:56:48.0</t>
  </si>
  <si>
    <t>05/18/14 12:56:52.0</t>
  </si>
  <si>
    <t>05/18/14 12:58:27.0</t>
  </si>
  <si>
    <t>05/18/14 12:58:34.0</t>
  </si>
  <si>
    <t>05/18/14 12:59:55.0</t>
  </si>
  <si>
    <t>05/18/14 13:00:03.0</t>
  </si>
  <si>
    <t>05/18/14 13:01:51.5</t>
  </si>
  <si>
    <t>05/18/14 13:01:58.5</t>
  </si>
  <si>
    <t>05/18/14 13:03:06.5</t>
  </si>
  <si>
    <t>05/18/14 13:03:18.0</t>
  </si>
  <si>
    <t>05/18/14 13:05:35.5</t>
  </si>
  <si>
    <t>05/18/14 13:05:45.0</t>
  </si>
  <si>
    <t>05/18/14 13:08:53.5</t>
  </si>
  <si>
    <t>05/18/14 13:09:09.5</t>
  </si>
  <si>
    <t>05/18/14 13:11:20.0</t>
  </si>
  <si>
    <t>05/18/14 13:11:30.5</t>
  </si>
  <si>
    <t>05/18/14 13:14:58.0</t>
  </si>
  <si>
    <t>05/18/14 13:15:04.5</t>
  </si>
  <si>
    <t>05/18/14 13:16:01.5</t>
  </si>
  <si>
    <t>05/18/14 13:16:16.5</t>
  </si>
  <si>
    <t>05/18/14 13:18:47.5</t>
  </si>
  <si>
    <t>05/18/14 13:19:08.0</t>
  </si>
  <si>
    <t>05/18/14 13:20:26.5</t>
  </si>
  <si>
    <t>05/18/14 13:20:37.5</t>
  </si>
  <si>
    <t>05/18/14 13:22:59.5</t>
  </si>
  <si>
    <t>05/18/14 13:23:12.5</t>
  </si>
  <si>
    <t>05/18/14 13:25:20.0</t>
  </si>
  <si>
    <t>05/18/14 13:25:33.0</t>
  </si>
  <si>
    <t>05/18/14 13:27:38.5</t>
  </si>
  <si>
    <t>05/18/14 13:27:46.5</t>
  </si>
  <si>
    <t>05/18/14 13:29:21.0</t>
  </si>
  <si>
    <t>05/18/14 13:29:30.0</t>
  </si>
  <si>
    <t>05/18/14 13:30:25.0</t>
  </si>
  <si>
    <t>05/18/14 13:30:31.5</t>
  </si>
  <si>
    <t>05/18/14 13:32:17.5</t>
  </si>
  <si>
    <t>05/18/14 13:32:30.0</t>
  </si>
  <si>
    <t>05/18/14 13:33:37.5</t>
  </si>
  <si>
    <t>05/18/14 13:33:44.5</t>
  </si>
  <si>
    <t>05/18/14 13:35:16.5</t>
  </si>
  <si>
    <t>05/18/14 13:35:40.0</t>
  </si>
  <si>
    <t>05/18/14 13:36:52.0</t>
  </si>
  <si>
    <t>05/18/14 13:37:04.0</t>
  </si>
  <si>
    <t>05/18/14 13:38:03.5</t>
  </si>
  <si>
    <t>05/18/14 13:38:22.0</t>
  </si>
  <si>
    <t>05/18/14 13:39:34.0</t>
  </si>
  <si>
    <t>05/18/14 13:39:48.5</t>
  </si>
  <si>
    <t>05/18/14 13:41:07.0</t>
  </si>
  <si>
    <t>05/18/14 13:41:17.0</t>
  </si>
  <si>
    <t>05/18/14 13:42:50.0</t>
  </si>
  <si>
    <t>05/18/14 13:43:04.5</t>
  </si>
  <si>
    <t>05/18/14 13:45:11.5</t>
  </si>
  <si>
    <t>05/18/14 13:45:18.5</t>
  </si>
  <si>
    <t>05/18/14 13:47:29.0</t>
  </si>
  <si>
    <t>05/18/14 13:47:38.5</t>
  </si>
  <si>
    <t>05/18/14 13:49:20.5</t>
  </si>
  <si>
    <t>05/18/14 13:49:32.0</t>
  </si>
  <si>
    <t>05/18/14 13:50:40.0</t>
  </si>
  <si>
    <t>05/18/14 13:50:49.5</t>
  </si>
  <si>
    <t>05/18/14 13:53:22.5</t>
  </si>
  <si>
    <t>05/18/14 13:53:32.5</t>
  </si>
  <si>
    <t>05/18/14 13:54:48.5</t>
  </si>
  <si>
    <t>05/18/14 13:55:00.5</t>
  </si>
  <si>
    <t>05/18/14 13:56:30.0</t>
  </si>
  <si>
    <t>05/18/14 13:56:39.5</t>
  </si>
  <si>
    <t>05/18/14 13:58:38.0</t>
  </si>
  <si>
    <t>05/18/14 13:58:47.0</t>
  </si>
  <si>
    <t>05/18/14 14:00:46.5</t>
  </si>
  <si>
    <t>05/18/14 14:00:59.5</t>
  </si>
  <si>
    <t>05/18/14 14:02:58.0</t>
  </si>
  <si>
    <t>05/18/14 14:03:53.5</t>
  </si>
  <si>
    <t>05/18/14 14:07:37.0</t>
  </si>
  <si>
    <t>05/18/14 14:07:51.5</t>
  </si>
  <si>
    <t>05/18/14 14:11:55.0</t>
  </si>
  <si>
    <t>05/18/14 14:12:12.5</t>
  </si>
  <si>
    <t>05/18/14 14:14:18.0</t>
  </si>
  <si>
    <t>05/18/14 14:14:25.5</t>
  </si>
  <si>
    <t>05/18/14 14:17:39.0</t>
  </si>
  <si>
    <t>05/18/14 14:17:54.0</t>
  </si>
  <si>
    <t>05/18/14 14:19:58.5</t>
  </si>
  <si>
    <t>05/18/14 14:20:12.5</t>
  </si>
  <si>
    <t>05/18/14 14:22:08.0</t>
  </si>
  <si>
    <t>05/18/14 14:22:20.0</t>
  </si>
  <si>
    <t>05/18/14 14:27:22.0</t>
  </si>
  <si>
    <t>05/18/14 14:27:35.5</t>
  </si>
  <si>
    <t>05/18/14 14:31:11.0</t>
  </si>
  <si>
    <t>05/18/14 14:31:31.0</t>
  </si>
  <si>
    <t>05/18/14 14:34:13.0</t>
  </si>
  <si>
    <t>05/18/14 14:34:23.0</t>
  </si>
  <si>
    <t>05/18/14 14:37:16.0</t>
  </si>
  <si>
    <t>05/18/14 14:37:27.0</t>
  </si>
  <si>
    <t>05/18/14 14:39:07.5</t>
  </si>
  <si>
    <t>05/18/14 14:39:21.0</t>
  </si>
  <si>
    <t>05/18/14 14:46:31.5</t>
  </si>
  <si>
    <t>05/18/14 14:46:39.0</t>
  </si>
  <si>
    <t>05/18/14 14:48:49.0</t>
  </si>
  <si>
    <t>05/18/14 14:49:09.5</t>
  </si>
  <si>
    <t>05/18/14 14:50:32.5</t>
  </si>
  <si>
    <t>05/18/14 14:50:42.0</t>
  </si>
  <si>
    <t>05/18/14 14:52:50.5</t>
  </si>
  <si>
    <t>05/18/14 14:53:12.5</t>
  </si>
  <si>
    <t>05/18/14 14:55:03.0</t>
  </si>
  <si>
    <t>05/18/14 14:55:09.5</t>
  </si>
  <si>
    <t>05/18/14 14:58:58.0</t>
  </si>
  <si>
    <t>05/18/14 14:59:13.5</t>
  </si>
  <si>
    <t>05/18/14 15:02:09.5</t>
  </si>
  <si>
    <t>05/18/14 15:03:02.5</t>
  </si>
  <si>
    <t>05/18/14 15:10:16.5</t>
  </si>
  <si>
    <t>05/18/14 15:10:26.0</t>
  </si>
  <si>
    <t>05/18/14 15:12:44.0</t>
  </si>
  <si>
    <t>05/18/14 15:12:54.5</t>
  </si>
  <si>
    <t>05/18/14 15:18:10.0</t>
  </si>
  <si>
    <t>05/18/14 15:18:21.5</t>
  </si>
  <si>
    <t>05/18/14 15:21:39.5</t>
  </si>
  <si>
    <t>05/18/14 15:21:49.0</t>
  </si>
  <si>
    <t>05/18/14 15:25:02.0</t>
  </si>
  <si>
    <t>05/18/14 15:25:21.0</t>
  </si>
  <si>
    <t>05/18/14 15:29:21.0</t>
  </si>
  <si>
    <t>05/18/14 15:29:40.0</t>
  </si>
  <si>
    <t>05/18/14 15:32:11.5</t>
  </si>
  <si>
    <t>05/18/14 15:32:24.0</t>
  </si>
  <si>
    <t>05/18/14 15:36:38.0</t>
  </si>
  <si>
    <t>05/18/14 15:37:06.0</t>
  </si>
  <si>
    <t>05/18/14 15:38:22.0</t>
  </si>
  <si>
    <t>05/18/14 15:38:29.0</t>
  </si>
  <si>
    <t>05/18/14 15:39:27.5</t>
  </si>
  <si>
    <t>05/18/14 15:39:33.0</t>
  </si>
  <si>
    <t>05/18/14 15:41:40.5</t>
  </si>
  <si>
    <t>05/18/14 15:41:48.0</t>
  </si>
  <si>
    <t>05/18/14 15:43:18.0</t>
  </si>
  <si>
    <t>05/18/14 15:43:33.0</t>
  </si>
  <si>
    <t>05/18/14 15:44:38.0</t>
  </si>
  <si>
    <t>05/18/14 15:44:45.5</t>
  </si>
  <si>
    <t>05/18/14 15:45:26.5</t>
  </si>
  <si>
    <t>05/18/14 15:45:43.5</t>
  </si>
  <si>
    <t>05/18/14 15:48:16.0</t>
  </si>
  <si>
    <t>05/18/14 15:48:22.5</t>
  </si>
  <si>
    <t>05/18/14 15:49:41.5</t>
  </si>
  <si>
    <t>05/18/14 15:50:13.0</t>
  </si>
  <si>
    <t>05/18/14 15:56:57.0</t>
  </si>
  <si>
    <t>05/18/14 15:57:37.0</t>
  </si>
  <si>
    <t>05/18/14 16:02:01.5</t>
  </si>
  <si>
    <t>05/18/14 16:02:12.0</t>
  </si>
  <si>
    <t>05/18/14 16:04:49.5</t>
  </si>
  <si>
    <t>05/18/14 16:05:08.0</t>
  </si>
  <si>
    <t>05/18/14 16:06:27.5</t>
  </si>
  <si>
    <t>05/18/14 16:06:43.0</t>
  </si>
  <si>
    <t>05/18/14 16:07:55.0</t>
  </si>
  <si>
    <t>05/18/14 16:08:02.0</t>
  </si>
  <si>
    <t>05/18/14 16:10:03.0</t>
  </si>
  <si>
    <t>05/18/14 16:10:17.0</t>
  </si>
  <si>
    <t>05/18/14 16:13:53.5</t>
  </si>
  <si>
    <t>05/18/14 16:14:07.0</t>
  </si>
  <si>
    <t>05/18/14 16:16:43.0</t>
  </si>
  <si>
    <t>05/18/14 16:17:04.0</t>
  </si>
  <si>
    <t>05/18/14 16:18:13.0</t>
  </si>
  <si>
    <t>05/18/14 16:18:25.0</t>
  </si>
  <si>
    <t>05/18/14 16:20:36.0</t>
  </si>
  <si>
    <t>05/18/14 16:20:57.5</t>
  </si>
  <si>
    <t>05/18/14 16:22:40.0</t>
  </si>
  <si>
    <t>05/18/14 16:22:53.0</t>
  </si>
  <si>
    <t>05/18/14 16:24:26.0</t>
  </si>
  <si>
    <t>05/18/14 16:24:40.0</t>
  </si>
  <si>
    <t>05/18/14 16:26:22.0</t>
  </si>
  <si>
    <t>05/18/14 16:26:29.0</t>
  </si>
  <si>
    <t>05/18/14 16:29:07.5</t>
  </si>
  <si>
    <t>05/18/14 16:29:20.0</t>
  </si>
  <si>
    <t>05/18/14 16:32:52.5</t>
  </si>
  <si>
    <t>05/18/14 16:32:59.0</t>
  </si>
  <si>
    <t>05/18/14 16:34:53.5</t>
  </si>
  <si>
    <t>05/18/14 16:35:12.0</t>
  </si>
  <si>
    <t>05/18/14 16:36:33.5</t>
  </si>
  <si>
    <t>05/18/14 16:36:43.0</t>
  </si>
  <si>
    <t>05/18/14 16:38:11.0</t>
  </si>
  <si>
    <t>05/18/14 16:38:23.5</t>
  </si>
  <si>
    <t>05/18/14 16:41:07.0</t>
  </si>
  <si>
    <t>05/18/14 16:41:15.0</t>
  </si>
  <si>
    <t>05/18/14 16:42:35.0</t>
  </si>
  <si>
    <t>05/18/14 16:42:40.0</t>
  </si>
  <si>
    <t>05/18/14 16:43:47.0</t>
  </si>
  <si>
    <t>05/18/14 16:43:58.0</t>
  </si>
  <si>
    <t>05/18/14 16:46:14.0</t>
  </si>
  <si>
    <t>05/18/14 16:46:21.0</t>
  </si>
  <si>
    <t>05/18/14 16:47:37.5</t>
  </si>
  <si>
    <t>05/18/14 16:47:53.0</t>
  </si>
  <si>
    <t>05/18/14 16:49:32.0</t>
  </si>
  <si>
    <t>05/18/14 16:49:38.0</t>
  </si>
  <si>
    <t>05/18/14 16:51:59.5</t>
  </si>
  <si>
    <t>05/18/14 16:52:15.0</t>
  </si>
  <si>
    <t>05/18/14 16:54:52.0</t>
  </si>
  <si>
    <t>05/18/14 16:55:09.0</t>
  </si>
  <si>
    <t>05/18/14 16:56:38.0</t>
  </si>
  <si>
    <t>05/18/14 16:56:52.0</t>
  </si>
  <si>
    <t>05/18/14 17:01:53.0</t>
  </si>
  <si>
    <t>05/18/14 17:02:02.0</t>
  </si>
  <si>
    <t>05/18/14 17:06:11.5</t>
  </si>
  <si>
    <t>05/18/14 17:06:18.5</t>
  </si>
  <si>
    <t>05/18/14 17:10:07.0</t>
  </si>
  <si>
    <t>05/18/14 17:10:17.5</t>
  </si>
  <si>
    <t>05/18/14 17:13:28.0</t>
  </si>
  <si>
    <t>05/18/14 17:13:44.0</t>
  </si>
  <si>
    <t>05/18/14 17:22:23.5</t>
  </si>
  <si>
    <t>05/18/14 17:22:33.0</t>
  </si>
  <si>
    <t>05/18/14 17:23:38.0</t>
  </si>
  <si>
    <t>05/18/14 17:23:50.0</t>
  </si>
  <si>
    <t>05/18/14 17:27:36.5</t>
  </si>
  <si>
    <t>05/18/14 17:29:02.5</t>
  </si>
  <si>
    <t>05/18/14 17:30:16.5</t>
  </si>
  <si>
    <t>05/18/14 17:30:27.0</t>
  </si>
  <si>
    <t>05/18/14 17:31:37.0</t>
  </si>
  <si>
    <t>05/18/14 17:31:45.5</t>
  </si>
  <si>
    <t>05/18/14 17:34:09.5</t>
  </si>
  <si>
    <t>05/18/14 17:34:17.0</t>
  </si>
  <si>
    <t>05/18/14 17:35:06.5</t>
  </si>
  <si>
    <t>05/18/14 17:35:10.5</t>
  </si>
  <si>
    <t>05/18/14 17:35:43.0</t>
  </si>
  <si>
    <t>05/18/14 17:35:50.5</t>
  </si>
  <si>
    <t>05/18/14 17:36:39.5</t>
  </si>
  <si>
    <t>05/18/14 17:36:44.0</t>
  </si>
  <si>
    <t>05/18/14 17:38:01.5</t>
  </si>
  <si>
    <t>05/18/14 17:38:07.5</t>
  </si>
  <si>
    <t>05/18/14 17:39:23.5</t>
  </si>
  <si>
    <t>05/18/14 17:39:27.5</t>
  </si>
  <si>
    <t>05/18/14 17:40:16.5</t>
  </si>
  <si>
    <t>05/18/14 17:40:21.0</t>
  </si>
  <si>
    <t>05/18/14 17:41:07.0</t>
  </si>
  <si>
    <t>05/18/14 17:41:13.0</t>
  </si>
  <si>
    <t>05/18/14 17:42:12.0</t>
  </si>
  <si>
    <t>05/18/14 17:42:38.5</t>
  </si>
  <si>
    <t>05/18/14 17:44:54.0</t>
  </si>
  <si>
    <t>05/18/14 17:45:03.0</t>
  </si>
  <si>
    <t>05/18/14 17:46:33.5</t>
  </si>
  <si>
    <t>05/18/14 17:46:42.0</t>
  </si>
  <si>
    <t>05/18/14 17:50:03.5</t>
  </si>
  <si>
    <t>05/18/14 17:50:09.5</t>
  </si>
  <si>
    <t>05/18/14 17:53:35.5</t>
  </si>
  <si>
    <t>05/18/14 17:57:00.0</t>
  </si>
  <si>
    <t>05/18/14 18:10:51.0</t>
  </si>
  <si>
    <t>05/18/14 18:11:04.5</t>
  </si>
  <si>
    <t>05/18/14 18:19:47.0</t>
  </si>
  <si>
    <t>05/18/14 18:19:52.0</t>
  </si>
  <si>
    <t>05/18/14 18:21:04.0</t>
  </si>
  <si>
    <t>05/18/14 18:21:22.0</t>
  </si>
  <si>
    <t>05/18/14 18:28:31.5</t>
  </si>
  <si>
    <t>05/18/14 18:31:41.0</t>
  </si>
  <si>
    <t>05/18/14 18:36:54.5</t>
  </si>
  <si>
    <t>05/18/14 18:39:26.0</t>
  </si>
  <si>
    <t>05/18/14 18:46:19.0</t>
  </si>
  <si>
    <t>05/18/14 18:46:31.5</t>
  </si>
  <si>
    <t>05/18/14 18:51:10.5</t>
  </si>
  <si>
    <t>05/18/14 18:51:21.5</t>
  </si>
  <si>
    <t>05/18/14 18:56:55.5</t>
  </si>
  <si>
    <t>05/18/14 18:57:04.0</t>
  </si>
  <si>
    <t>05/18/14 18:59:49.0</t>
  </si>
  <si>
    <t>05/18/14 19:00:05.0</t>
  </si>
  <si>
    <t>05/18/14 19:01:28.0</t>
  </si>
  <si>
    <t>05/18/14 19:03:37.5</t>
  </si>
  <si>
    <t>05/18/14 19:08:45.0</t>
  </si>
  <si>
    <t>05/18/14 19:10:33.5</t>
  </si>
  <si>
    <t>05/18/14 19:15:34.5</t>
  </si>
  <si>
    <t>05/18/14 19:20:16.5</t>
  </si>
  <si>
    <t>05/18/14 19:56:43.5</t>
  </si>
  <si>
    <t>05/18/14 19:57:01.0</t>
  </si>
  <si>
    <t>05/18/14 19:59:10.0</t>
  </si>
  <si>
    <t>05/18/14 19:59:18.0</t>
  </si>
  <si>
    <t>05/18/14 20:05:32.0</t>
  </si>
  <si>
    <t>05/18/14 20:05:38.0</t>
  </si>
  <si>
    <t>05/18/14 20:06:38.0</t>
  </si>
  <si>
    <t>05/18/14 20:06:45.5</t>
  </si>
  <si>
    <t>05/18/14 20:41:28.5</t>
  </si>
  <si>
    <t>05/18/14 20:41:39.0</t>
  </si>
  <si>
    <t>05/18/14 21:05:02.0</t>
  </si>
  <si>
    <t>05/18/14 21:14:28.5</t>
  </si>
  <si>
    <t>05/18/14 22:02:53.5</t>
  </si>
  <si>
    <t>05/18/14 22:03:01.5</t>
  </si>
  <si>
    <t>05/18/14 22:12:43.5</t>
  </si>
  <si>
    <t>05/18/14 22:12:55.5</t>
  </si>
  <si>
    <t>05/18/14 22:21:43.5</t>
  </si>
  <si>
    <t>05/18/14 22:21:53.5</t>
  </si>
  <si>
    <t>05/18/14 22:29:54.5</t>
  </si>
  <si>
    <t>05/18/14 22:30:14.5</t>
  </si>
  <si>
    <t>05/18/14 22:35:22.5</t>
  </si>
  <si>
    <t>05/18/14 22:36:53.5</t>
  </si>
  <si>
    <t>05/18/14 22:47:01.0</t>
  </si>
  <si>
    <t>05/18/14 22:49:16.5</t>
  </si>
  <si>
    <t>05/18/14 23:42:59.5</t>
  </si>
  <si>
    <t>05/18/14 23:43:07.0</t>
  </si>
  <si>
    <t>05/18/14 23:55:18.0</t>
  </si>
  <si>
    <t>05/18/14 23:55:39.5</t>
  </si>
  <si>
    <t>05/19/14 00:07:50.0</t>
  </si>
  <si>
    <t>05/19/14 00:10:09.0</t>
  </si>
  <si>
    <t>05/19/14 00:39:19.0</t>
  </si>
  <si>
    <t>05/19/14 00:41:10.0</t>
  </si>
  <si>
    <t>05/19/14 00:57:00.5</t>
  </si>
  <si>
    <t>05/19/14 01:05:19.0</t>
  </si>
  <si>
    <t>05/19/14 08:17:55.5</t>
  </si>
  <si>
    <t>05/19/14 08:18:23.5</t>
  </si>
  <si>
    <t>05/19/14 08:29:00.0</t>
  </si>
  <si>
    <t>05/19/14 08:29:43.5</t>
  </si>
  <si>
    <t>05/19/14 08:37:51.5</t>
  </si>
  <si>
    <t>05/19/14 08:38:51.0</t>
  </si>
  <si>
    <t>05/19/14 08:46:19.0</t>
  </si>
  <si>
    <t>05/19/14 08:47:29.5</t>
  </si>
  <si>
    <t>05/19/14 08:53:13.0</t>
  </si>
  <si>
    <t>05/19/14 08:53:28.5</t>
  </si>
  <si>
    <t>05/19/14 08:55:31.5</t>
  </si>
  <si>
    <t>05/19/14 08:55:49.5</t>
  </si>
  <si>
    <t>05/19/14 08:58:34.0</t>
  </si>
  <si>
    <t>05/19/14 08:58:38.5</t>
  </si>
  <si>
    <t>05/19/14 08:59:32.5</t>
  </si>
  <si>
    <t>05/19/14 08:59:38.0</t>
  </si>
  <si>
    <t>05/19/14 09:00:27.0</t>
  </si>
  <si>
    <t>05/19/14 09:00:33.0</t>
  </si>
  <si>
    <t>05/19/14 09:01:56.0</t>
  </si>
  <si>
    <t>05/19/14 09:02:03.0</t>
  </si>
  <si>
    <t>05/19/14 09:03:29.5</t>
  </si>
  <si>
    <t>05/19/14 09:03:45.5</t>
  </si>
  <si>
    <t>05/19/14 09:04:54.5</t>
  </si>
  <si>
    <t>05/19/14 09:05:01.5</t>
  </si>
  <si>
    <t>05/19/14 09:09:23.0</t>
  </si>
  <si>
    <t>05/19/14 09:09:38.5</t>
  </si>
  <si>
    <t>05/19/14 09:11:07.0</t>
  </si>
  <si>
    <t>05/19/14 09:11:12.0</t>
  </si>
  <si>
    <t>05/19/14 09:13:20.0</t>
  </si>
  <si>
    <t>05/19/14 09:14:28.0</t>
  </si>
  <si>
    <t>05/19/14 09:16:22.5</t>
  </si>
  <si>
    <t>05/19/14 09:16:30.5</t>
  </si>
  <si>
    <t>05/19/14 09:18:26.5</t>
  </si>
  <si>
    <t>05/19/14 09:18:39.0</t>
  </si>
  <si>
    <t>05/19/14 09:19:48.5</t>
  </si>
  <si>
    <t>05/19/14 09:19:55.0</t>
  </si>
  <si>
    <t>05/19/14 09:21:08.5</t>
  </si>
  <si>
    <t>05/19/14 09:21:18.5</t>
  </si>
  <si>
    <t>05/19/14 09:23:21.5</t>
  </si>
  <si>
    <t>05/19/14 09:23:27.0</t>
  </si>
  <si>
    <t>05/19/14 09:24:50.0</t>
  </si>
  <si>
    <t>05/19/14 09:24:56.5</t>
  </si>
  <si>
    <t>05/19/14 09:26:45.5</t>
  </si>
  <si>
    <t>05/19/14 09:26:58.5</t>
  </si>
  <si>
    <t>05/19/14 09:30:53.0</t>
  </si>
  <si>
    <t>05/19/14 09:31:07.0</t>
  </si>
  <si>
    <t>05/19/14 09:33:42.5</t>
  </si>
  <si>
    <t>05/19/14 09:34:05.0</t>
  </si>
  <si>
    <t>05/19/14 09:34:53.0</t>
  </si>
  <si>
    <t>05/19/14 09:35:00.0</t>
  </si>
  <si>
    <t>05/19/14 09:36:30.5</t>
  </si>
  <si>
    <t>05/19/14 09:36:38.5</t>
  </si>
  <si>
    <t>05/19/14 09:38:29.0</t>
  </si>
  <si>
    <t>05/19/14 09:38:43.5</t>
  </si>
  <si>
    <t>05/19/14 09:40:55.0</t>
  </si>
  <si>
    <t>05/19/14 09:40:59.5</t>
  </si>
  <si>
    <t>05/19/14 09:43:34.5</t>
  </si>
  <si>
    <t>05/19/14 09:43:45.0</t>
  </si>
  <si>
    <t>05/19/14 09:46:12.0</t>
  </si>
  <si>
    <t>05/19/14 09:46:19.5</t>
  </si>
  <si>
    <t>05/19/14 09:48:14.0</t>
  </si>
  <si>
    <t>05/19/14 09:48:23.0</t>
  </si>
  <si>
    <t>05/19/14 09:50:33.0</t>
  </si>
  <si>
    <t>05/19/14 09:50:42.0</t>
  </si>
  <si>
    <t>05/19/14 09:52:53.5</t>
  </si>
  <si>
    <t>05/19/14 09:53:02.5</t>
  </si>
  <si>
    <t>05/19/14 09:55:56.0</t>
  </si>
  <si>
    <t>05/19/14 09:56:08.5</t>
  </si>
  <si>
    <t>05/19/14 09:57:21.5</t>
  </si>
  <si>
    <t>05/19/14 09:57:34.0</t>
  </si>
  <si>
    <t>05/19/14 09:59:36.5</t>
  </si>
  <si>
    <t>05/19/14 09:59:58.5</t>
  </si>
  <si>
    <t>05/19/14 10:01:39.0</t>
  </si>
  <si>
    <t>05/19/14 10:02:12.5</t>
  </si>
  <si>
    <t>05/19/14 10:04:03.0</t>
  </si>
  <si>
    <t>05/19/14 10:04:14.0</t>
  </si>
  <si>
    <t>05/19/14 10:10:17.5</t>
  </si>
  <si>
    <t>05/19/14 10:10:33.0</t>
  </si>
  <si>
    <t>05/19/14 10:12:53.5</t>
  </si>
  <si>
    <t>05/19/14 10:13:01.5</t>
  </si>
  <si>
    <t>05/19/14 10:15:21.5</t>
  </si>
  <si>
    <t>05/19/14 10:15:29.0</t>
  </si>
  <si>
    <t>05/19/14 10:17:08.0</t>
  </si>
  <si>
    <t>05/19/14 10:17:17.5</t>
  </si>
  <si>
    <t>05/19/14 10:18:34.0</t>
  </si>
  <si>
    <t>05/19/14 10:18:39.5</t>
  </si>
  <si>
    <t>05/19/14 10:20:05.0</t>
  </si>
  <si>
    <t>05/19/14 10:20:41.0</t>
  </si>
  <si>
    <t>05/19/14 10:23:49.5</t>
  </si>
  <si>
    <t>05/19/14 10:24:11.5</t>
  </si>
  <si>
    <t>05/19/14 10:27:01.5</t>
  </si>
  <si>
    <t>05/19/14 10:27:19.0</t>
  </si>
  <si>
    <t>05/19/14 10:30:23.5</t>
  </si>
  <si>
    <t>05/19/14 10:30:30.5</t>
  </si>
  <si>
    <t>05/19/14 10:31:17.0</t>
  </si>
  <si>
    <t>05/19/14 10:31:21.5</t>
  </si>
  <si>
    <t>05/19/14 10:31:57.5</t>
  </si>
  <si>
    <t>05/19/14 10:32:05.0</t>
  </si>
  <si>
    <t>05/19/14 10:33:13.5</t>
  </si>
  <si>
    <t>05/19/14 10:33:22.0</t>
  </si>
  <si>
    <t>05/19/14 10:34:43.0</t>
  </si>
  <si>
    <t>05/19/14 10:34:47.5</t>
  </si>
  <si>
    <t>05/19/14 10:36:47.0</t>
  </si>
  <si>
    <t>05/19/14 10:36:58.0</t>
  </si>
  <si>
    <t>05/19/14 10:38:18.5</t>
  </si>
  <si>
    <t>05/19/14 10:38:25.5</t>
  </si>
  <si>
    <t>05/19/14 10:39:51.5</t>
  </si>
  <si>
    <t>05/19/14 10:40:19.5</t>
  </si>
  <si>
    <t>05/19/14 10:41:56.5</t>
  </si>
  <si>
    <t>05/19/14 10:42:02.5</t>
  </si>
  <si>
    <t>05/19/14 10:43:04.5</t>
  </si>
  <si>
    <t>05/19/14 10:43:18.0</t>
  </si>
  <si>
    <t>05/19/14 10:48:55.5</t>
  </si>
  <si>
    <t>05/19/14 10:49:15.5</t>
  </si>
  <si>
    <t>05/19/14 10:50:43.5</t>
  </si>
  <si>
    <t>05/19/14 10:50:49.0</t>
  </si>
  <si>
    <t>05/19/14 10:51:53.0</t>
  </si>
  <si>
    <t>05/19/14 10:52:12.5</t>
  </si>
  <si>
    <t>05/19/14 10:53:36.5</t>
  </si>
  <si>
    <t>05/19/14 10:53:40.5</t>
  </si>
  <si>
    <t>05/19/14 10:55:19.5</t>
  </si>
  <si>
    <t>05/19/14 10:55:24.0</t>
  </si>
  <si>
    <t>05/19/14 10:56:09.0</t>
  </si>
  <si>
    <t>05/19/14 10:56:13.0</t>
  </si>
  <si>
    <t>05/19/14 10:57:02.0</t>
  </si>
  <si>
    <t>05/19/14 10:57:17.0</t>
  </si>
  <si>
    <t>05/19/14 10:59:12.5</t>
  </si>
  <si>
    <t>05/19/14 10:59:19.5</t>
  </si>
  <si>
    <t>05/19/14 11:00:55.5</t>
  </si>
  <si>
    <t>05/19/14 11:01:07.0</t>
  </si>
  <si>
    <t>05/19/14 11:03:53.5</t>
  </si>
  <si>
    <t>05/19/14 11:04:01.5</t>
  </si>
  <si>
    <t>05/19/14 11:05:17.5</t>
  </si>
  <si>
    <t>05/19/14 11:05:30.0</t>
  </si>
  <si>
    <t>05/19/14 11:06:54.0</t>
  </si>
  <si>
    <t>05/19/14 11:07:03.0</t>
  </si>
  <si>
    <t>05/19/14 11:11:18.0</t>
  </si>
  <si>
    <t>05/19/14 11:11:36.0</t>
  </si>
  <si>
    <t>05/19/14 11:13:43.5</t>
  </si>
  <si>
    <t>05/19/14 11:14:02.0</t>
  </si>
  <si>
    <t>05/19/14 11:15:36.5</t>
  </si>
  <si>
    <t>05/19/14 11:15:52.0</t>
  </si>
  <si>
    <t>05/19/14 11:17:51.5</t>
  </si>
  <si>
    <t>05/19/14 11:17:55.5</t>
  </si>
  <si>
    <t>05/19/14 11:21:04.5</t>
  </si>
  <si>
    <t>05/19/14 11:21:15.5</t>
  </si>
  <si>
    <t>05/19/14 11:26:02.5</t>
  </si>
  <si>
    <t>05/19/14 11:26:09.5</t>
  </si>
  <si>
    <t>05/19/14 11:27:05.5</t>
  </si>
  <si>
    <t>05/19/14 11:27:12.5</t>
  </si>
  <si>
    <t>05/19/14 11:28:57.0</t>
  </si>
  <si>
    <t>05/19/14 11:29:05.0</t>
  </si>
  <si>
    <t>05/19/14 11:30:24.0</t>
  </si>
  <si>
    <t>05/19/14 11:30:30.5</t>
  </si>
  <si>
    <t>05/19/14 11:31:51.0</t>
  </si>
  <si>
    <t>05/19/14 11:31:58.0</t>
  </si>
  <si>
    <t>05/19/14 11:32:59.5</t>
  </si>
  <si>
    <t>05/19/14 11:33:05.0</t>
  </si>
  <si>
    <t>05/19/14 11:34:15.0</t>
  </si>
  <si>
    <t>05/19/14 11:34:20.5</t>
  </si>
  <si>
    <t>05/19/14 11:36:13.0</t>
  </si>
  <si>
    <t>05/19/14 11:36:26.5</t>
  </si>
  <si>
    <t>05/19/14 11:38:55.5</t>
  </si>
  <si>
    <t>05/19/14 11:39:04.0</t>
  </si>
  <si>
    <t>05/19/14 11:40:45.5</t>
  </si>
  <si>
    <t>05/19/14 11:40:57.5</t>
  </si>
  <si>
    <t>05/19/14 11:42:55.5</t>
  </si>
  <si>
    <t>05/19/14 11:43:05.0</t>
  </si>
  <si>
    <t>05/19/14 11:45:00.5</t>
  </si>
  <si>
    <t>05/19/14 11:45:12.0</t>
  </si>
  <si>
    <t>05/19/14 11:47:11.5</t>
  </si>
  <si>
    <t>05/19/14 11:47:35.0</t>
  </si>
  <si>
    <t>05/19/14 11:51:17.5</t>
  </si>
  <si>
    <t>05/19/14 11:51:36.0</t>
  </si>
  <si>
    <t>05/19/14 11:55:16.0</t>
  </si>
  <si>
    <t>05/19/14 11:55:23.0</t>
  </si>
  <si>
    <t>05/19/14 11:56:52.0</t>
  </si>
  <si>
    <t>05/19/14 11:57:01.5</t>
  </si>
  <si>
    <t>05/19/14 11:58:02.5</t>
  </si>
  <si>
    <t>05/19/14 11:58:17.0</t>
  </si>
  <si>
    <t>05/19/14 12:01:00.5</t>
  </si>
  <si>
    <t>05/19/14 12:01:08.5</t>
  </si>
  <si>
    <t>05/19/14 12:02:35.5</t>
  </si>
  <si>
    <t>05/19/14 12:02:42.0</t>
  </si>
  <si>
    <t>05/19/14 12:05:08.0</t>
  </si>
  <si>
    <t>05/19/14 12:05:13.0</t>
  </si>
  <si>
    <t>05/19/14 12:06:07.0</t>
  </si>
  <si>
    <t>05/19/14 12:06:16.0</t>
  </si>
  <si>
    <t>05/19/14 12:07:53.0</t>
  </si>
  <si>
    <t>05/19/14 12:08:27.5</t>
  </si>
  <si>
    <t>05/19/14 12:10:17.5</t>
  </si>
  <si>
    <t>05/19/14 12:10:25.5</t>
  </si>
  <si>
    <t>05/19/14 12:11:52.0</t>
  </si>
  <si>
    <t>05/19/14 12:12:30.0</t>
  </si>
  <si>
    <t>05/19/14 12:14:50.5</t>
  </si>
  <si>
    <t>05/19/14 12:15:01.5</t>
  </si>
  <si>
    <t>05/19/14 12:16:13.0</t>
  </si>
  <si>
    <t>05/19/14 12:16:19.0</t>
  </si>
  <si>
    <t>05/19/14 12:17:35.0</t>
  </si>
  <si>
    <t>05/19/14 12:17:51.0</t>
  </si>
  <si>
    <t>05/19/14 12:19:41.5</t>
  </si>
  <si>
    <t>05/19/14 12:20:05.5</t>
  </si>
  <si>
    <t>05/19/14 12:21:14.5</t>
  </si>
  <si>
    <t>05/19/14 12:21:25.0</t>
  </si>
  <si>
    <t>05/19/14 12:23:14.5</t>
  </si>
  <si>
    <t>05/19/14 12:23:43.5</t>
  </si>
  <si>
    <t>05/19/14 12:24:47.0</t>
  </si>
  <si>
    <t>05/19/14 12:25:08.0</t>
  </si>
  <si>
    <t>05/19/14 12:26:37.0</t>
  </si>
  <si>
    <t>05/19/14 12:26:49.0</t>
  </si>
  <si>
    <t>05/19/14 12:27:49.5</t>
  </si>
  <si>
    <t>05/19/14 12:27:59.0</t>
  </si>
  <si>
    <t>05/19/14 12:30:18.0</t>
  </si>
  <si>
    <t>05/19/14 12:30:28.0</t>
  </si>
  <si>
    <t>05/19/14 12:32:02.0</t>
  </si>
  <si>
    <t>05/19/14 12:32:13.0</t>
  </si>
  <si>
    <t>05/19/14 12:34:06.0</t>
  </si>
  <si>
    <t>05/19/14 12:34:36.5</t>
  </si>
  <si>
    <t>05/19/14 12:36:48.0</t>
  </si>
  <si>
    <t>05/19/14 12:36:55.0</t>
  </si>
  <si>
    <t>05/19/14 12:38:14.0</t>
  </si>
  <si>
    <t>05/19/14 12:38:18.5</t>
  </si>
  <si>
    <t>05/19/14 12:39:03.5</t>
  </si>
  <si>
    <t>05/19/14 12:39:10.5</t>
  </si>
  <si>
    <t>05/19/14 12:40:11.0</t>
  </si>
  <si>
    <t>05/19/14 12:40:23.0</t>
  </si>
  <si>
    <t>05/19/14 12:42:21.0</t>
  </si>
  <si>
    <t>05/19/14 12:42:37.0</t>
  </si>
  <si>
    <t>05/19/14 12:45:48.0</t>
  </si>
  <si>
    <t>05/19/14 12:45:55.5</t>
  </si>
  <si>
    <t>05/19/14 12:46:39.0</t>
  </si>
  <si>
    <t>05/19/14 12:46:44.5</t>
  </si>
  <si>
    <t>05/19/14 12:47:43.0</t>
  </si>
  <si>
    <t>05/19/14 12:47:48.0</t>
  </si>
  <si>
    <t>05/19/14 12:48:34.5</t>
  </si>
  <si>
    <t>05/19/14 12:48:41.0</t>
  </si>
  <si>
    <t>05/19/14 12:49:33.0</t>
  </si>
  <si>
    <t>05/19/14 12:49:51.0</t>
  </si>
  <si>
    <t>05/19/14 12:53:02.0</t>
  </si>
  <si>
    <t>05/19/14 12:53:40.0</t>
  </si>
  <si>
    <t>05/19/14 13:00:12.5</t>
  </si>
  <si>
    <t>05/19/14 13:00:27.5</t>
  </si>
  <si>
    <t>05/19/14 13:03:33.5</t>
  </si>
  <si>
    <t>05/19/14 13:03:46.0</t>
  </si>
  <si>
    <t>05/19/14 13:05:51.0</t>
  </si>
  <si>
    <t>05/19/14 13:05:58.0</t>
  </si>
  <si>
    <t>05/19/14 13:08:15.0</t>
  </si>
  <si>
    <t>05/19/14 13:08:20.5</t>
  </si>
  <si>
    <t>05/19/14 13:09:53.0</t>
  </si>
  <si>
    <t>05/19/14 13:10:01.0</t>
  </si>
  <si>
    <t>05/19/14 13:16:03.0</t>
  </si>
  <si>
    <t>05/19/14 13:16:12.0</t>
  </si>
  <si>
    <t>05/19/14 13:17:39.5</t>
  </si>
  <si>
    <t>05/19/14 13:18:02.0</t>
  </si>
  <si>
    <t>05/19/14 13:21:32.5</t>
  </si>
  <si>
    <t>05/19/14 13:21:56.5</t>
  </si>
  <si>
    <t>05/19/14 13:23:04.0</t>
  </si>
  <si>
    <t>05/19/14 13:23:08.5</t>
  </si>
  <si>
    <t>05/19/14 13:23:59.5</t>
  </si>
  <si>
    <t>05/19/14 13:24:11.0</t>
  </si>
  <si>
    <t>05/19/14 13:26:51.0</t>
  </si>
  <si>
    <t>05/19/14 13:26:59.5</t>
  </si>
  <si>
    <t>05/19/14 13:30:39.0</t>
  </si>
  <si>
    <t>05/19/14 13:30:53.5</t>
  </si>
  <si>
    <t>05/19/14 13:32:15.0</t>
  </si>
  <si>
    <t>05/19/14 13:32:24.5</t>
  </si>
  <si>
    <t>05/19/14 13:33:58.0</t>
  </si>
  <si>
    <t>05/19/14 13:34:20.5</t>
  </si>
  <si>
    <t>05/19/14 13:35:53.5</t>
  </si>
  <si>
    <t>05/19/14 13:36:12.0</t>
  </si>
  <si>
    <t>05/19/14 13:37:48.5</t>
  </si>
  <si>
    <t>05/19/14 13:37:52.5</t>
  </si>
  <si>
    <t>05/19/14 13:38:31.0</t>
  </si>
  <si>
    <t>05/19/14 13:38:33.5</t>
  </si>
  <si>
    <t>05/19/14 13:39:28.5</t>
  </si>
  <si>
    <t>05/19/14 13:39:39.0</t>
  </si>
  <si>
    <t>05/19/14 13:40:59.0</t>
  </si>
  <si>
    <t>05/19/14 13:41:04.0</t>
  </si>
  <si>
    <t>05/19/14 13:42:00.5</t>
  </si>
  <si>
    <t>05/19/14 13:42:08.0</t>
  </si>
  <si>
    <t>05/19/14 13:43:53.0</t>
  </si>
  <si>
    <t>05/19/14 13:44:02.5</t>
  </si>
  <si>
    <t>05/19/14 13:45:45.0</t>
  </si>
  <si>
    <t>05/19/14 13:45:50.5</t>
  </si>
  <si>
    <t>05/19/14 13:46:59.5</t>
  </si>
  <si>
    <t>05/19/14 13:47:02.5</t>
  </si>
  <si>
    <t>05/19/14 13:47:35.5</t>
  </si>
  <si>
    <t>05/19/14 13:47:40.5</t>
  </si>
  <si>
    <t>05/19/14 13:49:04.0</t>
  </si>
  <si>
    <t>05/19/14 13:49:19.5</t>
  </si>
  <si>
    <t>05/19/14 13:50:41.0</t>
  </si>
  <si>
    <t>05/19/14 13:50:47.0</t>
  </si>
  <si>
    <t>05/19/14 13:51:41.0</t>
  </si>
  <si>
    <t>05/19/14 13:51:45.5</t>
  </si>
  <si>
    <t>05/19/14 13:52:54.5</t>
  </si>
  <si>
    <t>05/19/14 13:53:05.5</t>
  </si>
  <si>
    <t>05/19/14 13:53:52.5</t>
  </si>
  <si>
    <t>05/19/14 13:53:56.0</t>
  </si>
  <si>
    <t>05/19/14 13:55:08.5</t>
  </si>
  <si>
    <t>05/19/14 13:55:18.5</t>
  </si>
  <si>
    <t>05/19/14 13:57:06.5</t>
  </si>
  <si>
    <t>05/19/14 13:57:13.0</t>
  </si>
  <si>
    <t>05/19/14 13:58:16.0</t>
  </si>
  <si>
    <t>05/19/14 13:58:21.5</t>
  </si>
  <si>
    <t>05/19/14 13:59:31.5</t>
  </si>
  <si>
    <t>05/19/14 13:59:57.5</t>
  </si>
  <si>
    <t>05/19/14 14:03:29.0</t>
  </si>
  <si>
    <t>05/19/14 14:03:38.0</t>
  </si>
  <si>
    <t>05/19/14 14:07:44.5</t>
  </si>
  <si>
    <t>05/19/14 14:08:07.0</t>
  </si>
  <si>
    <t>05/19/14 14:08:53.0</t>
  </si>
  <si>
    <t>05/19/14 14:09:01.0</t>
  </si>
  <si>
    <t>05/19/14 14:09:41.0</t>
  </si>
  <si>
    <t>05/19/14 14:09:44.5</t>
  </si>
  <si>
    <t>05/19/14 14:10:50.5</t>
  </si>
  <si>
    <t>05/19/14 14:11:00.0</t>
  </si>
  <si>
    <t>05/19/14 14:12:55.5</t>
  </si>
  <si>
    <t>05/19/14 14:13:04.5</t>
  </si>
  <si>
    <t>05/19/14 14:14:19.5</t>
  </si>
  <si>
    <t>05/19/14 14:14:32.0</t>
  </si>
  <si>
    <t>05/19/14 14:16:14.0</t>
  </si>
  <si>
    <t>05/19/14 14:16:47.0</t>
  </si>
  <si>
    <t>05/19/14 14:18:47.0</t>
  </si>
  <si>
    <t>05/19/14 14:18:57.5</t>
  </si>
  <si>
    <t>05/19/14 14:19:43.5</t>
  </si>
  <si>
    <t>05/19/14 14:19:49.5</t>
  </si>
  <si>
    <t>05/19/14 14:21:51.5</t>
  </si>
  <si>
    <t>05/19/14 14:22:01.0</t>
  </si>
  <si>
    <t>05/19/14 14:24:02.5</t>
  </si>
  <si>
    <t>05/19/14 14:24:19.0</t>
  </si>
  <si>
    <t>05/19/14 14:26:12.5</t>
  </si>
  <si>
    <t>05/19/14 14:26:18.0</t>
  </si>
  <si>
    <t>05/19/14 14:27:00.5</t>
  </si>
  <si>
    <t>05/19/14 14:27:06.5</t>
  </si>
  <si>
    <t>05/19/14 14:28:17.5</t>
  </si>
  <si>
    <t>05/19/14 14:28:27.5</t>
  </si>
  <si>
    <t>05/19/14 14:31:43.0</t>
  </si>
  <si>
    <t>05/19/14 14:32:11.5</t>
  </si>
  <si>
    <t>05/19/14 14:34:53.0</t>
  </si>
  <si>
    <t>05/19/14 14:35:18.5</t>
  </si>
  <si>
    <t>05/19/14 14:38:31.0</t>
  </si>
  <si>
    <t>05/19/14 14:38:38.0</t>
  </si>
  <si>
    <t>05/19/14 14:40:01.5</t>
  </si>
  <si>
    <t>05/19/14 14:40:08.5</t>
  </si>
  <si>
    <t>05/19/14 14:43:12.0</t>
  </si>
  <si>
    <t>05/19/14 14:43:29.0</t>
  </si>
  <si>
    <t>05/19/14 14:45:47.0</t>
  </si>
  <si>
    <t>05/19/14 14:45:58.0</t>
  </si>
  <si>
    <t>05/19/14 14:47:35.0</t>
  </si>
  <si>
    <t>05/19/14 14:47:53.0</t>
  </si>
  <si>
    <t>05/19/14 14:49:06.0</t>
  </si>
  <si>
    <t>05/19/14 14:49:37.0</t>
  </si>
  <si>
    <t>05/19/14 14:52:20.5</t>
  </si>
  <si>
    <t>05/19/14 14:52:36.0</t>
  </si>
  <si>
    <t>05/19/14 14:57:34.5</t>
  </si>
  <si>
    <t>05/19/14 14:57:42.5</t>
  </si>
  <si>
    <t>05/19/14 15:03:37.0</t>
  </si>
  <si>
    <t>05/19/14 15:03:45.5</t>
  </si>
  <si>
    <t>05/19/14 15:06:44.5</t>
  </si>
  <si>
    <t>05/19/14 15:06:53.5</t>
  </si>
  <si>
    <t>05/19/14 15:08:40.5</t>
  </si>
  <si>
    <t>05/19/14 15:08:52.0</t>
  </si>
  <si>
    <t>05/19/14 15:09:47.5</t>
  </si>
  <si>
    <t>05/19/14 15:10:02.0</t>
  </si>
  <si>
    <t>05/19/14 15:12:24.5</t>
  </si>
  <si>
    <t>05/19/14 15:12:55.5</t>
  </si>
  <si>
    <t>05/19/14 15:14:02.5</t>
  </si>
  <si>
    <t>05/19/14 15:14:09.5</t>
  </si>
  <si>
    <t>05/19/14 15:15:24.5</t>
  </si>
  <si>
    <t>05/19/14 15:15:34.5</t>
  </si>
  <si>
    <t>05/19/14 15:19:27.0</t>
  </si>
  <si>
    <t>05/19/14 15:19:44.0</t>
  </si>
  <si>
    <t>05/19/14 15:27:05.0</t>
  </si>
  <si>
    <t>05/19/14 15:27:14.0</t>
  </si>
  <si>
    <t>05/19/14 15:30:24.0</t>
  </si>
  <si>
    <t>05/19/14 15:30:51.5</t>
  </si>
  <si>
    <t>05/19/14 15:33:55.5</t>
  </si>
  <si>
    <t>05/19/14 15:34:07.5</t>
  </si>
  <si>
    <t>05/19/14 15:35:22.5</t>
  </si>
  <si>
    <t>05/19/14 15:35:32.5</t>
  </si>
  <si>
    <t>05/19/14 15:38:38.0</t>
  </si>
  <si>
    <t>05/19/14 15:38:51.5</t>
  </si>
  <si>
    <t>05/19/14 15:43:32.5</t>
  </si>
  <si>
    <t>05/19/14 15:43:46.0</t>
  </si>
  <si>
    <t>05/19/14 15:46:40.5</t>
  </si>
  <si>
    <t>05/19/14 15:46:52.5</t>
  </si>
  <si>
    <t>05/19/14 15:49:41.0</t>
  </si>
  <si>
    <t>05/19/14 15:49:56.5</t>
  </si>
  <si>
    <t>05/19/14 15:53:36.5</t>
  </si>
  <si>
    <t>05/19/14 15:53:42.5</t>
  </si>
  <si>
    <t>05/19/14 15:55:14.5</t>
  </si>
  <si>
    <t>05/19/14 15:55:46.0</t>
  </si>
  <si>
    <t>05/19/14 15:57:42.0</t>
  </si>
  <si>
    <t>05/19/14 15:57:47.0</t>
  </si>
  <si>
    <t>05/19/14 15:59:40.5</t>
  </si>
  <si>
    <t>05/19/14 15:59:45.0</t>
  </si>
  <si>
    <t>05/19/14 16:00:58.0</t>
  </si>
  <si>
    <t>05/19/14 16:01:07.0</t>
  </si>
  <si>
    <t>05/19/14 16:02:09.0</t>
  </si>
  <si>
    <t>05/19/14 16:02:16.0</t>
  </si>
  <si>
    <t>05/19/14 16:04:18.5</t>
  </si>
  <si>
    <t>05/19/14 16:04:34.0</t>
  </si>
  <si>
    <t>05/19/14 16:09:18.5</t>
  </si>
  <si>
    <t>05/19/14 16:09:32.0</t>
  </si>
  <si>
    <t>05/19/14 16:11:36.0</t>
  </si>
  <si>
    <t>05/19/14 16:11:41.5</t>
  </si>
  <si>
    <t>05/19/14 16:13:22.5</t>
  </si>
  <si>
    <t>05/19/14 16:13:40.0</t>
  </si>
  <si>
    <t>05/19/14 16:16:36.5</t>
  </si>
  <si>
    <t>05/19/14 16:16:52.5</t>
  </si>
  <si>
    <t>05/19/14 16:18:36.0</t>
  </si>
  <si>
    <t>05/19/14 16:18:51.0</t>
  </si>
  <si>
    <t>05/19/14 16:21:58.5</t>
  </si>
  <si>
    <t>05/19/14 16:22:10.5</t>
  </si>
  <si>
    <t>05/19/14 16:25:14.0</t>
  </si>
  <si>
    <t>05/19/14 16:25:33.0</t>
  </si>
  <si>
    <t>05/19/14 16:28:01.5</t>
  </si>
  <si>
    <t>05/19/14 16:28:17.5</t>
  </si>
  <si>
    <t>05/19/14 16:31:59.5</t>
  </si>
  <si>
    <t>05/19/14 16:32:08.5</t>
  </si>
  <si>
    <t>05/19/14 16:33:36.0</t>
  </si>
  <si>
    <t>05/19/14 16:33:46.5</t>
  </si>
  <si>
    <t>05/19/14 16:35:31.0</t>
  </si>
  <si>
    <t>05/19/14 16:35:41.0</t>
  </si>
  <si>
    <t>05/19/14 16:37:48.5</t>
  </si>
  <si>
    <t>05/19/14 16:38:11.5</t>
  </si>
  <si>
    <t>05/19/14 16:39:39.0</t>
  </si>
  <si>
    <t>05/19/14 16:39:47.5</t>
  </si>
  <si>
    <t>05/19/14 16:42:02.0</t>
  </si>
  <si>
    <t>05/19/14 16:42:07.5</t>
  </si>
  <si>
    <t>05/19/14 16:44:44.0</t>
  </si>
  <si>
    <t>05/19/14 16:44:53.0</t>
  </si>
  <si>
    <t>05/19/14 16:47:00.5</t>
  </si>
  <si>
    <t>05/19/14 16:47:43.0</t>
  </si>
  <si>
    <t>05/19/14 16:48:48.5</t>
  </si>
  <si>
    <t>05/19/14 16:48:58.5</t>
  </si>
  <si>
    <t>05/19/14 16:50:34.0</t>
  </si>
  <si>
    <t>05/19/14 16:50:42.0</t>
  </si>
  <si>
    <t>05/19/14 16:52:48.0</t>
  </si>
  <si>
    <t>05/19/14 16:52:52.5</t>
  </si>
  <si>
    <t>05/19/14 16:54:04.5</t>
  </si>
  <si>
    <t>05/19/14 16:54:24.0</t>
  </si>
  <si>
    <t>05/19/14 16:56:12.5</t>
  </si>
  <si>
    <t>05/19/14 16:57:01.0</t>
  </si>
  <si>
    <t>05/19/14 17:01:34.0</t>
  </si>
  <si>
    <t>05/19/14 17:01:38.5</t>
  </si>
  <si>
    <t>05/19/14 17:04:38.5</t>
  </si>
  <si>
    <t>05/19/14 17:05:04.0</t>
  </si>
  <si>
    <t>05/19/14 17:07:12.5</t>
  </si>
  <si>
    <t>05/19/14 17:07:18.0</t>
  </si>
  <si>
    <t>05/19/14 17:11:40.5</t>
  </si>
  <si>
    <t>05/19/14 17:11:50.5</t>
  </si>
  <si>
    <t>05/19/14 17:13:47.0</t>
  </si>
  <si>
    <t>05/19/14 17:13:56.0</t>
  </si>
  <si>
    <t>05/19/14 17:15:48.0</t>
  </si>
  <si>
    <t>05/19/14 17:16:06.5</t>
  </si>
  <si>
    <t>05/19/14 17:18:51.0</t>
  </si>
  <si>
    <t>05/19/14 17:19:10.0</t>
  </si>
  <si>
    <t>05/19/14 17:22:41.5</t>
  </si>
  <si>
    <t>05/19/14 17:22:59.0</t>
  </si>
  <si>
    <t>05/19/14 17:24:14.0</t>
  </si>
  <si>
    <t>05/19/14 17:24:20.0</t>
  </si>
  <si>
    <t>05/19/14 17:25:39.5</t>
  </si>
  <si>
    <t>05/19/14 17:27:12.0</t>
  </si>
  <si>
    <t>05/19/14 17:28:40.5</t>
  </si>
  <si>
    <t>05/19/14 17:28:45.0</t>
  </si>
  <si>
    <t>05/19/14 17:29:52.0</t>
  </si>
  <si>
    <t>05/19/14 17:30:14.5</t>
  </si>
  <si>
    <t>05/19/14 17:31:31.0</t>
  </si>
  <si>
    <t>05/19/14 17:31:49.5</t>
  </si>
  <si>
    <t>05/19/14 17:33:27.5</t>
  </si>
  <si>
    <t>05/19/14 17:33:33.0</t>
  </si>
  <si>
    <t>05/19/14 17:36:06.5</t>
  </si>
  <si>
    <t>05/19/14 17:36:13.5</t>
  </si>
  <si>
    <t>05/19/14 17:39:38.5</t>
  </si>
  <si>
    <t>05/19/14 17:39:52.5</t>
  </si>
  <si>
    <t>05/19/14 17:41:58.0</t>
  </si>
  <si>
    <t>05/19/14 17:42:05.0</t>
  </si>
  <si>
    <t>05/19/14 17:45:50.5</t>
  </si>
  <si>
    <t>05/19/14 17:46:05.0</t>
  </si>
  <si>
    <t>05/19/14 17:49:29.5</t>
  </si>
  <si>
    <t>05/19/14 17:49:47.0</t>
  </si>
  <si>
    <t>05/19/14 17:51:10.0</t>
  </si>
  <si>
    <t>05/19/14 17:51:22.0</t>
  </si>
  <si>
    <t>05/19/14 17:53:00.5</t>
  </si>
  <si>
    <t>05/19/14 17:53:15.0</t>
  </si>
  <si>
    <t>05/19/14 17:58:04.0</t>
  </si>
  <si>
    <t>05/19/14 17:58:48.0</t>
  </si>
  <si>
    <t>05/19/14 18:02:50.5</t>
  </si>
  <si>
    <t>05/19/14 18:03:15.5</t>
  </si>
  <si>
    <t>05/19/14 18:07:56.0</t>
  </si>
  <si>
    <t>05/19/14 18:08:04.0</t>
  </si>
  <si>
    <t>05/19/14 18:09:59.0</t>
  </si>
  <si>
    <t>05/19/14 18:10:05.0</t>
  </si>
  <si>
    <t>05/19/14 18:11:56.5</t>
  </si>
  <si>
    <t>05/19/14 18:12:03.0</t>
  </si>
  <si>
    <t>05/19/14 18:13:31.5</t>
  </si>
  <si>
    <t>05/19/14 18:13:43.5</t>
  </si>
  <si>
    <t>05/19/14 18:17:21.5</t>
  </si>
  <si>
    <t>05/19/14 18:17:39.5</t>
  </si>
  <si>
    <t>05/19/14 18:19:18.5</t>
  </si>
  <si>
    <t>05/19/14 18:19:27.0</t>
  </si>
  <si>
    <t>05/19/14 18:21:39.0</t>
  </si>
  <si>
    <t>05/19/14 18:21:47.5</t>
  </si>
  <si>
    <t>05/19/14 18:28:42.0</t>
  </si>
  <si>
    <t>05/19/14 18:28:47.5</t>
  </si>
  <si>
    <t>05/19/14 18:30:06.0</t>
  </si>
  <si>
    <t>05/19/14 18:30:11.0</t>
  </si>
  <si>
    <t>05/19/14 18:32:37.5</t>
  </si>
  <si>
    <t>05/19/14 18:34:51.0</t>
  </si>
  <si>
    <t>05/19/14 18:42:27.0</t>
  </si>
  <si>
    <t>05/19/14 18:42:39.0</t>
  </si>
  <si>
    <t>05/19/14 18:45:28.5</t>
  </si>
  <si>
    <t>05/19/14 18:45:51.5</t>
  </si>
  <si>
    <t>05/19/14 18:48:57.0</t>
  </si>
  <si>
    <t>05/19/14 18:49:52.5</t>
  </si>
  <si>
    <t>05/19/14 18:52:29.5</t>
  </si>
  <si>
    <t>05/19/14 18:52:45.5</t>
  </si>
  <si>
    <t>05/19/14 18:54:54.0</t>
  </si>
  <si>
    <t>05/19/14 18:55:42.0</t>
  </si>
  <si>
    <t>05/19/14 18:58:40.5</t>
  </si>
  <si>
    <t>05/19/14 18:59:37.5</t>
  </si>
  <si>
    <t>05/19/14 19:03:27.5</t>
  </si>
  <si>
    <t>05/19/14 19:03:39.0</t>
  </si>
  <si>
    <t>05/19/14 19:07:51.0</t>
  </si>
  <si>
    <t>05/19/14 19:08:10.5</t>
  </si>
  <si>
    <t>05/19/14 19:15:06.0</t>
  </si>
  <si>
    <t>05/19/14 19:15:34.0</t>
  </si>
  <si>
    <t>05/19/14 19:17:55.0</t>
  </si>
  <si>
    <t>05/19/14 19:18:19.5</t>
  </si>
  <si>
    <t>05/19/14 19:21:57.0</t>
  </si>
  <si>
    <t>05/19/14 19:22:12.0</t>
  </si>
  <si>
    <t>05/19/14 19:26:06.0</t>
  </si>
  <si>
    <t>05/19/14 19:26:24.5</t>
  </si>
  <si>
    <t>05/19/14 19:33:36.0</t>
  </si>
  <si>
    <t>05/19/14 19:33:50.0</t>
  </si>
  <si>
    <t>05/19/14 19:36:21.0</t>
  </si>
  <si>
    <t>05/19/14 19:36:31.0</t>
  </si>
  <si>
    <t>05/19/14 19:42:00.0</t>
  </si>
  <si>
    <t>05/19/14 19:42:12.0</t>
  </si>
  <si>
    <t>05/19/14 19:45:30.5</t>
  </si>
  <si>
    <t>05/19/14 19:45:42.5</t>
  </si>
  <si>
    <t>05/19/14 19:50:46.0</t>
  </si>
  <si>
    <t>05/19/14 19:53:39.0</t>
  </si>
  <si>
    <t>05/19/14 19:56:45.0</t>
  </si>
  <si>
    <t>05/19/14 19:57:05.5</t>
  </si>
  <si>
    <t>05/19/14 20:29:38.0</t>
  </si>
  <si>
    <t>05/19/14 20:31:33.0</t>
  </si>
  <si>
    <t>05/19/14 20:52:46.5</t>
  </si>
  <si>
    <t>05/19/14 20:54:11.0</t>
  </si>
  <si>
    <t>05/19/14 21:06:26.0</t>
  </si>
  <si>
    <t>05/19/14 21:11:13.0</t>
  </si>
  <si>
    <t>05/19/14 21:26:50.5</t>
  </si>
  <si>
    <t>05/19/14 21:33:23.5</t>
  </si>
  <si>
    <t>05/20/14 08:07:37.0</t>
  </si>
  <si>
    <t>05/20/14 08:18:09.0</t>
  </si>
  <si>
    <t>05/20/14 08:33:20.0</t>
  </si>
  <si>
    <t>05/20/14 08:34:54.0</t>
  </si>
  <si>
    <t>05/20/14 08:38:02.5</t>
  </si>
  <si>
    <t>05/20/14 08:38:14.0</t>
  </si>
  <si>
    <t>05/20/14 08:41:23.0</t>
  </si>
  <si>
    <t>05/20/14 08:41:29.5</t>
  </si>
  <si>
    <t>05/20/14 08:43:35.0</t>
  </si>
  <si>
    <t>05/20/14 08:43:51.5</t>
  </si>
  <si>
    <t>05/20/14 08:45:09.5</t>
  </si>
  <si>
    <t>05/20/14 08:45:16.5</t>
  </si>
  <si>
    <t>05/20/14 08:48:13.0</t>
  </si>
  <si>
    <t>05/20/14 08:48:18.5</t>
  </si>
  <si>
    <t>05/20/14 08:50:45.0</t>
  </si>
  <si>
    <t>05/20/14 08:50:57.5</t>
  </si>
  <si>
    <t>05/20/14 08:53:17.0</t>
  </si>
  <si>
    <t>05/20/14 08:53:29.5</t>
  </si>
  <si>
    <t>05/20/14 08:56:52.5</t>
  </si>
  <si>
    <t>05/20/14 08:57:03.0</t>
  </si>
  <si>
    <t>05/20/14 08:59:25.5</t>
  </si>
  <si>
    <t>05/20/14 08:59:44.5</t>
  </si>
  <si>
    <t>05/20/14 09:01:32.0</t>
  </si>
  <si>
    <t>05/20/14 09:01:42.0</t>
  </si>
  <si>
    <t>05/20/14 09:03:42.0</t>
  </si>
  <si>
    <t>05/20/14 09:03:53.0</t>
  </si>
  <si>
    <t>05/20/14 09:07:08.5</t>
  </si>
  <si>
    <t>05/20/14 09:07:21.5</t>
  </si>
  <si>
    <t>05/20/14 09:09:05.0</t>
  </si>
  <si>
    <t>05/20/14 09:09:12.0</t>
  </si>
  <si>
    <t>05/20/14 09:11:10.0</t>
  </si>
  <si>
    <t>05/20/14 09:11:29.0</t>
  </si>
  <si>
    <t>05/20/14 09:13:48.0</t>
  </si>
  <si>
    <t>05/20/14 09:14:04.5</t>
  </si>
  <si>
    <t>05/20/14 09:15:47.5</t>
  </si>
  <si>
    <t>05/20/14 09:16:01.0</t>
  </si>
  <si>
    <t>05/20/14 09:17:29.0</t>
  </si>
  <si>
    <t>05/20/14 09:17:34.5</t>
  </si>
  <si>
    <t>05/20/14 09:18:36.0</t>
  </si>
  <si>
    <t>05/20/14 09:18:51.0</t>
  </si>
  <si>
    <t>05/20/14 09:21:03.5</t>
  </si>
  <si>
    <t>05/20/14 09:21:12.5</t>
  </si>
  <si>
    <t>05/20/14 09:22:18.5</t>
  </si>
  <si>
    <t>05/20/14 09:22:26.0</t>
  </si>
  <si>
    <t>05/20/14 09:24:12.5</t>
  </si>
  <si>
    <t>05/20/14 09:24:18.0</t>
  </si>
  <si>
    <t>05/20/14 09:25:34.0</t>
  </si>
  <si>
    <t>05/20/14 09:25:43.5</t>
  </si>
  <si>
    <t>05/20/14 09:27:06.5</t>
  </si>
  <si>
    <t>05/20/14 09:27:13.0</t>
  </si>
  <si>
    <t>05/20/14 09:28:14.5</t>
  </si>
  <si>
    <t>05/20/14 09:28:22.5</t>
  </si>
  <si>
    <t>05/20/14 09:29:27.0</t>
  </si>
  <si>
    <t>05/20/14 09:29:34.0</t>
  </si>
  <si>
    <t>05/20/14 09:31:01.0</t>
  </si>
  <si>
    <t>05/20/14 09:31:19.0</t>
  </si>
  <si>
    <t>05/20/14 09:34:55.0</t>
  </si>
  <si>
    <t>05/20/14 09:35:04.5</t>
  </si>
  <si>
    <t>05/20/14 09:38:24.0</t>
  </si>
  <si>
    <t>05/20/14 09:38:40.5</t>
  </si>
  <si>
    <t>05/20/14 09:40:21.0</t>
  </si>
  <si>
    <t>05/20/14 09:40:28.0</t>
  </si>
  <si>
    <t>05/20/14 09:41:18.5</t>
  </si>
  <si>
    <t>05/20/14 09:41:25.0</t>
  </si>
  <si>
    <t>05/20/14 09:42:37.5</t>
  </si>
  <si>
    <t>05/20/14 09:42:43.5</t>
  </si>
  <si>
    <t>05/20/14 09:44:31.0</t>
  </si>
  <si>
    <t>05/20/14 09:44:41.5</t>
  </si>
  <si>
    <t>05/20/14 09:47:10.5</t>
  </si>
  <si>
    <t>05/20/14 09:47:17.5</t>
  </si>
  <si>
    <t>05/20/14 09:48:51.5</t>
  </si>
  <si>
    <t>05/20/14 09:48:59.0</t>
  </si>
  <si>
    <t>05/20/14 09:50:11.5</t>
  </si>
  <si>
    <t>05/20/14 09:50:34.5</t>
  </si>
  <si>
    <t>05/20/14 09:52:24.5</t>
  </si>
  <si>
    <t>05/20/14 09:52:28.5</t>
  </si>
  <si>
    <t>05/20/14 09:53:32.0</t>
  </si>
  <si>
    <t>05/20/14 09:53:46.0</t>
  </si>
  <si>
    <t>05/20/14 09:54:52.5</t>
  </si>
  <si>
    <t>05/20/14 09:55:00.5</t>
  </si>
  <si>
    <t>05/20/14 09:58:35.5</t>
  </si>
  <si>
    <t>05/20/14 09:58:58.5</t>
  </si>
  <si>
    <t>05/20/14 10:01:14.5</t>
  </si>
  <si>
    <t>05/20/14 10:01:18.5</t>
  </si>
  <si>
    <t>05/20/14 10:02:08.5</t>
  </si>
  <si>
    <t>05/20/14 10:02:13.5</t>
  </si>
  <si>
    <t>05/20/14 10:03:09.5</t>
  </si>
  <si>
    <t>05/20/14 10:03:18.5</t>
  </si>
  <si>
    <t>05/20/14 10:06:22.0</t>
  </si>
  <si>
    <t>05/20/14 10:06:34.0</t>
  </si>
  <si>
    <t>05/20/14 10:11:09.0</t>
  </si>
  <si>
    <t>05/20/14 10:11:15.0</t>
  </si>
  <si>
    <t>05/20/14 10:13:56.0</t>
  </si>
  <si>
    <t>05/20/14 10:14:07.5</t>
  </si>
  <si>
    <t>05/20/14 10:16:11.0</t>
  </si>
  <si>
    <t>05/20/14 10:16:32.0</t>
  </si>
  <si>
    <t>05/20/14 10:22:39.0</t>
  </si>
  <si>
    <t>05/20/14 10:23:03.5</t>
  </si>
  <si>
    <t>05/20/14 10:26:04.0</t>
  </si>
  <si>
    <t>05/20/14 10:26:44.0</t>
  </si>
  <si>
    <t>05/20/14 10:29:43.5</t>
  </si>
  <si>
    <t>05/20/14 10:29:49.0</t>
  </si>
  <si>
    <t>05/20/14 10:31:25.5</t>
  </si>
  <si>
    <t>05/20/14 10:31:33.5</t>
  </si>
  <si>
    <t>05/20/14 10:35:37.0</t>
  </si>
  <si>
    <t>05/20/14 10:35:50.5</t>
  </si>
  <si>
    <t>05/20/14 10:37:40.5</t>
  </si>
  <si>
    <t>05/20/14 10:38:04.0</t>
  </si>
  <si>
    <t>05/20/14 10:39:17.0</t>
  </si>
  <si>
    <t>05/20/14 10:39:29.5</t>
  </si>
  <si>
    <t>05/20/14 10:42:26.0</t>
  </si>
  <si>
    <t>05/20/14 10:42:42.5</t>
  </si>
  <si>
    <t>05/20/14 10:44:37.5</t>
  </si>
  <si>
    <t>05/20/14 10:44:49.0</t>
  </si>
  <si>
    <t>05/20/14 10:47:34.5</t>
  </si>
  <si>
    <t>05/20/14 10:47:46.0</t>
  </si>
  <si>
    <t>05/20/14 10:49:30.0</t>
  </si>
  <si>
    <t>05/20/14 10:49:36.0</t>
  </si>
  <si>
    <t>05/20/14 10:50:59.5</t>
  </si>
  <si>
    <t>05/20/14 10:51:09.0</t>
  </si>
  <si>
    <t>05/20/14 10:53:01.5</t>
  </si>
  <si>
    <t>05/20/14 10:53:20.5</t>
  </si>
  <si>
    <t>05/20/14 10:54:57.0</t>
  </si>
  <si>
    <t>05/20/14 10:55:05.0</t>
  </si>
  <si>
    <t>05/20/14 10:57:42.0</t>
  </si>
  <si>
    <t>05/20/14 10:57:52.5</t>
  </si>
  <si>
    <t>05/20/14 11:00:16.5</t>
  </si>
  <si>
    <t>05/20/14 11:00:26.5</t>
  </si>
  <si>
    <t>05/20/14 11:02:12.5</t>
  </si>
  <si>
    <t>05/20/14 11:02:24.0</t>
  </si>
  <si>
    <t>05/20/14 11:03:18.0</t>
  </si>
  <si>
    <t>05/20/14 11:03:24.0</t>
  </si>
  <si>
    <t>05/20/14 11:04:33.0</t>
  </si>
  <si>
    <t>05/20/14 11:04:50.5</t>
  </si>
  <si>
    <t>05/20/14 11:07:28.5</t>
  </si>
  <si>
    <t>05/20/14 11:07:40.5</t>
  </si>
  <si>
    <t>05/20/14 11:11:09.5</t>
  </si>
  <si>
    <t>05/20/14 11:11:21.5</t>
  </si>
  <si>
    <t>05/20/14 11:15:10.5</t>
  </si>
  <si>
    <t>05/20/14 11:15:25.5</t>
  </si>
  <si>
    <t>05/20/14 11:17:04.5</t>
  </si>
  <si>
    <t>05/20/14 11:17:10.5</t>
  </si>
  <si>
    <t>05/20/14 11:18:39.0</t>
  </si>
  <si>
    <t>05/20/14 11:18:49.5</t>
  </si>
  <si>
    <t>05/20/14 11:20:33.5</t>
  </si>
  <si>
    <t>05/20/14 11:20:41.5</t>
  </si>
  <si>
    <t>05/20/14 11:21:52.0</t>
  </si>
  <si>
    <t>05/20/14 11:22:05.0</t>
  </si>
  <si>
    <t>05/20/14 11:24:54.0</t>
  </si>
  <si>
    <t>05/20/14 11:25:05.0</t>
  </si>
  <si>
    <t>05/20/14 11:26:38.0</t>
  </si>
  <si>
    <t>05/20/14 11:26:43.5</t>
  </si>
  <si>
    <t>05/20/14 11:27:43.0</t>
  </si>
  <si>
    <t>05/20/14 11:27:56.5</t>
  </si>
  <si>
    <t>05/20/14 11:30:38.0</t>
  </si>
  <si>
    <t>05/20/14 11:30:52.5</t>
  </si>
  <si>
    <t>05/20/14 11:33:56.0</t>
  </si>
  <si>
    <t>05/20/14 11:34:06.5</t>
  </si>
  <si>
    <t>05/20/14 11:36:02.5</t>
  </si>
  <si>
    <t>05/20/14 11:36:07.5</t>
  </si>
  <si>
    <t>05/20/14 11:37:53.0</t>
  </si>
  <si>
    <t>05/20/14 11:37:58.0</t>
  </si>
  <si>
    <t>05/20/14 11:39:12.0</t>
  </si>
  <si>
    <t>05/20/14 11:39:26.0</t>
  </si>
  <si>
    <t>05/20/14 11:40:34.0</t>
  </si>
  <si>
    <t>05/20/14 11:40:40.0</t>
  </si>
  <si>
    <t>05/20/14 11:43:07.5</t>
  </si>
  <si>
    <t>05/20/14 11:43:20.0</t>
  </si>
  <si>
    <t>05/20/14 11:46:49.0</t>
  </si>
  <si>
    <t>05/20/14 11:46:57.0</t>
  </si>
  <si>
    <t>05/20/14 11:48:29.0</t>
  </si>
  <si>
    <t>05/20/14 11:48:37.5</t>
  </si>
  <si>
    <t>05/20/14 11:50:29.5</t>
  </si>
  <si>
    <t>05/20/14 11:50:34.0</t>
  </si>
  <si>
    <t>05/20/14 11:53:35.0</t>
  </si>
  <si>
    <t>05/20/14 11:53:47.5</t>
  </si>
  <si>
    <t>05/20/14 11:55:59.5</t>
  </si>
  <si>
    <t>05/20/14 11:56:13.5</t>
  </si>
  <si>
    <t>05/20/14 11:57:55.5</t>
  </si>
  <si>
    <t>05/20/14 11:58:19.0</t>
  </si>
  <si>
    <t>05/20/14 11:59:20.5</t>
  </si>
  <si>
    <t>05/20/14 11:59:31.0</t>
  </si>
  <si>
    <t>05/20/14 12:00:41.5</t>
  </si>
  <si>
    <t>05/20/14 12:00:49.5</t>
  </si>
  <si>
    <t>05/20/14 12:04:44.0</t>
  </si>
  <si>
    <t>05/20/14 12:04:49.5</t>
  </si>
  <si>
    <t>05/20/14 12:08:23.5</t>
  </si>
  <si>
    <t>05/20/14 12:08:37.5</t>
  </si>
  <si>
    <t>05/20/14 12:12:33.5</t>
  </si>
  <si>
    <t>05/20/14 12:12:49.0</t>
  </si>
  <si>
    <t>05/20/14 12:16:13.5</t>
  </si>
  <si>
    <t>05/20/14 12:16:27.5</t>
  </si>
  <si>
    <t>05/20/14 12:18:46.5</t>
  </si>
  <si>
    <t>05/20/14 12:18:52.5</t>
  </si>
  <si>
    <t>05/20/14 12:19:52.0</t>
  </si>
  <si>
    <t>05/20/14 12:20:07.0</t>
  </si>
  <si>
    <t>05/20/14 12:24:04.5</t>
  </si>
  <si>
    <t>05/20/14 12:24:29.0</t>
  </si>
  <si>
    <t>05/20/14 12:26:44.5</t>
  </si>
  <si>
    <t>05/20/14 12:26:50.5</t>
  </si>
  <si>
    <t>05/20/14 12:28:19.0</t>
  </si>
  <si>
    <t>05/20/14 12:28:27.0</t>
  </si>
  <si>
    <t>05/20/14 12:29:46.5</t>
  </si>
  <si>
    <t>05/20/14 12:29:54.0</t>
  </si>
  <si>
    <t>05/20/14 12:31:06.5</t>
  </si>
  <si>
    <t>05/20/14 12:31:10.5</t>
  </si>
  <si>
    <t>05/20/14 12:31:36.5</t>
  </si>
  <si>
    <t>05/20/14 12:31:42.0</t>
  </si>
  <si>
    <t>05/20/14 12:33:04.5</t>
  </si>
  <si>
    <t>05/20/14 12:33:10.5</t>
  </si>
  <si>
    <t>05/20/14 12:35:54.0</t>
  </si>
  <si>
    <t>05/20/14 12:36:09.0</t>
  </si>
  <si>
    <t>05/20/14 12:37:46.0</t>
  </si>
  <si>
    <t>05/20/14 12:37:52.5</t>
  </si>
  <si>
    <t>05/20/14 12:39:14.0</t>
  </si>
  <si>
    <t>05/20/14 12:39:22.0</t>
  </si>
  <si>
    <t>05/20/14 12:40:29.0</t>
  </si>
  <si>
    <t>05/20/14 12:40:35.5</t>
  </si>
  <si>
    <t>05/20/14 12:41:22.5</t>
  </si>
  <si>
    <t>05/20/14 12:41:28.0</t>
  </si>
  <si>
    <t>05/20/14 12:42:50.0</t>
  </si>
  <si>
    <t>05/20/14 12:42:56.0</t>
  </si>
  <si>
    <t>05/20/14 12:44:38.0</t>
  </si>
  <si>
    <t>05/20/14 12:44:45.0</t>
  </si>
  <si>
    <t>05/20/14 12:45:52.5</t>
  </si>
  <si>
    <t>05/20/14 12:46:03.0</t>
  </si>
  <si>
    <t>05/20/14 12:48:03.5</t>
  </si>
  <si>
    <t>05/20/14 12:48:09.5</t>
  </si>
  <si>
    <t>05/20/14 12:49:08.0</t>
  </si>
  <si>
    <t>05/20/14 12:49:16.5</t>
  </si>
  <si>
    <t>05/20/14 12:51:16.0</t>
  </si>
  <si>
    <t>05/20/14 12:51:23.0</t>
  </si>
  <si>
    <t>05/20/14 12:52:35.0</t>
  </si>
  <si>
    <t>05/20/14 12:52:41.0</t>
  </si>
  <si>
    <t>05/20/14 12:53:58.5</t>
  </si>
  <si>
    <t>05/20/14 12:54:11.5</t>
  </si>
  <si>
    <t>05/20/14 12:55:37.5</t>
  </si>
  <si>
    <t>05/20/14 12:55:46.5</t>
  </si>
  <si>
    <t>05/20/14 12:56:58.5</t>
  </si>
  <si>
    <t>05/20/14 12:57:04.5</t>
  </si>
  <si>
    <t>05/20/14 12:58:06.5</t>
  </si>
  <si>
    <t>05/20/14 12:58:14.0</t>
  </si>
  <si>
    <t>05/20/14 13:00:14.0</t>
  </si>
  <si>
    <t>05/20/14 13:00:19.5</t>
  </si>
  <si>
    <t>05/20/14 13:01:13.0</t>
  </si>
  <si>
    <t>05/20/14 13:01:19.5</t>
  </si>
  <si>
    <t>05/20/14 13:02:42.5</t>
  </si>
  <si>
    <t>05/20/14 13:02:51.5</t>
  </si>
  <si>
    <t>05/20/14 13:04:54.5</t>
  </si>
  <si>
    <t>05/20/14 13:04:57.5</t>
  </si>
  <si>
    <t>05/20/14 13:05:42.5</t>
  </si>
  <si>
    <t>05/20/14 13:05:47.5</t>
  </si>
  <si>
    <t>05/20/14 13:06:31.0</t>
  </si>
  <si>
    <t>05/20/14 13:06:39.0</t>
  </si>
  <si>
    <t>05/20/14 13:08:17.5</t>
  </si>
  <si>
    <t>05/20/14 13:08:22.5</t>
  </si>
  <si>
    <t>05/20/14 13:09:29.0</t>
  </si>
  <si>
    <t>05/20/14 13:09:35.5</t>
  </si>
  <si>
    <t>05/20/14 13:11:12.0</t>
  </si>
  <si>
    <t>05/20/14 13:11:23.0</t>
  </si>
  <si>
    <t>05/20/14 13:13:01.0</t>
  </si>
  <si>
    <t>05/20/14 13:13:10.0</t>
  </si>
  <si>
    <t>05/20/14 13:14:40.5</t>
  </si>
  <si>
    <t>05/20/14 13:14:45.5</t>
  </si>
  <si>
    <t>05/20/14 13:15:26.5</t>
  </si>
  <si>
    <t>05/20/14 13:15:32.0</t>
  </si>
  <si>
    <t>05/20/14 13:16:11.5</t>
  </si>
  <si>
    <t>05/20/14 13:16:15.0</t>
  </si>
  <si>
    <t>05/20/14 13:16:50.5</t>
  </si>
  <si>
    <t>05/20/14 13:16:57.5</t>
  </si>
  <si>
    <t>05/20/14 13:17:59.5</t>
  </si>
  <si>
    <t>05/20/14 13:18:03.5</t>
  </si>
  <si>
    <t>05/20/14 13:18:53.5</t>
  </si>
  <si>
    <t>05/20/14 13:18:57.0</t>
  </si>
  <si>
    <t>05/20/14 13:19:47.0</t>
  </si>
  <si>
    <t>05/20/14 13:19:51.5</t>
  </si>
  <si>
    <t>05/20/14 13:21:54.0</t>
  </si>
  <si>
    <t>05/20/14 13:22:11.0</t>
  </si>
  <si>
    <t>05/20/14 13:23:28.5</t>
  </si>
  <si>
    <t>05/20/14 13:23:36.5</t>
  </si>
  <si>
    <t>05/20/14 13:26:24.0</t>
  </si>
  <si>
    <t>05/20/14 13:26:28.5</t>
  </si>
  <si>
    <t>05/20/14 13:28:06.5</t>
  </si>
  <si>
    <t>05/20/14 13:28:12.5</t>
  </si>
  <si>
    <t>05/20/14 13:29:46.5</t>
  </si>
  <si>
    <t>05/20/14 13:29:57.0</t>
  </si>
  <si>
    <t>05/20/14 13:31:22.0</t>
  </si>
  <si>
    <t>05/20/14 13:31:37.5</t>
  </si>
  <si>
    <t>05/20/14 13:32:50.0</t>
  </si>
  <si>
    <t>05/20/14 13:33:05.0</t>
  </si>
  <si>
    <t>05/20/14 13:35:06.0</t>
  </si>
  <si>
    <t>05/20/14 13:35:15.5</t>
  </si>
  <si>
    <t>05/20/14 13:39:22.5</t>
  </si>
  <si>
    <t>05/20/14 13:39:33.0</t>
  </si>
  <si>
    <t>05/20/14 13:41:16.0</t>
  </si>
  <si>
    <t>05/20/14 13:41:22.0</t>
  </si>
  <si>
    <t>05/20/14 13:42:00.0</t>
  </si>
  <si>
    <t>05/20/14 13:42:07.0</t>
  </si>
  <si>
    <t>05/20/14 13:43:41.0</t>
  </si>
  <si>
    <t>05/20/14 13:43:46.5</t>
  </si>
  <si>
    <t>05/20/14 13:45:23.5</t>
  </si>
  <si>
    <t>05/20/14 13:45:40.5</t>
  </si>
  <si>
    <t>05/20/14 13:47:28.5</t>
  </si>
  <si>
    <t>05/20/14 13:47:33.5</t>
  </si>
  <si>
    <t>05/20/14 13:48:31.5</t>
  </si>
  <si>
    <t>05/20/14 13:48:37.0</t>
  </si>
  <si>
    <t>05/20/14 13:49:34.5</t>
  </si>
  <si>
    <t>05/20/14 13:49:41.0</t>
  </si>
  <si>
    <t>05/20/14 13:50:55.5</t>
  </si>
  <si>
    <t>05/20/14 13:51:04.0</t>
  </si>
  <si>
    <t>05/20/14 13:53:17.5</t>
  </si>
  <si>
    <t>05/20/14 13:53:27.5</t>
  </si>
  <si>
    <t>05/20/14 13:55:16.5</t>
  </si>
  <si>
    <t>05/20/14 13:55:23.5</t>
  </si>
  <si>
    <t>05/20/14 13:56:51.0</t>
  </si>
  <si>
    <t>05/20/14 13:56:57.0</t>
  </si>
  <si>
    <t>05/20/14 13:58:27.0</t>
  </si>
  <si>
    <t>05/20/14 13:58:44.5</t>
  </si>
  <si>
    <t>05/20/14 13:59:51.5</t>
  </si>
  <si>
    <t>05/20/14 13:59:55.5</t>
  </si>
  <si>
    <t>05/20/14 14:01:00.5</t>
  </si>
  <si>
    <t>05/20/14 14:01:19.0</t>
  </si>
  <si>
    <t>05/20/14 14:02:52.5</t>
  </si>
  <si>
    <t>05/20/14 14:02:58.5</t>
  </si>
  <si>
    <t>05/20/14 14:03:45.5</t>
  </si>
  <si>
    <t>05/20/14 14:03:53.0</t>
  </si>
  <si>
    <t>05/20/14 14:05:03.0</t>
  </si>
  <si>
    <t>05/20/14 14:05:07.5</t>
  </si>
  <si>
    <t>05/20/14 14:06:51.0</t>
  </si>
  <si>
    <t>05/20/14 14:07:16.0</t>
  </si>
  <si>
    <t>05/20/14 14:08:56.5</t>
  </si>
  <si>
    <t>05/20/14 14:09:08.5</t>
  </si>
  <si>
    <t>05/20/14 14:09:52.5</t>
  </si>
  <si>
    <t>05/20/14 14:09:57.0</t>
  </si>
  <si>
    <t>05/20/14 14:11:07.0</t>
  </si>
  <si>
    <t>05/20/14 14:11:12.5</t>
  </si>
  <si>
    <t>05/20/14 14:12:04.0</t>
  </si>
  <si>
    <t>05/20/14 14:12:10.5</t>
  </si>
  <si>
    <t>05/20/14 14:13:01.5</t>
  </si>
  <si>
    <t>05/20/14 14:13:08.0</t>
  </si>
  <si>
    <t>05/20/14 14:13:59.0</t>
  </si>
  <si>
    <t>05/20/14 14:14:06.0</t>
  </si>
  <si>
    <t>05/20/14 14:15:35.0</t>
  </si>
  <si>
    <t>05/20/14 14:15:43.0</t>
  </si>
  <si>
    <t>05/20/14 14:16:59.0</t>
  </si>
  <si>
    <t>05/20/14 14:17:11.5</t>
  </si>
  <si>
    <t>05/20/14 14:18:52.5</t>
  </si>
  <si>
    <t>05/20/14 14:19:05.5</t>
  </si>
  <si>
    <t>05/20/14 14:20:14.5</t>
  </si>
  <si>
    <t>05/20/14 14:20:27.0</t>
  </si>
  <si>
    <t>05/20/14 14:22:06.0</t>
  </si>
  <si>
    <t>05/20/14 14:22:13.5</t>
  </si>
  <si>
    <t>05/20/14 14:23:23.5</t>
  </si>
  <si>
    <t>05/20/14 14:23:52.5</t>
  </si>
  <si>
    <t>05/20/14 14:25:36.0</t>
  </si>
  <si>
    <t>05/20/14 14:25:40.0</t>
  </si>
  <si>
    <t>05/20/14 14:26:44.5</t>
  </si>
  <si>
    <t>05/20/14 14:26:51.0</t>
  </si>
  <si>
    <t>05/20/14 14:27:37.0</t>
  </si>
  <si>
    <t>05/20/14 14:27:41.5</t>
  </si>
  <si>
    <t>05/20/14 14:28:49.0</t>
  </si>
  <si>
    <t>05/20/14 14:28:58.5</t>
  </si>
  <si>
    <t>05/20/14 14:29:56.0</t>
  </si>
  <si>
    <t>05/20/14 14:30:05.0</t>
  </si>
  <si>
    <t>05/20/14 14:32:09.5</t>
  </si>
  <si>
    <t>05/20/14 14:32:35.5</t>
  </si>
  <si>
    <t>05/20/14 14:33:45.0</t>
  </si>
  <si>
    <t>05/20/14 14:33:49.0</t>
  </si>
  <si>
    <t>05/20/14 14:34:38.0</t>
  </si>
  <si>
    <t>05/20/14 14:34:44.0</t>
  </si>
  <si>
    <t>05/20/14 14:36:01.0</t>
  </si>
  <si>
    <t>05/20/14 14:36:10.5</t>
  </si>
  <si>
    <t>05/20/14 14:37:22.5</t>
  </si>
  <si>
    <t>05/20/14 14:37:28.0</t>
  </si>
  <si>
    <t>05/20/14 14:39:08.0</t>
  </si>
  <si>
    <t>05/20/14 14:39:16.5</t>
  </si>
  <si>
    <t>05/20/14 14:41:55.0</t>
  </si>
  <si>
    <t>05/20/14 14:42:04.5</t>
  </si>
  <si>
    <t>05/20/14 14:43:09.0</t>
  </si>
  <si>
    <t>05/20/14 14:43:15.5</t>
  </si>
  <si>
    <t>05/20/14 14:44:01.0</t>
  </si>
  <si>
    <t>05/20/14 14:44:05.5</t>
  </si>
  <si>
    <t>05/20/14 14:44:57.5</t>
  </si>
  <si>
    <t>05/20/14 14:45:02.5</t>
  </si>
  <si>
    <t>05/20/14 14:46:11.5</t>
  </si>
  <si>
    <t>05/20/14 14:46:17.5</t>
  </si>
  <si>
    <t>05/20/14 14:47:06.5</t>
  </si>
  <si>
    <t>05/20/14 14:47:13.5</t>
  </si>
  <si>
    <t>05/20/14 14:48:14.0</t>
  </si>
  <si>
    <t>05/20/14 14:48:20.5</t>
  </si>
  <si>
    <t>05/20/14 14:49:20.5</t>
  </si>
  <si>
    <t>05/20/14 14:49:26.0</t>
  </si>
  <si>
    <t>05/20/14 14:50:47.5</t>
  </si>
  <si>
    <t>05/20/14 14:50:54.5</t>
  </si>
  <si>
    <t>05/20/14 14:52:02.5</t>
  </si>
  <si>
    <t>05/20/14 14:52:08.5</t>
  </si>
  <si>
    <t>05/20/14 14:54:27.0</t>
  </si>
  <si>
    <t>05/20/14 14:54:41.5</t>
  </si>
  <si>
    <t>05/20/14 14:56:12.5</t>
  </si>
  <si>
    <t>05/20/14 14:56:18.5</t>
  </si>
  <si>
    <t>05/20/14 14:57:05.5</t>
  </si>
  <si>
    <t>05/20/14 14:57:10.5</t>
  </si>
  <si>
    <t>05/20/14 14:57:53.0</t>
  </si>
  <si>
    <t>05/20/14 14:58:01.0</t>
  </si>
  <si>
    <t>05/20/14 14:59:48.0</t>
  </si>
  <si>
    <t>05/20/14 14:59:55.0</t>
  </si>
  <si>
    <t>05/20/14 15:01:27.0</t>
  </si>
  <si>
    <t>05/20/14 15:01:51.5</t>
  </si>
  <si>
    <t>05/20/14 15:03:27.5</t>
  </si>
  <si>
    <t>05/20/14 15:03:44.5</t>
  </si>
  <si>
    <t>05/20/14 15:05:55.5</t>
  </si>
  <si>
    <t>05/20/14 15:06:02.0</t>
  </si>
  <si>
    <t>05/20/14 15:08:05.0</t>
  </si>
  <si>
    <t>05/20/14 15:08:11.0</t>
  </si>
  <si>
    <t>05/20/14 15:10:26.5</t>
  </si>
  <si>
    <t>05/20/14 15:10:38.0</t>
  </si>
  <si>
    <t>05/20/14 15:11:55.5</t>
  </si>
  <si>
    <t>05/20/14 15:12:04.0</t>
  </si>
  <si>
    <t>05/20/14 15:13:30.0</t>
  </si>
  <si>
    <t>05/20/14 15:13:35.0</t>
  </si>
  <si>
    <t>05/20/14 15:15:08.0</t>
  </si>
  <si>
    <t>05/20/14 15:15:14.0</t>
  </si>
  <si>
    <t>05/20/14 15:16:18.0</t>
  </si>
  <si>
    <t>05/20/14 15:16:27.0</t>
  </si>
  <si>
    <t>05/20/14 15:17:57.0</t>
  </si>
  <si>
    <t>05/20/14 15:18:06.5</t>
  </si>
  <si>
    <t>05/20/14 15:19:01.0</t>
  </si>
  <si>
    <t>05/20/14 15:19:08.5</t>
  </si>
  <si>
    <t>05/20/14 15:19:35.5</t>
  </si>
  <si>
    <t>05/20/14 15:19:40.5</t>
  </si>
  <si>
    <t>05/20/14 15:20:35.5</t>
  </si>
  <si>
    <t>05/20/14 15:20:43.5</t>
  </si>
  <si>
    <t>05/20/14 15:22:57.5</t>
  </si>
  <si>
    <t>05/20/14 15:23:01.0</t>
  </si>
  <si>
    <t>05/20/14 15:23:36.0</t>
  </si>
  <si>
    <t>05/20/14 15:23:48.0</t>
  </si>
  <si>
    <t>05/20/14 15:26:12.5</t>
  </si>
  <si>
    <t>05/20/14 15:26:20.5</t>
  </si>
  <si>
    <t>05/20/14 15:28:07.0</t>
  </si>
  <si>
    <t>05/20/14 15:28:14.5</t>
  </si>
  <si>
    <t>05/20/14 15:29:02.0</t>
  </si>
  <si>
    <t>05/20/14 15:29:11.0</t>
  </si>
  <si>
    <t>05/20/14 15:30:27.0</t>
  </si>
  <si>
    <t>05/20/14 15:30:31.5</t>
  </si>
  <si>
    <t>05/20/14 15:31:23.5</t>
  </si>
  <si>
    <t>05/20/14 15:31:43.0</t>
  </si>
  <si>
    <t>05/20/14 15:32:37.0</t>
  </si>
  <si>
    <t>05/20/14 15:32:44.5</t>
  </si>
  <si>
    <t>05/20/14 15:33:26.0</t>
  </si>
  <si>
    <t>05/20/14 15:33:33.0</t>
  </si>
  <si>
    <t>05/20/14 15:34:18.5</t>
  </si>
  <si>
    <t>05/20/14 15:34:24.5</t>
  </si>
  <si>
    <t>05/20/14 15:35:12.5</t>
  </si>
  <si>
    <t>05/20/14 15:35:18.0</t>
  </si>
  <si>
    <t>05/20/14 15:36:05.0</t>
  </si>
  <si>
    <t>05/20/14 15:36:11.5</t>
  </si>
  <si>
    <t>05/20/14 15:37:03.0</t>
  </si>
  <si>
    <t>05/20/14 15:37:07.5</t>
  </si>
  <si>
    <t>05/20/14 15:38:25.0</t>
  </si>
  <si>
    <t>05/20/14 15:38:31.5</t>
  </si>
  <si>
    <t>05/20/14 15:39:13.0</t>
  </si>
  <si>
    <t>05/20/14 15:39:19.5</t>
  </si>
  <si>
    <t>05/20/14 15:41:19.0</t>
  </si>
  <si>
    <t>05/20/14 15:41:33.5</t>
  </si>
  <si>
    <t>05/20/14 15:42:32.5</t>
  </si>
  <si>
    <t>05/20/14 15:42:44.0</t>
  </si>
  <si>
    <t>05/20/14 15:43:49.0</t>
  </si>
  <si>
    <t>05/20/14 15:44:00.5</t>
  </si>
  <si>
    <t>05/20/14 15:46:29.5</t>
  </si>
  <si>
    <t>05/20/14 15:46:38.5</t>
  </si>
  <si>
    <t>05/20/14 15:48:56.0</t>
  </si>
  <si>
    <t>05/20/14 15:49:08.5</t>
  </si>
  <si>
    <t>05/20/14 15:51:04.0</t>
  </si>
  <si>
    <t>05/20/14 15:51:18.5</t>
  </si>
  <si>
    <t>05/20/14 15:52:32.5</t>
  </si>
  <si>
    <t>05/20/14 15:52:43.0</t>
  </si>
  <si>
    <t>05/20/14 15:53:20.0</t>
  </si>
  <si>
    <t>05/20/14 15:53:24.0</t>
  </si>
  <si>
    <t>05/20/14 15:54:58.0</t>
  </si>
  <si>
    <t>05/20/14 15:55:07.5</t>
  </si>
  <si>
    <t>05/20/14 15:56:30.0</t>
  </si>
  <si>
    <t>05/20/14 15:56:35.0</t>
  </si>
  <si>
    <t>05/20/14 15:57:42.5</t>
  </si>
  <si>
    <t>05/20/14 15:57:46.0</t>
  </si>
  <si>
    <t>05/20/14 15:58:51.5</t>
  </si>
  <si>
    <t>05/20/14 15:59:01.5</t>
  </si>
  <si>
    <t>05/20/14 16:00:21.0</t>
  </si>
  <si>
    <t>05/20/14 16:00:26.5</t>
  </si>
  <si>
    <t>05/20/14 16:01:22.5</t>
  </si>
  <si>
    <t>05/20/14 16:01:32.0</t>
  </si>
  <si>
    <t>05/20/14 16:02:53.5</t>
  </si>
  <si>
    <t>05/20/14 16:02:58.5</t>
  </si>
  <si>
    <t>05/20/14 16:06:02.5</t>
  </si>
  <si>
    <t>05/20/14 16:06:52.5</t>
  </si>
  <si>
    <t>05/20/14 16:09:29.0</t>
  </si>
  <si>
    <t>05/20/14 16:09:34.5</t>
  </si>
  <si>
    <t>05/20/14 16:13:11.0</t>
  </si>
  <si>
    <t>05/20/14 16:13:20.0</t>
  </si>
  <si>
    <t>05/20/14 16:14:06.5</t>
  </si>
  <si>
    <t>05/20/14 16:14:12.5</t>
  </si>
  <si>
    <t>05/20/14 16:16:14.0</t>
  </si>
  <si>
    <t>05/20/14 16:16:24.5</t>
  </si>
  <si>
    <t>05/20/14 16:17:15.0</t>
  </si>
  <si>
    <t>05/20/14 16:17:22.5</t>
  </si>
  <si>
    <t>05/20/14 16:19:53.5</t>
  </si>
  <si>
    <t>05/20/14 16:20:00.0</t>
  </si>
  <si>
    <t>05/20/14 16:21:27.0</t>
  </si>
  <si>
    <t>05/20/14 16:21:39.5</t>
  </si>
  <si>
    <t>05/20/14 16:22:56.5</t>
  </si>
  <si>
    <t>05/20/14 16:23:14.5</t>
  </si>
  <si>
    <t>05/20/14 16:25:09.0</t>
  </si>
  <si>
    <t>05/20/14 16:25:30.5</t>
  </si>
  <si>
    <t>05/20/14 16:28:26.5</t>
  </si>
  <si>
    <t>05/20/14 16:28:38.5</t>
  </si>
  <si>
    <t>05/20/14 16:32:53.5</t>
  </si>
  <si>
    <t>05/20/14 16:33:00.5</t>
  </si>
  <si>
    <t>05/20/14 16:33:44.0</t>
  </si>
  <si>
    <t>05/20/14 16:33:55.5</t>
  </si>
  <si>
    <t>05/20/14 16:35:08.5</t>
  </si>
  <si>
    <t>05/20/14 16:35:22.5</t>
  </si>
  <si>
    <t>05/20/14 16:36:45.0</t>
  </si>
  <si>
    <t>05/20/14 16:36:55.0</t>
  </si>
  <si>
    <t>05/20/14 16:39:04.0</t>
  </si>
  <si>
    <t>05/20/14 16:39:10.0</t>
  </si>
  <si>
    <t>05/20/14 16:40:21.5</t>
  </si>
  <si>
    <t>05/20/14 16:40:27.5</t>
  </si>
  <si>
    <t>05/20/14 16:42:02.5</t>
  </si>
  <si>
    <t>05/20/14 16:42:51.0</t>
  </si>
  <si>
    <t>05/20/14 16:45:04.5</t>
  </si>
  <si>
    <t>05/20/14 16:45:10.5</t>
  </si>
  <si>
    <t>05/20/14 16:46:19.0</t>
  </si>
  <si>
    <t>05/20/14 16:46:24.5</t>
  </si>
  <si>
    <t>05/20/14 16:49:31.0</t>
  </si>
  <si>
    <t>05/20/14 16:49:44.5</t>
  </si>
  <si>
    <t>05/20/14 16:51:39.0</t>
  </si>
  <si>
    <t>05/20/14 16:51:59.0</t>
  </si>
  <si>
    <t>05/20/14 16:54:20.0</t>
  </si>
  <si>
    <t>05/20/14 16:55:01.5</t>
  </si>
  <si>
    <t>05/20/14 16:57:43.0</t>
  </si>
  <si>
    <t>05/20/14 16:58:08.5</t>
  </si>
  <si>
    <t>05/20/14 16:59:25.0</t>
  </si>
  <si>
    <t>05/20/14 16:59:34.5</t>
  </si>
  <si>
    <t>05/20/14 17:01:11.0</t>
  </si>
  <si>
    <t>05/20/14 17:01:49.0</t>
  </si>
  <si>
    <t>05/20/14 17:03:10.0</t>
  </si>
  <si>
    <t>05/20/14 17:03:23.0</t>
  </si>
  <si>
    <t>05/20/14 17:06:19.0</t>
  </si>
  <si>
    <t>05/20/14 17:06:23.0</t>
  </si>
  <si>
    <t>05/20/14 17:07:42.5</t>
  </si>
  <si>
    <t>05/20/14 17:08:51.5</t>
  </si>
  <si>
    <t>05/20/14 17:09:46.0</t>
  </si>
  <si>
    <t>05/20/14 17:09:58.5</t>
  </si>
  <si>
    <t>05/20/14 17:14:45.5</t>
  </si>
  <si>
    <t>05/20/14 17:14:57.0</t>
  </si>
  <si>
    <t>05/20/14 17:15:49.0</t>
  </si>
  <si>
    <t>05/20/14 17:15:59.0</t>
  </si>
  <si>
    <t>05/20/14 17:16:55.5</t>
  </si>
  <si>
    <t>05/20/14 17:17:29.5</t>
  </si>
  <si>
    <t>05/20/14 17:18:21.0</t>
  </si>
  <si>
    <t>05/20/14 17:18:27.0</t>
  </si>
  <si>
    <t>05/20/14 17:21:45.5</t>
  </si>
  <si>
    <t>05/20/14 17:21:52.0</t>
  </si>
  <si>
    <t>05/20/14 17:24:13.5</t>
  </si>
  <si>
    <t>05/20/14 17:25:11.5</t>
  </si>
  <si>
    <t>05/20/14 17:26:35.0</t>
  </si>
  <si>
    <t>05/20/14 17:26:41.0</t>
  </si>
  <si>
    <t>05/20/14 17:28:56.0</t>
  </si>
  <si>
    <t>05/20/14 17:29:05.5</t>
  </si>
  <si>
    <t>05/20/14 17:31:04.5</t>
  </si>
  <si>
    <t>05/20/14 17:31:08.0</t>
  </si>
  <si>
    <t>05/20/14 17:32:16.5</t>
  </si>
  <si>
    <t>05/20/14 17:32:30.0</t>
  </si>
  <si>
    <t>05/20/14 17:34:03.0</t>
  </si>
  <si>
    <t>05/20/14 17:34:12.5</t>
  </si>
  <si>
    <t>05/20/14 17:38:57.5</t>
  </si>
  <si>
    <t>05/20/14 17:39:08.5</t>
  </si>
  <si>
    <t>05/20/14 17:40:24.0</t>
  </si>
  <si>
    <t>05/20/14 17:41:04.5</t>
  </si>
  <si>
    <t>05/20/14 17:45:25.0</t>
  </si>
  <si>
    <t>05/20/14 17:45:39.5</t>
  </si>
  <si>
    <t>05/20/14 17:50:26.0</t>
  </si>
  <si>
    <t>05/20/14 17:51:32.5</t>
  </si>
  <si>
    <t>05/20/14 17:53:01.5</t>
  </si>
  <si>
    <t>05/20/14 17:53:10.0</t>
  </si>
  <si>
    <t>05/20/14 17:55:45.5</t>
  </si>
  <si>
    <t>05/20/14 17:56:00.0</t>
  </si>
  <si>
    <t>05/20/14 18:01:44.0</t>
  </si>
  <si>
    <t>05/20/14 18:01:57.0</t>
  </si>
  <si>
    <t>05/20/14 18:03:15.5</t>
  </si>
  <si>
    <t>05/20/14 18:03:21.0</t>
  </si>
  <si>
    <t>05/20/14 18:04:34.5</t>
  </si>
  <si>
    <t>05/20/14 18:04:44.5</t>
  </si>
  <si>
    <t>05/20/14 18:08:22.0</t>
  </si>
  <si>
    <t>05/20/14 18:08:51.0</t>
  </si>
  <si>
    <t>05/20/14 18:11:45.5</t>
  </si>
  <si>
    <t>05/20/14 18:11:55.5</t>
  </si>
  <si>
    <t>05/20/14 18:14:10.5</t>
  </si>
  <si>
    <t>05/20/14 18:14:20.5</t>
  </si>
  <si>
    <t>05/20/14 18:16:39.0</t>
  </si>
  <si>
    <t>05/20/14 18:16:55.5</t>
  </si>
  <si>
    <t>05/20/14 18:20:28.5</t>
  </si>
  <si>
    <t>05/20/14 18:20:37.0</t>
  </si>
  <si>
    <t>05/20/14 18:21:57.0</t>
  </si>
  <si>
    <t>05/20/14 18:22:03.5</t>
  </si>
  <si>
    <t>05/20/14 18:24:34.5</t>
  </si>
  <si>
    <t>05/20/14 18:24:43.5</t>
  </si>
  <si>
    <t>05/20/14 18:25:33.0</t>
  </si>
  <si>
    <t>05/20/14 18:25:45.5</t>
  </si>
  <si>
    <t>05/20/14 18:27:08.5</t>
  </si>
  <si>
    <t>05/20/14 18:27:14.5</t>
  </si>
  <si>
    <t>05/20/14 18:28:10.0</t>
  </si>
  <si>
    <t>05/20/14 18:28:19.0</t>
  </si>
  <si>
    <t>05/20/14 18:31:35.0</t>
  </si>
  <si>
    <t>05/20/14 18:33:53.0</t>
  </si>
  <si>
    <t>05/20/14 18:36:01.5</t>
  </si>
  <si>
    <t>05/20/14 18:36:11.0</t>
  </si>
  <si>
    <t>05/20/14 18:39:31.5</t>
  </si>
  <si>
    <t>05/20/14 18:39:41.5</t>
  </si>
  <si>
    <t>05/20/14 18:43:43.0</t>
  </si>
  <si>
    <t>05/20/14 18:44:18.0</t>
  </si>
  <si>
    <t>05/20/14 18:46:53.0</t>
  </si>
  <si>
    <t>05/20/14 18:47:11.0</t>
  </si>
  <si>
    <t>05/20/14 18:48:28.0</t>
  </si>
  <si>
    <t>05/20/14 18:48:40.5</t>
  </si>
  <si>
    <t>05/20/14 18:53:00.0</t>
  </si>
  <si>
    <t>05/20/14 18:53:17.5</t>
  </si>
  <si>
    <t>05/20/14 18:55:37.0</t>
  </si>
  <si>
    <t>05/20/14 18:55:50.0</t>
  </si>
  <si>
    <t>05/20/14 18:59:29.0</t>
  </si>
  <si>
    <t>05/20/14 18:59:40.0</t>
  </si>
  <si>
    <t>05/20/14 19:04:56.5</t>
  </si>
  <si>
    <t>05/20/14 19:06:29.0</t>
  </si>
  <si>
    <t>05/20/14 19:11:16.5</t>
  </si>
  <si>
    <t>05/20/14 19:11:40.5</t>
  </si>
  <si>
    <t>05/20/14 19:14:03.5</t>
  </si>
  <si>
    <t>05/20/14 19:14:11.5</t>
  </si>
  <si>
    <t>05/20/14 19:16:39.0</t>
  </si>
  <si>
    <t>05/20/14 19:16:55.0</t>
  </si>
  <si>
    <t>05/20/14 19:20:29.5</t>
  </si>
  <si>
    <t>05/20/14 19:20:47.0</t>
  </si>
  <si>
    <t>05/20/14 19:23:37.5</t>
  </si>
  <si>
    <t>05/20/14 19:23:43.0</t>
  </si>
  <si>
    <t>05/20/14 19:25:59.0</t>
  </si>
  <si>
    <t>05/20/14 19:26:11.0</t>
  </si>
  <si>
    <t>05/20/14 19:29:27.0</t>
  </si>
  <si>
    <t>05/20/14 19:30:28.5</t>
  </si>
  <si>
    <t>05/20/14 19:35:16.0</t>
  </si>
  <si>
    <t>05/20/14 19:36:03.0</t>
  </si>
  <si>
    <t>05/20/14 19:39:20.0</t>
  </si>
  <si>
    <t>05/20/14 19:39:32.0</t>
  </si>
  <si>
    <t>05/20/14 19:49:42.5</t>
  </si>
  <si>
    <t>05/20/14 19:49:56.5</t>
  </si>
  <si>
    <t>05/20/14 19:56:07.0</t>
  </si>
  <si>
    <t>05/20/14 19:56:15.0</t>
  </si>
  <si>
    <t>05/20/14 20:07:14.0</t>
  </si>
  <si>
    <t>05/20/14 20:07:26.0</t>
  </si>
  <si>
    <t>05/20/14 20:29:32.0</t>
  </si>
  <si>
    <t>05/20/14 20:29:52.0</t>
  </si>
  <si>
    <t>05/20/14 20:58:20.5</t>
  </si>
  <si>
    <t>05/20/14 21:07:14.0</t>
  </si>
  <si>
    <t>05/21/14 07:25:19.0</t>
  </si>
  <si>
    <t>05/21/14 07:25:32.5</t>
  </si>
  <si>
    <t>05/21/14 07:38:01.0</t>
  </si>
  <si>
    <t>05/21/14 07:39:20.0</t>
  </si>
  <si>
    <t>05/21/14 07:43:54.0</t>
  </si>
  <si>
    <t>05/21/14 07:44:16.0</t>
  </si>
  <si>
    <t>05/21/14 07:56:09.5</t>
  </si>
  <si>
    <t>05/21/14 07:56:44.0</t>
  </si>
  <si>
    <t>05/21/14 08:07:50.5</t>
  </si>
  <si>
    <t>05/21/14 08:08:06.5</t>
  </si>
  <si>
    <t>05/21/14 08:11:09.0</t>
  </si>
  <si>
    <t>05/21/14 08:11:26.0</t>
  </si>
  <si>
    <t>05/21/14 08:32:10.0</t>
  </si>
  <si>
    <t>05/21/14 08:33:04.0</t>
  </si>
  <si>
    <t>05/21/14 08:44:49.5</t>
  </si>
  <si>
    <t>05/21/14 08:53:21.5</t>
  </si>
  <si>
    <t>05/21/14 09:13:10.5</t>
  </si>
  <si>
    <t>05/21/14 09:13:31.0</t>
  </si>
  <si>
    <t>05/21/14 09:30:13.0</t>
  </si>
  <si>
    <t>05/21/14 09:30:22.0</t>
  </si>
  <si>
    <t>05/21/14 09:36:05.5</t>
  </si>
  <si>
    <t>05/21/14 09:36:19.0</t>
  </si>
  <si>
    <t>05/21/14 09:42:15.5</t>
  </si>
  <si>
    <t>05/21/14 09:42:25.5</t>
  </si>
  <si>
    <t>05/21/14 09:46:58.5</t>
  </si>
  <si>
    <t>05/21/14 09:47:14.0</t>
  </si>
  <si>
    <t>05/21/14 09:53:34.5</t>
  </si>
  <si>
    <t>05/21/14 09:53:54.5</t>
  </si>
  <si>
    <t>05/21/14 09:57:07.5</t>
  </si>
  <si>
    <t>05/21/14 10:10:12.0</t>
  </si>
  <si>
    <t>05/21/14 10:21:07.0</t>
  </si>
  <si>
    <t>05/21/14 10:21:34.0</t>
  </si>
  <si>
    <t>05/21/14 10:24:59.5</t>
  </si>
  <si>
    <t>05/21/14 10:25:20.5</t>
  </si>
  <si>
    <t>05/21/14 10:27:49.0</t>
  </si>
  <si>
    <t>05/21/14 10:28:00.5</t>
  </si>
  <si>
    <t>05/21/14 10:31:04.5</t>
  </si>
  <si>
    <t>05/21/14 10:31:50.5</t>
  </si>
  <si>
    <t>05/21/14 10:36:45.5</t>
  </si>
  <si>
    <t>05/21/14 10:36:57.5</t>
  </si>
  <si>
    <t>05/21/14 10:39:27.0</t>
  </si>
  <si>
    <t>05/21/14 10:39:34.5</t>
  </si>
  <si>
    <t>05/21/14 10:40:58.0</t>
  </si>
  <si>
    <t>05/21/14 10:41:50.5</t>
  </si>
  <si>
    <t>05/21/14 10:47:26.5</t>
  </si>
  <si>
    <t>05/21/14 10:47:40.0</t>
  </si>
  <si>
    <t>05/21/14 10:51:33.0</t>
  </si>
  <si>
    <t>05/21/14 10:51:52.0</t>
  </si>
  <si>
    <t>05/21/14 10:54:20.5</t>
  </si>
  <si>
    <t>05/21/14 10:55:49.5</t>
  </si>
  <si>
    <t>05/21/14 10:57:53.5</t>
  </si>
  <si>
    <t>05/21/14 10:58:22.5</t>
  </si>
  <si>
    <t>05/21/14 11:01:35.5</t>
  </si>
  <si>
    <t>05/21/14 11:01:42.5</t>
  </si>
  <si>
    <t>05/21/14 11:03:26.5</t>
  </si>
  <si>
    <t>05/21/14 11:03:55.5</t>
  </si>
  <si>
    <t>05/21/14 11:05:12.5</t>
  </si>
  <si>
    <t>05/21/14 11:05:23.0</t>
  </si>
  <si>
    <t>05/21/14 11:09:13.5</t>
  </si>
  <si>
    <t>05/21/14 11:09:31.5</t>
  </si>
  <si>
    <t>05/21/14 11:12:05.0</t>
  </si>
  <si>
    <t>05/21/14 11:12:26.0</t>
  </si>
  <si>
    <t>05/21/14 11:14:50.5</t>
  </si>
  <si>
    <t>05/21/14 11:15:01.0</t>
  </si>
  <si>
    <t>05/21/14 11:20:23.5</t>
  </si>
  <si>
    <t>05/21/14 11:20:42.5</t>
  </si>
  <si>
    <t>05/21/14 11:21:51.0</t>
  </si>
  <si>
    <t>05/21/14 11:22:02.5</t>
  </si>
  <si>
    <t>05/21/14 11:24:27.5</t>
  </si>
  <si>
    <t>05/21/14 11:24:38.5</t>
  </si>
  <si>
    <t>05/21/14 11:28:25.5</t>
  </si>
  <si>
    <t>05/21/14 11:28:33.0</t>
  </si>
  <si>
    <t>05/21/14 11:30:16.0</t>
  </si>
  <si>
    <t>05/21/14 11:30:22.5</t>
  </si>
  <si>
    <t>05/21/14 11:31:40.0</t>
  </si>
  <si>
    <t>05/21/14 11:31:58.5</t>
  </si>
  <si>
    <t>05/21/14 11:33:06.0</t>
  </si>
  <si>
    <t>05/21/14 11:33:16.5</t>
  </si>
  <si>
    <t>05/21/14 11:34:35.5</t>
  </si>
  <si>
    <t>05/21/14 11:34:44.0</t>
  </si>
  <si>
    <t>05/21/14 11:37:46.0</t>
  </si>
  <si>
    <t>05/21/14 11:38:16.5</t>
  </si>
  <si>
    <t>05/21/14 11:40:23.0</t>
  </si>
  <si>
    <t>05/21/14 11:40:31.5</t>
  </si>
  <si>
    <t>05/21/14 11:41:34.0</t>
  </si>
  <si>
    <t>05/21/14 11:41:45.5</t>
  </si>
  <si>
    <t>05/21/14 11:43:10.5</t>
  </si>
  <si>
    <t>05/21/14 11:43:21.5</t>
  </si>
  <si>
    <t>05/21/14 11:45:49.5</t>
  </si>
  <si>
    <t>05/21/14 11:45:58.5</t>
  </si>
  <si>
    <t>05/21/14 11:49:34.5</t>
  </si>
  <si>
    <t>05/21/14 11:49:41.0</t>
  </si>
  <si>
    <t>05/21/14 11:52:03.5</t>
  </si>
  <si>
    <t>05/21/14 11:52:13.0</t>
  </si>
  <si>
    <t>05/21/14 11:53:36.0</t>
  </si>
  <si>
    <t>05/21/14 11:53:50.0</t>
  </si>
  <si>
    <t>05/21/14 11:55:13.0</t>
  </si>
  <si>
    <t>05/21/14 11:55:19.0</t>
  </si>
  <si>
    <t>05/21/14 11:56:26.0</t>
  </si>
  <si>
    <t>05/21/14 11:56:33.5</t>
  </si>
  <si>
    <t>05/21/14 11:58:31.5</t>
  </si>
  <si>
    <t>05/21/14 11:59:57.5</t>
  </si>
  <si>
    <t>05/21/14 12:02:12.5</t>
  </si>
  <si>
    <t>05/21/14 12:02:27.0</t>
  </si>
  <si>
    <t>05/21/14 12:05:39.0</t>
  </si>
  <si>
    <t>05/21/14 12:05:45.5</t>
  </si>
  <si>
    <t>05/21/14 12:06:45.5</t>
  </si>
  <si>
    <t>05/21/14 12:06:51.5</t>
  </si>
  <si>
    <t>05/21/14 12:08:25.0</t>
  </si>
  <si>
    <t>05/21/14 12:08:31.5</t>
  </si>
  <si>
    <t>05/21/14 12:09:46.5</t>
  </si>
  <si>
    <t>05/21/14 12:09:51.5</t>
  </si>
  <si>
    <t>05/21/14 12:11:50.5</t>
  </si>
  <si>
    <t>05/21/14 12:11:57.0</t>
  </si>
  <si>
    <t>05/21/14 12:13:05.0</t>
  </si>
  <si>
    <t>05/21/14 12:13:15.0</t>
  </si>
  <si>
    <t>05/21/14 12:15:30.5</t>
  </si>
  <si>
    <t>05/21/14 12:15:37.5</t>
  </si>
  <si>
    <t>05/21/14 12:16:50.5</t>
  </si>
  <si>
    <t>05/21/14 12:17:12.0</t>
  </si>
  <si>
    <t>05/21/14 12:19:40.0</t>
  </si>
  <si>
    <t>05/21/14 12:19:57.0</t>
  </si>
  <si>
    <t>05/21/14 12:23:26.5</t>
  </si>
  <si>
    <t>05/21/14 12:23:41.5</t>
  </si>
  <si>
    <t>05/21/14 12:25:11.0</t>
  </si>
  <si>
    <t>05/21/14 12:25:25.0</t>
  </si>
  <si>
    <t>05/21/14 12:27:04.5</t>
  </si>
  <si>
    <t>05/21/14 12:27:14.5</t>
  </si>
  <si>
    <t>05/21/14 12:30:10.0</t>
  </si>
  <si>
    <t>05/21/14 12:30:20.0</t>
  </si>
  <si>
    <t>05/21/14 12:31:21.5</t>
  </si>
  <si>
    <t>05/21/14 12:31:29.0</t>
  </si>
  <si>
    <t>05/21/14 12:32:22.5</t>
  </si>
  <si>
    <t>05/21/14 12:32:26.5</t>
  </si>
  <si>
    <t>05/21/14 12:33:33.0</t>
  </si>
  <si>
    <t>05/21/14 12:33:44.5</t>
  </si>
  <si>
    <t>05/21/14 12:35:51.0</t>
  </si>
  <si>
    <t>05/21/14 12:35:59.5</t>
  </si>
  <si>
    <t>05/21/14 12:37:23.0</t>
  </si>
  <si>
    <t>05/21/14 12:37:34.5</t>
  </si>
  <si>
    <t>05/21/14 12:40:36.5</t>
  </si>
  <si>
    <t>05/21/14 12:40:45.0</t>
  </si>
  <si>
    <t>05/21/14 12:42:06.0</t>
  </si>
  <si>
    <t>05/21/14 12:42:14.5</t>
  </si>
  <si>
    <t>05/21/14 12:45:45.0</t>
  </si>
  <si>
    <t>05/21/14 12:45:52.5</t>
  </si>
  <si>
    <t>05/21/14 12:47:40.5</t>
  </si>
  <si>
    <t>05/21/14 12:47:50.0</t>
  </si>
  <si>
    <t>05/21/14 12:49:22.5</t>
  </si>
  <si>
    <t>05/21/14 12:49:41.0</t>
  </si>
  <si>
    <t>05/21/14 12:51:12.5</t>
  </si>
  <si>
    <t>05/21/14 12:51:26.5</t>
  </si>
  <si>
    <t>05/21/14 12:53:30.0</t>
  </si>
  <si>
    <t>05/21/14 12:53:43.5</t>
  </si>
  <si>
    <t>05/21/14 12:55:49.0</t>
  </si>
  <si>
    <t>05/21/14 12:55:59.5</t>
  </si>
  <si>
    <t>05/21/14 12:57:37.0</t>
  </si>
  <si>
    <t>05/21/14 12:58:05.0</t>
  </si>
  <si>
    <t>05/21/14 12:59:40.5</t>
  </si>
  <si>
    <t>05/21/14 12:59:47.5</t>
  </si>
  <si>
    <t>05/21/14 13:01:01.0</t>
  </si>
  <si>
    <t>05/21/14 13:01:06.0</t>
  </si>
  <si>
    <t>05/21/14 13:02:41.5</t>
  </si>
  <si>
    <t>05/21/14 13:02:54.0</t>
  </si>
  <si>
    <t>05/21/14 13:04:38.0</t>
  </si>
  <si>
    <t>05/21/14 13:04:44.0</t>
  </si>
  <si>
    <t>05/21/14 13:06:13.0</t>
  </si>
  <si>
    <t>05/21/14 13:06:20.0</t>
  </si>
  <si>
    <t>05/21/14 13:08:02.5</t>
  </si>
  <si>
    <t>05/21/14 13:08:07.5</t>
  </si>
  <si>
    <t>05/21/14 13:09:22.5</t>
  </si>
  <si>
    <t>05/21/14 13:09:34.0</t>
  </si>
  <si>
    <t>05/21/14 13:10:58.5</t>
  </si>
  <si>
    <t>05/21/14 13:11:08.0</t>
  </si>
  <si>
    <t>05/21/14 13:12:57.0</t>
  </si>
  <si>
    <t>05/21/14 13:13:02.5</t>
  </si>
  <si>
    <t>05/21/14 13:13:50.5</t>
  </si>
  <si>
    <t>05/21/14 13:13:58.0</t>
  </si>
  <si>
    <t>05/21/14 13:15:34.0</t>
  </si>
  <si>
    <t>05/21/14 13:15:49.5</t>
  </si>
  <si>
    <t>05/21/14 13:17:10.0</t>
  </si>
  <si>
    <t>05/21/14 13:17:26.0</t>
  </si>
  <si>
    <t>05/21/14 13:19:34.5</t>
  </si>
  <si>
    <t>05/21/14 13:19:46.5</t>
  </si>
  <si>
    <t>05/21/14 13:21:35.0</t>
  </si>
  <si>
    <t>05/21/14 13:21:44.0</t>
  </si>
  <si>
    <t>05/21/14 13:22:54.5</t>
  </si>
  <si>
    <t>05/21/14 13:22:59.5</t>
  </si>
  <si>
    <t>05/21/14 13:24:55.5</t>
  </si>
  <si>
    <t>05/21/14 13:25:03.0</t>
  </si>
  <si>
    <t>05/21/14 13:26:31.5</t>
  </si>
  <si>
    <t>05/21/14 13:26:40.5</t>
  </si>
  <si>
    <t>05/21/14 13:28:20.0</t>
  </si>
  <si>
    <t>05/21/14 13:28:38.5</t>
  </si>
  <si>
    <t>05/21/14 13:30:19.0</t>
  </si>
  <si>
    <t>05/21/14 13:30:28.0</t>
  </si>
  <si>
    <t>05/21/14 13:31:15.0</t>
  </si>
  <si>
    <t>05/21/14 13:31:20.0</t>
  </si>
  <si>
    <t>05/21/14 13:32:17.5</t>
  </si>
  <si>
    <t>05/21/14 13:32:24.5</t>
  </si>
  <si>
    <t>05/21/14 13:33:12.5</t>
  </si>
  <si>
    <t>05/21/14 13:33:17.5</t>
  </si>
  <si>
    <t>05/21/14 13:34:03.0</t>
  </si>
  <si>
    <t>05/21/14 13:34:07.5</t>
  </si>
  <si>
    <t>05/21/14 13:35:25.0</t>
  </si>
  <si>
    <t>05/21/14 13:35:42.0</t>
  </si>
  <si>
    <t>05/21/14 13:36:36.5</t>
  </si>
  <si>
    <t>05/21/14 13:36:49.5</t>
  </si>
  <si>
    <t>05/21/14 13:38:38.0</t>
  </si>
  <si>
    <t>05/21/14 13:38:44.0</t>
  </si>
  <si>
    <t>05/21/14 13:40:02.0</t>
  </si>
  <si>
    <t>05/21/14 13:40:09.5</t>
  </si>
  <si>
    <t>05/21/14 13:42:54.0</t>
  </si>
  <si>
    <t>05/21/14 13:43:02.5</t>
  </si>
  <si>
    <t>05/21/14 13:44:56.0</t>
  </si>
  <si>
    <t>05/21/14 13:45:05.0</t>
  </si>
  <si>
    <t>05/21/14 13:49:06.5</t>
  </si>
  <si>
    <t>05/21/14 13:49:21.0</t>
  </si>
  <si>
    <t>05/21/14 13:51:07.0</t>
  </si>
  <si>
    <t>05/21/14 13:51:17.0</t>
  </si>
  <si>
    <t>05/21/14 13:52:17.0</t>
  </si>
  <si>
    <t>05/21/14 13:52:38.5</t>
  </si>
  <si>
    <t>05/21/14 13:53:58.5</t>
  </si>
  <si>
    <t>05/21/14 13:54:11.0</t>
  </si>
  <si>
    <t>05/21/14 13:55:33.0</t>
  </si>
  <si>
    <t>05/21/14 13:55:43.0</t>
  </si>
  <si>
    <t>05/21/14 13:57:55.0</t>
  </si>
  <si>
    <t>05/21/14 13:58:04.5</t>
  </si>
  <si>
    <t>05/21/14 14:00:16.5</t>
  </si>
  <si>
    <t>05/21/14 14:00:22.5</t>
  </si>
  <si>
    <t>05/21/14 14:01:38.0</t>
  </si>
  <si>
    <t>05/21/14 14:01:59.0</t>
  </si>
  <si>
    <t>05/21/14 14:04:40.5</t>
  </si>
  <si>
    <t>05/21/14 14:04:51.5</t>
  </si>
  <si>
    <t>05/21/14 14:06:40.0</t>
  </si>
  <si>
    <t>05/21/14 14:06:44.5</t>
  </si>
  <si>
    <t>05/21/14 14:07:38.0</t>
  </si>
  <si>
    <t>05/21/14 14:07:49.5</t>
  </si>
  <si>
    <t>05/21/14 14:08:41.0</t>
  </si>
  <si>
    <t>05/21/14 14:08:48.0</t>
  </si>
  <si>
    <t>05/21/14 14:09:46.5</t>
  </si>
  <si>
    <t>05/21/14 14:09:54.0</t>
  </si>
  <si>
    <t>05/21/14 14:11:25.0</t>
  </si>
  <si>
    <t>05/21/14 14:11:44.5</t>
  </si>
  <si>
    <t>05/21/14 14:14:42.0</t>
  </si>
  <si>
    <t>05/21/14 14:14:56.5</t>
  </si>
  <si>
    <t>05/21/14 14:18:25.0</t>
  </si>
  <si>
    <t>05/21/14 14:18:35.5</t>
  </si>
  <si>
    <t>05/21/14 14:19:54.5</t>
  </si>
  <si>
    <t>05/21/14 14:20:01.5</t>
  </si>
  <si>
    <t>05/21/14 14:20:57.0</t>
  </si>
  <si>
    <t>05/21/14 14:21:01.5</t>
  </si>
  <si>
    <t>05/21/14 14:21:46.5</t>
  </si>
  <si>
    <t>05/21/14 14:21:51.0</t>
  </si>
  <si>
    <t>05/21/14 14:22:52.0</t>
  </si>
  <si>
    <t>05/21/14 14:22:57.0</t>
  </si>
  <si>
    <t>05/21/14 14:24:41.0</t>
  </si>
  <si>
    <t>05/21/14 14:24:52.0</t>
  </si>
  <si>
    <t>05/21/14 14:26:06.5</t>
  </si>
  <si>
    <t>05/21/14 14:26:25.5</t>
  </si>
  <si>
    <t>05/21/14 14:28:26.5</t>
  </si>
  <si>
    <t>05/21/14 14:28:34.5</t>
  </si>
  <si>
    <t>05/21/14 14:30:40.5</t>
  </si>
  <si>
    <t>05/21/14 14:30:51.5</t>
  </si>
  <si>
    <t>05/21/14 14:33:50.5</t>
  </si>
  <si>
    <t>05/21/14 14:34:08.0</t>
  </si>
  <si>
    <t>05/21/14 14:35:21.0</t>
  </si>
  <si>
    <t>05/21/14 14:35:29.0</t>
  </si>
  <si>
    <t>05/21/14 14:37:25.0</t>
  </si>
  <si>
    <t>05/21/14 14:37:36.0</t>
  </si>
  <si>
    <t>05/21/14 14:38:34.5</t>
  </si>
  <si>
    <t>05/21/14 14:38:39.0</t>
  </si>
  <si>
    <t>05/21/14 14:39:33.5</t>
  </si>
  <si>
    <t>05/21/14 14:39:57.5</t>
  </si>
  <si>
    <t>05/21/14 14:40:56.0</t>
  </si>
  <si>
    <t>05/21/14 14:41:06.0</t>
  </si>
  <si>
    <t>05/21/14 14:42:53.5</t>
  </si>
  <si>
    <t>05/21/14 14:43:00.0</t>
  </si>
  <si>
    <t>05/21/14 14:44:15.0</t>
  </si>
  <si>
    <t>05/21/14 14:44:23.0</t>
  </si>
  <si>
    <t>05/21/14 14:45:15.5</t>
  </si>
  <si>
    <t>05/21/14 14:45:22.5</t>
  </si>
  <si>
    <t>05/21/14 14:46:33.0</t>
  </si>
  <si>
    <t>05/21/14 14:46:38.5</t>
  </si>
  <si>
    <t>05/21/14 14:47:27.5</t>
  </si>
  <si>
    <t>05/21/14 14:47:34.5</t>
  </si>
  <si>
    <t>05/21/14 14:48:58.5</t>
  </si>
  <si>
    <t>05/21/14 14:49:12.0</t>
  </si>
  <si>
    <t>05/21/14 14:51:27.5</t>
  </si>
  <si>
    <t>05/21/14 14:51:35.0</t>
  </si>
  <si>
    <t>05/21/14 14:52:43.0</t>
  </si>
  <si>
    <t>05/21/14 14:52:47.0</t>
  </si>
  <si>
    <t>05/21/14 14:53:59.0</t>
  </si>
  <si>
    <t>05/21/14 14:54:06.0</t>
  </si>
  <si>
    <t>05/21/14 14:55:13.0</t>
  </si>
  <si>
    <t>05/21/14 14:55:17.0</t>
  </si>
  <si>
    <t>05/21/14 14:55:55.0</t>
  </si>
  <si>
    <t>05/21/14 14:56:04.5</t>
  </si>
  <si>
    <t>05/21/14 14:56:54.5</t>
  </si>
  <si>
    <t>05/21/14 14:56:59.5</t>
  </si>
  <si>
    <t>05/21/14 14:58:43.0</t>
  </si>
  <si>
    <t>05/21/14 14:58:49.5</t>
  </si>
  <si>
    <t>05/21/14 15:01:03.0</t>
  </si>
  <si>
    <t>05/21/14 15:01:17.5</t>
  </si>
  <si>
    <t>05/21/14 15:03:08.0</t>
  </si>
  <si>
    <t>05/21/14 15:03:51.0</t>
  </si>
  <si>
    <t>05/21/14 15:05:10.5</t>
  </si>
  <si>
    <t>05/21/14 15:05:18.5</t>
  </si>
  <si>
    <t>05/21/14 15:06:18.5</t>
  </si>
  <si>
    <t>05/21/14 15:06:27.5</t>
  </si>
  <si>
    <t>05/21/14 15:09:27.5</t>
  </si>
  <si>
    <t>05/21/14 15:09:37.0</t>
  </si>
  <si>
    <t>05/21/14 15:11:32.5</t>
  </si>
  <si>
    <t>05/21/14 15:11:50.0</t>
  </si>
  <si>
    <t>05/21/14 15:12:32.0</t>
  </si>
  <si>
    <t>05/21/14 15:12:38.0</t>
  </si>
  <si>
    <t>05/21/14 15:14:55.0</t>
  </si>
  <si>
    <t>05/21/14 15:15:02.0</t>
  </si>
  <si>
    <t>05/21/14 15:16:06.0</t>
  </si>
  <si>
    <t>05/21/14 15:17:19.5</t>
  </si>
  <si>
    <t>05/21/14 15:18:53.5</t>
  </si>
  <si>
    <t>05/21/14 15:19:06.0</t>
  </si>
  <si>
    <t>05/21/14 15:22:40.0</t>
  </si>
  <si>
    <t>05/21/14 15:23:07.5</t>
  </si>
  <si>
    <t>05/21/14 15:24:27.0</t>
  </si>
  <si>
    <t>05/21/14 15:24:33.5</t>
  </si>
  <si>
    <t>05/21/14 15:26:26.5</t>
  </si>
  <si>
    <t>05/21/14 15:26:48.5</t>
  </si>
  <si>
    <t>05/21/14 15:28:29.0</t>
  </si>
  <si>
    <t>05/21/14 15:29:04.0</t>
  </si>
  <si>
    <t>05/21/14 15:30:43.5</t>
  </si>
  <si>
    <t>05/21/14 15:30:53.0</t>
  </si>
  <si>
    <t>05/21/14 15:32:02.0</t>
  </si>
  <si>
    <t>05/21/14 15:32:19.0</t>
  </si>
  <si>
    <t>05/21/14 15:34:14.0</t>
  </si>
  <si>
    <t>05/21/14 15:34:54.0</t>
  </si>
  <si>
    <t>05/21/14 15:36:16.5</t>
  </si>
  <si>
    <t>05/21/14 15:36:22.5</t>
  </si>
  <si>
    <t>05/21/14 15:38:22.0</t>
  </si>
  <si>
    <t>05/21/14 15:38:41.0</t>
  </si>
  <si>
    <t>05/21/14 15:41:18.5</t>
  </si>
  <si>
    <t>05/21/14 15:41:23.5</t>
  </si>
  <si>
    <t>05/21/14 15:43:28.0</t>
  </si>
  <si>
    <t>05/21/14 15:43:37.5</t>
  </si>
  <si>
    <t>05/21/14 15:45:02.0</t>
  </si>
  <si>
    <t>05/21/14 15:45:08.5</t>
  </si>
  <si>
    <t>05/21/14 15:46:12.0</t>
  </si>
  <si>
    <t>05/21/14 15:46:23.5</t>
  </si>
  <si>
    <t>05/21/14 15:49:36.0</t>
  </si>
  <si>
    <t>05/21/14 15:49:40.5</t>
  </si>
  <si>
    <t>05/21/14 15:50:57.0</t>
  </si>
  <si>
    <t>05/21/14 15:51:16.5</t>
  </si>
  <si>
    <t>05/21/14 15:54:24.0</t>
  </si>
  <si>
    <t>05/21/14 15:54:43.0</t>
  </si>
  <si>
    <t>05/21/14 15:57:04.5</t>
  </si>
  <si>
    <t>05/21/14 15:57:11.5</t>
  </si>
  <si>
    <t>05/21/14 15:59:43.5</t>
  </si>
  <si>
    <t>05/21/14 15:59:52.0</t>
  </si>
  <si>
    <t>05/21/14 16:01:49.5</t>
  </si>
  <si>
    <t>05/21/14 16:01:59.0</t>
  </si>
  <si>
    <t>05/21/14 16:03:51.5</t>
  </si>
  <si>
    <t>05/21/14 16:03:59.5</t>
  </si>
  <si>
    <t>05/21/14 16:05:15.5</t>
  </si>
  <si>
    <t>05/21/14 16:05:29.5</t>
  </si>
  <si>
    <t>05/21/14 16:06:50.5</t>
  </si>
  <si>
    <t>05/21/14 16:06:56.5</t>
  </si>
  <si>
    <t>05/21/14 16:09:13.0</t>
  </si>
  <si>
    <t>05/21/14 16:09:20.0</t>
  </si>
  <si>
    <t>05/21/14 16:13:25.0</t>
  </si>
  <si>
    <t>05/21/14 16:13:39.0</t>
  </si>
  <si>
    <t>05/21/14 16:15:14.5</t>
  </si>
  <si>
    <t>05/21/14 16:15:21.5</t>
  </si>
  <si>
    <t>05/21/14 16:16:45.0</t>
  </si>
  <si>
    <t>05/21/14 16:16:55.0</t>
  </si>
  <si>
    <t>05/21/14 16:21:36.0</t>
  </si>
  <si>
    <t>05/21/14 16:22:07.5</t>
  </si>
  <si>
    <t>05/21/14 16:23:08.5</t>
  </si>
  <si>
    <t>05/21/14 16:23:16.5</t>
  </si>
  <si>
    <t>05/21/14 16:25:40.0</t>
  </si>
  <si>
    <t>05/21/14 16:26:01.0</t>
  </si>
  <si>
    <t>05/21/14 16:28:07.5</t>
  </si>
  <si>
    <t>05/21/14 16:28:13.0</t>
  </si>
  <si>
    <t>05/21/14 16:29:39.5</t>
  </si>
  <si>
    <t>05/21/14 16:29:45.0</t>
  </si>
  <si>
    <t>05/21/14 16:32:26.0</t>
  </si>
  <si>
    <t>05/21/14 16:32:39.5</t>
  </si>
  <si>
    <t>05/21/14 16:34:14.5</t>
  </si>
  <si>
    <t>05/21/14 16:34:19.5</t>
  </si>
  <si>
    <t>05/21/14 16:36:11.0</t>
  </si>
  <si>
    <t>05/21/14 16:36:21.5</t>
  </si>
  <si>
    <t>05/21/14 16:37:58.5</t>
  </si>
  <si>
    <t>05/21/14 16:38:05.0</t>
  </si>
  <si>
    <t>05/21/14 16:40:40.0</t>
  </si>
  <si>
    <t>05/21/14 16:40:52.5</t>
  </si>
  <si>
    <t>05/21/14 16:42:21.5</t>
  </si>
  <si>
    <t>05/21/14 16:42:33.0</t>
  </si>
  <si>
    <t>05/21/14 16:44:33.5</t>
  </si>
  <si>
    <t>05/21/14 16:44:40.5</t>
  </si>
  <si>
    <t>05/21/14 16:45:36.5</t>
  </si>
  <si>
    <t>05/21/14 16:45:46.5</t>
  </si>
  <si>
    <t>05/21/14 16:47:10.5</t>
  </si>
  <si>
    <t>05/21/14 16:47:16.5</t>
  </si>
  <si>
    <t>05/21/14 16:48:41.0</t>
  </si>
  <si>
    <t>05/21/14 16:48:47.0</t>
  </si>
  <si>
    <t>05/21/14 16:50:34.5</t>
  </si>
  <si>
    <t>05/21/14 16:50:45.0</t>
  </si>
  <si>
    <t>05/21/14 16:53:50.0</t>
  </si>
  <si>
    <t>05/21/14 16:54:03.0</t>
  </si>
  <si>
    <t>05/21/14 16:55:34.0</t>
  </si>
  <si>
    <t>05/21/14 16:55:45.0</t>
  </si>
  <si>
    <t>05/21/14 16:57:38.0</t>
  </si>
  <si>
    <t>05/21/14 16:58:35.0</t>
  </si>
  <si>
    <t>05/21/14 17:02:18.0</t>
  </si>
  <si>
    <t>05/21/14 17:02:43.5</t>
  </si>
  <si>
    <t>05/21/14 17:03:34.0</t>
  </si>
  <si>
    <t>05/21/14 17:03:41.0</t>
  </si>
  <si>
    <t>05/21/14 17:06:26.5</t>
  </si>
  <si>
    <t>05/21/14 17:07:24.5</t>
  </si>
  <si>
    <t>05/21/14 17:08:22.5</t>
  </si>
  <si>
    <t>05/21/14 17:08:27.5</t>
  </si>
  <si>
    <t>05/21/14 17:09:38.0</t>
  </si>
  <si>
    <t>05/21/14 17:10:01.0</t>
  </si>
  <si>
    <t>05/21/14 17:11:13.5</t>
  </si>
  <si>
    <t>05/21/14 17:11:20.0</t>
  </si>
  <si>
    <t>05/21/14 17:12:28.0</t>
  </si>
  <si>
    <t>05/21/14 17:12:32.5</t>
  </si>
  <si>
    <t>05/21/14 17:13:47.0</t>
  </si>
  <si>
    <t>05/21/14 17:13:54.0</t>
  </si>
  <si>
    <t>05/21/14 17:16:43.5</t>
  </si>
  <si>
    <t>05/21/14 17:16:50.0</t>
  </si>
  <si>
    <t>05/21/14 17:17:17.5</t>
  </si>
  <si>
    <t>05/21/14 17:17:22.0</t>
  </si>
  <si>
    <t>05/21/14 17:17:56.0</t>
  </si>
  <si>
    <t>05/21/14 17:17:59.5</t>
  </si>
  <si>
    <t>05/21/14 17:19:00.0</t>
  </si>
  <si>
    <t>05/21/14 17:19:11.0</t>
  </si>
  <si>
    <t>05/21/14 17:20:17.5</t>
  </si>
  <si>
    <t>05/21/14 17:20:23.5</t>
  </si>
  <si>
    <t>05/21/14 17:21:53.5</t>
  </si>
  <si>
    <t>05/21/14 17:22:21.5</t>
  </si>
  <si>
    <t>05/21/14 17:24:35.0</t>
  </si>
  <si>
    <t>05/21/14 17:24:42.5</t>
  </si>
  <si>
    <t>05/21/14 17:25:51.0</t>
  </si>
  <si>
    <t>05/21/14 17:26:01.0</t>
  </si>
  <si>
    <t>05/21/14 17:27:37.5</t>
  </si>
  <si>
    <t>05/21/14 17:27:45.5</t>
  </si>
  <si>
    <t>05/21/14 17:28:46.5</t>
  </si>
  <si>
    <t>05/21/14 17:28:54.0</t>
  </si>
  <si>
    <t>05/21/14 17:30:00.5</t>
  </si>
  <si>
    <t>05/21/14 17:30:03.5</t>
  </si>
  <si>
    <t>05/21/14 17:31:08.0</t>
  </si>
  <si>
    <t>05/21/14 17:31:14.0</t>
  </si>
  <si>
    <t>05/21/14 17:32:18.5</t>
  </si>
  <si>
    <t>05/21/14 17:32:54.5</t>
  </si>
  <si>
    <t>05/21/14 17:34:12.0</t>
  </si>
  <si>
    <t>05/21/14 17:34:19.0</t>
  </si>
  <si>
    <t>05/21/14 17:35:42.0</t>
  </si>
  <si>
    <t>05/21/14 17:35:50.5</t>
  </si>
  <si>
    <t>05/21/14 17:37:13.0</t>
  </si>
  <si>
    <t>05/21/14 17:37:17.5</t>
  </si>
  <si>
    <t>05/21/14 17:38:09.5</t>
  </si>
  <si>
    <t>05/21/14 17:38:18.0</t>
  </si>
  <si>
    <t>05/21/14 17:39:31.5</t>
  </si>
  <si>
    <t>05/21/14 17:39:36.5</t>
  </si>
  <si>
    <t>05/21/14 17:41:18.0</t>
  </si>
  <si>
    <t>05/21/14 17:41:27.0</t>
  </si>
  <si>
    <t>05/21/14 17:42:41.0</t>
  </si>
  <si>
    <t>05/21/14 17:42:47.0</t>
  </si>
  <si>
    <t>05/21/14 17:44:57.0</t>
  </si>
  <si>
    <t>05/21/14 17:45:03.0</t>
  </si>
  <si>
    <t>05/21/14 17:46:22.5</t>
  </si>
  <si>
    <t>05/21/14 17:46:29.5</t>
  </si>
  <si>
    <t>05/21/14 17:47:18.5</t>
  </si>
  <si>
    <t>05/21/14 17:47:25.0</t>
  </si>
  <si>
    <t>05/21/14 17:48:49.5</t>
  </si>
  <si>
    <t>05/21/14 17:48:58.0</t>
  </si>
  <si>
    <t>05/21/14 17:49:50.0</t>
  </si>
  <si>
    <t>05/21/14 17:49:56.0</t>
  </si>
  <si>
    <t>05/21/14 17:51:05.5</t>
  </si>
  <si>
    <t>05/21/14 17:51:16.0</t>
  </si>
  <si>
    <t>05/21/14 17:52:19.5</t>
  </si>
  <si>
    <t>05/21/14 17:52:26.5</t>
  </si>
  <si>
    <t>05/21/14 17:54:49.5</t>
  </si>
  <si>
    <t>05/21/14 17:54:58.0</t>
  </si>
  <si>
    <t>05/21/14 17:55:31.5</t>
  </si>
  <si>
    <t>05/21/14 17:55:35.0</t>
  </si>
  <si>
    <t>05/21/14 17:56:44.0</t>
  </si>
  <si>
    <t>05/21/14 17:56:51.0</t>
  </si>
  <si>
    <t>05/21/14 17:57:23.5</t>
  </si>
  <si>
    <t>05/21/14 17:57:29.0</t>
  </si>
  <si>
    <t>05/21/14 17:58:28.5</t>
  </si>
  <si>
    <t>05/21/14 17:58:35.5</t>
  </si>
  <si>
    <t>05/21/14 17:59:42.0</t>
  </si>
  <si>
    <t>05/21/14 17:59:50.5</t>
  </si>
  <si>
    <t>05/21/14 18:00:37.0</t>
  </si>
  <si>
    <t>05/21/14 18:00:43.5</t>
  </si>
  <si>
    <t>05/21/14 18:01:44.5</t>
  </si>
  <si>
    <t>05/21/14 18:01:53.0</t>
  </si>
  <si>
    <t>05/21/14 18:03:01.5</t>
  </si>
  <si>
    <t>05/21/14 18:03:09.0</t>
  </si>
  <si>
    <t>05/21/14 18:04:37.5</t>
  </si>
  <si>
    <t>05/21/14 18:04:44.5</t>
  </si>
  <si>
    <t>05/21/14 18:06:00.5</t>
  </si>
  <si>
    <t>05/21/14 18:06:05.5</t>
  </si>
  <si>
    <t>05/21/14 18:08:25.5</t>
  </si>
  <si>
    <t>05/21/14 18:08:38.5</t>
  </si>
  <si>
    <t>05/21/14 18:10:12.0</t>
  </si>
  <si>
    <t>05/21/14 18:10:18.5</t>
  </si>
  <si>
    <t>05/21/14 18:11:56.5</t>
  </si>
  <si>
    <t>05/21/14 18:12:03.0</t>
  </si>
  <si>
    <t>05/21/14 18:13:00.0</t>
  </si>
  <si>
    <t>05/21/14 18:13:08.0</t>
  </si>
  <si>
    <t>05/21/14 18:14:14.0</t>
  </si>
  <si>
    <t>05/21/14 18:14:25.0</t>
  </si>
  <si>
    <t>05/21/14 18:16:15.0</t>
  </si>
  <si>
    <t>05/21/14 18:16:20.0</t>
  </si>
  <si>
    <t>05/21/14 18:17:36.0</t>
  </si>
  <si>
    <t>05/21/14 18:17:43.0</t>
  </si>
  <si>
    <t>05/21/14 18:20:06.0</t>
  </si>
  <si>
    <t>05/21/14 18:20:13.0</t>
  </si>
  <si>
    <t>05/21/14 18:20:51.0</t>
  </si>
  <si>
    <t>05/21/14 18:20:58.0</t>
  </si>
  <si>
    <t>05/21/14 18:23:20.5</t>
  </si>
  <si>
    <t>05/21/14 18:23:31.5</t>
  </si>
  <si>
    <t>05/21/14 18:24:56.5</t>
  </si>
  <si>
    <t>05/21/14 18:25:12.5</t>
  </si>
  <si>
    <t>05/21/14 18:28:42.5</t>
  </si>
  <si>
    <t>05/21/14 18:28:48.5</t>
  </si>
  <si>
    <t>05/21/14 18:29:52.5</t>
  </si>
  <si>
    <t>05/21/14 18:30:02.0</t>
  </si>
  <si>
    <t>05/21/14 18:31:58.0</t>
  </si>
  <si>
    <t>05/21/14 18:32:12.5</t>
  </si>
  <si>
    <t>05/21/14 18:34:27.5</t>
  </si>
  <si>
    <t>05/21/14 18:34:36.0</t>
  </si>
  <si>
    <t>05/21/14 18:36:31.5</t>
  </si>
  <si>
    <t>05/21/14 18:36:40.0</t>
  </si>
  <si>
    <t>05/21/14 18:39:10.5</t>
  </si>
  <si>
    <t>05/21/14 18:39:19.0</t>
  </si>
  <si>
    <t>05/21/14 18:40:36.5</t>
  </si>
  <si>
    <t>05/21/14 18:40:41.5</t>
  </si>
  <si>
    <t>05/21/14 18:41:32.5</t>
  </si>
  <si>
    <t>05/21/14 18:41:55.5</t>
  </si>
  <si>
    <t>05/21/14 18:42:57.0</t>
  </si>
  <si>
    <t>05/21/14 18:43:05.5</t>
  </si>
  <si>
    <t>05/21/14 18:44:42.0</t>
  </si>
  <si>
    <t>05/21/14 18:44:48.0</t>
  </si>
  <si>
    <t>05/21/14 18:47:50.0</t>
  </si>
  <si>
    <t>05/21/14 18:47:56.5</t>
  </si>
  <si>
    <t>05/21/14 18:50:26.0</t>
  </si>
  <si>
    <t>05/21/14 18:50:33.0</t>
  </si>
  <si>
    <t>05/21/14 18:52:07.0</t>
  </si>
  <si>
    <t>05/21/14 18:52:18.0</t>
  </si>
  <si>
    <t>05/21/14 18:54:34.0</t>
  </si>
  <si>
    <t>05/21/14 18:54:47.5</t>
  </si>
  <si>
    <t>05/21/14 18:56:48.0</t>
  </si>
  <si>
    <t>05/21/14 18:56:58.0</t>
  </si>
  <si>
    <t>05/21/14 18:58:58.5</t>
  </si>
  <si>
    <t>05/21/14 18:59:58.5</t>
  </si>
  <si>
    <t>05/21/14 19:01:30.0</t>
  </si>
  <si>
    <t>05/21/14 19:02:07.5</t>
  </si>
  <si>
    <t>05/21/14 19:10:31.5</t>
  </si>
  <si>
    <t>05/21/14 19:11:42.5</t>
  </si>
  <si>
    <t>05/21/14 19:20:43.5</t>
  </si>
  <si>
    <t>05/21/14 19:21:04.5</t>
  </si>
  <si>
    <t>05/21/14 19:22:24.5</t>
  </si>
  <si>
    <t>05/21/14 19:22:38.5</t>
  </si>
  <si>
    <t>05/21/14 19:26:24.0</t>
  </si>
  <si>
    <t>05/21/14 19:26:29.5</t>
  </si>
  <si>
    <t>05/21/14 19:34:58.5</t>
  </si>
  <si>
    <t>05/21/14 19:35:40.5</t>
  </si>
  <si>
    <t>05/21/14 19:42:40.5</t>
  </si>
  <si>
    <t>05/21/14 19:43:01.5</t>
  </si>
  <si>
    <t>05/21/14 19:47:43.0</t>
  </si>
  <si>
    <t>05/21/14 19:47:52.5</t>
  </si>
  <si>
    <t>05/21/14 19:50:23.5</t>
  </si>
  <si>
    <t>05/21/14 19:50:35.5</t>
  </si>
  <si>
    <t>05/21/14 20:05:31.0</t>
  </si>
  <si>
    <t>05/21/14 20:05:51.0</t>
  </si>
  <si>
    <t>05/21/14 20:22:24.0</t>
  </si>
  <si>
    <t>05/21/14 20:22:36.5</t>
  </si>
  <si>
    <t>05/21/14 22:03:49.0</t>
  </si>
  <si>
    <t>05/21/14 22:20:33.0</t>
  </si>
  <si>
    <t>05/22/14 08:28:22.5</t>
  </si>
  <si>
    <t>05/22/14 08:28:33.0</t>
  </si>
  <si>
    <t>05/22/14 08:45:07.0</t>
  </si>
  <si>
    <t>05/22/14 08:51:01.0</t>
  </si>
  <si>
    <t>05/22/14 08:59:21.0</t>
  </si>
  <si>
    <t>05/22/14 08:59:33.0</t>
  </si>
  <si>
    <t>05/22/14 09:09:35.5</t>
  </si>
  <si>
    <t>05/22/14 09:09:58.5</t>
  </si>
  <si>
    <t>05/22/14 09:20:39.0</t>
  </si>
  <si>
    <t>05/22/14 09:20:50.0</t>
  </si>
  <si>
    <t>05/22/14 09:27:12.0</t>
  </si>
  <si>
    <t>05/22/14 09:27:52.5</t>
  </si>
  <si>
    <t>05/22/14 09:37:19.0</t>
  </si>
  <si>
    <t>05/22/14 09:37:57.5</t>
  </si>
  <si>
    <t>05/22/14 09:41:02.5</t>
  </si>
  <si>
    <t>05/22/14 09:41:12.0</t>
  </si>
  <si>
    <t>05/22/14 09:49:28.0</t>
  </si>
  <si>
    <t>05/22/14 09:49:54.0</t>
  </si>
  <si>
    <t>05/22/14 09:55:08.0</t>
  </si>
  <si>
    <t>05/22/14 09:57:53.0</t>
  </si>
  <si>
    <t>05/22/14 10:02:33.5</t>
  </si>
  <si>
    <t>05/22/14 10:03:44.5</t>
  </si>
  <si>
    <t>05/22/14 10:10:08.0</t>
  </si>
  <si>
    <t>05/22/14 10:10:26.5</t>
  </si>
  <si>
    <t>05/22/14 10:14:12.5</t>
  </si>
  <si>
    <t>05/22/14 10:15:32.0</t>
  </si>
  <si>
    <t>05/22/14 10:19:49.0</t>
  </si>
  <si>
    <t>05/22/14 10:20:10.0</t>
  </si>
  <si>
    <t>05/22/14 10:20:59.5</t>
  </si>
  <si>
    <t>05/22/14 10:21:08.0</t>
  </si>
  <si>
    <t>05/22/14 10:21:59.5</t>
  </si>
  <si>
    <t>05/22/14 10:22:04.0</t>
  </si>
  <si>
    <t>05/22/14 10:22:37.0</t>
  </si>
  <si>
    <t>05/22/14 10:22:47.5</t>
  </si>
  <si>
    <t>05/22/14 10:24:20.5</t>
  </si>
  <si>
    <t>05/22/14 10:24:26.0</t>
  </si>
  <si>
    <t>05/22/14 10:25:07.0</t>
  </si>
  <si>
    <t>05/22/14 10:25:12.0</t>
  </si>
  <si>
    <t>05/22/14 10:26:21.5</t>
  </si>
  <si>
    <t>05/22/14 10:26:27.5</t>
  </si>
  <si>
    <t>05/22/14 10:27:53.5</t>
  </si>
  <si>
    <t>05/22/14 10:28:07.0</t>
  </si>
  <si>
    <t>05/22/14 10:31:39.0</t>
  </si>
  <si>
    <t>05/22/14 10:32:04.5</t>
  </si>
  <si>
    <t>05/22/14 10:34:52.0</t>
  </si>
  <si>
    <t>05/22/14 10:35:00.0</t>
  </si>
  <si>
    <t>05/22/14 10:36:59.5</t>
  </si>
  <si>
    <t>05/22/14 10:37:05.0</t>
  </si>
  <si>
    <t>05/22/14 10:38:04.5</t>
  </si>
  <si>
    <t>05/22/14 10:38:13.5</t>
  </si>
  <si>
    <t>05/22/14 10:40:17.5</t>
  </si>
  <si>
    <t>05/22/14 10:40:30.5</t>
  </si>
  <si>
    <t>05/22/14 10:43:54.5</t>
  </si>
  <si>
    <t>05/22/14 10:44:29.5</t>
  </si>
  <si>
    <t>05/22/14 10:46:39.5</t>
  </si>
  <si>
    <t>05/22/14 10:46:46.0</t>
  </si>
  <si>
    <t>05/22/14 10:48:27.5</t>
  </si>
  <si>
    <t>05/22/14 10:48:36.0</t>
  </si>
  <si>
    <t>05/22/14 10:50:12.0</t>
  </si>
  <si>
    <t>05/22/14 10:50:20.0</t>
  </si>
  <si>
    <t>05/22/14 10:51:22.0</t>
  </si>
  <si>
    <t>05/22/14 10:51:31.5</t>
  </si>
  <si>
    <t>05/22/14 10:53:38.5</t>
  </si>
  <si>
    <t>05/22/14 10:53:49.5</t>
  </si>
  <si>
    <t>05/22/14 10:56:43.5</t>
  </si>
  <si>
    <t>05/22/14 10:56:56.5</t>
  </si>
  <si>
    <t>05/22/14 10:58:18.0</t>
  </si>
  <si>
    <t>05/22/14 10:58:25.0</t>
  </si>
  <si>
    <t>05/22/14 10:59:38.0</t>
  </si>
  <si>
    <t>05/22/14 10:59:58.0</t>
  </si>
  <si>
    <t>05/22/14 11:02:15.5</t>
  </si>
  <si>
    <t>05/22/14 11:02:20.5</t>
  </si>
  <si>
    <t>05/22/14 11:04:01.5</t>
  </si>
  <si>
    <t>05/22/14 11:04:11.0</t>
  </si>
  <si>
    <t>05/22/14 11:06:15.5</t>
  </si>
  <si>
    <t>05/22/14 11:06:21.5</t>
  </si>
  <si>
    <t>05/22/14 11:07:07.5</t>
  </si>
  <si>
    <t>05/22/14 11:07:13.0</t>
  </si>
  <si>
    <t>05/22/14 11:08:34.5</t>
  </si>
  <si>
    <t>05/22/14 11:08:42.0</t>
  </si>
  <si>
    <t>05/22/14 11:09:57.5</t>
  </si>
  <si>
    <t>05/22/14 11:10:06.0</t>
  </si>
  <si>
    <t>05/22/14 11:11:21.5</t>
  </si>
  <si>
    <t>05/22/14 11:11:31.5</t>
  </si>
  <si>
    <t>05/22/14 11:13:10.5</t>
  </si>
  <si>
    <t>05/22/14 11:13:16.0</t>
  </si>
  <si>
    <t>05/22/14 11:14:10.5</t>
  </si>
  <si>
    <t>05/22/14 11:14:17.5</t>
  </si>
  <si>
    <t>05/22/14 11:15:37.0</t>
  </si>
  <si>
    <t>05/22/14 11:15:41.0</t>
  </si>
  <si>
    <t>05/22/14 11:17:10.5</t>
  </si>
  <si>
    <t>05/22/14 11:17:50.0</t>
  </si>
  <si>
    <t>05/22/14 11:19:10.5</t>
  </si>
  <si>
    <t>05/22/14 11:19:14.5</t>
  </si>
  <si>
    <t>05/22/14 11:19:56.0</t>
  </si>
  <si>
    <t>05/22/14 11:20:05.5</t>
  </si>
  <si>
    <t>05/22/14 11:22:05.0</t>
  </si>
  <si>
    <t>05/22/14 11:22:17.5</t>
  </si>
  <si>
    <t>05/22/14 11:23:50.5</t>
  </si>
  <si>
    <t>05/22/14 11:24:27.5</t>
  </si>
  <si>
    <t>05/22/14 11:26:25.5</t>
  </si>
  <si>
    <t>05/22/14 11:26:34.0</t>
  </si>
  <si>
    <t>05/22/14 11:28:19.0</t>
  </si>
  <si>
    <t>05/22/14 11:28:26.5</t>
  </si>
  <si>
    <t>05/22/14 11:30:16.0</t>
  </si>
  <si>
    <t>05/22/14 11:30:21.5</t>
  </si>
  <si>
    <t>05/22/14 11:32:04.5</t>
  </si>
  <si>
    <t>05/22/14 11:32:13.0</t>
  </si>
  <si>
    <t>05/22/14 11:33:32.5</t>
  </si>
  <si>
    <t>05/22/14 11:33:41.0</t>
  </si>
  <si>
    <t>05/22/14 11:34:50.5</t>
  </si>
  <si>
    <t>05/22/14 11:34:56.5</t>
  </si>
  <si>
    <t>05/22/14 11:36:53.5</t>
  </si>
  <si>
    <t>05/22/14 11:37:07.0</t>
  </si>
  <si>
    <t>05/22/14 11:39:32.0</t>
  </si>
  <si>
    <t>05/22/14 11:39:38.0</t>
  </si>
  <si>
    <t>05/22/14 11:40:42.0</t>
  </si>
  <si>
    <t>05/22/14 11:40:51.5</t>
  </si>
  <si>
    <t>05/22/14 11:41:42.0</t>
  </si>
  <si>
    <t>05/22/14 11:41:49.5</t>
  </si>
  <si>
    <t>05/22/14 11:43:50.0</t>
  </si>
  <si>
    <t>05/22/14 11:43:59.0</t>
  </si>
  <si>
    <t>05/22/14 11:45:15.0</t>
  </si>
  <si>
    <t>05/22/14 11:45:24.5</t>
  </si>
  <si>
    <t>05/22/14 11:47:08.5</t>
  </si>
  <si>
    <t>05/22/14 11:47:17.5</t>
  </si>
  <si>
    <t>05/22/14 11:49:40.5</t>
  </si>
  <si>
    <t>05/22/14 11:50:08.5</t>
  </si>
  <si>
    <t>05/22/14 11:52:10.0</t>
  </si>
  <si>
    <t>05/22/14 11:52:17.0</t>
  </si>
  <si>
    <t>05/22/14 11:53:34.0</t>
  </si>
  <si>
    <t>05/22/14 11:53:47.0</t>
  </si>
  <si>
    <t>05/22/14 11:55:23.5</t>
  </si>
  <si>
    <t>05/22/14 11:55:46.5</t>
  </si>
  <si>
    <t>05/22/14 11:57:37.5</t>
  </si>
  <si>
    <t>05/22/14 11:57:44.0</t>
  </si>
  <si>
    <t>05/22/14 11:58:43.0</t>
  </si>
  <si>
    <t>05/22/14 11:58:49.0</t>
  </si>
  <si>
    <t>05/22/14 12:00:23.0</t>
  </si>
  <si>
    <t>05/22/14 12:00:37.5</t>
  </si>
  <si>
    <t>05/22/14 12:01:51.5</t>
  </si>
  <si>
    <t>05/22/14 12:02:00.5</t>
  </si>
  <si>
    <t>05/22/14 12:05:07.0</t>
  </si>
  <si>
    <t>05/22/14 12:05:17.5</t>
  </si>
  <si>
    <t>05/22/14 12:06:07.5</t>
  </si>
  <si>
    <t>05/22/14 12:06:16.5</t>
  </si>
  <si>
    <t>05/22/14 12:07:40.0</t>
  </si>
  <si>
    <t>05/22/14 12:07:44.5</t>
  </si>
  <si>
    <t>05/22/14 12:08:53.5</t>
  </si>
  <si>
    <t>05/22/14 12:09:01.0</t>
  </si>
  <si>
    <t>05/22/14 12:11:34.0</t>
  </si>
  <si>
    <t>05/22/14 12:11:42.5</t>
  </si>
  <si>
    <t>05/22/14 12:12:55.5</t>
  </si>
  <si>
    <t>05/22/14 12:13:16.5</t>
  </si>
  <si>
    <t>05/22/14 12:15:33.5</t>
  </si>
  <si>
    <t>05/22/14 12:15:58.0</t>
  </si>
  <si>
    <t>05/22/14 12:16:43.5</t>
  </si>
  <si>
    <t>05/22/14 12:16:51.5</t>
  </si>
  <si>
    <t>05/22/14 12:17:58.5</t>
  </si>
  <si>
    <t>05/22/14 12:18:04.5</t>
  </si>
  <si>
    <t>05/22/14 12:19:36.5</t>
  </si>
  <si>
    <t>05/22/14 12:19:42.5</t>
  </si>
  <si>
    <t>05/22/14 12:20:44.0</t>
  </si>
  <si>
    <t>05/22/14 12:20:49.0</t>
  </si>
  <si>
    <t>05/22/14 12:22:31.0</t>
  </si>
  <si>
    <t>05/22/14 12:22:37.5</t>
  </si>
  <si>
    <t>05/22/14 12:23:36.5</t>
  </si>
  <si>
    <t>05/22/14 12:23:44.0</t>
  </si>
  <si>
    <t>05/22/14 12:25:15.0</t>
  </si>
  <si>
    <t>05/22/14 12:25:22.5</t>
  </si>
  <si>
    <t>05/22/14 12:26:28.0</t>
  </si>
  <si>
    <t>05/22/14 12:26:36.0</t>
  </si>
  <si>
    <t>05/22/14 12:27:56.5</t>
  </si>
  <si>
    <t>05/22/14 12:28:10.0</t>
  </si>
  <si>
    <t>05/22/14 12:29:09.5</t>
  </si>
  <si>
    <t>05/22/14 12:29:14.0</t>
  </si>
  <si>
    <t>05/22/14 12:30:05.0</t>
  </si>
  <si>
    <t>05/22/14 12:30:11.5</t>
  </si>
  <si>
    <t>05/22/14 12:31:01.0</t>
  </si>
  <si>
    <t>05/22/14 12:31:05.0</t>
  </si>
  <si>
    <t>05/22/14 12:31:59.0</t>
  </si>
  <si>
    <t>05/22/14 12:32:03.5</t>
  </si>
  <si>
    <t>05/22/14 12:33:01.0</t>
  </si>
  <si>
    <t>05/22/14 12:33:15.5</t>
  </si>
  <si>
    <t>05/22/14 12:35:50.5</t>
  </si>
  <si>
    <t>05/22/14 12:35:56.5</t>
  </si>
  <si>
    <t>05/22/14 12:37:04.0</t>
  </si>
  <si>
    <t>05/22/14 12:37:07.5</t>
  </si>
  <si>
    <t>05/22/14 12:37:48.0</t>
  </si>
  <si>
    <t>05/22/14 12:37:57.5</t>
  </si>
  <si>
    <t>05/22/14 12:38:42.0</t>
  </si>
  <si>
    <t>05/22/14 12:38:47.0</t>
  </si>
  <si>
    <t>05/22/14 12:39:41.0</t>
  </si>
  <si>
    <t>05/22/14 12:39:49.0</t>
  </si>
  <si>
    <t>05/22/14 12:40:44.0</t>
  </si>
  <si>
    <t>05/22/14 12:40:58.5</t>
  </si>
  <si>
    <t>05/22/14 12:43:06.5</t>
  </si>
  <si>
    <t>05/22/14 12:43:14.5</t>
  </si>
  <si>
    <t>05/22/14 12:44:06.0</t>
  </si>
  <si>
    <t>05/22/14 12:44:10.5</t>
  </si>
  <si>
    <t>05/22/14 12:45:23.5</t>
  </si>
  <si>
    <t>05/22/14 12:45:29.0</t>
  </si>
  <si>
    <t>05/22/14 12:46:19.0</t>
  </si>
  <si>
    <t>05/22/14 12:46:29.0</t>
  </si>
  <si>
    <t>05/22/14 12:47:53.0</t>
  </si>
  <si>
    <t>05/22/14 12:48:11.5</t>
  </si>
  <si>
    <t>05/22/14 12:49:57.0</t>
  </si>
  <si>
    <t>05/22/14 12:50:06.0</t>
  </si>
  <si>
    <t>05/22/14 12:50:47.5</t>
  </si>
  <si>
    <t>05/22/14 12:50:52.5</t>
  </si>
  <si>
    <t>05/22/14 12:51:43.5</t>
  </si>
  <si>
    <t>05/22/14 12:51:49.0</t>
  </si>
  <si>
    <t>05/22/14 12:52:31.5</t>
  </si>
  <si>
    <t>05/22/14 12:52:35.0</t>
  </si>
  <si>
    <t>05/22/14 12:53:12.0</t>
  </si>
  <si>
    <t>05/22/14 12:53:16.5</t>
  </si>
  <si>
    <t>05/22/14 12:54:11.5</t>
  </si>
  <si>
    <t>05/22/14 12:54:17.5</t>
  </si>
  <si>
    <t>05/22/14 12:55:12.5</t>
  </si>
  <si>
    <t>05/22/14 12:55:17.0</t>
  </si>
  <si>
    <t>05/22/14 12:56:17.5</t>
  </si>
  <si>
    <t>05/22/14 12:56:25.5</t>
  </si>
  <si>
    <t>05/22/14 12:58:18.0</t>
  </si>
  <si>
    <t>05/22/14 12:58:38.0</t>
  </si>
  <si>
    <t>05/22/14 13:00:01.5</t>
  </si>
  <si>
    <t>05/22/14 13:00:12.0</t>
  </si>
  <si>
    <t>05/22/14 13:00:56.5</t>
  </si>
  <si>
    <t>05/22/14 13:01:05.5</t>
  </si>
  <si>
    <t>05/22/14 13:02:12.0</t>
  </si>
  <si>
    <t>05/22/14 13:02:21.0</t>
  </si>
  <si>
    <t>05/22/14 13:03:53.0</t>
  </si>
  <si>
    <t>05/22/14 13:04:06.5</t>
  </si>
  <si>
    <t>05/22/14 13:05:09.0</t>
  </si>
  <si>
    <t>05/22/14 13:05:30.0</t>
  </si>
  <si>
    <t>05/22/14 13:06:27.5</t>
  </si>
  <si>
    <t>05/22/14 13:06:32.5</t>
  </si>
  <si>
    <t>05/22/14 13:07:21.5</t>
  </si>
  <si>
    <t>05/22/14 13:07:38.0</t>
  </si>
  <si>
    <t>05/22/14 13:08:36.0</t>
  </si>
  <si>
    <t>05/22/14 13:08:42.5</t>
  </si>
  <si>
    <t>05/22/14 13:09:27.5</t>
  </si>
  <si>
    <t>05/22/14 13:09:33.5</t>
  </si>
  <si>
    <t>05/22/14 13:10:42.5</t>
  </si>
  <si>
    <t>05/22/14 13:10:52.5</t>
  </si>
  <si>
    <t>05/22/14 13:12:48.0</t>
  </si>
  <si>
    <t>05/22/14 13:12:55.5</t>
  </si>
  <si>
    <t>05/22/14 13:14:33.0</t>
  </si>
  <si>
    <t>05/22/14 13:14:42.5</t>
  </si>
  <si>
    <t>05/22/14 13:16:16.0</t>
  </si>
  <si>
    <t>05/22/14 13:16:22.0</t>
  </si>
  <si>
    <t>05/22/14 13:17:40.0</t>
  </si>
  <si>
    <t>05/22/14 13:17:47.0</t>
  </si>
  <si>
    <t>05/22/14 13:18:56.0</t>
  </si>
  <si>
    <t>05/22/14 13:19:04.0</t>
  </si>
  <si>
    <t>05/22/14 13:20:04.0</t>
  </si>
  <si>
    <t>05/22/14 13:20:13.5</t>
  </si>
  <si>
    <t>05/22/14 13:20:55.0</t>
  </si>
  <si>
    <t>05/22/14 13:21:01.0</t>
  </si>
  <si>
    <t>05/22/14 13:22:35.0</t>
  </si>
  <si>
    <t>05/22/14 13:22:45.0</t>
  </si>
  <si>
    <t>05/22/14 13:23:43.5</t>
  </si>
  <si>
    <t>05/22/14 13:23:52.5</t>
  </si>
  <si>
    <t>05/22/14 13:24:39.5</t>
  </si>
  <si>
    <t>05/22/14 13:24:47.0</t>
  </si>
  <si>
    <t>05/22/14 13:25:44.5</t>
  </si>
  <si>
    <t>05/22/14 13:25:51.0</t>
  </si>
  <si>
    <t>05/22/14 13:27:36.0</t>
  </si>
  <si>
    <t>05/22/14 13:27:47.5</t>
  </si>
  <si>
    <t>05/22/14 13:29:06.5</t>
  </si>
  <si>
    <t>05/22/14 13:29:13.0</t>
  </si>
  <si>
    <t>05/22/14 13:30:08.0</t>
  </si>
  <si>
    <t>05/22/14 13:30:16.0</t>
  </si>
  <si>
    <t>05/22/14 13:31:14.5</t>
  </si>
  <si>
    <t>05/22/14 13:31:20.5</t>
  </si>
  <si>
    <t>05/22/14 13:32:37.0</t>
  </si>
  <si>
    <t>05/22/14 13:32:48.0</t>
  </si>
  <si>
    <t>05/22/14 13:33:48.5</t>
  </si>
  <si>
    <t>05/22/14 13:33:56.5</t>
  </si>
  <si>
    <t>05/22/14 13:35:04.0</t>
  </si>
  <si>
    <t>05/22/14 13:35:16.0</t>
  </si>
  <si>
    <t>05/22/14 13:36:52.5</t>
  </si>
  <si>
    <t>05/22/14 13:37:00.0</t>
  </si>
  <si>
    <t>05/22/14 13:38:08.0</t>
  </si>
  <si>
    <t>05/22/14 13:38:23.0</t>
  </si>
  <si>
    <t>05/22/14 13:39:19.5</t>
  </si>
  <si>
    <t>05/22/14 13:39:32.5</t>
  </si>
  <si>
    <t>05/22/14 13:41:37.5</t>
  </si>
  <si>
    <t>05/22/14 13:41:46.0</t>
  </si>
  <si>
    <t>05/22/14 13:42:52.0</t>
  </si>
  <si>
    <t>05/22/14 13:43:03.5</t>
  </si>
  <si>
    <t>05/22/14 13:43:56.5</t>
  </si>
  <si>
    <t>05/22/14 13:44:02.0</t>
  </si>
  <si>
    <t>05/22/14 13:45:15.5</t>
  </si>
  <si>
    <t>05/22/14 13:45:34.0</t>
  </si>
  <si>
    <t>05/22/14 13:47:18.0</t>
  </si>
  <si>
    <t>05/22/14 13:47:28.0</t>
  </si>
  <si>
    <t>05/22/14 13:48:43.5</t>
  </si>
  <si>
    <t>05/22/14 13:48:49.0</t>
  </si>
  <si>
    <t>05/22/14 13:50:52.0</t>
  </si>
  <si>
    <t>05/22/14 13:51:05.5</t>
  </si>
  <si>
    <t>05/22/14 13:52:43.5</t>
  </si>
  <si>
    <t>05/22/14 13:52:51.0</t>
  </si>
  <si>
    <t>05/22/14 13:54:01.0</t>
  </si>
  <si>
    <t>05/22/14 13:54:06.0</t>
  </si>
  <si>
    <t>05/22/14 13:55:24.5</t>
  </si>
  <si>
    <t>05/22/14 13:55:32.5</t>
  </si>
  <si>
    <t>05/22/14 13:56:57.5</t>
  </si>
  <si>
    <t>05/22/14 13:57:02.0</t>
  </si>
  <si>
    <t>05/22/14 13:58:07.5</t>
  </si>
  <si>
    <t>05/22/14 13:58:16.5</t>
  </si>
  <si>
    <t>05/22/14 13:59:33.0</t>
  </si>
  <si>
    <t>05/22/14 13:59:52.5</t>
  </si>
  <si>
    <t>05/22/14 14:02:09.5</t>
  </si>
  <si>
    <t>05/22/14 14:02:13.0</t>
  </si>
  <si>
    <t>05/22/14 14:03:33.0</t>
  </si>
  <si>
    <t>05/22/14 14:03:56.0</t>
  </si>
  <si>
    <t>05/22/14 14:05:36.5</t>
  </si>
  <si>
    <t>05/22/14 14:05:41.0</t>
  </si>
  <si>
    <t>05/22/14 14:06:42.0</t>
  </si>
  <si>
    <t>05/22/14 14:06:51.5</t>
  </si>
  <si>
    <t>05/22/14 14:08:57.5</t>
  </si>
  <si>
    <t>05/22/14 14:09:10.0</t>
  </si>
  <si>
    <t>05/22/14 14:10:43.0</t>
  </si>
  <si>
    <t>05/22/14 14:11:01.5</t>
  </si>
  <si>
    <t>05/22/14 14:12:53.5</t>
  </si>
  <si>
    <t>05/22/14 14:13:08.5</t>
  </si>
  <si>
    <t>05/22/14 14:14:16.5</t>
  </si>
  <si>
    <t>05/22/14 14:14:24.0</t>
  </si>
  <si>
    <t>05/22/14 14:16:41.0</t>
  </si>
  <si>
    <t>05/22/14 14:16:52.0</t>
  </si>
  <si>
    <t>05/22/14 14:19:33.5</t>
  </si>
  <si>
    <t>05/22/14 14:19:46.0</t>
  </si>
  <si>
    <t>05/22/14 14:20:57.5</t>
  </si>
  <si>
    <t>05/22/14 14:21:06.5</t>
  </si>
  <si>
    <t>05/22/14 14:22:04.0</t>
  </si>
  <si>
    <t>05/22/14 14:22:08.0</t>
  </si>
  <si>
    <t>05/22/14 14:23:00.0</t>
  </si>
  <si>
    <t>05/22/14 14:23:12.0</t>
  </si>
  <si>
    <t>05/22/14 14:24:21.5</t>
  </si>
  <si>
    <t>05/22/14 14:24:28.0</t>
  </si>
  <si>
    <t>05/22/14 14:28:06.5</t>
  </si>
  <si>
    <t>05/22/14 14:28:27.0</t>
  </si>
  <si>
    <t>05/22/14 14:29:58.5</t>
  </si>
  <si>
    <t>05/22/14 14:30:05.5</t>
  </si>
  <si>
    <t>05/22/14 14:31:54.5</t>
  </si>
  <si>
    <t>05/22/14 14:32:05.5</t>
  </si>
  <si>
    <t>05/22/14 14:33:50.5</t>
  </si>
  <si>
    <t>05/22/14 14:34:09.5</t>
  </si>
  <si>
    <t>05/22/14 14:35:54.0</t>
  </si>
  <si>
    <t>05/22/14 14:36:03.5</t>
  </si>
  <si>
    <t>05/22/14 14:37:26.0</t>
  </si>
  <si>
    <t>05/22/14 14:37:30.5</t>
  </si>
  <si>
    <t>05/22/14 14:40:22.5</t>
  </si>
  <si>
    <t>05/22/14 14:41:38.0</t>
  </si>
  <si>
    <t>05/22/14 14:43:26.0</t>
  </si>
  <si>
    <t>05/22/14 14:43:37.0</t>
  </si>
  <si>
    <t>05/22/14 14:45:00.0</t>
  </si>
  <si>
    <t>05/22/14 14:45:05.5</t>
  </si>
  <si>
    <t>05/22/14 14:46:20.0</t>
  </si>
  <si>
    <t>05/22/14 14:46:39.5</t>
  </si>
  <si>
    <t>05/22/14 14:48:47.5</t>
  </si>
  <si>
    <t>05/22/14 14:49:00.5</t>
  </si>
  <si>
    <t>05/22/14 14:50:13.0</t>
  </si>
  <si>
    <t>05/22/14 14:50:19.5</t>
  </si>
  <si>
    <t>05/22/14 14:51:53.5</t>
  </si>
  <si>
    <t>05/22/14 14:52:11.0</t>
  </si>
  <si>
    <t>05/22/14 14:54:16.0</t>
  </si>
  <si>
    <t>05/22/14 14:54:26.5</t>
  </si>
  <si>
    <t>05/22/14 14:56:10.0</t>
  </si>
  <si>
    <t>05/22/14 14:56:15.0</t>
  </si>
  <si>
    <t>05/22/14 14:58:58.5</t>
  </si>
  <si>
    <t>05/22/14 14:59:05.0</t>
  </si>
  <si>
    <t>05/22/14 15:01:02.5</t>
  </si>
  <si>
    <t>05/22/14 15:01:14.5</t>
  </si>
  <si>
    <t>05/22/14 15:02:55.5</t>
  </si>
  <si>
    <t>05/22/14 15:03:01.5</t>
  </si>
  <si>
    <t>05/22/14 15:04:47.5</t>
  </si>
  <si>
    <t>05/22/14 15:04:53.5</t>
  </si>
  <si>
    <t>05/22/14 15:05:43.0</t>
  </si>
  <si>
    <t>05/22/14 15:05:48.0</t>
  </si>
  <si>
    <t>05/22/14 15:06:36.5</t>
  </si>
  <si>
    <t>05/22/14 15:06:44.5</t>
  </si>
  <si>
    <t>05/22/14 15:07:23.0</t>
  </si>
  <si>
    <t>05/22/14 15:07:27.5</t>
  </si>
  <si>
    <t>05/22/14 15:08:36.5</t>
  </si>
  <si>
    <t>05/22/14 15:09:01.0</t>
  </si>
  <si>
    <t>05/22/14 15:10:45.0</t>
  </si>
  <si>
    <t>05/22/14 15:10:50.0</t>
  </si>
  <si>
    <t>05/22/14 15:11:58.0</t>
  </si>
  <si>
    <t>05/22/14 15:12:03.5</t>
  </si>
  <si>
    <t>05/22/14 15:12:56.5</t>
  </si>
  <si>
    <t>05/22/14 15:13:05.0</t>
  </si>
  <si>
    <t>05/22/14 15:14:43.5</t>
  </si>
  <si>
    <t>05/22/14 15:14:49.5</t>
  </si>
  <si>
    <t>05/22/14 15:16:01.0</t>
  </si>
  <si>
    <t>05/22/14 15:16:06.5</t>
  </si>
  <si>
    <t>05/22/14 15:16:49.5</t>
  </si>
  <si>
    <t>05/22/14 15:16:54.5</t>
  </si>
  <si>
    <t>05/22/14 15:18:11.0</t>
  </si>
  <si>
    <t>05/22/14 15:18:21.0</t>
  </si>
  <si>
    <t>05/22/14 15:19:30.0</t>
  </si>
  <si>
    <t>05/22/14 15:19:44.5</t>
  </si>
  <si>
    <t>05/22/14 15:21:31.5</t>
  </si>
  <si>
    <t>05/22/14 15:21:44.0</t>
  </si>
  <si>
    <t>05/22/14 15:23:21.0</t>
  </si>
  <si>
    <t>05/22/14 15:23:26.5</t>
  </si>
  <si>
    <t>05/22/14 15:24:24.5</t>
  </si>
  <si>
    <t>05/22/14 15:24:31.0</t>
  </si>
  <si>
    <t>05/22/14 15:26:26.0</t>
  </si>
  <si>
    <t>05/22/14 15:26:33.0</t>
  </si>
  <si>
    <t>05/22/14 15:27:45.5</t>
  </si>
  <si>
    <t>05/22/14 15:27:51.0</t>
  </si>
  <si>
    <t>05/22/14 15:28:43.5</t>
  </si>
  <si>
    <t>05/22/14 15:28:51.5</t>
  </si>
  <si>
    <t>05/22/14 15:31:01.0</t>
  </si>
  <si>
    <t>05/22/14 15:31:07.5</t>
  </si>
  <si>
    <t>05/22/14 15:32:04.5</t>
  </si>
  <si>
    <t>05/22/14 15:32:15.0</t>
  </si>
  <si>
    <t>05/22/14 15:35:00.5</t>
  </si>
  <si>
    <t>05/22/14 15:35:07.0</t>
  </si>
  <si>
    <t>05/22/14 15:36:10.5</t>
  </si>
  <si>
    <t>05/22/14 15:36:30.0</t>
  </si>
  <si>
    <t>05/22/14 15:37:39.0</t>
  </si>
  <si>
    <t>05/22/14 15:37:49.0</t>
  </si>
  <si>
    <t>05/22/14 15:39:16.0</t>
  </si>
  <si>
    <t>05/22/14 15:39:27.0</t>
  </si>
  <si>
    <t>05/22/14 15:40:47.0</t>
  </si>
  <si>
    <t>05/22/14 15:40:52.5</t>
  </si>
  <si>
    <t>05/22/14 15:42:01.0</t>
  </si>
  <si>
    <t>05/22/14 15:42:17.0</t>
  </si>
  <si>
    <t>05/22/14 15:44:10.5</t>
  </si>
  <si>
    <t>05/22/14 15:44:16.5</t>
  </si>
  <si>
    <t>05/22/14 15:45:29.0</t>
  </si>
  <si>
    <t>05/22/14 15:45:38.0</t>
  </si>
  <si>
    <t>05/22/14 15:46:19.5</t>
  </si>
  <si>
    <t>05/22/14 15:46:26.5</t>
  </si>
  <si>
    <t>05/22/14 15:47:53.5</t>
  </si>
  <si>
    <t>05/22/14 15:48:21.0</t>
  </si>
  <si>
    <t>05/22/14 15:49:47.0</t>
  </si>
  <si>
    <t>05/22/14 15:49:52.0</t>
  </si>
  <si>
    <t>05/22/14 15:51:05.0</t>
  </si>
  <si>
    <t>05/22/14 15:51:08.5</t>
  </si>
  <si>
    <t>05/22/14 15:52:49.0</t>
  </si>
  <si>
    <t>05/22/14 15:52:57.5</t>
  </si>
  <si>
    <t>05/22/14 15:54:12.0</t>
  </si>
  <si>
    <t>05/22/14 15:54:19.5</t>
  </si>
  <si>
    <t>05/22/14 15:55:11.5</t>
  </si>
  <si>
    <t>05/22/14 15:55:15.0</t>
  </si>
  <si>
    <t>05/22/14 15:56:11.0</t>
  </si>
  <si>
    <t>05/22/14 15:56:15.5</t>
  </si>
  <si>
    <t>05/22/14 15:56:57.0</t>
  </si>
  <si>
    <t>05/22/14 15:57:07.0</t>
  </si>
  <si>
    <t>05/22/14 15:57:54.0</t>
  </si>
  <si>
    <t>05/22/14 15:58:10.5</t>
  </si>
  <si>
    <t>05/22/14 15:59:33.0</t>
  </si>
  <si>
    <t>05/22/14 15:59:41.0</t>
  </si>
  <si>
    <t>05/22/14 16:00:26.5</t>
  </si>
  <si>
    <t>05/22/14 16:00:32.0</t>
  </si>
  <si>
    <t>05/22/14 16:01:35.5</t>
  </si>
  <si>
    <t>05/22/14 16:01:44.5</t>
  </si>
  <si>
    <t>05/22/14 16:04:15.5</t>
  </si>
  <si>
    <t>05/22/14 16:04:21.0</t>
  </si>
  <si>
    <t>05/22/14 16:05:15.0</t>
  </si>
  <si>
    <t>05/22/14 16:05:21.0</t>
  </si>
  <si>
    <t>05/22/14 16:06:56.0</t>
  </si>
  <si>
    <t>05/22/14 16:07:08.0</t>
  </si>
  <si>
    <t>05/22/14 16:08:33.0</t>
  </si>
  <si>
    <t>05/22/14 16:08:50.0</t>
  </si>
  <si>
    <t>05/22/14 16:10:03.5</t>
  </si>
  <si>
    <t>05/22/14 16:10:11.5</t>
  </si>
  <si>
    <t>05/22/14 16:12:29.0</t>
  </si>
  <si>
    <t>05/22/14 16:12:38.5</t>
  </si>
  <si>
    <t>05/22/14 16:13:32.5</t>
  </si>
  <si>
    <t>05/22/14 16:13:38.0</t>
  </si>
  <si>
    <t>05/22/14 16:14:43.5</t>
  </si>
  <si>
    <t>05/22/14 16:14:52.5</t>
  </si>
  <si>
    <t>05/22/14 16:16:11.5</t>
  </si>
  <si>
    <t>05/22/14 16:16:19.0</t>
  </si>
  <si>
    <t>05/22/14 16:17:22.0</t>
  </si>
  <si>
    <t>05/22/14 16:17:31.0</t>
  </si>
  <si>
    <t>05/22/14 16:19:53.0</t>
  </si>
  <si>
    <t>05/22/14 16:20:03.5</t>
  </si>
  <si>
    <t>05/22/14 16:21:05.5</t>
  </si>
  <si>
    <t>05/22/14 16:21:12.0</t>
  </si>
  <si>
    <t>05/22/14 16:22:00.0</t>
  </si>
  <si>
    <t>05/22/14 16:22:08.5</t>
  </si>
  <si>
    <t>05/22/14 16:23:08.0</t>
  </si>
  <si>
    <t>05/22/14 16:23:15.0</t>
  </si>
  <si>
    <t>05/22/14 16:24:13.0</t>
  </si>
  <si>
    <t>05/22/14 16:24:18.5</t>
  </si>
  <si>
    <t>05/22/14 16:26:13.0</t>
  </si>
  <si>
    <t>05/22/14 16:26:18.0</t>
  </si>
  <si>
    <t>05/22/14 16:27:19.5</t>
  </si>
  <si>
    <t>05/22/14 16:27:29.5</t>
  </si>
  <si>
    <t>05/22/14 16:29:23.0</t>
  </si>
  <si>
    <t>05/22/14 16:29:29.5</t>
  </si>
  <si>
    <t>05/22/14 16:30:32.5</t>
  </si>
  <si>
    <t>05/22/14 16:30:49.5</t>
  </si>
  <si>
    <t>05/22/14 16:32:09.0</t>
  </si>
  <si>
    <t>05/22/14 16:32:16.0</t>
  </si>
  <si>
    <t>05/22/14 16:33:42.0</t>
  </si>
  <si>
    <t>05/22/14 16:34:21.5</t>
  </si>
  <si>
    <t>05/22/14 16:35:41.0</t>
  </si>
  <si>
    <t>05/22/14 16:35:45.0</t>
  </si>
  <si>
    <t>05/22/14 16:36:44.0</t>
  </si>
  <si>
    <t>05/22/14 16:36:51.0</t>
  </si>
  <si>
    <t>05/22/14 16:38:17.5</t>
  </si>
  <si>
    <t>05/22/14 16:38:23.5</t>
  </si>
  <si>
    <t>05/22/14 16:39:02.0</t>
  </si>
  <si>
    <t>05/22/14 16:39:14.5</t>
  </si>
  <si>
    <t>05/22/14 16:40:11.5</t>
  </si>
  <si>
    <t>05/22/14 16:40:16.5</t>
  </si>
  <si>
    <t>05/22/14 16:41:18.0</t>
  </si>
  <si>
    <t>05/22/14 16:41:26.5</t>
  </si>
  <si>
    <t>05/22/14 16:42:52.0</t>
  </si>
  <si>
    <t>05/22/14 16:42:57.0</t>
  </si>
  <si>
    <t>05/22/14 16:43:56.0</t>
  </si>
  <si>
    <t>05/22/14 16:44:00.5</t>
  </si>
  <si>
    <t>05/22/14 16:45:29.5</t>
  </si>
  <si>
    <t>05/22/14 16:45:39.5</t>
  </si>
  <si>
    <t>05/22/14 16:46:39.0</t>
  </si>
  <si>
    <t>05/22/14 16:46:45.5</t>
  </si>
  <si>
    <t>05/22/14 16:48:22.0</t>
  </si>
  <si>
    <t>05/22/14 16:48:28.0</t>
  </si>
  <si>
    <t>05/22/14 16:49:27.0</t>
  </si>
  <si>
    <t>05/22/14 16:49:37.5</t>
  </si>
  <si>
    <t>05/22/14 16:50:36.0</t>
  </si>
  <si>
    <t>05/22/14 16:50:49.5</t>
  </si>
  <si>
    <t>05/22/14 16:52:08.5</t>
  </si>
  <si>
    <t>05/22/14 16:52:14.5</t>
  </si>
  <si>
    <t>05/22/14 16:53:37.0</t>
  </si>
  <si>
    <t>05/22/14 16:53:44.0</t>
  </si>
  <si>
    <t>05/22/14 16:55:26.0</t>
  </si>
  <si>
    <t>05/22/14 16:55:51.0</t>
  </si>
  <si>
    <t>05/22/14 16:57:51.5</t>
  </si>
  <si>
    <t>05/22/14 16:57:56.5</t>
  </si>
  <si>
    <t>05/22/14 16:59:24.5</t>
  </si>
  <si>
    <t>05/22/14 16:59:28.5</t>
  </si>
  <si>
    <t>05/22/14 17:00:30.5</t>
  </si>
  <si>
    <t>05/22/14 17:00:42.0</t>
  </si>
  <si>
    <t>05/22/14 17:02:04.5</t>
  </si>
  <si>
    <t>05/22/14 17:02:14.5</t>
  </si>
  <si>
    <t>05/22/14 17:03:37.5</t>
  </si>
  <si>
    <t>05/22/14 17:03:47.0</t>
  </si>
  <si>
    <t>05/22/14 17:05:29.0</t>
  </si>
  <si>
    <t>05/22/14 17:05:38.0</t>
  </si>
  <si>
    <t>05/22/14 17:06:50.0</t>
  </si>
  <si>
    <t>05/22/14 17:06:55.0</t>
  </si>
  <si>
    <t>05/22/14 17:08:33.0</t>
  </si>
  <si>
    <t>05/22/14 17:08:49.0</t>
  </si>
  <si>
    <t>05/22/14 17:09:43.0</t>
  </si>
  <si>
    <t>05/22/14 17:09:51.5</t>
  </si>
  <si>
    <t>05/22/14 17:11:23.5</t>
  </si>
  <si>
    <t>05/22/14 17:11:29.5</t>
  </si>
  <si>
    <t>05/22/14 17:12:23.0</t>
  </si>
  <si>
    <t>05/22/14 17:12:32.0</t>
  </si>
  <si>
    <t>05/22/14 17:14:21.5</t>
  </si>
  <si>
    <t>05/22/14 17:14:29.0</t>
  </si>
  <si>
    <t>05/22/14 17:15:48.0</t>
  </si>
  <si>
    <t>05/22/14 17:15:55.0</t>
  </si>
  <si>
    <t>05/22/14 17:16:41.5</t>
  </si>
  <si>
    <t>05/22/14 17:16:48.0</t>
  </si>
  <si>
    <t>05/22/14 17:17:33.5</t>
  </si>
  <si>
    <t>05/22/14 17:17:38.0</t>
  </si>
  <si>
    <t>05/22/14 17:18:29.5</t>
  </si>
  <si>
    <t>05/22/14 17:18:40.5</t>
  </si>
  <si>
    <t>05/22/14 17:19:22.0</t>
  </si>
  <si>
    <t>05/22/14 17:19:30.5</t>
  </si>
  <si>
    <t>05/22/14 17:21:10.0</t>
  </si>
  <si>
    <t>05/22/14 17:21:22.5</t>
  </si>
  <si>
    <t>05/22/14 17:22:06.0</t>
  </si>
  <si>
    <t>05/22/14 17:22:12.5</t>
  </si>
  <si>
    <t>05/22/14 17:23:10.0</t>
  </si>
  <si>
    <t>05/22/14 17:23:16.0</t>
  </si>
  <si>
    <t>05/22/14 17:24:57.5</t>
  </si>
  <si>
    <t>05/22/14 17:25:04.5</t>
  </si>
  <si>
    <t>05/22/14 17:26:35.5</t>
  </si>
  <si>
    <t>05/22/14 17:26:47.5</t>
  </si>
  <si>
    <t>05/22/14 17:28:32.5</t>
  </si>
  <si>
    <t>05/22/14 17:28:38.5</t>
  </si>
  <si>
    <t>05/22/14 17:29:24.0</t>
  </si>
  <si>
    <t>05/22/14 17:29:29.5</t>
  </si>
  <si>
    <t>05/22/14 17:31:02.0</t>
  </si>
  <si>
    <t>05/22/14 17:31:06.5</t>
  </si>
  <si>
    <t>05/22/14 17:31:56.0</t>
  </si>
  <si>
    <t>05/22/14 17:32:03.5</t>
  </si>
  <si>
    <t>05/22/14 17:33:35.5</t>
  </si>
  <si>
    <t>05/22/14 17:33:49.0</t>
  </si>
  <si>
    <t>05/22/14 17:35:28.5</t>
  </si>
  <si>
    <t>05/22/14 17:35:41.0</t>
  </si>
  <si>
    <t>05/22/14 17:37:26.0</t>
  </si>
  <si>
    <t>05/22/14 17:37:32.0</t>
  </si>
  <si>
    <t>05/22/14 17:41:20.0</t>
  </si>
  <si>
    <t>05/22/14 17:41:28.0</t>
  </si>
  <si>
    <t>05/22/14 17:42:26.0</t>
  </si>
  <si>
    <t>05/22/14 17:42:35.0</t>
  </si>
  <si>
    <t>05/22/14 17:43:22.5</t>
  </si>
  <si>
    <t>05/22/14 17:43:31.5</t>
  </si>
  <si>
    <t>05/22/14 17:45:32.5</t>
  </si>
  <si>
    <t>05/22/14 17:45:35.5</t>
  </si>
  <si>
    <t>05/22/14 17:46:35.0</t>
  </si>
  <si>
    <t>05/22/14 17:46:39.5</t>
  </si>
  <si>
    <t>05/22/14 17:47:35.5</t>
  </si>
  <si>
    <t>05/22/14 17:47:48.5</t>
  </si>
  <si>
    <t>05/22/14 17:49:21.5</t>
  </si>
  <si>
    <t>05/22/14 17:49:34.5</t>
  </si>
  <si>
    <t>05/22/14 17:50:23.0</t>
  </si>
  <si>
    <t>05/22/14 17:50:30.5</t>
  </si>
  <si>
    <t>05/22/14 17:51:38.0</t>
  </si>
  <si>
    <t>05/22/14 17:51:41.5</t>
  </si>
  <si>
    <t>05/22/14 17:52:25.5</t>
  </si>
  <si>
    <t>05/22/14 17:52:33.0</t>
  </si>
  <si>
    <t>05/22/14 17:53:30.5</t>
  </si>
  <si>
    <t>05/22/14 17:53:36.0</t>
  </si>
  <si>
    <t>05/22/14 17:54:46.5</t>
  </si>
  <si>
    <t>05/22/14 17:55:03.5</t>
  </si>
  <si>
    <t>05/22/14 17:57:54.0</t>
  </si>
  <si>
    <t>05/22/14 17:58:02.0</t>
  </si>
  <si>
    <t>05/22/14 17:58:59.5</t>
  </si>
  <si>
    <t>05/22/14 17:59:06.0</t>
  </si>
  <si>
    <t>05/22/14 18:00:12.0</t>
  </si>
  <si>
    <t>05/22/14 18:00:16.5</t>
  </si>
  <si>
    <t>05/22/14 18:02:09.5</t>
  </si>
  <si>
    <t>05/22/14 18:02:19.5</t>
  </si>
  <si>
    <t>05/22/14 18:06:02.0</t>
  </si>
  <si>
    <t>05/22/14 18:06:12.5</t>
  </si>
  <si>
    <t>05/22/14 18:08:10.0</t>
  </si>
  <si>
    <t>05/22/14 18:08:19.0</t>
  </si>
  <si>
    <t>05/22/14 18:09:54.0</t>
  </si>
  <si>
    <t>05/22/14 18:09:59.5</t>
  </si>
  <si>
    <t>05/22/14 18:10:53.5</t>
  </si>
  <si>
    <t>05/22/14 18:11:04.5</t>
  </si>
  <si>
    <t>05/22/14 18:11:54.0</t>
  </si>
  <si>
    <t>05/22/14 18:11:58.5</t>
  </si>
  <si>
    <t>05/22/14 18:12:56.0</t>
  </si>
  <si>
    <t>05/22/14 18:13:01.0</t>
  </si>
  <si>
    <t>05/22/14 18:14:25.5</t>
  </si>
  <si>
    <t>05/22/14 18:14:35.5</t>
  </si>
  <si>
    <t>05/22/14 18:16:00.5</t>
  </si>
  <si>
    <t>05/22/14 18:16:06.0</t>
  </si>
  <si>
    <t>05/22/14 18:17:12.0</t>
  </si>
  <si>
    <t>05/22/14 18:17:20.0</t>
  </si>
  <si>
    <t>05/22/14 18:18:01.0</t>
  </si>
  <si>
    <t>05/22/14 18:18:07.5</t>
  </si>
  <si>
    <t>05/22/14 18:19:35.5</t>
  </si>
  <si>
    <t>05/22/14 18:19:40.0</t>
  </si>
  <si>
    <t>05/22/14 18:20:19.0</t>
  </si>
  <si>
    <t>05/22/14 18:20:27.5</t>
  </si>
  <si>
    <t>05/22/14 18:22:32.0</t>
  </si>
  <si>
    <t>05/22/14 18:22:39.0</t>
  </si>
  <si>
    <t>05/22/14 18:24:00.5</t>
  </si>
  <si>
    <t>05/22/14 18:24:12.0</t>
  </si>
  <si>
    <t>05/22/14 18:25:19.0</t>
  </si>
  <si>
    <t>05/22/14 18:25:25.0</t>
  </si>
  <si>
    <t>05/22/14 18:26:25.0</t>
  </si>
  <si>
    <t>05/22/14 18:26:38.0</t>
  </si>
  <si>
    <t>05/22/14 18:28:08.5</t>
  </si>
  <si>
    <t>05/22/14 18:28:18.0</t>
  </si>
  <si>
    <t>05/22/14 18:29:49.0</t>
  </si>
  <si>
    <t>05/22/14 18:29:57.5</t>
  </si>
  <si>
    <t>05/22/14 18:35:02.0</t>
  </si>
  <si>
    <t>05/22/14 18:35:12.5</t>
  </si>
  <si>
    <t>05/22/14 18:36:17.5</t>
  </si>
  <si>
    <t>05/22/14 18:36:28.0</t>
  </si>
  <si>
    <t>05/22/14 18:37:25.5</t>
  </si>
  <si>
    <t>05/22/14 18:37:32.0</t>
  </si>
  <si>
    <t>05/22/14 18:39:34.0</t>
  </si>
  <si>
    <t>05/22/14 18:39:48.5</t>
  </si>
  <si>
    <t>05/22/14 18:46:51.5</t>
  </si>
  <si>
    <t>05/22/14 18:46:59.5</t>
  </si>
  <si>
    <t>05/22/14 18:50:22.0</t>
  </si>
  <si>
    <t>05/22/14 18:51:58.5</t>
  </si>
  <si>
    <t>05/22/14 18:53:00.5</t>
  </si>
  <si>
    <t>05/22/14 18:53:08.0</t>
  </si>
  <si>
    <t>05/22/14 18:54:26.5</t>
  </si>
  <si>
    <t>05/22/14 18:54:55.5</t>
  </si>
  <si>
    <t>05/22/14 18:57:34.5</t>
  </si>
  <si>
    <t>05/22/14 18:57:42.0</t>
  </si>
  <si>
    <t>05/22/14 18:59:31.5</t>
  </si>
  <si>
    <t>05/22/14 18:59:40.0</t>
  </si>
  <si>
    <t>05/22/14 19:04:20.0</t>
  </si>
  <si>
    <t>05/22/14 19:04:31.0</t>
  </si>
  <si>
    <t>05/22/14 19:05:31.5</t>
  </si>
  <si>
    <t>05/22/14 19:05:45.5</t>
  </si>
  <si>
    <t>05/22/14 19:07:51.5</t>
  </si>
  <si>
    <t>05/22/14 19:07:55.5</t>
  </si>
  <si>
    <t>05/22/14 19:09:31.0</t>
  </si>
  <si>
    <t>05/22/14 19:09:48.5</t>
  </si>
  <si>
    <t>05/22/14 19:12:48.5</t>
  </si>
  <si>
    <t>05/22/14 19:13:00.0</t>
  </si>
  <si>
    <t>05/22/14 19:15:31.5</t>
  </si>
  <si>
    <t>05/22/14 19:16:02.5</t>
  </si>
  <si>
    <t>05/22/14 19:17:48.5</t>
  </si>
  <si>
    <t>05/22/14 19:17:53.0</t>
  </si>
  <si>
    <t>05/22/14 19:19:28.5</t>
  </si>
  <si>
    <t>05/22/14 19:19:36.5</t>
  </si>
  <si>
    <t>05/22/14 19:20:46.5</t>
  </si>
  <si>
    <t>05/22/14 19:21:02.0</t>
  </si>
  <si>
    <t>05/22/14 19:24:30.5</t>
  </si>
  <si>
    <t>05/22/14 19:24:55.5</t>
  </si>
  <si>
    <t>05/22/14 19:27:18.0</t>
  </si>
  <si>
    <t>05/22/14 19:27:28.0</t>
  </si>
  <si>
    <t>05/22/14 19:30:35.5</t>
  </si>
  <si>
    <t>05/22/14 19:31:28.5</t>
  </si>
  <si>
    <t>05/22/14 19:44:07.0</t>
  </si>
  <si>
    <t>05/22/14 19:44:24.0</t>
  </si>
  <si>
    <t>05/22/14 19:52:06.0</t>
  </si>
  <si>
    <t>05/22/14 19:52:14.0</t>
  </si>
  <si>
    <t>05/22/14 20:06:22.5</t>
  </si>
  <si>
    <t>05/22/14 20:06:39.5</t>
  </si>
  <si>
    <t>05/22/14 20:11:58.0</t>
  </si>
  <si>
    <t>05/22/14 20:13:03.0</t>
  </si>
  <si>
    <t>05/22/14 20:27:47.0</t>
  </si>
  <si>
    <t>05/22/14 20:31:16.0</t>
  </si>
  <si>
    <t>05/22/14 20:39:46.0</t>
  </si>
  <si>
    <t>05/22/14 20:40:01.0</t>
  </si>
  <si>
    <t>05/22/14 20:43:55.5</t>
  </si>
  <si>
    <t>05/22/14 20:44:03.0</t>
  </si>
  <si>
    <t>05/22/14 20:47:49.0</t>
  </si>
  <si>
    <t>05/22/14 20:48:05.5</t>
  </si>
  <si>
    <t>05/22/14 21:04:26.0</t>
  </si>
  <si>
    <t>05/22/14 21:08:43.5</t>
  </si>
  <si>
    <t>05/22/14 21:40:44.0</t>
  </si>
  <si>
    <t>05/22/14 21:40:52.0</t>
  </si>
  <si>
    <t>05/23/14 07:42:47.5</t>
  </si>
  <si>
    <t>05/23/14 07:43:09.5</t>
  </si>
  <si>
    <t>05/23/14 07:56:59.0</t>
  </si>
  <si>
    <t>05/23/14 07:57:21.5</t>
  </si>
  <si>
    <t>05/23/14 08:25:51.5</t>
  </si>
  <si>
    <t>05/23/14 08:26:42.5</t>
  </si>
  <si>
    <t>05/23/14 08:44:41.5</t>
  </si>
  <si>
    <t>05/23/14 08:45:31.0</t>
  </si>
  <si>
    <t>05/23/14 09:13:17.0</t>
  </si>
  <si>
    <t>05/23/14 09:14:37.0</t>
  </si>
  <si>
    <t>05/23/14 09:19:10.5</t>
  </si>
  <si>
    <t>05/23/14 09:20:13.0</t>
  </si>
  <si>
    <t>05/23/14 09:24:48.5</t>
  </si>
  <si>
    <t>05/23/14 09:24:59.5</t>
  </si>
  <si>
    <t>05/23/14 09:26:47.5</t>
  </si>
  <si>
    <t>05/23/14 09:26:59.5</t>
  </si>
  <si>
    <t>05/23/14 09:43:23.0</t>
  </si>
  <si>
    <t>05/23/14 09:45:06.5</t>
  </si>
  <si>
    <t>05/23/14 09:55:00.5</t>
  </si>
  <si>
    <t>05/23/14 09:56:06.5</t>
  </si>
  <si>
    <t>05/23/14 10:01:54.0</t>
  </si>
  <si>
    <t>05/23/14 10:05:17.0</t>
  </si>
  <si>
    <t>05/23/14 10:11:36.0</t>
  </si>
  <si>
    <t>05/23/14 10:11:56.5</t>
  </si>
  <si>
    <t>05/23/14 10:20:39.0</t>
  </si>
  <si>
    <t>05/23/14 10:21:08.5</t>
  </si>
  <si>
    <t>05/23/14 10:40:14.5</t>
  </si>
  <si>
    <t>05/23/14 10:40:24.0</t>
  </si>
  <si>
    <t>05/23/14 10:49:53.5</t>
  </si>
  <si>
    <t>05/23/14 10:50:03.0</t>
  </si>
  <si>
    <t>05/23/14 11:00:14.5</t>
  </si>
  <si>
    <t>05/23/14 11:01:59.0</t>
  </si>
  <si>
    <t>05/23/14 11:06:00.0</t>
  </si>
  <si>
    <t>05/23/14 11:06:21.5</t>
  </si>
  <si>
    <t>05/23/14 11:14:38.0</t>
  </si>
  <si>
    <t>05/23/14 11:29:54.5</t>
  </si>
  <si>
    <t>05/23/14 11:38:02.5</t>
  </si>
  <si>
    <t>05/23/14 11:40:44.0</t>
  </si>
  <si>
    <t>05/23/14 11:49:26.0</t>
  </si>
  <si>
    <t>05/23/14 11:50:17.0</t>
  </si>
  <si>
    <t>05/23/14 11:52:43.0</t>
  </si>
  <si>
    <t>05/23/14 11:53:24.5</t>
  </si>
  <si>
    <t>05/23/14 11:58:27.0</t>
  </si>
  <si>
    <t>05/23/14 11:58:35.0</t>
  </si>
  <si>
    <t>05/23/14 12:04:29.5</t>
  </si>
  <si>
    <t>05/23/14 12:04:40.0</t>
  </si>
  <si>
    <t>05/23/14 12:06:01.0</t>
  </si>
  <si>
    <t>05/23/14 12:06:16.5</t>
  </si>
  <si>
    <t>05/23/14 12:07:24.5</t>
  </si>
  <si>
    <t>05/23/14 12:07:31.0</t>
  </si>
  <si>
    <t>05/23/14 12:10:08.0</t>
  </si>
  <si>
    <t>05/23/14 12:10:15.0</t>
  </si>
  <si>
    <t>05/23/14 12:11:15.0</t>
  </si>
  <si>
    <t>05/23/14 12:11:20.0</t>
  </si>
  <si>
    <t>05/23/14 12:12:34.5</t>
  </si>
  <si>
    <t>05/23/14 12:12:43.5</t>
  </si>
  <si>
    <t>05/23/14 12:16:33.5</t>
  </si>
  <si>
    <t>05/23/14 12:16:43.0</t>
  </si>
  <si>
    <t>05/23/14 12:18:11.0</t>
  </si>
  <si>
    <t>05/23/14 12:18:17.0</t>
  </si>
  <si>
    <t>05/23/14 12:19:25.5</t>
  </si>
  <si>
    <t>05/23/14 12:19:33.0</t>
  </si>
  <si>
    <t>05/23/14 12:21:48.5</t>
  </si>
  <si>
    <t>05/23/14 12:21:57.0</t>
  </si>
  <si>
    <t>05/23/14 12:23:46.0</t>
  </si>
  <si>
    <t>05/23/14 12:23:55.0</t>
  </si>
  <si>
    <t>05/23/14 12:25:13.5</t>
  </si>
  <si>
    <t>05/23/14 12:25:20.5</t>
  </si>
  <si>
    <t>05/23/14 12:26:46.0</t>
  </si>
  <si>
    <t>05/23/14 12:26:52.5</t>
  </si>
  <si>
    <t>05/23/14 12:28:24.5</t>
  </si>
  <si>
    <t>05/23/14 12:28:34.5</t>
  </si>
  <si>
    <t>05/23/14 12:31:01.0</t>
  </si>
  <si>
    <t>05/23/14 12:31:12.5</t>
  </si>
  <si>
    <t>05/23/14 12:34:15.0</t>
  </si>
  <si>
    <t>05/23/14 12:34:25.0</t>
  </si>
  <si>
    <t>05/23/14 12:36:09.0</t>
  </si>
  <si>
    <t>05/23/14 12:36:19.5</t>
  </si>
  <si>
    <t>05/23/14 12:39:24.5</t>
  </si>
  <si>
    <t>05/23/14 12:39:39.0</t>
  </si>
  <si>
    <t>05/23/14 12:43:21.5</t>
  </si>
  <si>
    <t>05/23/14 12:44:17.0</t>
  </si>
  <si>
    <t>05/23/14 12:48:04.5</t>
  </si>
  <si>
    <t>05/23/14 12:48:44.0</t>
  </si>
  <si>
    <t>05/23/14 12:52:02.0</t>
  </si>
  <si>
    <t>05/23/14 12:52:19.0</t>
  </si>
  <si>
    <t>05/23/14 12:54:05.5</t>
  </si>
  <si>
    <t>05/23/14 12:54:17.0</t>
  </si>
  <si>
    <t>05/23/14 12:56:51.5</t>
  </si>
  <si>
    <t>05/23/14 12:57:08.0</t>
  </si>
  <si>
    <t>05/23/14 13:00:13.5</t>
  </si>
  <si>
    <t>05/23/14 13:00:22.0</t>
  </si>
  <si>
    <t>05/23/14 13:02:34.5</t>
  </si>
  <si>
    <t>05/23/14 13:02:56.0</t>
  </si>
  <si>
    <t>05/23/14 13:04:36.0</t>
  </si>
  <si>
    <t>05/23/14 13:05:10.0</t>
  </si>
  <si>
    <t>05/23/14 13:07:14.5</t>
  </si>
  <si>
    <t>05/23/14 13:07:21.0</t>
  </si>
  <si>
    <t>05/23/14 13:10:34.0</t>
  </si>
  <si>
    <t>05/23/14 13:11:06.5</t>
  </si>
  <si>
    <t>05/23/14 13:13:54.0</t>
  </si>
  <si>
    <t>05/23/14 13:14:10.0</t>
  </si>
  <si>
    <t>05/23/14 13:16:22.0</t>
  </si>
  <si>
    <t>05/23/14 13:16:37.0</t>
  </si>
  <si>
    <t>05/23/14 13:22:56.5</t>
  </si>
  <si>
    <t>05/23/14 13:23:43.0</t>
  </si>
  <si>
    <t>05/23/14 13:28:34.5</t>
  </si>
  <si>
    <t>05/23/14 13:30:14.5</t>
  </si>
  <si>
    <t>05/23/14 13:32:40.0</t>
  </si>
  <si>
    <t>05/23/14 13:33:49.0</t>
  </si>
  <si>
    <t>05/23/14 13:44:35.0</t>
  </si>
  <si>
    <t>05/23/14 13:44:48.5</t>
  </si>
  <si>
    <t>05/23/14 13:47:21.0</t>
  </si>
  <si>
    <t>05/23/14 13:47:30.0</t>
  </si>
  <si>
    <t>05/23/14 13:52:46.5</t>
  </si>
  <si>
    <t>05/23/14 13:52:51.0</t>
  </si>
  <si>
    <t>05/23/14 13:54:07.5</t>
  </si>
  <si>
    <t>05/23/14 13:54:26.0</t>
  </si>
  <si>
    <t>05/23/14 13:55:21.0</t>
  </si>
  <si>
    <t>05/23/14 13:55:27.0</t>
  </si>
  <si>
    <t>05/23/14 13:56:16.0</t>
  </si>
  <si>
    <t>05/23/14 13:56:23.5</t>
  </si>
  <si>
    <t>05/23/14 13:57:47.0</t>
  </si>
  <si>
    <t>05/23/14 13:58:25.0</t>
  </si>
  <si>
    <t>05/23/14 14:00:40.5</t>
  </si>
  <si>
    <t>05/23/14 14:01:03.0</t>
  </si>
  <si>
    <t>05/23/14 14:02:50.0</t>
  </si>
  <si>
    <t>05/23/14 14:03:12.5</t>
  </si>
  <si>
    <t>05/23/14 14:04:35.5</t>
  </si>
  <si>
    <t>05/23/14 14:04:42.5</t>
  </si>
  <si>
    <t>05/23/14 14:06:46.0</t>
  </si>
  <si>
    <t>05/23/14 14:06:53.0</t>
  </si>
  <si>
    <t>05/23/14 14:09:12.0</t>
  </si>
  <si>
    <t>05/23/14 14:09:15.5</t>
  </si>
  <si>
    <t>05/23/14 14:10:22.5</t>
  </si>
  <si>
    <t>05/23/14 14:10:35.0</t>
  </si>
  <si>
    <t>05/23/14 14:12:26.5</t>
  </si>
  <si>
    <t>05/23/14 14:12:36.0</t>
  </si>
  <si>
    <t>05/23/14 14:13:50.5</t>
  </si>
  <si>
    <t>05/23/14 14:13:58.0</t>
  </si>
  <si>
    <t>05/23/14 14:15:44.5</t>
  </si>
  <si>
    <t>05/23/14 14:15:53.5</t>
  </si>
  <si>
    <t>05/23/14 14:17:54.0</t>
  </si>
  <si>
    <t>05/23/14 14:18:18.5</t>
  </si>
  <si>
    <t>05/23/14 14:21:42.5</t>
  </si>
  <si>
    <t>05/23/14 14:22:11.5</t>
  </si>
  <si>
    <t>05/23/14 14:26:13.5</t>
  </si>
  <si>
    <t>05/23/14 14:26:21.5</t>
  </si>
  <si>
    <t>05/23/14 14:31:49.5</t>
  </si>
  <si>
    <t>05/23/14 14:32:34.0</t>
  </si>
  <si>
    <t>05/23/14 14:34:23.5</t>
  </si>
  <si>
    <t>05/23/14 14:34:31.5</t>
  </si>
  <si>
    <t>05/23/14 14:37:56.5</t>
  </si>
  <si>
    <t>05/23/14 14:38:04.5</t>
  </si>
  <si>
    <t>05/23/14 14:40:17.5</t>
  </si>
  <si>
    <t>05/23/14 14:40:28.5</t>
  </si>
  <si>
    <t>05/23/14 14:42:38.0</t>
  </si>
  <si>
    <t>05/23/14 14:42:46.0</t>
  </si>
  <si>
    <t>05/23/14 14:45:12.0</t>
  </si>
  <si>
    <t>05/23/14 14:45:34.5</t>
  </si>
  <si>
    <t>05/23/14 14:47:22.5</t>
  </si>
  <si>
    <t>05/23/14 14:47:26.0</t>
  </si>
  <si>
    <t>05/23/14 14:48:05.5</t>
  </si>
  <si>
    <t>05/23/14 14:48:21.5</t>
  </si>
  <si>
    <t>05/23/14 14:49:13.5</t>
  </si>
  <si>
    <t>05/23/14 14:49:30.0</t>
  </si>
  <si>
    <t>05/23/14 14:51:46.0</t>
  </si>
  <si>
    <t>05/23/14 14:51:55.0</t>
  </si>
  <si>
    <t>05/23/14 14:53:03.5</t>
  </si>
  <si>
    <t>05/23/14 14:53:18.5</t>
  </si>
  <si>
    <t>05/23/14 14:54:53.5</t>
  </si>
  <si>
    <t>05/23/14 14:54:58.5</t>
  </si>
  <si>
    <t>05/23/14 14:55:44.5</t>
  </si>
  <si>
    <t>05/23/14 14:55:50.5</t>
  </si>
  <si>
    <t>05/23/14 14:56:48.0</t>
  </si>
  <si>
    <t>05/23/14 14:56:59.0</t>
  </si>
  <si>
    <t>05/23/14 14:58:14.0</t>
  </si>
  <si>
    <t>05/23/14 14:58:21.5</t>
  </si>
  <si>
    <t>05/23/14 14:59:25.5</t>
  </si>
  <si>
    <t>05/23/14 14:59:38.5</t>
  </si>
  <si>
    <t>05/23/14 15:00:57.0</t>
  </si>
  <si>
    <t>05/23/14 15:01:14.5</t>
  </si>
  <si>
    <t>05/23/14 15:02:30.5</t>
  </si>
  <si>
    <t>05/23/14 15:02:37.0</t>
  </si>
  <si>
    <t>05/23/14 15:03:45.0</t>
  </si>
  <si>
    <t>05/23/14 15:03:50.0</t>
  </si>
  <si>
    <t>05/23/14 15:05:04.0</t>
  </si>
  <si>
    <t>05/23/14 15:05:07.0</t>
  </si>
  <si>
    <t>05/23/14 15:05:53.5</t>
  </si>
  <si>
    <t>05/23/14 15:05:57.5</t>
  </si>
  <si>
    <t>05/23/14 15:07:10.5</t>
  </si>
  <si>
    <t>05/23/14 15:07:23.5</t>
  </si>
  <si>
    <t>05/23/14 15:08:28.0</t>
  </si>
  <si>
    <t>05/23/14 15:08:33.0</t>
  </si>
  <si>
    <t>05/23/14 15:10:28.5</t>
  </si>
  <si>
    <t>05/23/14 15:10:36.5</t>
  </si>
  <si>
    <t>05/23/14 15:12:35.5</t>
  </si>
  <si>
    <t>05/23/14 15:12:44.5</t>
  </si>
  <si>
    <t>05/23/14 15:15:17.5</t>
  </si>
  <si>
    <t>05/23/14 15:15:30.5</t>
  </si>
  <si>
    <t>05/23/14 15:17:11.0</t>
  </si>
  <si>
    <t>05/23/14 15:17:19.0</t>
  </si>
  <si>
    <t>05/23/14 15:19:09.0</t>
  </si>
  <si>
    <t>05/23/14 15:19:14.0</t>
  </si>
  <si>
    <t>05/23/14 15:21:51.0</t>
  </si>
  <si>
    <t>05/23/14 15:21:57.0</t>
  </si>
  <si>
    <t>05/23/14 15:24:23.0</t>
  </si>
  <si>
    <t>05/23/14 15:24:32.5</t>
  </si>
  <si>
    <t>05/23/14 15:26:01.5</t>
  </si>
  <si>
    <t>05/23/14 15:26:12.0</t>
  </si>
  <si>
    <t>05/23/14 15:27:16.0</t>
  </si>
  <si>
    <t>05/23/14 15:27:24.5</t>
  </si>
  <si>
    <t>05/23/14 15:29:15.0</t>
  </si>
  <si>
    <t>05/23/14 15:29:27.5</t>
  </si>
  <si>
    <t>05/23/14 15:30:28.0</t>
  </si>
  <si>
    <t>05/23/14 15:30:33.5</t>
  </si>
  <si>
    <t>05/23/14 15:31:34.0</t>
  </si>
  <si>
    <t>05/23/14 15:31:42.0</t>
  </si>
  <si>
    <t>05/23/14 15:32:40.5</t>
  </si>
  <si>
    <t>05/23/14 15:32:49.0</t>
  </si>
  <si>
    <t>05/23/14 15:34:29.0</t>
  </si>
  <si>
    <t>05/23/14 15:34:42.0</t>
  </si>
  <si>
    <t>05/23/14 15:36:00.5</t>
  </si>
  <si>
    <t>05/23/14 15:36:05.0</t>
  </si>
  <si>
    <t>05/23/14 15:37:11.5</t>
  </si>
  <si>
    <t>05/23/14 15:37:15.5</t>
  </si>
  <si>
    <t>05/23/14 15:38:37.0</t>
  </si>
  <si>
    <t>05/23/14 15:38:46.0</t>
  </si>
  <si>
    <t>05/23/14 15:40:37.5</t>
  </si>
  <si>
    <t>05/23/14 15:40:47.5</t>
  </si>
  <si>
    <t>05/23/14 15:42:15.5</t>
  </si>
  <si>
    <t>05/23/14 15:42:23.0</t>
  </si>
  <si>
    <t>05/23/14 15:43:40.0</t>
  </si>
  <si>
    <t>05/23/14 15:44:54.0</t>
  </si>
  <si>
    <t>05/23/14 15:46:46.5</t>
  </si>
  <si>
    <t>05/23/14 15:47:37.5</t>
  </si>
  <si>
    <t>05/23/14 15:50:13.0</t>
  </si>
  <si>
    <t>05/23/14 15:51:01.0</t>
  </si>
  <si>
    <t>05/23/14 15:51:54.5</t>
  </si>
  <si>
    <t>05/23/14 15:52:07.5</t>
  </si>
  <si>
    <t>05/23/14 15:54:53.5</t>
  </si>
  <si>
    <t>05/23/14 15:55:03.0</t>
  </si>
  <si>
    <t>05/23/14 15:56:07.0</t>
  </si>
  <si>
    <t>05/23/14 15:56:18.0</t>
  </si>
  <si>
    <t>05/23/14 15:58:42.5</t>
  </si>
  <si>
    <t>05/23/14 15:58:51.5</t>
  </si>
  <si>
    <t>05/23/14 15:59:41.0</t>
  </si>
  <si>
    <t>05/23/14 15:59:51.0</t>
  </si>
  <si>
    <t>05/23/14 16:01:54.0</t>
  </si>
  <si>
    <t>05/23/14 16:02:00.0</t>
  </si>
  <si>
    <t>05/23/14 16:06:04.0</t>
  </si>
  <si>
    <t>05/23/14 16:06:15.0</t>
  </si>
  <si>
    <t>05/23/14 16:16:07.5</t>
  </si>
  <si>
    <t>05/23/14 16:16:28.5</t>
  </si>
  <si>
    <t>05/23/14 16:24:28.5</t>
  </si>
  <si>
    <t>05/23/14 16:24:45.0</t>
  </si>
  <si>
    <t>05/23/14 16:29:28.0</t>
  </si>
  <si>
    <t>05/23/14 16:29:39.5</t>
  </si>
  <si>
    <t>05/23/14 16:31:01.5</t>
  </si>
  <si>
    <t>05/23/14 16:31:13.5</t>
  </si>
  <si>
    <t>05/23/14 16:33:38.0</t>
  </si>
  <si>
    <t>05/23/14 16:34:45.5</t>
  </si>
  <si>
    <t>05/23/14 16:39:20.5</t>
  </si>
  <si>
    <t>05/23/14 16:39:29.5</t>
  </si>
  <si>
    <t>05/23/14 16:44:13.5</t>
  </si>
  <si>
    <t>05/23/14 16:46:35.0</t>
  </si>
  <si>
    <t>05/23/14 17:30:25.0</t>
  </si>
  <si>
    <t>05/23/14 17:37:17.5</t>
  </si>
  <si>
    <t>05/23/14 17:49:14.0</t>
  </si>
  <si>
    <t>05/23/14 17:49:25.5</t>
  </si>
  <si>
    <t>05/23/14 17:52:39.0</t>
  </si>
  <si>
    <t>05/23/14 17:52:45.5</t>
  </si>
  <si>
    <t>05/23/14 18:00:43.5</t>
  </si>
  <si>
    <t>05/23/14 18:00:58.0</t>
  </si>
  <si>
    <t>05/23/14 18:14:47.5</t>
  </si>
  <si>
    <t>05/23/14 18:15:00.0</t>
  </si>
  <si>
    <t>05/23/14 18:22:44.5</t>
  </si>
  <si>
    <t>05/23/14 18:22:53.0</t>
  </si>
  <si>
    <t>05/23/14 18:32:18.5</t>
  </si>
  <si>
    <t>05/23/14 18:41:29.0</t>
  </si>
  <si>
    <t>05/23/14 18:50:05.5</t>
  </si>
  <si>
    <t>05/23/14 18:50:12.5</t>
  </si>
  <si>
    <t>05/23/14 18:51:35.0</t>
  </si>
  <si>
    <t>05/23/14 18:52:50.5</t>
  </si>
  <si>
    <t>05/23/14 18:55:00.0</t>
  </si>
  <si>
    <t>05/23/14 18:55:10.0</t>
  </si>
  <si>
    <t>05/23/14 19:02:45.5</t>
  </si>
  <si>
    <t>05/23/14 19:02:55.0</t>
  </si>
  <si>
    <t>05/23/14 19:04:38.0</t>
  </si>
  <si>
    <t>05/23/14 19:12:16.0</t>
  </si>
  <si>
    <t>05/23/14 19:18:19.0</t>
  </si>
  <si>
    <t>05/23/14 19:18:46.0</t>
  </si>
  <si>
    <t>05/24/14 06:47:17.5</t>
  </si>
  <si>
    <t>05/24/14 06:47:38.0</t>
  </si>
  <si>
    <t>05/24/14 07:41:50.0</t>
  </si>
  <si>
    <t>05/24/14 07:42:27.5</t>
  </si>
  <si>
    <t>05/24/14 07:47:20.5</t>
  </si>
  <si>
    <t>05/24/14 07:48:25.0</t>
  </si>
  <si>
    <t>05/24/14 08:18:24.5</t>
  </si>
  <si>
    <t>05/24/14 08:20:25.0</t>
  </si>
  <si>
    <t>05/24/14 08:25:46.5</t>
  </si>
  <si>
    <t>05/24/14 08:25:55.0</t>
  </si>
  <si>
    <t>05/24/14 08:28:46.0</t>
  </si>
  <si>
    <t>05/24/14 08:31:16.0</t>
  </si>
  <si>
    <t>05/24/14 08:41:53.5</t>
  </si>
  <si>
    <t>05/24/14 08:45:31.5</t>
  </si>
  <si>
    <t>05/24/14 08:52:38.0</t>
  </si>
  <si>
    <t>05/24/14 08:54:00.0</t>
  </si>
  <si>
    <t>05/24/14 08:58:16.0</t>
  </si>
  <si>
    <t>05/24/14 08:59:26.0</t>
  </si>
  <si>
    <t>05/24/14 09:05:28.5</t>
  </si>
  <si>
    <t>05/24/14 09:05:51.0</t>
  </si>
  <si>
    <t>05/24/14 09:09:54.5</t>
  </si>
  <si>
    <t>05/24/14 09:10:10.5</t>
  </si>
  <si>
    <t>05/24/14 09:17:46.5</t>
  </si>
  <si>
    <t>05/24/14 09:18:00.5</t>
  </si>
  <si>
    <t>05/24/14 09:26:04.5</t>
  </si>
  <si>
    <t>05/24/14 09:26:16.0</t>
  </si>
  <si>
    <t>05/24/14 09:29:26.0</t>
  </si>
  <si>
    <t>05/24/14 09:29:42.0</t>
  </si>
  <si>
    <t>05/24/14 09:34:29.0</t>
  </si>
  <si>
    <t>05/24/14 09:34:45.5</t>
  </si>
  <si>
    <t>05/24/14 09:39:05.0</t>
  </si>
  <si>
    <t>05/24/14 09:40:42.5</t>
  </si>
  <si>
    <t>05/24/14 09:45:11.0</t>
  </si>
  <si>
    <t>05/24/14 09:45:37.5</t>
  </si>
  <si>
    <t>05/24/14 09:50:33.5</t>
  </si>
  <si>
    <t>05/24/14 09:50:56.5</t>
  </si>
  <si>
    <t>05/24/14 09:53:06.0</t>
  </si>
  <si>
    <t>05/24/14 09:53:24.5</t>
  </si>
  <si>
    <t>05/24/14 10:00:00.0</t>
  </si>
  <si>
    <t>05/24/14 10:00:05.5</t>
  </si>
  <si>
    <t>05/24/14 10:03:53.5</t>
  </si>
  <si>
    <t>05/24/14 10:04:19.5</t>
  </si>
  <si>
    <t>05/24/14 10:08:34.5</t>
  </si>
  <si>
    <t>05/24/14 10:09:14.0</t>
  </si>
  <si>
    <t>05/24/14 10:10:42.0</t>
  </si>
  <si>
    <t>05/24/14 10:10:51.0</t>
  </si>
  <si>
    <t>05/24/14 10:11:56.0</t>
  </si>
  <si>
    <t>05/24/14 10:12:06.0</t>
  </si>
  <si>
    <t>05/24/14 10:14:02.5</t>
  </si>
  <si>
    <t>05/24/14 10:14:25.0</t>
  </si>
  <si>
    <t>05/24/14 10:17:04.5</t>
  </si>
  <si>
    <t>05/24/14 10:17:34.0</t>
  </si>
  <si>
    <t>05/24/14 10:21:22.5</t>
  </si>
  <si>
    <t>05/24/14 10:21:31.5</t>
  </si>
  <si>
    <t>05/24/14 10:22:59.5</t>
  </si>
  <si>
    <t>05/24/14 10:23:09.5</t>
  </si>
  <si>
    <t>05/24/14 10:24:31.0</t>
  </si>
  <si>
    <t>05/24/14 10:24:48.5</t>
  </si>
  <si>
    <t>05/24/14 10:26:54.0</t>
  </si>
  <si>
    <t>05/24/14 10:27:06.5</t>
  </si>
  <si>
    <t>05/24/14 10:29:00.5</t>
  </si>
  <si>
    <t>05/24/14 10:29:08.5</t>
  </si>
  <si>
    <t>05/24/14 10:33:04.0</t>
  </si>
  <si>
    <t>05/24/14 10:33:13.0</t>
  </si>
  <si>
    <t>05/24/14 10:36:41.0</t>
  </si>
  <si>
    <t>05/24/14 10:36:47.0</t>
  </si>
  <si>
    <t>05/24/14 10:40:40.5</t>
  </si>
  <si>
    <t>05/24/14 10:41:17.0</t>
  </si>
  <si>
    <t>05/24/14 10:43:05.5</t>
  </si>
  <si>
    <t>05/24/14 10:43:10.5</t>
  </si>
  <si>
    <t>05/24/14 10:44:06.5</t>
  </si>
  <si>
    <t>05/24/14 10:44:23.0</t>
  </si>
  <si>
    <t>05/24/14 10:46:04.5</t>
  </si>
  <si>
    <t>05/24/14 10:46:13.0</t>
  </si>
  <si>
    <t>05/24/14 10:48:25.5</t>
  </si>
  <si>
    <t>05/24/14 10:48:36.5</t>
  </si>
  <si>
    <t>05/24/14 10:50:47.0</t>
  </si>
  <si>
    <t>05/24/14 10:50:56.5</t>
  </si>
  <si>
    <t>05/24/14 10:52:28.5</t>
  </si>
  <si>
    <t>05/24/14 10:52:35.5</t>
  </si>
  <si>
    <t>05/24/14 10:55:00.0</t>
  </si>
  <si>
    <t>05/24/14 10:56:01.5</t>
  </si>
  <si>
    <t>05/24/14 10:57:19.5</t>
  </si>
  <si>
    <t>05/24/14 10:57:25.0</t>
  </si>
  <si>
    <t>05/24/14 10:59:41.5</t>
  </si>
  <si>
    <t>05/24/14 10:59:55.5</t>
  </si>
  <si>
    <t>05/24/14 11:04:23.0</t>
  </si>
  <si>
    <t>05/24/14 11:04:40.0</t>
  </si>
  <si>
    <t>05/24/14 11:06:58.0</t>
  </si>
  <si>
    <t>05/24/14 11:07:02.5</t>
  </si>
  <si>
    <t>05/24/14 11:08:35.5</t>
  </si>
  <si>
    <t>05/24/14 11:08:45.0</t>
  </si>
  <si>
    <t>05/24/14 11:10:53.0</t>
  </si>
  <si>
    <t>05/24/14 11:11:00.0</t>
  </si>
  <si>
    <t>05/24/14 11:13:50.5</t>
  </si>
  <si>
    <t>05/24/14 11:14:33.0</t>
  </si>
  <si>
    <t>05/24/14 11:17:58.0</t>
  </si>
  <si>
    <t>05/24/14 11:18:20.5</t>
  </si>
  <si>
    <t>05/24/14 11:21:48.0</t>
  </si>
  <si>
    <t>05/24/14 11:21:57.0</t>
  </si>
  <si>
    <t>05/24/14 11:23:56.5</t>
  </si>
  <si>
    <t>05/24/14 11:24:05.5</t>
  </si>
  <si>
    <t>05/24/14 11:25:29.5</t>
  </si>
  <si>
    <t>05/24/14 11:26:41.0</t>
  </si>
  <si>
    <t>05/24/14 11:28:59.0</t>
  </si>
  <si>
    <t>05/24/14 11:29:45.0</t>
  </si>
  <si>
    <t>05/24/14 11:34:39.0</t>
  </si>
  <si>
    <t>05/24/14 11:34:44.5</t>
  </si>
  <si>
    <t>05/24/14 11:37:06.0</t>
  </si>
  <si>
    <t>05/24/14 11:37:12.5</t>
  </si>
  <si>
    <t>05/24/14 11:38:30.0</t>
  </si>
  <si>
    <t>05/24/14 11:38:34.5</t>
  </si>
  <si>
    <t>05/24/14 11:39:21.5</t>
  </si>
  <si>
    <t>05/24/14 11:39:34.5</t>
  </si>
  <si>
    <t>05/24/14 11:43:36.5</t>
  </si>
  <si>
    <t>05/24/14 11:43:46.5</t>
  </si>
  <si>
    <t>05/24/14 11:45:55.5</t>
  </si>
  <si>
    <t>05/24/14 11:46:06.0</t>
  </si>
  <si>
    <t>05/24/14 11:51:50.0</t>
  </si>
  <si>
    <t>05/24/14 11:52:02.0</t>
  </si>
  <si>
    <t>05/24/14 11:53:19.0</t>
  </si>
  <si>
    <t>05/24/14 11:53:30.5</t>
  </si>
  <si>
    <t>05/24/14 11:55:55.0</t>
  </si>
  <si>
    <t>05/24/14 11:56:10.0</t>
  </si>
  <si>
    <t>05/24/14 11:58:47.0</t>
  </si>
  <si>
    <t>05/24/14 11:58:57.0</t>
  </si>
  <si>
    <t>05/24/14 12:00:04.5</t>
  </si>
  <si>
    <t>05/24/14 12:00:13.5</t>
  </si>
  <si>
    <t>05/24/14 12:01:45.5</t>
  </si>
  <si>
    <t>05/24/14 12:01:55.5</t>
  </si>
  <si>
    <t>05/24/14 12:03:29.5</t>
  </si>
  <si>
    <t>05/24/14 12:03:40.5</t>
  </si>
  <si>
    <t>05/24/14 12:04:28.5</t>
  </si>
  <si>
    <t>05/24/14 12:04:33.5</t>
  </si>
  <si>
    <t>05/24/14 12:05:55.5</t>
  </si>
  <si>
    <t>05/24/14 12:06:12.5</t>
  </si>
  <si>
    <t>05/24/14 12:10:20.0</t>
  </si>
  <si>
    <t>05/24/14 12:10:45.0</t>
  </si>
  <si>
    <t>05/24/14 12:14:09.5</t>
  </si>
  <si>
    <t>05/24/14 12:14:17.0</t>
  </si>
  <si>
    <t>05/24/14 12:16:04.5</t>
  </si>
  <si>
    <t>05/24/14 12:16:16.0</t>
  </si>
  <si>
    <t>05/24/14 12:18:24.0</t>
  </si>
  <si>
    <t>05/24/14 12:18:38.0</t>
  </si>
  <si>
    <t>05/24/14 12:20:27.5</t>
  </si>
  <si>
    <t>05/24/14 12:20:36.5</t>
  </si>
  <si>
    <t>05/24/14 12:21:33.0</t>
  </si>
  <si>
    <t>05/24/14 12:21:43.5</t>
  </si>
  <si>
    <t>05/24/14 12:23:18.0</t>
  </si>
  <si>
    <t>05/24/14 12:23:26.0</t>
  </si>
  <si>
    <t>05/24/14 12:24:44.0</t>
  </si>
  <si>
    <t>05/24/14 12:24:50.0</t>
  </si>
  <si>
    <t>05/24/14 12:26:46.5</t>
  </si>
  <si>
    <t>05/24/14 12:26:55.0</t>
  </si>
  <si>
    <t>05/24/14 12:28:37.5</t>
  </si>
  <si>
    <t>05/24/14 12:28:46.5</t>
  </si>
  <si>
    <t>05/24/14 12:30:52.0</t>
  </si>
  <si>
    <t>05/24/14 12:31:11.0</t>
  </si>
  <si>
    <t>05/24/14 12:33:25.5</t>
  </si>
  <si>
    <t>05/24/14 12:33:45.0</t>
  </si>
  <si>
    <t>05/24/14 12:35:28.0</t>
  </si>
  <si>
    <t>05/24/14 12:35:39.0</t>
  </si>
  <si>
    <t>05/24/14 12:36:52.5</t>
  </si>
  <si>
    <t>05/24/14 12:36:57.5</t>
  </si>
  <si>
    <t>05/24/14 12:39:19.0</t>
  </si>
  <si>
    <t>05/24/14 12:39:30.5</t>
  </si>
  <si>
    <t>05/24/14 12:43:38.0</t>
  </si>
  <si>
    <t>05/24/14 12:43:51.0</t>
  </si>
  <si>
    <t>05/24/14 12:45:53.5</t>
  </si>
  <si>
    <t>05/24/14 12:46:02.5</t>
  </si>
  <si>
    <t>05/24/14 12:49:06.0</t>
  </si>
  <si>
    <t>05/24/14 12:49:15.5</t>
  </si>
  <si>
    <t>05/24/14 12:51:06.5</t>
  </si>
  <si>
    <t>05/24/14 12:51:13.0</t>
  </si>
  <si>
    <t>05/24/14 12:52:57.0</t>
  </si>
  <si>
    <t>05/24/14 12:53:13.5</t>
  </si>
  <si>
    <t>05/24/14 12:55:34.5</t>
  </si>
  <si>
    <t>05/24/14 12:55:49.0</t>
  </si>
  <si>
    <t>05/24/14 12:56:47.5</t>
  </si>
  <si>
    <t>05/24/14 12:56:57.0</t>
  </si>
  <si>
    <t>05/24/14 12:58:10.5</t>
  </si>
  <si>
    <t>05/24/14 12:58:16.5</t>
  </si>
  <si>
    <t>05/24/14 12:59:00.5</t>
  </si>
  <si>
    <t>05/24/14 12:59:04.5</t>
  </si>
  <si>
    <t>05/24/14 13:00:07.5</t>
  </si>
  <si>
    <t>05/24/14 13:00:18.0</t>
  </si>
  <si>
    <t>05/24/14 13:04:43.0</t>
  </si>
  <si>
    <t>05/24/14 13:04:52.0</t>
  </si>
  <si>
    <t>05/24/14 13:06:24.0</t>
  </si>
  <si>
    <t>05/24/14 13:06:31.0</t>
  </si>
  <si>
    <t>05/24/14 13:09:03.0</t>
  </si>
  <si>
    <t>05/24/14 13:09:09.5</t>
  </si>
  <si>
    <t>05/24/14 13:10:00.0</t>
  </si>
  <si>
    <t>05/24/14 13:10:31.5</t>
  </si>
  <si>
    <t>05/24/14 13:11:44.0</t>
  </si>
  <si>
    <t>05/24/14 13:11:49.5</t>
  </si>
  <si>
    <t>05/24/14 13:13:36.0</t>
  </si>
  <si>
    <t>05/24/14 13:13:45.0</t>
  </si>
  <si>
    <t>05/24/14 13:15:41.0</t>
  </si>
  <si>
    <t>05/24/14 13:16:25.5</t>
  </si>
  <si>
    <t>05/24/14 13:18:17.0</t>
  </si>
  <si>
    <t>05/24/14 13:18:42.0</t>
  </si>
  <si>
    <t>05/24/14 13:20:21.0</t>
  </si>
  <si>
    <t>05/24/14 13:20:35.0</t>
  </si>
  <si>
    <t>05/24/14 13:23:18.0</t>
  </si>
  <si>
    <t>05/24/14 13:23:23.5</t>
  </si>
  <si>
    <t>05/24/14 13:25:15.0</t>
  </si>
  <si>
    <t>05/24/14 13:25:22.0</t>
  </si>
  <si>
    <t>05/24/14 13:26:56.0</t>
  </si>
  <si>
    <t>05/24/14 13:27:01.5</t>
  </si>
  <si>
    <t>05/24/14 13:30:00.0</t>
  </si>
  <si>
    <t>05/24/14 13:30:06.5</t>
  </si>
  <si>
    <t>05/24/14 13:31:11.0</t>
  </si>
  <si>
    <t>05/24/14 13:31:22.5</t>
  </si>
  <si>
    <t>05/24/14 13:32:47.5</t>
  </si>
  <si>
    <t>05/24/14 13:32:56.0</t>
  </si>
  <si>
    <t>05/24/14 13:34:22.5</t>
  </si>
  <si>
    <t>05/24/14 13:34:34.5</t>
  </si>
  <si>
    <t>05/24/14 13:35:39.5</t>
  </si>
  <si>
    <t>05/24/14 13:35:50.0</t>
  </si>
  <si>
    <t>05/24/14 13:37:45.5</t>
  </si>
  <si>
    <t>05/24/14 13:37:55.0</t>
  </si>
  <si>
    <t>05/24/14 13:38:58.0</t>
  </si>
  <si>
    <t>05/24/14 13:39:02.0</t>
  </si>
  <si>
    <t>05/24/14 13:39:50.0</t>
  </si>
  <si>
    <t>05/24/14 13:39:57.0</t>
  </si>
  <si>
    <t>05/24/14 13:41:12.0</t>
  </si>
  <si>
    <t>05/24/14 13:41:19.0</t>
  </si>
  <si>
    <t>05/24/14 13:43:11.0</t>
  </si>
  <si>
    <t>05/24/14 13:43:15.5</t>
  </si>
  <si>
    <t>05/24/14 13:44:10.5</t>
  </si>
  <si>
    <t>05/24/14 13:44:23.5</t>
  </si>
  <si>
    <t>05/24/14 13:46:06.0</t>
  </si>
  <si>
    <t>05/24/14 13:46:14.0</t>
  </si>
  <si>
    <t>05/24/14 13:48:19.5</t>
  </si>
  <si>
    <t>05/24/14 13:48:38.0</t>
  </si>
  <si>
    <t>05/24/14 13:50:53.5</t>
  </si>
  <si>
    <t>05/24/14 13:51:16.0</t>
  </si>
  <si>
    <t>05/24/14 13:52:58.5</t>
  </si>
  <si>
    <t>05/24/14 13:53:06.0</t>
  </si>
  <si>
    <t>05/24/14 13:56:41.5</t>
  </si>
  <si>
    <t>05/24/14 13:56:50.5</t>
  </si>
  <si>
    <t>05/24/14 13:57:32.5</t>
  </si>
  <si>
    <t>05/24/14 13:57:36.5</t>
  </si>
  <si>
    <t>05/24/14 13:59:03.5</t>
  </si>
  <si>
    <t>05/24/14 13:59:12.5</t>
  </si>
  <si>
    <t>05/24/14 14:00:00.5</t>
  </si>
  <si>
    <t>05/24/14 14:00:04.0</t>
  </si>
  <si>
    <t>05/24/14 14:00:47.0</t>
  </si>
  <si>
    <t>05/24/14 14:00:58.0</t>
  </si>
  <si>
    <t>05/24/14 14:03:29.5</t>
  </si>
  <si>
    <t>05/24/14 14:03:44.0</t>
  </si>
  <si>
    <t>05/24/14 14:05:34.0</t>
  </si>
  <si>
    <t>05/24/14 14:05:42.0</t>
  </si>
  <si>
    <t>05/24/14 14:06:54.0</t>
  </si>
  <si>
    <t>05/24/14 14:07:02.0</t>
  </si>
  <si>
    <t>05/24/14 14:07:58.0</t>
  </si>
  <si>
    <t>05/24/14 14:08:02.5</t>
  </si>
  <si>
    <t>05/24/14 14:09:10.5</t>
  </si>
  <si>
    <t>05/24/14 14:09:15.5</t>
  </si>
  <si>
    <t>05/24/14 14:10:07.5</t>
  </si>
  <si>
    <t>05/24/14 14:10:14.0</t>
  </si>
  <si>
    <t>05/24/14 14:11:50.0</t>
  </si>
  <si>
    <t>05/24/14 14:12:14.5</t>
  </si>
  <si>
    <t>05/24/14 14:12:52.5</t>
  </si>
  <si>
    <t>05/24/14 14:12:57.5</t>
  </si>
  <si>
    <t>05/24/14 14:13:47.5</t>
  </si>
  <si>
    <t>05/24/14 14:13:57.5</t>
  </si>
  <si>
    <t>05/24/14 14:15:13.5</t>
  </si>
  <si>
    <t>05/24/14 14:15:27.0</t>
  </si>
  <si>
    <t>05/24/14 14:16:17.5</t>
  </si>
  <si>
    <t>05/24/14 14:16:21.5</t>
  </si>
  <si>
    <t>05/24/14 14:18:00.0</t>
  </si>
  <si>
    <t>05/24/14 14:18:07.5</t>
  </si>
  <si>
    <t>05/24/14 14:19:53.0</t>
  </si>
  <si>
    <t>05/24/14 14:20:18.0</t>
  </si>
  <si>
    <t>05/24/14 14:21:48.5</t>
  </si>
  <si>
    <t>05/24/14 14:22:11.0</t>
  </si>
  <si>
    <t>05/24/14 14:23:09.0</t>
  </si>
  <si>
    <t>05/24/14 14:23:14.5</t>
  </si>
  <si>
    <t>05/24/14 14:25:19.0</t>
  </si>
  <si>
    <t>05/24/14 14:25:31.5</t>
  </si>
  <si>
    <t>05/24/14 14:28:21.5</t>
  </si>
  <si>
    <t>05/24/14 14:28:30.5</t>
  </si>
  <si>
    <t>05/24/14 14:29:32.0</t>
  </si>
  <si>
    <t>05/24/14 14:29:38.0</t>
  </si>
  <si>
    <t>05/24/14 14:32:05.0</t>
  </si>
  <si>
    <t>05/24/14 14:32:20.5</t>
  </si>
  <si>
    <t>05/24/14 14:34:15.0</t>
  </si>
  <si>
    <t>05/24/14 14:34:29.5</t>
  </si>
  <si>
    <t>05/24/14 14:35:35.0</t>
  </si>
  <si>
    <t>05/24/14 14:35:42.5</t>
  </si>
  <si>
    <t>05/24/14 14:36:43.0</t>
  </si>
  <si>
    <t>05/24/14 14:36:49.0</t>
  </si>
  <si>
    <t>05/24/14 14:38:04.5</t>
  </si>
  <si>
    <t>05/24/14 14:38:09.5</t>
  </si>
  <si>
    <t>05/24/14 14:38:57.0</t>
  </si>
  <si>
    <t>05/24/14 14:39:02.5</t>
  </si>
  <si>
    <t>05/24/14 14:40:09.5</t>
  </si>
  <si>
    <t>05/24/14 14:40:17.5</t>
  </si>
  <si>
    <t>05/24/14 14:42:08.5</t>
  </si>
  <si>
    <t>05/24/14 14:42:20.0</t>
  </si>
  <si>
    <t>05/24/14 14:44:54.5</t>
  </si>
  <si>
    <t>05/24/14 14:45:06.5</t>
  </si>
  <si>
    <t>05/24/14 14:48:06.0</t>
  </si>
  <si>
    <t>05/24/14 14:48:20.0</t>
  </si>
  <si>
    <t>05/24/14 14:52:32.5</t>
  </si>
  <si>
    <t>05/24/14 14:52:45.0</t>
  </si>
  <si>
    <t>05/24/14 14:54:10.0</t>
  </si>
  <si>
    <t>05/24/14 14:54:14.5</t>
  </si>
  <si>
    <t>05/24/14 14:55:24.5</t>
  </si>
  <si>
    <t>05/24/14 14:55:30.0</t>
  </si>
  <si>
    <t>05/24/14 14:56:41.0</t>
  </si>
  <si>
    <t>05/24/14 14:56:50.0</t>
  </si>
  <si>
    <t>05/24/14 14:58:11.5</t>
  </si>
  <si>
    <t>05/24/14 14:58:18.0</t>
  </si>
  <si>
    <t>05/24/14 14:59:10.5</t>
  </si>
  <si>
    <t>05/24/14 14:59:14.0</t>
  </si>
  <si>
    <t>05/24/14 14:59:56.0</t>
  </si>
  <si>
    <t>05/24/14 15:00:01.0</t>
  </si>
  <si>
    <t>05/24/14 15:01:22.5</t>
  </si>
  <si>
    <t>05/24/14 15:01:31.5</t>
  </si>
  <si>
    <t>05/24/14 15:02:48.5</t>
  </si>
  <si>
    <t>05/24/14 15:02:53.5</t>
  </si>
  <si>
    <t>05/24/14 15:03:33.5</t>
  </si>
  <si>
    <t>05/24/14 15:03:37.5</t>
  </si>
  <si>
    <t>05/24/14 15:04:35.0</t>
  </si>
  <si>
    <t>05/24/14 15:04:39.0</t>
  </si>
  <si>
    <t>05/24/14 15:06:14.0</t>
  </si>
  <si>
    <t>05/24/14 15:06:19.5</t>
  </si>
  <si>
    <t>05/24/14 15:07:23.5</t>
  </si>
  <si>
    <t>05/24/14 15:07:36.5</t>
  </si>
  <si>
    <t>05/24/14 15:08:27.5</t>
  </si>
  <si>
    <t>05/24/14 15:08:32.5</t>
  </si>
  <si>
    <t>05/24/14 15:09:42.0</t>
  </si>
  <si>
    <t>05/24/14 15:09:50.5</t>
  </si>
  <si>
    <t>05/24/14 15:11:17.0</t>
  </si>
  <si>
    <t>05/24/14 15:11:26.5</t>
  </si>
  <si>
    <t>05/24/14 15:13:03.5</t>
  </si>
  <si>
    <t>05/24/14 15:13:13.5</t>
  </si>
  <si>
    <t>05/24/14 15:14:47.0</t>
  </si>
  <si>
    <t>05/24/14 15:14:54.0</t>
  </si>
  <si>
    <t>05/24/14 15:16:27.5</t>
  </si>
  <si>
    <t>05/24/14 15:16:38.5</t>
  </si>
  <si>
    <t>05/24/14 15:17:56.0</t>
  </si>
  <si>
    <t>05/24/14 15:18:07.0</t>
  </si>
  <si>
    <t>05/24/14 15:19:43.5</t>
  </si>
  <si>
    <t>05/24/14 15:20:32.0</t>
  </si>
  <si>
    <t>05/24/14 15:21:34.5</t>
  </si>
  <si>
    <t>05/24/14 15:21:43.0</t>
  </si>
  <si>
    <t>05/24/14 15:22:54.5</t>
  </si>
  <si>
    <t>05/24/14 15:23:03.0</t>
  </si>
  <si>
    <t>05/24/14 15:23:58.0</t>
  </si>
  <si>
    <t>05/24/14 15:24:06.0</t>
  </si>
  <si>
    <t>05/24/14 15:25:25.0</t>
  </si>
  <si>
    <t>05/24/14 15:25:41.5</t>
  </si>
  <si>
    <t>05/24/14 15:26:39.0</t>
  </si>
  <si>
    <t>05/24/14 15:26:45.0</t>
  </si>
  <si>
    <t>05/24/14 15:27:44.0</t>
  </si>
  <si>
    <t>05/24/14 15:28:07.0</t>
  </si>
  <si>
    <t>05/24/14 15:29:39.5</t>
  </si>
  <si>
    <t>05/24/14 15:29:56.0</t>
  </si>
  <si>
    <t>05/24/14 15:31:13.0</t>
  </si>
  <si>
    <t>05/24/14 15:31:19.5</t>
  </si>
  <si>
    <t>05/24/14 15:33:36.0</t>
  </si>
  <si>
    <t>05/24/14 15:33:44.5</t>
  </si>
  <si>
    <t>05/24/14 15:35:58.5</t>
  </si>
  <si>
    <t>05/24/14 15:36:13.0</t>
  </si>
  <si>
    <t>05/24/14 15:38:10.0</t>
  </si>
  <si>
    <t>05/24/14 15:38:24.0</t>
  </si>
  <si>
    <t>05/24/14 15:39:30.5</t>
  </si>
  <si>
    <t>05/24/14 15:39:36.5</t>
  </si>
  <si>
    <t>05/24/14 15:41:24.0</t>
  </si>
  <si>
    <t>05/24/14 15:41:31.0</t>
  </si>
  <si>
    <t>05/24/14 15:43:45.0</t>
  </si>
  <si>
    <t>05/24/14 15:43:55.5</t>
  </si>
  <si>
    <t>05/24/14 15:45:27.5</t>
  </si>
  <si>
    <t>05/24/14 15:45:33.0</t>
  </si>
  <si>
    <t>05/24/14 15:46:56.0</t>
  </si>
  <si>
    <t>05/24/14 15:47:02.5</t>
  </si>
  <si>
    <t>05/24/14 15:48:30.0</t>
  </si>
  <si>
    <t>05/24/14 15:48:36.5</t>
  </si>
  <si>
    <t>05/24/14 15:49:54.5</t>
  </si>
  <si>
    <t>05/24/14 15:49:57.5</t>
  </si>
  <si>
    <t>05/24/14 15:50:36.5</t>
  </si>
  <si>
    <t>05/24/14 15:50:47.5</t>
  </si>
  <si>
    <t>05/24/14 15:51:21.0</t>
  </si>
  <si>
    <t>05/24/14 15:51:27.5</t>
  </si>
  <si>
    <t>05/24/14 15:52:31.5</t>
  </si>
  <si>
    <t>05/24/14 15:52:45.0</t>
  </si>
  <si>
    <t>05/24/14 15:53:32.5</t>
  </si>
  <si>
    <t>05/24/14 15:53:37.5</t>
  </si>
  <si>
    <t>05/24/14 15:54:43.0</t>
  </si>
  <si>
    <t>05/24/14 15:54:53.0</t>
  </si>
  <si>
    <t>05/24/14 15:55:50.0</t>
  </si>
  <si>
    <t>05/24/14 15:56:04.0</t>
  </si>
  <si>
    <t>05/24/14 15:57:22.0</t>
  </si>
  <si>
    <t>05/24/14 15:57:27.5</t>
  </si>
  <si>
    <t>05/24/14 15:59:04.0</t>
  </si>
  <si>
    <t>05/24/14 15:59:12.0</t>
  </si>
  <si>
    <t>05/24/14 16:00:02.5</t>
  </si>
  <si>
    <t>05/24/14 16:00:07.0</t>
  </si>
  <si>
    <t>05/24/14 16:01:14.0</t>
  </si>
  <si>
    <t>05/24/14 16:01:20.5</t>
  </si>
  <si>
    <t>05/24/14 16:02:11.5</t>
  </si>
  <si>
    <t>05/24/14 16:02:18.5</t>
  </si>
  <si>
    <t>05/24/14 16:03:51.0</t>
  </si>
  <si>
    <t>05/24/14 16:04:05.5</t>
  </si>
  <si>
    <t>05/24/14 16:07:47.5</t>
  </si>
  <si>
    <t>05/24/14 16:07:55.5</t>
  </si>
  <si>
    <t>05/24/14 16:09:47.0</t>
  </si>
  <si>
    <t>05/24/14 16:09:56.0</t>
  </si>
  <si>
    <t>05/24/14 16:12:20.5</t>
  </si>
  <si>
    <t>05/24/14 16:12:31.0</t>
  </si>
  <si>
    <t>05/24/14 16:14:12.5</t>
  </si>
  <si>
    <t>05/24/14 16:14:18.0</t>
  </si>
  <si>
    <t>05/24/14 16:15:59.5</t>
  </si>
  <si>
    <t>05/24/14 16:16:07.0</t>
  </si>
  <si>
    <t>05/24/14 16:16:59.0</t>
  </si>
  <si>
    <t>05/24/14 16:17:05.0</t>
  </si>
  <si>
    <t>05/24/14 16:19:27.0</t>
  </si>
  <si>
    <t>05/24/14 16:19:51.5</t>
  </si>
  <si>
    <t>05/24/14 16:22:49.5</t>
  </si>
  <si>
    <t>05/24/14 16:23:21.0</t>
  </si>
  <si>
    <t>05/24/14 16:25:55.0</t>
  </si>
  <si>
    <t>05/24/14 16:25:59.5</t>
  </si>
  <si>
    <t>05/24/14 16:27:47.5</t>
  </si>
  <si>
    <t>05/24/14 16:28:01.5</t>
  </si>
  <si>
    <t>05/24/14 16:29:52.5</t>
  </si>
  <si>
    <t>05/24/14 16:30:01.5</t>
  </si>
  <si>
    <t>05/24/14 16:32:01.5</t>
  </si>
  <si>
    <t>05/24/14 16:32:08.5</t>
  </si>
  <si>
    <t>05/24/14 16:34:37.0</t>
  </si>
  <si>
    <t>05/24/14 16:34:42.0</t>
  </si>
  <si>
    <t>05/24/14 16:35:31.5</t>
  </si>
  <si>
    <t>05/24/14 16:35:40.0</t>
  </si>
  <si>
    <t>05/24/14 16:37:24.0</t>
  </si>
  <si>
    <t>05/24/14 16:37:45.0</t>
  </si>
  <si>
    <t>05/24/14 16:40:31.5</t>
  </si>
  <si>
    <t>05/24/14 16:40:38.0</t>
  </si>
  <si>
    <t>05/24/14 16:42:00.0</t>
  </si>
  <si>
    <t>05/24/14 16:42:35.5</t>
  </si>
  <si>
    <t>05/24/14 16:46:01.0</t>
  </si>
  <si>
    <t>05/24/14 16:46:12.0</t>
  </si>
  <si>
    <t>05/24/14 16:47:49.5</t>
  </si>
  <si>
    <t>05/24/14 16:47:57.0</t>
  </si>
  <si>
    <t>05/24/14 16:49:08.0</t>
  </si>
  <si>
    <t>05/24/14 16:49:12.0</t>
  </si>
  <si>
    <t>05/24/14 16:49:53.5</t>
  </si>
  <si>
    <t>05/24/14 16:50:03.0</t>
  </si>
  <si>
    <t>05/24/14 16:52:56.0</t>
  </si>
  <si>
    <t>05/24/14 16:53:05.0</t>
  </si>
  <si>
    <t>05/24/14 16:55:09.0</t>
  </si>
  <si>
    <t>05/24/14 16:55:13.0</t>
  </si>
  <si>
    <t>05/24/14 16:56:27.5</t>
  </si>
  <si>
    <t>05/24/14 16:56:33.0</t>
  </si>
  <si>
    <t>05/24/14 16:58:00.5</t>
  </si>
  <si>
    <t>05/24/14 16:58:05.0</t>
  </si>
  <si>
    <t>05/24/14 16:59:31.0</t>
  </si>
  <si>
    <t>05/24/14 16:59:35.0</t>
  </si>
  <si>
    <t>05/24/14 17:00:24.0</t>
  </si>
  <si>
    <t>05/24/14 17:00:28.5</t>
  </si>
  <si>
    <t>05/24/14 17:01:59.5</t>
  </si>
  <si>
    <t>05/24/14 17:02:11.5</t>
  </si>
  <si>
    <t>05/24/14 17:04:12.0</t>
  </si>
  <si>
    <t>05/24/14 17:04:20.0</t>
  </si>
  <si>
    <t>05/24/14 17:06:35.5</t>
  </si>
  <si>
    <t>05/24/14 17:06:45.0</t>
  </si>
  <si>
    <t>05/24/14 17:10:12.0</t>
  </si>
  <si>
    <t>05/24/14 17:10:22.5</t>
  </si>
  <si>
    <t>05/24/14 17:14:53.0</t>
  </si>
  <si>
    <t>05/24/14 17:15:07.5</t>
  </si>
  <si>
    <t>05/24/14 17:18:51.0</t>
  </si>
  <si>
    <t>05/24/14 17:18:56.0</t>
  </si>
  <si>
    <t>05/24/14 17:20:14.5</t>
  </si>
  <si>
    <t>05/24/14 17:20:18.5</t>
  </si>
  <si>
    <t>05/24/14 17:22:22.5</t>
  </si>
  <si>
    <t>05/24/14 17:22:35.5</t>
  </si>
  <si>
    <t>05/24/14 17:23:51.0</t>
  </si>
  <si>
    <t>05/24/14 17:23:57.0</t>
  </si>
  <si>
    <t>05/24/14 17:24:57.0</t>
  </si>
  <si>
    <t>05/24/14 17:25:06.0</t>
  </si>
  <si>
    <t>05/24/14 17:28:24.0</t>
  </si>
  <si>
    <t>05/24/14 17:28:42.5</t>
  </si>
  <si>
    <t>05/24/14 17:31:42.5</t>
  </si>
  <si>
    <t>05/24/14 17:31:58.5</t>
  </si>
  <si>
    <t>05/24/14 17:34:13.0</t>
  </si>
  <si>
    <t>05/24/14 17:34:44.0</t>
  </si>
  <si>
    <t>05/24/14 17:35:47.0</t>
  </si>
  <si>
    <t>05/24/14 17:35:51.0</t>
  </si>
  <si>
    <t>05/24/14 17:37:02.5</t>
  </si>
  <si>
    <t>05/24/14 17:37:10.5</t>
  </si>
  <si>
    <t>05/24/14 17:37:59.0</t>
  </si>
  <si>
    <t>05/24/14 17:38:05.0</t>
  </si>
  <si>
    <t>05/24/14 17:39:32.5</t>
  </si>
  <si>
    <t>05/24/14 17:39:41.5</t>
  </si>
  <si>
    <t>05/24/14 17:41:20.0</t>
  </si>
  <si>
    <t>05/24/14 17:41:28.5</t>
  </si>
  <si>
    <t>05/24/14 17:42:20.0</t>
  </si>
  <si>
    <t>05/24/14 17:42:26.0</t>
  </si>
  <si>
    <t>05/24/14 17:43:16.5</t>
  </si>
  <si>
    <t>05/24/14 17:43:24.5</t>
  </si>
  <si>
    <t>05/24/14 17:44:11.0</t>
  </si>
  <si>
    <t>05/24/14 17:44:18.0</t>
  </si>
  <si>
    <t>05/24/14 17:47:34.5</t>
  </si>
  <si>
    <t>05/24/14 17:47:41.5</t>
  </si>
  <si>
    <t>05/24/14 17:51:31.0</t>
  </si>
  <si>
    <t>05/24/14 17:51:37.5</t>
  </si>
  <si>
    <t>05/24/14 17:52:48.5</t>
  </si>
  <si>
    <t>05/24/14 17:52:55.0</t>
  </si>
  <si>
    <t>05/24/14 17:53:49.5</t>
  </si>
  <si>
    <t>05/24/14 17:53:55.5</t>
  </si>
  <si>
    <t>05/24/14 17:56:12.5</t>
  </si>
  <si>
    <t>05/24/14 17:56:19.0</t>
  </si>
  <si>
    <t>05/24/14 17:57:26.0</t>
  </si>
  <si>
    <t>05/24/14 17:57:29.5</t>
  </si>
  <si>
    <t>05/24/14 17:58:25.0</t>
  </si>
  <si>
    <t>05/24/14 17:58:32.5</t>
  </si>
  <si>
    <t>05/24/14 17:59:28.0</t>
  </si>
  <si>
    <t>05/24/14 17:59:34.5</t>
  </si>
  <si>
    <t>05/24/14 18:01:11.0</t>
  </si>
  <si>
    <t>05/24/14 18:01:19.0</t>
  </si>
  <si>
    <t>05/24/14 18:04:37.0</t>
  </si>
  <si>
    <t>05/24/14 18:04:44.0</t>
  </si>
  <si>
    <t>05/24/14 18:06:28.0</t>
  </si>
  <si>
    <t>05/24/14 18:06:35.5</t>
  </si>
  <si>
    <t>05/24/14 18:07:30.5</t>
  </si>
  <si>
    <t>05/24/14 18:07:37.0</t>
  </si>
  <si>
    <t>05/24/14 18:08:44.5</t>
  </si>
  <si>
    <t>05/24/14 18:08:50.0</t>
  </si>
  <si>
    <t>05/24/14 18:11:18.5</t>
  </si>
  <si>
    <t>05/24/14 18:11:21.5</t>
  </si>
  <si>
    <t>05/24/14 18:12:29.5</t>
  </si>
  <si>
    <t>05/24/14 18:13:29.0</t>
  </si>
  <si>
    <t>05/24/14 18:17:52.5</t>
  </si>
  <si>
    <t>05/24/14 18:17:57.5</t>
  </si>
  <si>
    <t>05/24/14 18:19:10.0</t>
  </si>
  <si>
    <t>05/24/14 18:19:22.0</t>
  </si>
  <si>
    <t>05/24/14 18:23:21.0</t>
  </si>
  <si>
    <t>05/24/14 18:23:24.5</t>
  </si>
  <si>
    <t>05/24/14 18:24:36.0</t>
  </si>
  <si>
    <t>05/24/14 18:24:45.0</t>
  </si>
  <si>
    <t>05/24/14 18:26:15.5</t>
  </si>
  <si>
    <t>05/24/14 18:26:24.0</t>
  </si>
  <si>
    <t>05/24/14 18:28:25.5</t>
  </si>
  <si>
    <t>05/24/14 18:28:33.5</t>
  </si>
  <si>
    <t>05/24/14 18:29:47.5</t>
  </si>
  <si>
    <t>05/24/14 18:29:53.0</t>
  </si>
  <si>
    <t>05/24/14 18:30:40.0</t>
  </si>
  <si>
    <t>05/24/14 18:30:46.0</t>
  </si>
  <si>
    <t>05/24/14 18:33:12.5</t>
  </si>
  <si>
    <t>05/24/14 18:33:20.5</t>
  </si>
  <si>
    <t>05/24/14 18:34:37.5</t>
  </si>
  <si>
    <t>05/24/14 18:34:50.0</t>
  </si>
  <si>
    <t>05/24/14 18:35:46.0</t>
  </si>
  <si>
    <t>05/24/14 18:35:59.0</t>
  </si>
  <si>
    <t>05/24/14 18:37:12.0</t>
  </si>
  <si>
    <t>05/24/14 18:37:22.5</t>
  </si>
  <si>
    <t>05/24/14 18:40:51.5</t>
  </si>
  <si>
    <t>05/24/14 18:40:56.0</t>
  </si>
  <si>
    <t>05/24/14 18:41:55.0</t>
  </si>
  <si>
    <t>05/24/14 18:41:59.5</t>
  </si>
  <si>
    <t>05/24/14 18:42:48.5</t>
  </si>
  <si>
    <t>05/24/14 18:43:09.5</t>
  </si>
  <si>
    <t>05/24/14 18:44:21.0</t>
  </si>
  <si>
    <t>05/24/14 18:44:26.0</t>
  </si>
  <si>
    <t>05/24/14 18:46:03.0</t>
  </si>
  <si>
    <t>05/24/14 18:46:13.0</t>
  </si>
  <si>
    <t>05/24/14 18:47:06.0</t>
  </si>
  <si>
    <t>05/24/14 18:47:15.0</t>
  </si>
  <si>
    <t>05/24/14 18:49:04.0</t>
  </si>
  <si>
    <t>05/24/14 18:49:10.5</t>
  </si>
  <si>
    <t>05/24/14 18:50:21.5</t>
  </si>
  <si>
    <t>05/24/14 18:50:34.5</t>
  </si>
  <si>
    <t>05/24/14 18:52:23.5</t>
  </si>
  <si>
    <t>05/24/14 18:53:31.0</t>
  </si>
  <si>
    <t>05/24/14 18:55:04.0</t>
  </si>
  <si>
    <t>05/24/14 18:55:10.5</t>
  </si>
  <si>
    <t>05/24/14 18:56:42.5</t>
  </si>
  <si>
    <t>05/24/14 18:56:49.0</t>
  </si>
  <si>
    <t>05/24/14 18:57:29.5</t>
  </si>
  <si>
    <t>05/24/14 18:57:36.5</t>
  </si>
  <si>
    <t>05/24/14 18:58:43.5</t>
  </si>
  <si>
    <t>05/24/14 18:58:48.5</t>
  </si>
  <si>
    <t>05/24/14 18:59:50.5</t>
  </si>
  <si>
    <t>05/24/14 18:59:58.0</t>
  </si>
  <si>
    <t>05/24/14 19:00:51.5</t>
  </si>
  <si>
    <t>05/24/14 19:01:02.0</t>
  </si>
  <si>
    <t>05/24/14 19:02:45.5</t>
  </si>
  <si>
    <t>05/24/14 19:02:52.0</t>
  </si>
  <si>
    <t>05/24/14 19:04:32.5</t>
  </si>
  <si>
    <t>05/24/14 19:04:40.5</t>
  </si>
  <si>
    <t>05/24/14 19:05:58.0</t>
  </si>
  <si>
    <t>05/24/14 19:06:07.0</t>
  </si>
  <si>
    <t>05/24/14 19:08:56.5</t>
  </si>
  <si>
    <t>05/24/14 19:09:23.0</t>
  </si>
  <si>
    <t>05/24/14 19:10:30.0</t>
  </si>
  <si>
    <t>05/24/14 19:10:40.0</t>
  </si>
  <si>
    <t>05/24/14 19:13:25.0</t>
  </si>
  <si>
    <t>05/24/14 19:14:38.0</t>
  </si>
  <si>
    <t>05/24/14 19:16:33.5</t>
  </si>
  <si>
    <t>05/24/14 19:16:47.0</t>
  </si>
  <si>
    <t>05/24/14 19:18:44.0</t>
  </si>
  <si>
    <t>05/24/14 19:18:54.0</t>
  </si>
  <si>
    <t>05/24/14 19:20:48.0</t>
  </si>
  <si>
    <t>05/24/14 19:21:02.5</t>
  </si>
  <si>
    <t>05/24/14 19:22:20.0</t>
  </si>
  <si>
    <t>05/24/14 19:22:25.5</t>
  </si>
  <si>
    <t>05/24/14 19:24:42.0</t>
  </si>
  <si>
    <t>05/24/14 19:24:49.0</t>
  </si>
  <si>
    <t>05/24/14 19:26:13.0</t>
  </si>
  <si>
    <t>05/24/14 19:26:21.5</t>
  </si>
  <si>
    <t>05/24/14 19:28:10.5</t>
  </si>
  <si>
    <t>05/24/14 19:28:22.0</t>
  </si>
  <si>
    <t>05/24/14 19:29:32.0</t>
  </si>
  <si>
    <t>05/24/14 19:29:38.0</t>
  </si>
  <si>
    <t>05/24/14 19:31:06.5</t>
  </si>
  <si>
    <t>05/24/14 19:31:12.5</t>
  </si>
  <si>
    <t>05/24/14 19:32:52.5</t>
  </si>
  <si>
    <t>05/24/14 19:33:04.0</t>
  </si>
  <si>
    <t>05/24/14 19:34:35.0</t>
  </si>
  <si>
    <t>05/24/14 19:34:57.5</t>
  </si>
  <si>
    <t>05/24/14 19:37:14.5</t>
  </si>
  <si>
    <t>05/24/14 19:37:23.5</t>
  </si>
  <si>
    <t>05/24/14 19:38:38.5</t>
  </si>
  <si>
    <t>05/24/14 19:38:49.0</t>
  </si>
  <si>
    <t>05/24/14 19:42:21.0</t>
  </si>
  <si>
    <t>05/24/14 19:43:30.5</t>
  </si>
  <si>
    <t>05/24/14 19:48:29.0</t>
  </si>
  <si>
    <t>05/24/14 19:48:46.0</t>
  </si>
  <si>
    <t>05/24/14 19:58:05.0</t>
  </si>
  <si>
    <t>05/24/14 19:58:22.0</t>
  </si>
  <si>
    <t>05/24/14 20:01:16.5</t>
  </si>
  <si>
    <t>05/24/14 20:02:35.0</t>
  </si>
  <si>
    <t>05/24/14 20:07:32.0</t>
  </si>
  <si>
    <t>05/24/14 20:09:04.0</t>
  </si>
  <si>
    <t>05/24/14 20:12:51.0</t>
  </si>
  <si>
    <t>05/24/14 20:14:18.5</t>
  </si>
  <si>
    <t>05/24/14 20:18:58.5</t>
  </si>
  <si>
    <t>05/24/14 20:19:23.0</t>
  </si>
  <si>
    <t>05/24/14 20:25:22.5</t>
  </si>
  <si>
    <t>05/24/14 20:26:06.5</t>
  </si>
  <si>
    <t>05/24/14 20:29:05.5</t>
  </si>
  <si>
    <t>05/24/14 20:29:19.5</t>
  </si>
  <si>
    <t>05/24/14 20:32:38.5</t>
  </si>
  <si>
    <t>05/24/14 20:32:56.0</t>
  </si>
  <si>
    <t>05/24/14 20:36:11.5</t>
  </si>
  <si>
    <t>05/24/14 20:36:29.0</t>
  </si>
  <si>
    <t>05/24/14 20:39:27.0</t>
  </si>
  <si>
    <t>05/24/14 20:39:41.5</t>
  </si>
  <si>
    <t>05/24/14 20:43:31.0</t>
  </si>
  <si>
    <t>05/24/14 20:43:41.0</t>
  </si>
  <si>
    <t>05/24/14 20:46:44.0</t>
  </si>
  <si>
    <t>05/24/14 20:46:54.5</t>
  </si>
  <si>
    <t>05/24/14 20:50:48.0</t>
  </si>
  <si>
    <t>05/24/14 20:50:56.0</t>
  </si>
  <si>
    <t>05/24/14 20:57:43.0</t>
  </si>
  <si>
    <t>05/24/14 20:58:32.0</t>
  </si>
  <si>
    <t>05/24/14 21:01:26.0</t>
  </si>
  <si>
    <t>05/24/14 21:01:49.0</t>
  </si>
  <si>
    <t>05/24/14 21:07:16.0</t>
  </si>
  <si>
    <t>05/24/14 21:07:33.0</t>
  </si>
  <si>
    <t>05/24/14 21:25:35.5</t>
  </si>
  <si>
    <t>05/24/14 21:26:27.0</t>
  </si>
  <si>
    <t>05/24/14 21:51:07.5</t>
  </si>
  <si>
    <t>05/24/14 21:51:30.5</t>
  </si>
  <si>
    <t>05/24/14 22:30:59.5</t>
  </si>
  <si>
    <t>05/24/14 22:31:09.0</t>
  </si>
  <si>
    <t>05/24/14 22:40:40.5</t>
  </si>
  <si>
    <t>05/24/14 22:41:31.0</t>
  </si>
  <si>
    <t>05/24/14 22:45:08.0</t>
  </si>
  <si>
    <t>05/24/14 22:45:20.0</t>
  </si>
  <si>
    <t>05/24/14 23:05:55.5</t>
  </si>
  <si>
    <t>05/24/14 23:08:37.5</t>
  </si>
  <si>
    <t>05/25/14 08:28:53.0</t>
  </si>
  <si>
    <t>05/25/14 08:29:10.5</t>
  </si>
  <si>
    <t>05/25/14 08:42:11.5</t>
  </si>
  <si>
    <t>05/25/14 08:47:18.0</t>
  </si>
  <si>
    <t>05/25/14 08:53:20.0</t>
  </si>
  <si>
    <t>05/25/14 08:53:32.0</t>
  </si>
  <si>
    <t>05/25/14 09:06:56.0</t>
  </si>
  <si>
    <t>05/25/14 09:08:21.5</t>
  </si>
  <si>
    <t>05/25/14 09:12:57.5</t>
  </si>
  <si>
    <t>05/25/14 09:13:08.0</t>
  </si>
  <si>
    <t>05/25/14 09:15:19.0</t>
  </si>
  <si>
    <t>05/25/14 09:15:41.5</t>
  </si>
  <si>
    <t>05/25/14 09:19:18.5</t>
  </si>
  <si>
    <t>05/25/14 09:19:34.5</t>
  </si>
  <si>
    <t>05/25/14 09:27:08.5</t>
  </si>
  <si>
    <t>05/25/14 09:27:36.5</t>
  </si>
  <si>
    <t>05/25/14 09:36:17.5</t>
  </si>
  <si>
    <t>05/25/14 09:36:36.0</t>
  </si>
  <si>
    <t>05/25/14 09:42:30.5</t>
  </si>
  <si>
    <t>05/25/14 09:44:06.0</t>
  </si>
  <si>
    <t>05/25/14 09:57:08.0</t>
  </si>
  <si>
    <t>05/25/14 09:59:51.5</t>
  </si>
  <si>
    <t>05/25/14 10:12:59.5</t>
  </si>
  <si>
    <t>05/25/14 10:13:38.5</t>
  </si>
  <si>
    <t>05/25/14 10:20:34.5</t>
  </si>
  <si>
    <t>05/25/14 10:22:10.0</t>
  </si>
  <si>
    <t>05/25/14 10:33:37.0</t>
  </si>
  <si>
    <t>05/25/14 10:34:39.0</t>
  </si>
  <si>
    <t>05/25/14 10:40:33.0</t>
  </si>
  <si>
    <t>05/25/14 10:40:40.5</t>
  </si>
  <si>
    <t>05/25/14 10:42:12.5</t>
  </si>
  <si>
    <t>05/25/14 10:42:20.0</t>
  </si>
  <si>
    <t>05/25/14 10:44:10.5</t>
  </si>
  <si>
    <t>05/25/14 10:44:22.5</t>
  </si>
  <si>
    <t>05/25/14 10:49:21.5</t>
  </si>
  <si>
    <t>05/25/14 10:50:33.0</t>
  </si>
  <si>
    <t>05/25/14 10:56:46.5</t>
  </si>
  <si>
    <t>05/25/14 10:56:57.0</t>
  </si>
  <si>
    <t>05/25/14 11:02:47.5</t>
  </si>
  <si>
    <t>05/25/14 11:02:58.5</t>
  </si>
  <si>
    <t>05/25/14 11:05:09.5</t>
  </si>
  <si>
    <t>05/25/14 11:05:28.0</t>
  </si>
  <si>
    <t>05/25/14 11:13:48.0</t>
  </si>
  <si>
    <t>05/25/14 11:13:53.5</t>
  </si>
  <si>
    <t>05/25/14 11:14:42.5</t>
  </si>
  <si>
    <t>05/25/14 11:14:48.5</t>
  </si>
  <si>
    <t>05/25/14 11:15:25.5</t>
  </si>
  <si>
    <t>05/25/14 11:15:33.5</t>
  </si>
  <si>
    <t>05/25/14 11:19:30.5</t>
  </si>
  <si>
    <t>05/25/14 11:20:17.5</t>
  </si>
  <si>
    <t>05/25/14 11:21:29.0</t>
  </si>
  <si>
    <t>05/25/14 11:21:37.0</t>
  </si>
  <si>
    <t>05/25/14 11:29:45.5</t>
  </si>
  <si>
    <t>05/25/14 11:29:55.0</t>
  </si>
  <si>
    <t>05/25/14 11:36:42.0</t>
  </si>
  <si>
    <t>05/25/14 11:37:49.5</t>
  </si>
  <si>
    <t>05/25/14 11:44:17.0</t>
  </si>
  <si>
    <t>05/25/14 11:44:43.5</t>
  </si>
  <si>
    <t>05/25/14 11:48:41.0</t>
  </si>
  <si>
    <t>05/25/14 11:48:50.5</t>
  </si>
  <si>
    <t>05/25/14 11:54:26.5</t>
  </si>
  <si>
    <t>05/25/14 11:54:43.5</t>
  </si>
  <si>
    <t>05/25/14 11:57:45.5</t>
  </si>
  <si>
    <t>05/25/14 11:58:08.5</t>
  </si>
  <si>
    <t>05/25/14 12:04:28.5</t>
  </si>
  <si>
    <t>05/25/14 12:07:43.5</t>
  </si>
  <si>
    <t>05/25/14 12:09:56.0</t>
  </si>
  <si>
    <t>05/25/14 12:10:06.0</t>
  </si>
  <si>
    <t>05/25/14 12:13:45.0</t>
  </si>
  <si>
    <t>05/25/14 12:13:56.5</t>
  </si>
  <si>
    <t>05/25/14 12:15:10.5</t>
  </si>
  <si>
    <t>05/25/14 12:15:19.5</t>
  </si>
  <si>
    <t>05/25/14 12:17:26.5</t>
  </si>
  <si>
    <t>05/25/14 12:17:35.5</t>
  </si>
  <si>
    <t>05/25/14 12:24:12.5</t>
  </si>
  <si>
    <t>05/25/14 12:25:11.5</t>
  </si>
  <si>
    <t>05/25/14 12:29:34.5</t>
  </si>
  <si>
    <t>05/25/14 12:31:31.5</t>
  </si>
  <si>
    <t>05/25/14 12:35:39.0</t>
  </si>
  <si>
    <t>05/25/14 12:35:46.5</t>
  </si>
  <si>
    <t>05/25/14 12:37:40.5</t>
  </si>
  <si>
    <t>05/25/14 12:38:02.5</t>
  </si>
  <si>
    <t>05/25/14 12:40:47.0</t>
  </si>
  <si>
    <t>05/25/14 12:40:59.0</t>
  </si>
  <si>
    <t>05/25/14 12:45:41.0</t>
  </si>
  <si>
    <t>05/25/14 12:47:15.0</t>
  </si>
  <si>
    <t>05/25/14 12:51:20.5</t>
  </si>
  <si>
    <t>05/25/14 12:51:37.0</t>
  </si>
  <si>
    <t>05/25/14 12:55:16.0</t>
  </si>
  <si>
    <t>05/25/14 12:55:34.0</t>
  </si>
  <si>
    <t>05/25/14 12:58:53.0</t>
  </si>
  <si>
    <t>05/25/14 12:59:23.5</t>
  </si>
  <si>
    <t>05/25/14 13:01:20.5</t>
  </si>
  <si>
    <t>05/25/14 13:01:29.0</t>
  </si>
  <si>
    <t>05/25/14 13:03:38.0</t>
  </si>
  <si>
    <t>05/25/14 13:03:53.5</t>
  </si>
  <si>
    <t>05/25/14 13:06:54.0</t>
  </si>
  <si>
    <t>05/25/14 13:07:02.5</t>
  </si>
  <si>
    <t>05/25/14 13:09:26.5</t>
  </si>
  <si>
    <t>05/25/14 13:09:36.5</t>
  </si>
  <si>
    <t>05/25/14 13:12:01.5</t>
  </si>
  <si>
    <t>05/25/14 13:12:22.0</t>
  </si>
  <si>
    <t>05/25/14 13:19:57.5</t>
  </si>
  <si>
    <t>05/25/14 13:20:03.5</t>
  </si>
  <si>
    <t>05/25/14 13:23:55.0</t>
  </si>
  <si>
    <t>05/25/14 13:25:52.0</t>
  </si>
  <si>
    <t>05/25/14 13:29:17.0</t>
  </si>
  <si>
    <t>05/25/14 13:29:32.0</t>
  </si>
  <si>
    <t>05/25/14 13:31:14.0</t>
  </si>
  <si>
    <t>05/25/14 13:31:24.0</t>
  </si>
  <si>
    <t>05/25/14 13:33:42.5</t>
  </si>
  <si>
    <t>05/25/14 13:33:47.0</t>
  </si>
  <si>
    <t>05/25/14 13:34:52.0</t>
  </si>
  <si>
    <t>05/25/14 13:35:02.0</t>
  </si>
  <si>
    <t>05/25/14 13:37:55.5</t>
  </si>
  <si>
    <t>05/25/14 13:38:16.5</t>
  </si>
  <si>
    <t>05/25/14 13:41:14.5</t>
  </si>
  <si>
    <t>05/25/14 13:42:08.0</t>
  </si>
  <si>
    <t>05/25/14 13:44:26.5</t>
  </si>
  <si>
    <t>05/25/14 13:44:42.0</t>
  </si>
  <si>
    <t>05/25/14 13:46:59.0</t>
  </si>
  <si>
    <t>05/25/14 13:47:14.0</t>
  </si>
  <si>
    <t>05/25/14 13:49:49.5</t>
  </si>
  <si>
    <t>05/25/14 13:49:56.0</t>
  </si>
  <si>
    <t>05/25/14 13:53:39.0</t>
  </si>
  <si>
    <t>05/25/14 13:54:05.5</t>
  </si>
  <si>
    <t>05/25/14 14:00:03.5</t>
  </si>
  <si>
    <t>05/25/14 14:00:10.5</t>
  </si>
  <si>
    <t>05/25/14 14:02:33.5</t>
  </si>
  <si>
    <t>05/25/14 14:02:45.0</t>
  </si>
  <si>
    <t>05/25/14 14:07:05.0</t>
  </si>
  <si>
    <t>05/25/14 14:07:21.0</t>
  </si>
  <si>
    <t>05/25/14 14:13:58.0</t>
  </si>
  <si>
    <t>05/25/14 14:14:12.5</t>
  </si>
  <si>
    <t>05/25/14 14:30:11.5</t>
  </si>
  <si>
    <t>05/25/14 14:30:30.0</t>
  </si>
  <si>
    <t>05/25/14 14:31:45.5</t>
  </si>
  <si>
    <t>05/25/14 14:31:53.5</t>
  </si>
  <si>
    <t>05/25/14 14:34:56.5</t>
  </si>
  <si>
    <t>05/25/14 14:35:20.0</t>
  </si>
  <si>
    <t>05/25/14 14:38:23.0</t>
  </si>
  <si>
    <t>05/25/14 14:38:37.0</t>
  </si>
  <si>
    <t>05/25/14 14:43:33.0</t>
  </si>
  <si>
    <t>05/25/14 14:43:41.0</t>
  </si>
  <si>
    <t>05/25/14 14:49:39.5</t>
  </si>
  <si>
    <t>05/25/14 14:49:57.0</t>
  </si>
  <si>
    <t>05/25/14 14:51:10.5</t>
  </si>
  <si>
    <t>05/25/14 14:51:45.0</t>
  </si>
  <si>
    <t>05/25/14 14:53:05.5</t>
  </si>
  <si>
    <t>05/25/14 14:53:15.5</t>
  </si>
  <si>
    <t>05/25/14 14:54:27.0</t>
  </si>
  <si>
    <t>05/25/14 14:54:31.5</t>
  </si>
  <si>
    <t>05/25/14 14:56:15.0</t>
  </si>
  <si>
    <t>05/25/14 14:56:24.5</t>
  </si>
  <si>
    <t>05/25/14 14:57:36.5</t>
  </si>
  <si>
    <t>05/25/14 14:57:55.5</t>
  </si>
  <si>
    <t>05/25/14 15:00:15.0</t>
  </si>
  <si>
    <t>05/25/14 15:00:28.0</t>
  </si>
  <si>
    <t>05/25/14 15:02:25.0</t>
  </si>
  <si>
    <t>05/25/14 15:02:35.5</t>
  </si>
  <si>
    <t>05/25/14 15:05:15.0</t>
  </si>
  <si>
    <t>05/25/14 15:05:19.5</t>
  </si>
  <si>
    <t>05/25/14 15:06:14.5</t>
  </si>
  <si>
    <t>05/25/14 15:06:23.5</t>
  </si>
  <si>
    <t>05/25/14 15:08:15.0</t>
  </si>
  <si>
    <t>05/25/14 15:08:45.5</t>
  </si>
  <si>
    <t>05/25/14 15:10:38.0</t>
  </si>
  <si>
    <t>05/25/14 15:10:46.5</t>
  </si>
  <si>
    <t>05/25/14 15:13:24.0</t>
  </si>
  <si>
    <t>05/25/14 15:13:32.0</t>
  </si>
  <si>
    <t>05/25/14 15:16:38.5</t>
  </si>
  <si>
    <t>05/25/14 15:16:45.0</t>
  </si>
  <si>
    <t>05/25/14 15:18:27.0</t>
  </si>
  <si>
    <t>05/25/14 15:18:45.5</t>
  </si>
  <si>
    <t>05/25/14 15:20:34.5</t>
  </si>
  <si>
    <t>05/25/14 15:20:41.5</t>
  </si>
  <si>
    <t>05/25/14 15:21:58.5</t>
  </si>
  <si>
    <t>05/25/14 15:22:09.0</t>
  </si>
  <si>
    <t>05/25/14 15:23:31.0</t>
  </si>
  <si>
    <t>05/25/14 15:23:39.5</t>
  </si>
  <si>
    <t>05/25/14 15:24:50.0</t>
  </si>
  <si>
    <t>05/25/14 15:24:57.5</t>
  </si>
  <si>
    <t>05/25/14 15:26:49.0</t>
  </si>
  <si>
    <t>05/25/14 15:27:05.0</t>
  </si>
  <si>
    <t>05/25/14 15:27:58.5</t>
  </si>
  <si>
    <t>05/25/14 15:28:07.0</t>
  </si>
  <si>
    <t>05/25/14 15:30:29.5</t>
  </si>
  <si>
    <t>05/25/14 15:30:46.0</t>
  </si>
  <si>
    <t>05/25/14 15:32:48.0</t>
  </si>
  <si>
    <t>05/25/14 15:33:06.5</t>
  </si>
  <si>
    <t>05/25/14 15:34:07.5</t>
  </si>
  <si>
    <t>05/25/14 15:34:15.0</t>
  </si>
  <si>
    <t>05/25/14 15:39:36.5</t>
  </si>
  <si>
    <t>05/25/14 15:39:44.0</t>
  </si>
  <si>
    <t>05/25/14 15:41:22.5</t>
  </si>
  <si>
    <t>05/25/14 15:41:29.5</t>
  </si>
  <si>
    <t>05/25/14 15:44:42.0</t>
  </si>
  <si>
    <t>05/25/14 15:45:15.5</t>
  </si>
  <si>
    <t>05/25/14 15:47:40.5</t>
  </si>
  <si>
    <t>05/25/14 15:48:17.5</t>
  </si>
  <si>
    <t>05/25/14 15:52:16.0</t>
  </si>
  <si>
    <t>05/25/14 15:52:20.5</t>
  </si>
  <si>
    <t>05/25/14 15:53:40.5</t>
  </si>
  <si>
    <t>05/25/14 15:54:23.0</t>
  </si>
  <si>
    <t>05/25/14 15:56:21.5</t>
  </si>
  <si>
    <t>05/25/14 15:56:30.5</t>
  </si>
  <si>
    <t>05/25/14 15:59:09.5</t>
  </si>
  <si>
    <t>05/25/14 15:59:26.5</t>
  </si>
  <si>
    <t>05/25/14 16:03:39.5</t>
  </si>
  <si>
    <t>05/25/14 16:03:48.0</t>
  </si>
  <si>
    <t>05/25/14 16:06:44.0</t>
  </si>
  <si>
    <t>05/25/14 16:06:47.5</t>
  </si>
  <si>
    <t>05/25/14 16:07:41.0</t>
  </si>
  <si>
    <t>05/25/14 16:07:51.0</t>
  </si>
  <si>
    <t>05/25/14 16:09:00.0</t>
  </si>
  <si>
    <t>05/25/14 16:09:07.0</t>
  </si>
  <si>
    <t>05/25/14 16:10:28.0</t>
  </si>
  <si>
    <t>05/25/14 16:10:53.5</t>
  </si>
  <si>
    <t>05/25/14 16:12:12.0</t>
  </si>
  <si>
    <t>05/25/14 16:12:25.0</t>
  </si>
  <si>
    <t>05/25/14 16:15:24.0</t>
  </si>
  <si>
    <t>05/25/14 16:15:30.5</t>
  </si>
  <si>
    <t>05/25/14 16:20:51.5</t>
  </si>
  <si>
    <t>05/25/14 16:21:01.0</t>
  </si>
  <si>
    <t>05/25/14 16:27:38.5</t>
  </si>
  <si>
    <t>05/25/14 16:27:45.0</t>
  </si>
  <si>
    <t>05/25/14 16:30:25.5</t>
  </si>
  <si>
    <t>05/25/14 16:30:37.0</t>
  </si>
  <si>
    <t>05/25/14 16:33:22.0</t>
  </si>
  <si>
    <t>05/25/14 16:33:30.5</t>
  </si>
  <si>
    <t>05/25/14 16:35:31.5</t>
  </si>
  <si>
    <t>05/25/14 16:36:30.0</t>
  </si>
  <si>
    <t>05/25/14 16:37:24.0</t>
  </si>
  <si>
    <t>05/25/14 16:37:40.5</t>
  </si>
  <si>
    <t>05/25/14 16:40:57.5</t>
  </si>
  <si>
    <t>05/25/14 16:41:11.0</t>
  </si>
  <si>
    <t>05/25/14 16:45:04.0</t>
  </si>
  <si>
    <t>05/25/14 16:45:41.0</t>
  </si>
  <si>
    <t>05/25/14 16:47:55.0</t>
  </si>
  <si>
    <t>05/25/14 16:48:47.0</t>
  </si>
  <si>
    <t>05/25/14 16:51:28.5</t>
  </si>
  <si>
    <t>05/25/14 16:51:57.0</t>
  </si>
  <si>
    <t>05/25/14 16:53:39.5</t>
  </si>
  <si>
    <t>05/25/14 16:53:59.0</t>
  </si>
  <si>
    <t>05/25/14 16:58:18.5</t>
  </si>
  <si>
    <t>05/25/14 16:58:29.5</t>
  </si>
  <si>
    <t>05/25/14 17:00:26.0</t>
  </si>
  <si>
    <t>05/25/14 17:00:38.0</t>
  </si>
  <si>
    <t>05/25/14 17:02:58.0</t>
  </si>
  <si>
    <t>05/25/14 17:03:13.5</t>
  </si>
  <si>
    <t>05/25/14 17:05:45.5</t>
  </si>
  <si>
    <t>05/25/14 17:05:55.5</t>
  </si>
  <si>
    <t>05/25/14 17:07:35.0</t>
  </si>
  <si>
    <t>05/25/14 17:07:42.5</t>
  </si>
  <si>
    <t>05/25/14 17:11:44.0</t>
  </si>
  <si>
    <t>05/25/14 17:11:59.5</t>
  </si>
  <si>
    <t>05/25/14 17:16:26.5</t>
  </si>
  <si>
    <t>05/25/14 17:16:32.5</t>
  </si>
  <si>
    <t>05/25/14 17:18:05.0</t>
  </si>
  <si>
    <t>05/25/14 17:18:22.0</t>
  </si>
  <si>
    <t>05/25/14 17:23:42.0</t>
  </si>
  <si>
    <t>05/25/14 17:23:51.0</t>
  </si>
  <si>
    <t>05/25/14 17:25:14.0</t>
  </si>
  <si>
    <t>05/25/14 17:25:18.5</t>
  </si>
  <si>
    <t>05/25/14 17:28:23.5</t>
  </si>
  <si>
    <t>05/25/14 17:28:32.0</t>
  </si>
  <si>
    <t>05/25/14 17:34:20.0</t>
  </si>
  <si>
    <t>05/25/14 17:34:30.0</t>
  </si>
  <si>
    <t>05/25/14 17:36:38.0</t>
  </si>
  <si>
    <t>05/25/14 17:36:43.5</t>
  </si>
  <si>
    <t>05/25/14 17:38:47.5</t>
  </si>
  <si>
    <t>05/25/14 17:38:58.0</t>
  </si>
  <si>
    <t>05/25/14 17:43:29.0</t>
  </si>
  <si>
    <t>05/25/14 17:43:46.5</t>
  </si>
  <si>
    <t>05/25/14 17:47:46.5</t>
  </si>
  <si>
    <t>05/25/14 17:48:18.0</t>
  </si>
  <si>
    <t>05/25/14 17:53:56.0</t>
  </si>
  <si>
    <t>05/25/14 17:54:05.5</t>
  </si>
  <si>
    <t>05/25/14 17:58:59.0</t>
  </si>
  <si>
    <t>05/25/14 17:59:48.5</t>
  </si>
  <si>
    <t>05/25/14 18:04:04.5</t>
  </si>
  <si>
    <t>05/25/14 18:04:17.0</t>
  </si>
  <si>
    <t>05/25/14 18:07:08.0</t>
  </si>
  <si>
    <t>05/25/14 18:07:14.0</t>
  </si>
  <si>
    <t>05/25/14 18:11:27.0</t>
  </si>
  <si>
    <t>05/25/14 18:11:44.5</t>
  </si>
  <si>
    <t>05/25/14 18:18:33.5</t>
  </si>
  <si>
    <t>05/25/14 18:18:45.5</t>
  </si>
  <si>
    <t>05/25/14 18:20:39.0</t>
  </si>
  <si>
    <t>05/25/14 18:20:54.0</t>
  </si>
  <si>
    <t>05/25/14 18:23:16.5</t>
  </si>
  <si>
    <t>05/25/14 18:23:27.5</t>
  </si>
  <si>
    <t>05/25/14 18:32:48.0</t>
  </si>
  <si>
    <t>05/25/14 18:33:25.0</t>
  </si>
  <si>
    <t>05/25/14 18:36:41.5</t>
  </si>
  <si>
    <t>05/25/14 18:37:01.0</t>
  </si>
  <si>
    <t>05/25/14 18:43:01.0</t>
  </si>
  <si>
    <t>05/25/14 18:43:10.0</t>
  </si>
  <si>
    <t>05/25/14 18:58:20.0</t>
  </si>
  <si>
    <t>05/25/14 18:59:24.0</t>
  </si>
  <si>
    <t>05/25/14 19:05:08.0</t>
  </si>
  <si>
    <t>05/25/14 19:11:30.0</t>
  </si>
  <si>
    <t>05/25/14 19:19:48.5</t>
  </si>
  <si>
    <t>05/25/14 19:20:13.0</t>
  </si>
  <si>
    <t>05/25/14 19:29:19.0</t>
  </si>
  <si>
    <t>05/25/14 19:29:41.0</t>
  </si>
  <si>
    <t>05/25/14 19:57:52.5</t>
  </si>
  <si>
    <t>05/25/14 19:59:46.5</t>
  </si>
  <si>
    <t>05/25/14 20:16:40.5</t>
  </si>
  <si>
    <t>05/25/14 20:21:36.0</t>
  </si>
  <si>
    <t>05/25/14 20:29:03.5</t>
  </si>
  <si>
    <t>05/25/14 20:34:39.5</t>
  </si>
  <si>
    <t>05/25/14 20:51:21.0</t>
  </si>
  <si>
    <t>05/25/14 20:52:00.5</t>
  </si>
  <si>
    <t>05/26/14 06:14:28.5</t>
  </si>
  <si>
    <t>05/26/14 06:14:41.5</t>
  </si>
  <si>
    <t>05/26/14 07:59:07.0</t>
  </si>
  <si>
    <t>05/26/14 08:01:08.0</t>
  </si>
  <si>
    <t>05/26/14 08:06:49.5</t>
  </si>
  <si>
    <t>05/26/14 08:07:06.0</t>
  </si>
  <si>
    <t>05/26/14 08:20:03.5</t>
  </si>
  <si>
    <t>05/26/14 08:20:22.0</t>
  </si>
  <si>
    <t>05/26/14 08:35:53.5</t>
  </si>
  <si>
    <t>05/26/14 08:37:09.0</t>
  </si>
  <si>
    <t>05/26/14 08:58:49.0</t>
  </si>
  <si>
    <t>05/26/14 08:59:05.0</t>
  </si>
  <si>
    <t>05/26/14 09:08:49.5</t>
  </si>
  <si>
    <t>05/26/14 09:09:07.0</t>
  </si>
  <si>
    <t>05/26/14 09:16:17.0</t>
  </si>
  <si>
    <t>05/26/14 09:16:26.0</t>
  </si>
  <si>
    <t>05/26/14 09:25:48.5</t>
  </si>
  <si>
    <t>05/26/14 09:26:14.0</t>
  </si>
  <si>
    <t>05/26/14 09:36:07.5</t>
  </si>
  <si>
    <t>05/26/14 09:36:23.5</t>
  </si>
  <si>
    <t>05/26/14 09:48:40.5</t>
  </si>
  <si>
    <t>05/26/14 09:48:56.5</t>
  </si>
  <si>
    <t>05/26/14 09:56:06.0</t>
  </si>
  <si>
    <t>05/26/14 09:56:17.5</t>
  </si>
  <si>
    <t>05/26/14 09:59:21.5</t>
  </si>
  <si>
    <t>05/26/14 09:59:29.5</t>
  </si>
  <si>
    <t>05/26/14 10:00:56.0</t>
  </si>
  <si>
    <t>05/26/14 10:01:06.0</t>
  </si>
  <si>
    <t>05/26/14 10:03:51.0</t>
  </si>
  <si>
    <t>05/26/14 10:04:10.5</t>
  </si>
  <si>
    <t>05/26/14 10:06:39.5</t>
  </si>
  <si>
    <t>05/26/14 10:06:48.0</t>
  </si>
  <si>
    <t>05/26/14 10:09:22.0</t>
  </si>
  <si>
    <t>05/26/14 10:09:37.0</t>
  </si>
  <si>
    <t>05/26/14 10:18:06.0</t>
  </si>
  <si>
    <t>05/26/14 10:18:20.5</t>
  </si>
  <si>
    <t>05/26/14 11:42:07.0</t>
  </si>
  <si>
    <t>05/26/14 11:46:22.5</t>
  </si>
  <si>
    <t>05/26/14 12:19:00.5</t>
  </si>
  <si>
    <t>05/26/14 12:19:34.0</t>
  </si>
  <si>
    <t>05/26/14 12:57:08.5</t>
  </si>
  <si>
    <t>05/26/14 12:57:26.0</t>
  </si>
  <si>
    <t>05/26/14 13:08:35.5</t>
  </si>
  <si>
    <t>05/26/14 13:08:46.5</t>
  </si>
  <si>
    <t>05/26/14 13:10:26.5</t>
  </si>
  <si>
    <t>05/26/14 13:10:37.0</t>
  </si>
  <si>
    <t>05/26/14 13:37:45.0</t>
  </si>
  <si>
    <t>05/26/14 13:38:00.5</t>
  </si>
  <si>
    <t>05/26/14 13:48:06.0</t>
  </si>
  <si>
    <t>05/26/14 13:48:21.0</t>
  </si>
  <si>
    <t>05/26/14 13:53:37.0</t>
  </si>
  <si>
    <t>05/26/14 13:54:13.0</t>
  </si>
  <si>
    <t>05/26/14 13:54:57.0</t>
  </si>
  <si>
    <t>05/26/14 13:55:02.0</t>
  </si>
  <si>
    <t>05/26/14 13:56:41.5</t>
  </si>
  <si>
    <t>05/26/14 13:59:28.0</t>
  </si>
  <si>
    <t>05/26/14 14:08:11.0</t>
  </si>
  <si>
    <t>05/26/14 14:10:47.0</t>
  </si>
  <si>
    <t>05/26/14 14:15:56.5</t>
  </si>
  <si>
    <t>05/26/14 14:16:04.5</t>
  </si>
  <si>
    <t>05/26/14 14:17:02.0</t>
  </si>
  <si>
    <t>05/26/14 14:17:09.0</t>
  </si>
  <si>
    <t>05/26/14 14:18:44.5</t>
  </si>
  <si>
    <t>05/26/14 14:18:58.0</t>
  </si>
  <si>
    <t>05/26/14 14:22:35.5</t>
  </si>
  <si>
    <t>05/26/14 14:22:52.0</t>
  </si>
  <si>
    <t>05/26/14 14:26:44.0</t>
  </si>
  <si>
    <t>05/26/14 14:27:05.5</t>
  </si>
  <si>
    <t>05/26/14 14:33:18.0</t>
  </si>
  <si>
    <t>05/26/14 14:33:33.0</t>
  </si>
  <si>
    <t>05/26/14 14:44:32.0</t>
  </si>
  <si>
    <t>05/26/14 14:45:32.0</t>
  </si>
  <si>
    <t>05/26/14 14:53:40.0</t>
  </si>
  <si>
    <t>05/26/14 14:53:53.5</t>
  </si>
  <si>
    <t>05/26/14 14:56:43.5</t>
  </si>
  <si>
    <t>05/26/14 15:01:49.5</t>
  </si>
  <si>
    <t>05/26/14 15:29:26.0</t>
  </si>
  <si>
    <t>05/26/14 15:41:42.5</t>
  </si>
  <si>
    <t>05/26/14 16:04:15.5</t>
  </si>
  <si>
    <t>05/26/14 16:06:17.5</t>
  </si>
  <si>
    <t>05/26/14 16:10:39.5</t>
  </si>
  <si>
    <t>05/26/14 16:10:56.5</t>
  </si>
  <si>
    <t>05/26/14 16:27:47.0</t>
  </si>
  <si>
    <t>05/26/14 16:35:02.0</t>
  </si>
  <si>
    <t>05/26/14 16:49:58.0</t>
  </si>
  <si>
    <t>05/26/14 16:52:25.0</t>
  </si>
  <si>
    <t>05/26/14 17:04:22.5</t>
  </si>
  <si>
    <t>05/26/14 17:07:45.0</t>
  </si>
  <si>
    <t>05/26/14 17:12:21.5</t>
  </si>
  <si>
    <t>05/26/14 17:12:42.0</t>
  </si>
  <si>
    <t>05/26/14 17:35:42.0</t>
  </si>
  <si>
    <t>05/26/14 17:36:55.0</t>
  </si>
  <si>
    <t>05/26/14 17:38:25.0</t>
  </si>
  <si>
    <t>05/26/14 17:39:59.5</t>
  </si>
  <si>
    <t>05/26/14 17:44:57.0</t>
  </si>
  <si>
    <t>05/26/14 17:46:46.0</t>
  </si>
  <si>
    <t>05/26/14 17:50:22.0</t>
  </si>
  <si>
    <t>05/26/14 17:50:34.0</t>
  </si>
  <si>
    <t>05/26/14 17:57:48.0</t>
  </si>
  <si>
    <t>05/26/14 17:59:39.0</t>
  </si>
  <si>
    <t>05/26/14 18:06:54.0</t>
  </si>
  <si>
    <t>05/26/14 18:07:08.5</t>
  </si>
  <si>
    <t>05/26/14 18:16:05.5</t>
  </si>
  <si>
    <t>05/26/14 18:18:47.5</t>
  </si>
  <si>
    <t>05/26/14 18:20:55.0</t>
  </si>
  <si>
    <t>05/26/14 18:21:04.5</t>
  </si>
  <si>
    <t>05/26/14 18:36:53.5</t>
  </si>
  <si>
    <t>05/26/14 18:39:45.0</t>
  </si>
  <si>
    <t>05/27/14 01:56:20.0</t>
  </si>
  <si>
    <t>05/27/14 01:56:35.5</t>
  </si>
  <si>
    <t>05/27/14 07:41:24.0</t>
  </si>
  <si>
    <t>05/27/14 07:45:16.0</t>
  </si>
  <si>
    <t>05/27/14 07:50:56.5</t>
  </si>
  <si>
    <t>05/27/14 07:52:23.0</t>
  </si>
  <si>
    <t>05/27/14 08:13:16.5</t>
  </si>
  <si>
    <t>05/27/14 08:13:33.5</t>
  </si>
  <si>
    <t>05/27/14 08:26:29.0</t>
  </si>
  <si>
    <t>05/27/14 08:28:04.0</t>
  </si>
  <si>
    <t>05/27/14 08:34:56.5</t>
  </si>
  <si>
    <t>05/27/14 08:35:06.0</t>
  </si>
  <si>
    <t>05/27/14 08:39:21.5</t>
  </si>
  <si>
    <t>05/27/14 08:40:05.0</t>
  </si>
  <si>
    <t>05/27/14 08:44:01.0</t>
  </si>
  <si>
    <t>05/27/14 08:45:24.5</t>
  </si>
  <si>
    <t>05/27/14 08:48:51.0</t>
  </si>
  <si>
    <t>05/27/14 08:49:00.0</t>
  </si>
  <si>
    <t>05/27/14 08:52:37.5</t>
  </si>
  <si>
    <t>05/27/14 08:52:50.0</t>
  </si>
  <si>
    <t>05/27/14 08:59:51.0</t>
  </si>
  <si>
    <t>05/27/14 09:00:00.5</t>
  </si>
  <si>
    <t>05/27/14 09:04:33.5</t>
  </si>
  <si>
    <t>05/27/14 09:04:55.5</t>
  </si>
  <si>
    <t>05/27/14 09:07:25.0</t>
  </si>
  <si>
    <t>05/27/14 09:07:34.5</t>
  </si>
  <si>
    <t>05/27/14 09:10:01.0</t>
  </si>
  <si>
    <t>05/27/14 09:10:14.0</t>
  </si>
  <si>
    <t>05/27/14 09:14:38.5</t>
  </si>
  <si>
    <t>05/27/14 09:14:48.0</t>
  </si>
  <si>
    <t>05/27/14 09:16:22.5</t>
  </si>
  <si>
    <t>05/27/14 09:16:36.5</t>
  </si>
  <si>
    <t>05/27/14 09:20:49.0</t>
  </si>
  <si>
    <t>05/27/14 09:21:02.0</t>
  </si>
  <si>
    <t>05/27/14 09:24:15.5</t>
  </si>
  <si>
    <t>05/27/14 09:24:24.0</t>
  </si>
  <si>
    <t>05/27/14 09:28:37.0</t>
  </si>
  <si>
    <t>05/27/14 09:29:16.5</t>
  </si>
  <si>
    <t>05/27/14 09:31:56.5</t>
  </si>
  <si>
    <t>05/27/14 09:32:43.5</t>
  </si>
  <si>
    <t>05/27/14 09:36:39.5</t>
  </si>
  <si>
    <t>05/27/14 09:36:45.0</t>
  </si>
  <si>
    <t>05/27/14 09:37:27.0</t>
  </si>
  <si>
    <t>05/27/14 09:37:31.5</t>
  </si>
  <si>
    <t>05/27/14 09:39:02.5</t>
  </si>
  <si>
    <t>05/27/14 09:39:08.5</t>
  </si>
  <si>
    <t>05/27/14 09:40:35.0</t>
  </si>
  <si>
    <t>05/27/14 09:40:51.5</t>
  </si>
  <si>
    <t>05/27/14 09:42:21.0</t>
  </si>
  <si>
    <t>05/27/14 09:42:48.5</t>
  </si>
  <si>
    <t>05/27/14 09:44:03.5</t>
  </si>
  <si>
    <t>05/27/14 09:44:14.5</t>
  </si>
  <si>
    <t>05/27/14 09:46:29.0</t>
  </si>
  <si>
    <t>05/27/14 09:46:40.0</t>
  </si>
  <si>
    <t>05/27/14 09:47:54.0</t>
  </si>
  <si>
    <t>05/27/14 09:48:00.5</t>
  </si>
  <si>
    <t>05/27/14 09:49:35.5</t>
  </si>
  <si>
    <t>05/27/14 09:50:04.5</t>
  </si>
  <si>
    <t>05/27/14 09:52:01.5</t>
  </si>
  <si>
    <t>05/27/14 09:52:08.0</t>
  </si>
  <si>
    <t>05/27/14 09:54:31.0</t>
  </si>
  <si>
    <t>05/27/14 09:55:37.0</t>
  </si>
  <si>
    <t>05/27/14 09:57:13.0</t>
  </si>
  <si>
    <t>05/27/14 09:57:21.0</t>
  </si>
  <si>
    <t>05/27/14 09:59:03.0</t>
  </si>
  <si>
    <t>05/27/14 09:59:49.0</t>
  </si>
  <si>
    <t>05/27/14 10:02:08.5</t>
  </si>
  <si>
    <t>05/27/14 10:02:14.5</t>
  </si>
  <si>
    <t>05/27/14 10:03:56.5</t>
  </si>
  <si>
    <t>05/27/14 10:04:07.0</t>
  </si>
  <si>
    <t>05/27/14 10:07:57.5</t>
  </si>
  <si>
    <t>05/27/14 10:08:18.0</t>
  </si>
  <si>
    <t>05/27/14 10:10:28.5</t>
  </si>
  <si>
    <t>05/27/14 10:10:37.5</t>
  </si>
  <si>
    <t>05/27/14 10:13:58.5</t>
  </si>
  <si>
    <t>05/27/14 10:14:16.5</t>
  </si>
  <si>
    <t>05/27/14 10:16:42.5</t>
  </si>
  <si>
    <t>05/27/14 10:17:13.5</t>
  </si>
  <si>
    <t>05/27/14 10:22:56.5</t>
  </si>
  <si>
    <t>05/27/14 10:23:07.5</t>
  </si>
  <si>
    <t>05/27/14 10:28:29.5</t>
  </si>
  <si>
    <t>05/27/14 10:28:42.0</t>
  </si>
  <si>
    <t>05/27/14 10:31:31.5</t>
  </si>
  <si>
    <t>05/27/14 10:32:11.0</t>
  </si>
  <si>
    <t>05/27/14 10:34:13.5</t>
  </si>
  <si>
    <t>05/27/14 10:34:26.5</t>
  </si>
  <si>
    <t>05/27/14 10:37:16.5</t>
  </si>
  <si>
    <t>05/27/14 10:37:31.0</t>
  </si>
  <si>
    <t>05/27/14 10:39:55.0</t>
  </si>
  <si>
    <t>05/27/14 10:40:08.5</t>
  </si>
  <si>
    <t>05/27/14 10:42:48.5</t>
  </si>
  <si>
    <t>05/27/14 10:42:59.0</t>
  </si>
  <si>
    <t>05/27/14 10:44:44.0</t>
  </si>
  <si>
    <t>05/27/14 10:44:56.5</t>
  </si>
  <si>
    <t>05/27/14 10:49:42.0</t>
  </si>
  <si>
    <t>05/27/14 10:49:49.5</t>
  </si>
  <si>
    <t>05/27/14 10:51:30.5</t>
  </si>
  <si>
    <t>05/27/14 10:51:53.5</t>
  </si>
  <si>
    <t>05/27/14 10:54:25.5</t>
  </si>
  <si>
    <t>05/27/14 10:54:52.0</t>
  </si>
  <si>
    <t>05/27/14 10:56:15.5</t>
  </si>
  <si>
    <t>05/27/14 10:56:30.0</t>
  </si>
  <si>
    <t>05/27/14 11:01:58.0</t>
  </si>
  <si>
    <t>05/27/14 11:02:23.5</t>
  </si>
  <si>
    <t>05/27/14 11:04:34.5</t>
  </si>
  <si>
    <t>05/27/14 11:05:18.0</t>
  </si>
  <si>
    <t>05/27/14 11:06:56.5</t>
  </si>
  <si>
    <t>05/27/14 11:07:06.5</t>
  </si>
  <si>
    <t>05/27/14 11:09:00.0</t>
  </si>
  <si>
    <t>05/27/14 11:09:15.0</t>
  </si>
  <si>
    <t>05/27/14 11:12:11.0</t>
  </si>
  <si>
    <t>05/27/14 11:12:26.5</t>
  </si>
  <si>
    <t>05/27/14 11:14:41.0</t>
  </si>
  <si>
    <t>05/27/14 11:14:57.5</t>
  </si>
  <si>
    <t>05/27/14 11:16:14.0</t>
  </si>
  <si>
    <t>05/27/14 11:16:23.0</t>
  </si>
  <si>
    <t>05/27/14 11:18:05.5</t>
  </si>
  <si>
    <t>05/27/14 11:18:13.0</t>
  </si>
  <si>
    <t>05/27/14 11:20:44.0</t>
  </si>
  <si>
    <t>05/27/14 11:20:53.0</t>
  </si>
  <si>
    <t>05/27/14 11:22:05.5</t>
  </si>
  <si>
    <t>05/27/14 11:22:13.5</t>
  </si>
  <si>
    <t>05/27/14 11:24:07.0</t>
  </si>
  <si>
    <t>05/27/14 11:24:16.5</t>
  </si>
  <si>
    <t>05/27/14 11:25:48.0</t>
  </si>
  <si>
    <t>05/27/14 11:25:58.0</t>
  </si>
  <si>
    <t>05/27/14 11:26:59.5</t>
  </si>
  <si>
    <t>05/27/14 11:27:04.0</t>
  </si>
  <si>
    <t>05/27/14 11:28:46.5</t>
  </si>
  <si>
    <t>05/27/14 11:29:04.0</t>
  </si>
  <si>
    <t>05/27/14 11:31:08.0</t>
  </si>
  <si>
    <t>05/27/14 11:31:15.0</t>
  </si>
  <si>
    <t>05/27/14 11:33:00.0</t>
  </si>
  <si>
    <t>05/27/14 11:33:08.5</t>
  </si>
  <si>
    <t>05/27/14 11:34:28.0</t>
  </si>
  <si>
    <t>05/27/14 11:34:33.5</t>
  </si>
  <si>
    <t>05/27/14 11:36:04.5</t>
  </si>
  <si>
    <t>05/27/14 11:36:26.0</t>
  </si>
  <si>
    <t>05/27/14 11:38:42.0</t>
  </si>
  <si>
    <t>05/27/14 11:39:06.5</t>
  </si>
  <si>
    <t>05/27/14 11:40:27.0</t>
  </si>
  <si>
    <t>05/27/14 11:40:33.0</t>
  </si>
  <si>
    <t>05/27/14 11:42:15.5</t>
  </si>
  <si>
    <t>05/27/14 11:42:25.5</t>
  </si>
  <si>
    <t>05/27/14 11:43:35.0</t>
  </si>
  <si>
    <t>05/27/14 11:43:41.5</t>
  </si>
  <si>
    <t>05/27/14 11:44:43.5</t>
  </si>
  <si>
    <t>05/27/14 11:44:48.0</t>
  </si>
  <si>
    <t>05/27/14 11:45:42.0</t>
  </si>
  <si>
    <t>05/27/14 11:45:52.0</t>
  </si>
  <si>
    <t>05/27/14 11:48:24.5</t>
  </si>
  <si>
    <t>05/27/14 11:48:36.0</t>
  </si>
  <si>
    <t>05/27/14 11:53:59.5</t>
  </si>
  <si>
    <t>05/27/14 11:54:15.5</t>
  </si>
  <si>
    <t>05/27/14 12:05:56.0</t>
  </si>
  <si>
    <t>05/27/14 12:06:25.5</t>
  </si>
  <si>
    <t>05/27/14 12:09:50.5</t>
  </si>
  <si>
    <t>05/27/14 12:10:16.5</t>
  </si>
  <si>
    <t>05/27/14 12:12:21.0</t>
  </si>
  <si>
    <t>05/27/14 12:12:37.0</t>
  </si>
  <si>
    <t>05/27/14 12:14:04.5</t>
  </si>
  <si>
    <t>05/27/14 12:14:17.5</t>
  </si>
  <si>
    <t>05/27/14 12:15:38.0</t>
  </si>
  <si>
    <t>05/27/14 12:15:45.5</t>
  </si>
  <si>
    <t>05/27/14 12:16:57.5</t>
  </si>
  <si>
    <t>05/27/14 12:17:07.5</t>
  </si>
  <si>
    <t>05/27/14 12:18:28.0</t>
  </si>
  <si>
    <t>05/27/14 12:18:38.0</t>
  </si>
  <si>
    <t>05/27/14 12:19:51.5</t>
  </si>
  <si>
    <t>05/27/14 12:20:00.0</t>
  </si>
  <si>
    <t>05/27/14 12:22:10.0</t>
  </si>
  <si>
    <t>05/27/14 12:22:23.5</t>
  </si>
  <si>
    <t>05/27/14 12:23:31.5</t>
  </si>
  <si>
    <t>05/27/14 12:23:39.5</t>
  </si>
  <si>
    <t>05/27/14 12:25:10.5</t>
  </si>
  <si>
    <t>05/27/14 12:25:29.0</t>
  </si>
  <si>
    <t>05/27/14 12:27:33.0</t>
  </si>
  <si>
    <t>05/27/14 12:27:47.5</t>
  </si>
  <si>
    <t>05/27/14 12:29:31.0</t>
  </si>
  <si>
    <t>05/27/14 12:29:39.0</t>
  </si>
  <si>
    <t>05/27/14 12:30:50.0</t>
  </si>
  <si>
    <t>05/27/14 12:31:01.0</t>
  </si>
  <si>
    <t>05/27/14 12:33:06.0</t>
  </si>
  <si>
    <t>05/27/14 12:33:18.0</t>
  </si>
  <si>
    <t>05/27/14 12:35:02.5</t>
  </si>
  <si>
    <t>05/27/14 12:35:35.5</t>
  </si>
  <si>
    <t>05/27/14 12:36:49.5</t>
  </si>
  <si>
    <t>05/27/14 12:36:54.5</t>
  </si>
  <si>
    <t>05/27/14 12:37:42.0</t>
  </si>
  <si>
    <t>05/27/14 12:37:50.0</t>
  </si>
  <si>
    <t>05/27/14 12:39:35.0</t>
  </si>
  <si>
    <t>05/27/14 12:39:44.0</t>
  </si>
  <si>
    <t>05/27/14 12:42:20.5</t>
  </si>
  <si>
    <t>05/27/14 12:42:32.0</t>
  </si>
  <si>
    <t>05/27/14 12:43:47.5</t>
  </si>
  <si>
    <t>05/27/14 12:43:52.5</t>
  </si>
  <si>
    <t>05/27/14 12:44:39.0</t>
  </si>
  <si>
    <t>05/27/14 12:44:45.5</t>
  </si>
  <si>
    <t>05/27/14 12:46:25.0</t>
  </si>
  <si>
    <t>05/27/14 12:46:33.0</t>
  </si>
  <si>
    <t>05/27/14 12:47:35.0</t>
  </si>
  <si>
    <t>05/27/14 12:47:46.0</t>
  </si>
  <si>
    <t>05/27/14 12:48:47.5</t>
  </si>
  <si>
    <t>05/27/14 12:48:55.5</t>
  </si>
  <si>
    <t>05/27/14 12:50:17.5</t>
  </si>
  <si>
    <t>05/27/14 12:50:35.5</t>
  </si>
  <si>
    <t>05/27/14 12:54:15.0</t>
  </si>
  <si>
    <t>05/27/14 12:54:25.0</t>
  </si>
  <si>
    <t>05/27/14 12:56:32.5</t>
  </si>
  <si>
    <t>05/27/14 12:56:38.0</t>
  </si>
  <si>
    <t>05/27/14 12:58:33.0</t>
  </si>
  <si>
    <t>05/27/14 12:58:47.0</t>
  </si>
  <si>
    <t>05/27/14 13:01:56.5</t>
  </si>
  <si>
    <t>05/27/14 13:02:03.0</t>
  </si>
  <si>
    <t>05/27/14 13:03:05.5</t>
  </si>
  <si>
    <t>05/27/14 13:03:10.5</t>
  </si>
  <si>
    <t>05/27/14 13:04:54.0</t>
  </si>
  <si>
    <t>05/27/14 13:05:00.0</t>
  </si>
  <si>
    <t>05/27/14 13:06:43.0</t>
  </si>
  <si>
    <t>05/27/14 13:06:53.5</t>
  </si>
  <si>
    <t>05/27/14 13:09:18.5</t>
  </si>
  <si>
    <t>05/27/14 13:09:31.5</t>
  </si>
  <si>
    <t>05/27/14 13:11:03.5</t>
  </si>
  <si>
    <t>05/27/14 13:11:14.0</t>
  </si>
  <si>
    <t>05/27/14 13:13:43.5</t>
  </si>
  <si>
    <t>05/27/14 13:14:21.5</t>
  </si>
  <si>
    <t>05/27/14 13:18:12.5</t>
  </si>
  <si>
    <t>05/27/14 13:18:21.5</t>
  </si>
  <si>
    <t>05/27/14 13:20:40.0</t>
  </si>
  <si>
    <t>05/27/14 13:20:50.0</t>
  </si>
  <si>
    <t>05/27/14 13:22:42.5</t>
  </si>
  <si>
    <t>05/27/14 13:22:52.5</t>
  </si>
  <si>
    <t>05/27/14 13:24:55.5</t>
  </si>
  <si>
    <t>05/27/14 13:25:04.5</t>
  </si>
  <si>
    <t>05/27/14 13:26:17.0</t>
  </si>
  <si>
    <t>05/27/14 13:26:21.5</t>
  </si>
  <si>
    <t>05/27/14 13:27:38.0</t>
  </si>
  <si>
    <t>05/27/14 13:27:43.5</t>
  </si>
  <si>
    <t>05/27/14 13:28:55.0</t>
  </si>
  <si>
    <t>05/27/14 13:29:05.5</t>
  </si>
  <si>
    <t>05/27/14 13:30:25.0</t>
  </si>
  <si>
    <t>05/27/14 13:30:35.5</t>
  </si>
  <si>
    <t>05/27/14 13:31:54.5</t>
  </si>
  <si>
    <t>05/27/14 13:32:00.0</t>
  </si>
  <si>
    <t>05/27/14 13:32:51.0</t>
  </si>
  <si>
    <t>05/27/14 13:32:58.0</t>
  </si>
  <si>
    <t>05/27/14 13:33:52.0</t>
  </si>
  <si>
    <t>05/27/14 13:33:57.5</t>
  </si>
  <si>
    <t>05/27/14 13:35:04.5</t>
  </si>
  <si>
    <t>05/27/14 13:35:18.0</t>
  </si>
  <si>
    <t>05/27/14 13:36:21.5</t>
  </si>
  <si>
    <t>05/27/14 13:36:26.0</t>
  </si>
  <si>
    <t>05/27/14 13:37:29.0</t>
  </si>
  <si>
    <t>05/27/14 13:37:38.0</t>
  </si>
  <si>
    <t>05/27/14 13:38:31.5</t>
  </si>
  <si>
    <t>05/27/14 13:38:45.5</t>
  </si>
  <si>
    <t>05/27/14 13:40:00.5</t>
  </si>
  <si>
    <t>05/27/14 13:40:08.0</t>
  </si>
  <si>
    <t>05/27/14 13:42:23.0</t>
  </si>
  <si>
    <t>05/27/14 13:42:34.0</t>
  </si>
  <si>
    <t>05/27/14 13:44:01.0</t>
  </si>
  <si>
    <t>05/27/14 13:44:08.5</t>
  </si>
  <si>
    <t>05/27/14 13:45:06.0</t>
  </si>
  <si>
    <t>05/27/14 13:45:18.0</t>
  </si>
  <si>
    <t>05/27/14 13:46:57.5</t>
  </si>
  <si>
    <t>05/27/14 13:47:07.0</t>
  </si>
  <si>
    <t>05/27/14 13:48:46.5</t>
  </si>
  <si>
    <t>05/27/14 13:49:03.0</t>
  </si>
  <si>
    <t>05/27/14 13:51:02.5</t>
  </si>
  <si>
    <t>05/27/14 13:51:11.5</t>
  </si>
  <si>
    <t>05/27/14 13:51:59.0</t>
  </si>
  <si>
    <t>05/27/14 13:52:04.5</t>
  </si>
  <si>
    <t>05/27/14 13:52:51.5</t>
  </si>
  <si>
    <t>05/27/14 13:52:56.5</t>
  </si>
  <si>
    <t>05/27/14 13:53:39.5</t>
  </si>
  <si>
    <t>05/27/14 13:53:43.5</t>
  </si>
  <si>
    <t>05/27/14 13:54:48.0</t>
  </si>
  <si>
    <t>05/27/14 13:54:54.5</t>
  </si>
  <si>
    <t>05/27/14 13:56:11.0</t>
  </si>
  <si>
    <t>05/27/14 13:56:17.0</t>
  </si>
  <si>
    <t>05/27/14 13:57:04.0</t>
  </si>
  <si>
    <t>05/27/14 13:57:09.5</t>
  </si>
  <si>
    <t>05/27/14 13:57:50.0</t>
  </si>
  <si>
    <t>05/27/14 13:58:04.5</t>
  </si>
  <si>
    <t>05/27/14 13:58:59.0</t>
  </si>
  <si>
    <t>05/27/14 13:59:03.0</t>
  </si>
  <si>
    <t>05/27/14 13:59:44.5</t>
  </si>
  <si>
    <t>05/27/14 13:59:55.0</t>
  </si>
  <si>
    <t>05/27/14 14:01:00.5</t>
  </si>
  <si>
    <t>05/27/14 14:01:08.5</t>
  </si>
  <si>
    <t>05/27/14 14:02:12.0</t>
  </si>
  <si>
    <t>05/27/14 14:02:21.5</t>
  </si>
  <si>
    <t>05/27/14 14:03:18.5</t>
  </si>
  <si>
    <t>05/27/14 14:03:23.5</t>
  </si>
  <si>
    <t>05/27/14 14:04:01.5</t>
  </si>
  <si>
    <t>05/27/14 14:04:05.0</t>
  </si>
  <si>
    <t>05/27/14 14:04:57.0</t>
  </si>
  <si>
    <t>05/27/14 14:05:01.0</t>
  </si>
  <si>
    <t>05/27/14 14:05:40.0</t>
  </si>
  <si>
    <t>05/27/14 14:05:45.5</t>
  </si>
  <si>
    <t>05/27/14 14:07:10.0</t>
  </si>
  <si>
    <t>05/27/14 14:07:18.0</t>
  </si>
  <si>
    <t>05/27/14 14:08:01.5</t>
  </si>
  <si>
    <t>05/27/14 14:08:07.5</t>
  </si>
  <si>
    <t>05/27/14 14:09:39.0</t>
  </si>
  <si>
    <t>05/27/14 14:09:52.0</t>
  </si>
  <si>
    <t>05/27/14 14:11:39.5</t>
  </si>
  <si>
    <t>05/27/14 14:11:45.5</t>
  </si>
  <si>
    <t>05/27/14 14:12:53.5</t>
  </si>
  <si>
    <t>05/27/14 14:13:03.5</t>
  </si>
  <si>
    <t>05/27/14 14:13:48.0</t>
  </si>
  <si>
    <t>05/27/14 14:13:52.0</t>
  </si>
  <si>
    <t>05/27/14 14:14:39.5</t>
  </si>
  <si>
    <t>05/27/14 14:14:45.5</t>
  </si>
  <si>
    <t>05/27/14 14:15:25.0</t>
  </si>
  <si>
    <t>05/27/14 14:15:36.0</t>
  </si>
  <si>
    <t>05/27/14 14:17:40.5</t>
  </si>
  <si>
    <t>05/27/14 14:17:47.5</t>
  </si>
  <si>
    <t>05/27/14 14:18:34.0</t>
  </si>
  <si>
    <t>05/27/14 14:18:41.0</t>
  </si>
  <si>
    <t>05/27/14 14:19:30.0</t>
  </si>
  <si>
    <t>05/27/14 14:19:38.5</t>
  </si>
  <si>
    <t>05/27/14 14:20:27.0</t>
  </si>
  <si>
    <t>05/27/14 14:20:32.0</t>
  </si>
  <si>
    <t>05/27/14 14:21:42.5</t>
  </si>
  <si>
    <t>05/27/14 14:21:46.0</t>
  </si>
  <si>
    <t>05/27/14 14:22:47.0</t>
  </si>
  <si>
    <t>05/27/14 14:22:53.0</t>
  </si>
  <si>
    <t>05/27/14 14:23:47.5</t>
  </si>
  <si>
    <t>05/27/14 14:23:55.5</t>
  </si>
  <si>
    <t>05/27/14 14:24:54.0</t>
  </si>
  <si>
    <t>05/27/14 14:24:59.5</t>
  </si>
  <si>
    <t>05/27/14 14:25:59.0</t>
  </si>
  <si>
    <t>05/27/14 14:26:09.0</t>
  </si>
  <si>
    <t>05/27/14 14:27:19.5</t>
  </si>
  <si>
    <t>05/27/14 14:27:26.0</t>
  </si>
  <si>
    <t>05/27/14 14:28:28.5</t>
  </si>
  <si>
    <t>05/27/14 14:28:34.0</t>
  </si>
  <si>
    <t>05/27/14 14:29:28.5</t>
  </si>
  <si>
    <t>05/27/14 14:29:37.5</t>
  </si>
  <si>
    <t>05/27/14 14:30:26.0</t>
  </si>
  <si>
    <t>05/27/14 14:30:32.0</t>
  </si>
  <si>
    <t>05/27/14 14:31:54.0</t>
  </si>
  <si>
    <t>05/27/14 14:32:04.0</t>
  </si>
  <si>
    <t>05/27/14 14:33:08.0</t>
  </si>
  <si>
    <t>05/27/14 14:33:13.0</t>
  </si>
  <si>
    <t>05/27/14 14:34:11.5</t>
  </si>
  <si>
    <t>05/27/14 14:34:20.0</t>
  </si>
  <si>
    <t>05/27/14 14:35:19.0</t>
  </si>
  <si>
    <t>05/27/14 14:35:25.0</t>
  </si>
  <si>
    <t>05/27/14 14:36:35.0</t>
  </si>
  <si>
    <t>05/27/14 14:36:46.0</t>
  </si>
  <si>
    <t>05/27/14 14:37:22.0</t>
  </si>
  <si>
    <t>05/27/14 14:37:31.0</t>
  </si>
  <si>
    <t>05/27/14 14:39:41.5</t>
  </si>
  <si>
    <t>05/27/14 14:39:48.0</t>
  </si>
  <si>
    <t>05/27/14 14:41:13.0</t>
  </si>
  <si>
    <t>05/27/14 14:41:25.0</t>
  </si>
  <si>
    <t>05/27/14 14:43:21.5</t>
  </si>
  <si>
    <t>05/27/14 14:43:30.5</t>
  </si>
  <si>
    <t>05/27/14 14:44:44.5</t>
  </si>
  <si>
    <t>05/27/14 14:44:50.5</t>
  </si>
  <si>
    <t>05/27/14 14:45:47.0</t>
  </si>
  <si>
    <t>05/27/14 14:45:52.5</t>
  </si>
  <si>
    <t>05/27/14 14:46:52.0</t>
  </si>
  <si>
    <t>05/27/14 14:47:02.5</t>
  </si>
  <si>
    <t>05/27/14 14:47:58.5</t>
  </si>
  <si>
    <t>05/27/14 14:48:03.0</t>
  </si>
  <si>
    <t>05/27/14 14:49:47.5</t>
  </si>
  <si>
    <t>05/27/14 14:50:00.5</t>
  </si>
  <si>
    <t>05/27/14 14:51:12.5</t>
  </si>
  <si>
    <t>05/27/14 14:51:19.5</t>
  </si>
  <si>
    <t>05/27/14 14:52:40.0</t>
  </si>
  <si>
    <t>05/27/14 14:52:44.0</t>
  </si>
  <si>
    <t>05/27/14 14:54:29.5</t>
  </si>
  <si>
    <t>05/27/14 14:54:37.5</t>
  </si>
  <si>
    <t>05/27/14 14:55:35.5</t>
  </si>
  <si>
    <t>05/27/14 14:55:44.0</t>
  </si>
  <si>
    <t>05/27/14 14:56:32.0</t>
  </si>
  <si>
    <t>05/27/14 14:56:36.0</t>
  </si>
  <si>
    <t>05/27/14 14:57:42.0</t>
  </si>
  <si>
    <t>05/27/14 14:57:47.5</t>
  </si>
  <si>
    <t>05/27/14 14:59:15.5</t>
  </si>
  <si>
    <t>05/27/14 14:59:24.5</t>
  </si>
  <si>
    <t>05/27/14 15:01:04.0</t>
  </si>
  <si>
    <t>05/27/14 15:01:14.5</t>
  </si>
  <si>
    <t>05/27/14 15:03:03.5</t>
  </si>
  <si>
    <t>05/27/14 15:03:19.0</t>
  </si>
  <si>
    <t>05/27/14 15:05:40.5</t>
  </si>
  <si>
    <t>05/27/14 15:05:45.0</t>
  </si>
  <si>
    <t>05/27/14 15:07:00.0</t>
  </si>
  <si>
    <t>05/27/14 15:07:17.0</t>
  </si>
  <si>
    <t>05/27/14 15:11:34.5</t>
  </si>
  <si>
    <t>05/27/14 15:11:42.5</t>
  </si>
  <si>
    <t>05/27/14 15:15:37.0</t>
  </si>
  <si>
    <t>05/27/14 15:15:44.0</t>
  </si>
  <si>
    <t>05/27/14 15:17:07.0</t>
  </si>
  <si>
    <t>05/27/14 15:17:34.5</t>
  </si>
  <si>
    <t>05/27/14 15:18:55.0</t>
  </si>
  <si>
    <t>05/27/14 15:19:07.0</t>
  </si>
  <si>
    <t>05/27/14 15:20:18.0</t>
  </si>
  <si>
    <t>05/27/14 15:20:22.0</t>
  </si>
  <si>
    <t>05/27/14 15:20:38.5</t>
  </si>
  <si>
    <t>05/27/14 15:20:41.5</t>
  </si>
  <si>
    <t>05/27/14 15:21:10.0</t>
  </si>
  <si>
    <t>05/27/14 15:21:14.5</t>
  </si>
  <si>
    <t>05/27/14 15:23:00.0</t>
  </si>
  <si>
    <t>05/27/14 15:23:07.0</t>
  </si>
  <si>
    <t>05/27/14 15:24:20.0</t>
  </si>
  <si>
    <t>05/27/14 15:24:25.5</t>
  </si>
  <si>
    <t>05/27/14 15:25:23.5</t>
  </si>
  <si>
    <t>05/27/14 15:25:32.0</t>
  </si>
  <si>
    <t>05/27/14 15:26:27.5</t>
  </si>
  <si>
    <t>05/27/14 15:26:33.0</t>
  </si>
  <si>
    <t>05/27/14 15:27:12.5</t>
  </si>
  <si>
    <t>05/27/14 15:27:16.5</t>
  </si>
  <si>
    <t>05/27/14 15:27:58.0</t>
  </si>
  <si>
    <t>05/27/14 15:28:04.5</t>
  </si>
  <si>
    <t>05/27/14 15:29:01.0</t>
  </si>
  <si>
    <t>05/27/14 15:29:06.5</t>
  </si>
  <si>
    <t>05/27/14 15:30:03.5</t>
  </si>
  <si>
    <t>05/27/14 15:30:07.5</t>
  </si>
  <si>
    <t>05/27/14 15:30:42.5</t>
  </si>
  <si>
    <t>05/27/14 15:30:45.5</t>
  </si>
  <si>
    <t>05/27/14 15:31:37.0</t>
  </si>
  <si>
    <t>05/27/14 15:31:42.5</t>
  </si>
  <si>
    <t>05/27/14 15:33:11.5</t>
  </si>
  <si>
    <t>05/27/14 15:33:26.0</t>
  </si>
  <si>
    <t>05/27/14 15:34:30.5</t>
  </si>
  <si>
    <t>05/27/14 15:34:37.0</t>
  </si>
  <si>
    <t>05/27/14 15:35:18.0</t>
  </si>
  <si>
    <t>05/27/14 15:35:23.0</t>
  </si>
  <si>
    <t>05/27/14 15:36:08.0</t>
  </si>
  <si>
    <t>05/27/14 15:36:15.5</t>
  </si>
  <si>
    <t>05/27/14 15:37:04.5</t>
  </si>
  <si>
    <t>05/27/14 15:37:11.0</t>
  </si>
  <si>
    <t>05/27/14 15:38:06.0</t>
  </si>
  <si>
    <t>05/27/14 15:38:12.0</t>
  </si>
  <si>
    <t>05/27/14 15:39:03.5</t>
  </si>
  <si>
    <t>05/27/14 15:39:08.5</t>
  </si>
  <si>
    <t>05/27/14 15:39:46.0</t>
  </si>
  <si>
    <t>05/27/14 15:39:52.5</t>
  </si>
  <si>
    <t>05/27/14 15:41:04.5</t>
  </si>
  <si>
    <t>05/27/14 15:41:14.5</t>
  </si>
  <si>
    <t>05/27/14 15:42:01.0</t>
  </si>
  <si>
    <t>05/27/14 15:42:09.0</t>
  </si>
  <si>
    <t>05/27/14 15:43:20.0</t>
  </si>
  <si>
    <t>05/27/14 15:43:25.0</t>
  </si>
  <si>
    <t>05/27/14 15:44:01.5</t>
  </si>
  <si>
    <t>05/27/14 15:44:06.5</t>
  </si>
  <si>
    <t>05/27/14 15:44:57.5</t>
  </si>
  <si>
    <t>05/27/14 15:45:03.0</t>
  </si>
  <si>
    <t>05/27/14 15:45:43.0</t>
  </si>
  <si>
    <t>05/27/14 15:45:48.5</t>
  </si>
  <si>
    <t>05/27/14 15:46:51.0</t>
  </si>
  <si>
    <t>05/27/14 15:47:09.5</t>
  </si>
  <si>
    <t>05/27/14 15:48:43.0</t>
  </si>
  <si>
    <t>05/27/14 15:48:49.0</t>
  </si>
  <si>
    <t>05/27/14 15:50:17.0</t>
  </si>
  <si>
    <t>05/27/14 15:50:29.0</t>
  </si>
  <si>
    <t>05/27/14 15:51:31.0</t>
  </si>
  <si>
    <t>05/27/14 15:51:50.5</t>
  </si>
  <si>
    <t>05/27/14 15:52:57.5</t>
  </si>
  <si>
    <t>05/27/14 15:53:05.0</t>
  </si>
  <si>
    <t>05/27/14 15:54:06.5</t>
  </si>
  <si>
    <t>05/27/14 15:54:13.0</t>
  </si>
  <si>
    <t>05/27/14 15:55:10.0</t>
  </si>
  <si>
    <t>05/27/14 15:55:27.0</t>
  </si>
  <si>
    <t>05/27/14 15:56:58.0</t>
  </si>
  <si>
    <t>05/27/14 15:57:08.0</t>
  </si>
  <si>
    <t>05/27/14 15:59:13.0</t>
  </si>
  <si>
    <t>05/27/14 15:59:21.0</t>
  </si>
  <si>
    <t>05/27/14 16:00:49.5</t>
  </si>
  <si>
    <t>05/27/14 16:00:54.5</t>
  </si>
  <si>
    <t>05/27/14 16:01:47.0</t>
  </si>
  <si>
    <t>05/27/14 16:01:55.5</t>
  </si>
  <si>
    <t>05/27/14 16:04:37.5</t>
  </si>
  <si>
    <t>05/27/14 16:04:44.5</t>
  </si>
  <si>
    <t>05/27/14 16:05:54.0</t>
  </si>
  <si>
    <t>05/27/14 16:06:00.5</t>
  </si>
  <si>
    <t>05/27/14 16:07:16.5</t>
  </si>
  <si>
    <t>05/27/14 16:07:24.5</t>
  </si>
  <si>
    <t>05/27/14 16:08:48.5</t>
  </si>
  <si>
    <t>05/27/14 16:08:54.5</t>
  </si>
  <si>
    <t>05/27/14 16:09:45.0</t>
  </si>
  <si>
    <t>05/27/14 16:09:55.0</t>
  </si>
  <si>
    <t>05/27/14 16:10:46.5</t>
  </si>
  <si>
    <t>05/27/14 16:10:50.0</t>
  </si>
  <si>
    <t>05/27/14 16:12:14.5</t>
  </si>
  <si>
    <t>05/27/14 16:12:28.5</t>
  </si>
  <si>
    <t>05/27/14 16:14:53.5</t>
  </si>
  <si>
    <t>05/27/14 16:15:01.5</t>
  </si>
  <si>
    <t>05/27/14 16:17:12.5</t>
  </si>
  <si>
    <t>05/27/14 16:17:21.0</t>
  </si>
  <si>
    <t>05/27/14 16:18:42.0</t>
  </si>
  <si>
    <t>05/27/14 16:18:46.0</t>
  </si>
  <si>
    <t>05/27/14 16:19:59.5</t>
  </si>
  <si>
    <t>05/27/14 16:20:08.0</t>
  </si>
  <si>
    <t>05/27/14 16:22:20.5</t>
  </si>
  <si>
    <t>05/27/14 16:22:29.5</t>
  </si>
  <si>
    <t>05/27/14 16:26:15.5</t>
  </si>
  <si>
    <t>05/27/14 16:26:27.5</t>
  </si>
  <si>
    <t>05/27/14 16:27:53.0</t>
  </si>
  <si>
    <t>05/27/14 16:28:05.5</t>
  </si>
  <si>
    <t>05/27/14 16:29:32.0</t>
  </si>
  <si>
    <t>05/27/14 16:29:54.0</t>
  </si>
  <si>
    <t>05/27/14 16:31:13.0</t>
  </si>
  <si>
    <t>05/27/14 16:31:20.0</t>
  </si>
  <si>
    <t>05/27/14 16:33:35.0</t>
  </si>
  <si>
    <t>05/27/14 16:34:02.5</t>
  </si>
  <si>
    <t>05/27/14 16:36:05.5</t>
  </si>
  <si>
    <t>05/27/14 16:36:19.5</t>
  </si>
  <si>
    <t>05/27/14 16:39:38.0</t>
  </si>
  <si>
    <t>05/27/14 16:39:42.5</t>
  </si>
  <si>
    <t>05/27/14 16:41:46.0</t>
  </si>
  <si>
    <t>05/27/14 16:41:55.5</t>
  </si>
  <si>
    <t>05/27/14 16:43:37.0</t>
  </si>
  <si>
    <t>05/27/14 16:43:55.0</t>
  </si>
  <si>
    <t>05/27/14 16:46:37.0</t>
  </si>
  <si>
    <t>05/27/14 16:46:44.0</t>
  </si>
  <si>
    <t>05/27/14 16:47:33.0</t>
  </si>
  <si>
    <t>05/27/14 16:47:40.0</t>
  </si>
  <si>
    <t>05/27/14 16:48:32.5</t>
  </si>
  <si>
    <t>05/27/14 16:48:38.0</t>
  </si>
  <si>
    <t>05/27/14 16:49:28.0</t>
  </si>
  <si>
    <t>05/27/14 16:49:37.5</t>
  </si>
  <si>
    <t>05/27/14 16:50:05.0</t>
  </si>
  <si>
    <t>05/27/14 16:50:10.0</t>
  </si>
  <si>
    <t>05/27/14 16:51:19.5</t>
  </si>
  <si>
    <t>05/27/14 16:51:30.5</t>
  </si>
  <si>
    <t>05/27/14 16:53:09.0</t>
  </si>
  <si>
    <t>05/27/14 16:53:20.5</t>
  </si>
  <si>
    <t>05/27/14 16:54:39.0</t>
  </si>
  <si>
    <t>05/27/14 16:54:44.0</t>
  </si>
  <si>
    <t>05/27/14 16:55:26.0</t>
  </si>
  <si>
    <t>05/27/14 16:55:30.0</t>
  </si>
  <si>
    <t>05/27/14 16:56:19.5</t>
  </si>
  <si>
    <t>05/27/14 16:56:32.0</t>
  </si>
  <si>
    <t>05/27/14 16:58:49.0</t>
  </si>
  <si>
    <t>05/27/14 16:58:56.5</t>
  </si>
  <si>
    <t>05/27/14 17:00:05.5</t>
  </si>
  <si>
    <t>05/27/14 17:00:11.0</t>
  </si>
  <si>
    <t>05/27/14 17:04:01.0</t>
  </si>
  <si>
    <t>05/27/14 17:04:06.0</t>
  </si>
  <si>
    <t>05/27/14 17:05:00.0</t>
  </si>
  <si>
    <t>05/27/14 17:05:13.0</t>
  </si>
  <si>
    <t>05/27/14 17:06:00.0</t>
  </si>
  <si>
    <t>05/27/14 17:06:05.5</t>
  </si>
  <si>
    <t>05/27/14 17:07:32.5</t>
  </si>
  <si>
    <t>05/27/14 17:07:38.0</t>
  </si>
  <si>
    <t>05/27/14 17:08:47.0</t>
  </si>
  <si>
    <t>05/27/14 17:09:00.5</t>
  </si>
  <si>
    <t>05/27/14 17:12:21.5</t>
  </si>
  <si>
    <t>05/27/14 17:12:31.5</t>
  </si>
  <si>
    <t>05/27/14 17:14:36.5</t>
  </si>
  <si>
    <t>05/27/14 17:14:50.5</t>
  </si>
  <si>
    <t>05/27/14 17:15:54.0</t>
  </si>
  <si>
    <t>05/27/14 17:15:57.5</t>
  </si>
  <si>
    <t>05/27/14 17:16:56.5</t>
  </si>
  <si>
    <t>05/27/14 17:17:05.5</t>
  </si>
  <si>
    <t>05/27/14 17:18:22.0</t>
  </si>
  <si>
    <t>05/27/14 17:18:31.0</t>
  </si>
  <si>
    <t>05/27/14 17:20:25.0</t>
  </si>
  <si>
    <t>05/27/14 17:20:38.5</t>
  </si>
  <si>
    <t>05/27/14 17:22:22.0</t>
  </si>
  <si>
    <t>05/27/14 17:22:28.5</t>
  </si>
  <si>
    <t>05/27/14 17:23:17.5</t>
  </si>
  <si>
    <t>05/27/14 17:23:27.0</t>
  </si>
  <si>
    <t>05/27/14 17:24:10.5</t>
  </si>
  <si>
    <t>05/27/14 17:24:16.0</t>
  </si>
  <si>
    <t>05/27/14 17:25:37.5</t>
  </si>
  <si>
    <t>05/27/14 17:25:49.0</t>
  </si>
  <si>
    <t>05/27/14 17:28:04.0</t>
  </si>
  <si>
    <t>05/27/14 17:28:10.5</t>
  </si>
  <si>
    <t>05/27/14 17:32:36.5</t>
  </si>
  <si>
    <t>05/27/14 17:32:56.5</t>
  </si>
  <si>
    <t>05/27/14 17:34:31.0</t>
  </si>
  <si>
    <t>05/27/14 17:34:36.0</t>
  </si>
  <si>
    <t>05/27/14 17:35:36.0</t>
  </si>
  <si>
    <t>05/27/14 17:35:50.0</t>
  </si>
  <si>
    <t>05/27/14 17:36:49.0</t>
  </si>
  <si>
    <t>05/27/14 17:36:53.5</t>
  </si>
  <si>
    <t>05/27/14 17:37:56.5</t>
  </si>
  <si>
    <t>05/27/14 17:38:02.0</t>
  </si>
  <si>
    <t>05/27/14 17:38:43.0</t>
  </si>
  <si>
    <t>05/27/14 17:38:49.5</t>
  </si>
  <si>
    <t>05/27/14 17:40:20.0</t>
  </si>
  <si>
    <t>05/27/14 17:40:28.0</t>
  </si>
  <si>
    <t>05/27/14 17:42:08.0</t>
  </si>
  <si>
    <t>05/27/14 17:42:23.5</t>
  </si>
  <si>
    <t>05/27/14 17:43:39.0</t>
  </si>
  <si>
    <t>05/27/14 17:43:44.0</t>
  </si>
  <si>
    <t>05/27/14 17:44:49.5</t>
  </si>
  <si>
    <t>05/27/14 17:44:55.5</t>
  </si>
  <si>
    <t>05/27/14 17:46:35.0</t>
  </si>
  <si>
    <t>05/27/14 17:46:48.0</t>
  </si>
  <si>
    <t>05/27/14 17:48:36.0</t>
  </si>
  <si>
    <t>05/27/14 17:48:53.0</t>
  </si>
  <si>
    <t>05/27/14 17:50:41.5</t>
  </si>
  <si>
    <t>05/27/14 17:50:49.0</t>
  </si>
  <si>
    <t>05/27/14 17:52:09.5</t>
  </si>
  <si>
    <t>05/27/14 17:52:17.5</t>
  </si>
  <si>
    <t>05/27/14 17:52:59.5</t>
  </si>
  <si>
    <t>05/27/14 17:53:08.5</t>
  </si>
  <si>
    <t>05/27/14 17:56:50.0</t>
  </si>
  <si>
    <t>05/27/14 17:56:57.0</t>
  </si>
  <si>
    <t>05/27/14 17:58:16.5</t>
  </si>
  <si>
    <t>05/27/14 17:58:31.0</t>
  </si>
  <si>
    <t>05/27/14 18:00:37.0</t>
  </si>
  <si>
    <t>05/27/14 18:00:44.5</t>
  </si>
  <si>
    <t>05/27/14 18:02:16.0</t>
  </si>
  <si>
    <t>05/27/14 18:02:27.0</t>
  </si>
  <si>
    <t>05/27/14 18:04:01.0</t>
  </si>
  <si>
    <t>05/27/14 18:04:11.5</t>
  </si>
  <si>
    <t>05/27/14 18:05:18.5</t>
  </si>
  <si>
    <t>05/27/14 18:05:32.0</t>
  </si>
  <si>
    <t>05/27/14 18:06:44.5</t>
  </si>
  <si>
    <t>05/27/14 18:06:53.0</t>
  </si>
  <si>
    <t>05/27/14 18:08:13.5</t>
  </si>
  <si>
    <t>05/27/14 18:08:19.5</t>
  </si>
  <si>
    <t>05/27/14 18:09:52.0</t>
  </si>
  <si>
    <t>05/27/14 18:10:07.0</t>
  </si>
  <si>
    <t>05/27/14 18:12:50.5</t>
  </si>
  <si>
    <t>05/27/14 18:12:59.5</t>
  </si>
  <si>
    <t>05/27/14 18:14:14.5</t>
  </si>
  <si>
    <t>05/27/14 18:14:25.5</t>
  </si>
  <si>
    <t>05/27/14 18:15:24.0</t>
  </si>
  <si>
    <t>05/27/14 18:15:29.5</t>
  </si>
  <si>
    <t>05/27/14 18:16:55.0</t>
  </si>
  <si>
    <t>05/27/14 18:17:00.5</t>
  </si>
  <si>
    <t>05/27/14 18:18:18.5</t>
  </si>
  <si>
    <t>05/27/14 18:18:26.0</t>
  </si>
  <si>
    <t>05/27/14 18:20:08.5</t>
  </si>
  <si>
    <t>05/27/14 18:20:18.5</t>
  </si>
  <si>
    <t>05/27/14 18:21:49.5</t>
  </si>
  <si>
    <t>05/27/14 18:21:55.5</t>
  </si>
  <si>
    <t>05/27/14 18:22:54.0</t>
  </si>
  <si>
    <t>05/27/14 18:24:40.5</t>
  </si>
  <si>
    <t>05/27/14 18:26:01.5</t>
  </si>
  <si>
    <t>05/27/14 18:26:15.5</t>
  </si>
  <si>
    <t>05/27/14 18:28:26.0</t>
  </si>
  <si>
    <t>05/27/14 18:28:37.5</t>
  </si>
  <si>
    <t>05/27/14 18:29:48.0</t>
  </si>
  <si>
    <t>05/27/14 18:29:56.0</t>
  </si>
  <si>
    <t>05/27/14 18:32:49.5</t>
  </si>
  <si>
    <t>05/27/14 18:33:17.5</t>
  </si>
  <si>
    <t>05/27/14 18:39:40.5</t>
  </si>
  <si>
    <t>05/27/14 18:39:48.0</t>
  </si>
  <si>
    <t>05/27/14 18:41:43.0</t>
  </si>
  <si>
    <t>05/27/14 18:42:04.5</t>
  </si>
  <si>
    <t>05/27/14 18:46:47.0</t>
  </si>
  <si>
    <t>05/27/14 18:46:53.0</t>
  </si>
  <si>
    <t>05/27/14 18:48:16.0</t>
  </si>
  <si>
    <t>05/27/14 18:48:31.5</t>
  </si>
  <si>
    <t>05/27/14 18:53:05.5</t>
  </si>
  <si>
    <t>05/27/14 18:53:10.5</t>
  </si>
  <si>
    <t>05/27/14 18:55:54.5</t>
  </si>
  <si>
    <t>05/27/14 18:56:09.5</t>
  </si>
  <si>
    <t>05/27/14 19:11:58.5</t>
  </si>
  <si>
    <t>05/27/14 19:12:10.0</t>
  </si>
  <si>
    <t>05/27/14 19:14:50.0</t>
  </si>
  <si>
    <t>05/27/14 19:15:08.0</t>
  </si>
  <si>
    <t>05/27/14 19:20:53.5</t>
  </si>
  <si>
    <t>05/27/14 19:21:13.5</t>
  </si>
  <si>
    <t>05/27/14 19:23:59.5</t>
  </si>
  <si>
    <t>05/27/14 19:24:15.5</t>
  </si>
  <si>
    <t>05/27/14 19:29:57.0</t>
  </si>
  <si>
    <t>05/27/14 19:30:38.0</t>
  </si>
  <si>
    <t>05/27/14 19:41:01.5</t>
  </si>
  <si>
    <t>05/27/14 19:41:18.0</t>
  </si>
  <si>
    <t>05/27/14 19:47:41.0</t>
  </si>
  <si>
    <t>05/27/14 19:48:32.0</t>
  </si>
  <si>
    <t>05/27/14 19:54:11.5</t>
  </si>
  <si>
    <t>05/27/14 19:54:21.0</t>
  </si>
  <si>
    <t>05/27/14 20:03:59.0</t>
  </si>
  <si>
    <t>05/27/14 20:04:07.0</t>
  </si>
  <si>
    <t>05/27/14 20:10:57.5</t>
  </si>
  <si>
    <t>05/27/14 20:11:12.5</t>
  </si>
  <si>
    <t>05/27/14 20:22:12.5</t>
  </si>
  <si>
    <t>05/27/14 20:22:49.5</t>
  </si>
  <si>
    <t>05/27/14 20:30:40.5</t>
  </si>
  <si>
    <t>05/27/14 20:50:29.5</t>
  </si>
  <si>
    <t>05/27/14 21:48:52.5</t>
  </si>
  <si>
    <t>05/27/14 21:49:03.5</t>
  </si>
  <si>
    <t>05/27/14 22:01:00.5</t>
  </si>
  <si>
    <t>05/27/14 22:01:14.0</t>
  </si>
  <si>
    <t>05/27/14 22:10:12.0</t>
  </si>
  <si>
    <t>05/27/14 22:10:20.0</t>
  </si>
  <si>
    <t>05/27/14 22:28:54.0</t>
  </si>
  <si>
    <t>05/27/14 22:29:09.5</t>
  </si>
  <si>
    <t>05/27/14 22:34:31.0</t>
  </si>
  <si>
    <t>05/27/14 22:37:45.0</t>
  </si>
  <si>
    <t>05/27/14 22:49:15.0</t>
  </si>
  <si>
    <t>05/27/14 22:53:09.5</t>
  </si>
  <si>
    <t>05/27/14 22:57:11.5</t>
  </si>
  <si>
    <t>05/27/14 22:57:23.0</t>
  </si>
  <si>
    <t>05/27/14 23:10:11.0</t>
  </si>
  <si>
    <t>05/27/14 23:10:20.0</t>
  </si>
  <si>
    <t>05/27/14 23:13:25.0</t>
  </si>
  <si>
    <t>05/27/14 23:14:06.5</t>
  </si>
  <si>
    <t>05/27/14 23:20:36.5</t>
  </si>
  <si>
    <t>05/27/14 23:21:36.0</t>
  </si>
  <si>
    <t>05/27/14 23:29:45.0</t>
  </si>
  <si>
    <t>05/27/14 23:29:56.0</t>
  </si>
  <si>
    <t>05/27/14 23:39:36.0</t>
  </si>
  <si>
    <t>05/27/14 23:39:46.0</t>
  </si>
  <si>
    <t>05/27/14 23:43:15.0</t>
  </si>
  <si>
    <t>05/27/14 23:43:20.5</t>
  </si>
  <si>
    <t>05/27/14 23:46:36.0</t>
  </si>
  <si>
    <t>05/27/14 23:46:44.5</t>
  </si>
  <si>
    <t>05/27/14 23:47:43.0</t>
  </si>
  <si>
    <t>05/27/14 23:48:11.0</t>
  </si>
  <si>
    <t>05/27/14 23:52:51.5</t>
  </si>
  <si>
    <t>05/27/14 23:53:01.5</t>
  </si>
  <si>
    <t>05/28/14 00:00:07.5</t>
  </si>
  <si>
    <t>05/28/14 00:01:08.0</t>
  </si>
  <si>
    <t>05/28/14 00:06:04.5</t>
  </si>
  <si>
    <t>05/28/14 00:06:17.5</t>
  </si>
  <si>
    <t>05/28/14 00:47:15.0</t>
  </si>
  <si>
    <t>05/28/14 00:48:09.5</t>
  </si>
  <si>
    <t>05/28/14 02:22:24.5</t>
  </si>
  <si>
    <t>05/28/14 02:23:01.0</t>
  </si>
  <si>
    <t>05/28/14 08:37:03.5</t>
  </si>
  <si>
    <t>05/28/14 08:37:21.0</t>
  </si>
  <si>
    <t>05/28/14 09:05:55.0</t>
  </si>
  <si>
    <t>05/28/14 09:06:08.0</t>
  </si>
  <si>
    <t>05/28/14 09:14:58.5</t>
  </si>
  <si>
    <t>05/28/14 09:15:04.5</t>
  </si>
  <si>
    <t>05/28/14 09:31:25.5</t>
  </si>
  <si>
    <t>05/28/14 09:31:45.5</t>
  </si>
  <si>
    <t>05/28/14 09:41:15.5</t>
  </si>
  <si>
    <t>05/28/14 09:41:37.5</t>
  </si>
  <si>
    <t>05/28/14 09:53:54.0</t>
  </si>
  <si>
    <t>05/28/14 09:54:09.5</t>
  </si>
  <si>
    <t>05/28/14 10:30:54.0</t>
  </si>
  <si>
    <t>05/28/14 10:36:23.5</t>
  </si>
  <si>
    <t>05/28/14 10:51:49.0</t>
  </si>
  <si>
    <t>05/28/14 10:52:10.0</t>
  </si>
  <si>
    <t>05/28/14 11:12:02.5</t>
  </si>
  <si>
    <t>05/28/14 11:16:04.0</t>
  </si>
  <si>
    <t>05/28/14 11:18:10.0</t>
  </si>
  <si>
    <t>05/28/14 11:18:25.5</t>
  </si>
  <si>
    <t>05/28/14 11:25:34.0</t>
  </si>
  <si>
    <t>05/28/14 11:25:48.0</t>
  </si>
  <si>
    <t>05/28/14 11:38:40.0</t>
  </si>
  <si>
    <t>05/28/14 11:39:19.5</t>
  </si>
  <si>
    <t>05/28/14 11:50:17.5</t>
  </si>
  <si>
    <t>05/28/14 11:54:17.0</t>
  </si>
  <si>
    <t>05/28/14 11:57:55.5</t>
  </si>
  <si>
    <t>05/28/14 11:58:07.5</t>
  </si>
  <si>
    <t>05/28/14 12:05:38.0</t>
  </si>
  <si>
    <t>05/28/14 12:06:40.0</t>
  </si>
  <si>
    <t>05/28/14 12:16:43.0</t>
  </si>
  <si>
    <t>05/28/14 12:16:57.5</t>
  </si>
  <si>
    <t>05/28/14 12:20:42.5</t>
  </si>
  <si>
    <t>05/28/14 12:20:55.5</t>
  </si>
  <si>
    <t>05/28/14 12:22:16.5</t>
  </si>
  <si>
    <t>05/28/14 12:22:32.0</t>
  </si>
  <si>
    <t>05/28/14 12:28:59.5</t>
  </si>
  <si>
    <t>05/28/14 12:29:07.0</t>
  </si>
  <si>
    <t>05/28/14 12:30:08.5</t>
  </si>
  <si>
    <t>05/28/14 12:30:15.5</t>
  </si>
  <si>
    <t>05/28/14 12:31:35.0</t>
  </si>
  <si>
    <t>05/28/14 12:31:49.0</t>
  </si>
  <si>
    <t>05/28/14 12:41:02.0</t>
  </si>
  <si>
    <t>05/28/14 12:42:56.0</t>
  </si>
  <si>
    <t>05/28/14 12:45:17.0</t>
  </si>
  <si>
    <t>05/28/14 12:45:27.0</t>
  </si>
  <si>
    <t>05/28/14 12:48:08.5</t>
  </si>
  <si>
    <t>05/28/14 12:48:16.5</t>
  </si>
  <si>
    <t>05/28/14 12:50:58.0</t>
  </si>
  <si>
    <t>05/28/14 12:51:43.5</t>
  </si>
  <si>
    <t>05/28/14 12:57:43.0</t>
  </si>
  <si>
    <t>05/28/14 12:57:52.0</t>
  </si>
  <si>
    <t>05/28/14 12:59:10.0</t>
  </si>
  <si>
    <t>05/28/14 12:59:16.5</t>
  </si>
  <si>
    <t>05/28/14 13:00:22.5</t>
  </si>
  <si>
    <t>05/28/14 13:00:31.0</t>
  </si>
  <si>
    <t>05/28/14 13:02:21.0</t>
  </si>
  <si>
    <t>05/28/14 13:02:31.0</t>
  </si>
  <si>
    <t>05/28/14 13:04:11.0</t>
  </si>
  <si>
    <t>05/28/14 13:04:17.0</t>
  </si>
  <si>
    <t>05/28/14 13:06:08.0</t>
  </si>
  <si>
    <t>05/28/14 13:06:41.0</t>
  </si>
  <si>
    <t>05/28/14 13:09:48.0</t>
  </si>
  <si>
    <t>05/28/14 13:09:55.5</t>
  </si>
  <si>
    <t>05/28/14 13:11:13.0</t>
  </si>
  <si>
    <t>05/28/14 13:11:23.0</t>
  </si>
  <si>
    <t>05/28/14 13:14:05.5</t>
  </si>
  <si>
    <t>05/28/14 13:14:16.5</t>
  </si>
  <si>
    <t>05/28/14 13:18:29.0</t>
  </si>
  <si>
    <t>05/28/14 13:18:51.5</t>
  </si>
  <si>
    <t>05/28/14 13:25:29.5</t>
  </si>
  <si>
    <t>05/28/14 13:25:53.0</t>
  </si>
  <si>
    <t>05/28/14 13:30:01.5</t>
  </si>
  <si>
    <t>05/28/14 13:30:40.0</t>
  </si>
  <si>
    <t>05/28/14 13:37:06.5</t>
  </si>
  <si>
    <t>05/28/14 13:37:33.5</t>
  </si>
  <si>
    <t>05/28/14 13:43:33.5</t>
  </si>
  <si>
    <t>05/28/14 13:43:59.5</t>
  </si>
  <si>
    <t>05/28/14 13:51:21.5</t>
  </si>
  <si>
    <t>05/28/14 13:51:47.0</t>
  </si>
  <si>
    <t>05/28/14 14:01:19.0</t>
  </si>
  <si>
    <t>05/28/14 14:03:05.5</t>
  </si>
  <si>
    <t>05/28/14 14:12:48.0</t>
  </si>
  <si>
    <t>05/28/14 14:13:31.0</t>
  </si>
  <si>
    <t>05/28/14 14:23:57.0</t>
  </si>
  <si>
    <t>05/28/14 14:29:39.5</t>
  </si>
  <si>
    <t>05/28/14 14:41:46.0</t>
  </si>
  <si>
    <t>05/28/14 14:42:11.5</t>
  </si>
  <si>
    <t>05/28/14 14:51:00.5</t>
  </si>
  <si>
    <t>05/28/14 14:51:16.5</t>
  </si>
  <si>
    <t>05/28/14 15:14:14.0</t>
  </si>
  <si>
    <t>05/28/14 15:14:26.0</t>
  </si>
  <si>
    <t>05/28/14 15:17:08.0</t>
  </si>
  <si>
    <t>05/28/14 15:17:30.5</t>
  </si>
  <si>
    <t>05/28/14 15:26:50.5</t>
  </si>
  <si>
    <t>05/28/14 15:27:02.0</t>
  </si>
  <si>
    <t>05/28/14 15:30:00.0</t>
  </si>
  <si>
    <t>05/28/14 15:30:08.0</t>
  </si>
  <si>
    <t>05/28/14 15:58:07.0</t>
  </si>
  <si>
    <t>05/28/14 15:58:22.0</t>
  </si>
  <si>
    <t>05/28/14 16:03:33.5</t>
  </si>
  <si>
    <t>05/28/14 16:04:00.5</t>
  </si>
  <si>
    <t>05/28/14 16:09:11.5</t>
  </si>
  <si>
    <t>05/28/14 16:09:36.0</t>
  </si>
  <si>
    <t>05/28/14 16:15:13.0</t>
  </si>
  <si>
    <t>05/28/14 16:18:27.5</t>
  </si>
  <si>
    <t>05/28/14 16:27:28.5</t>
  </si>
  <si>
    <t>05/28/14 16:28:58.0</t>
  </si>
  <si>
    <t>05/28/14 16:42:45.5</t>
  </si>
  <si>
    <t>05/28/14 16:44:57.0</t>
  </si>
  <si>
    <t>05/28/14 17:22:30.5</t>
  </si>
  <si>
    <t>05/28/14 17:22:57.0</t>
  </si>
  <si>
    <t>05/28/14 17:28:44.0</t>
  </si>
  <si>
    <t>05/28/14 17:29:12.0</t>
  </si>
  <si>
    <t>05/28/14 17:36:51.5</t>
  </si>
  <si>
    <t>05/28/14 17:37:05.0</t>
  </si>
  <si>
    <t>05/28/14 18:39:32.0</t>
  </si>
  <si>
    <t>05/28/14 18:39:46.0</t>
  </si>
  <si>
    <t>05/28/14 18:47:33.5</t>
  </si>
  <si>
    <t>05/28/14 18:49:47.0</t>
  </si>
  <si>
    <t>05/28/14 19:12:23.5</t>
  </si>
  <si>
    <t>05/28/14 19:12:45.0</t>
  </si>
  <si>
    <t>05/28/14 19:49:35.5</t>
  </si>
  <si>
    <t>05/28/14 19:49:51.5</t>
  </si>
  <si>
    <t>05/28/14 19:51:52.5</t>
  </si>
  <si>
    <t>05/28/14 19:52:04.5</t>
  </si>
  <si>
    <t>05/28/14 19:54:40.5</t>
  </si>
  <si>
    <t>05/28/14 20:03:05.5</t>
  </si>
  <si>
    <t>05/28/14 20:26:11.0</t>
  </si>
  <si>
    <t>05/28/14 20:28:20.0</t>
  </si>
  <si>
    <t>05/28/14 22:03:48.5</t>
  </si>
  <si>
    <t>05/28/14 22:04:01.5</t>
  </si>
  <si>
    <t>05/28/14 22:15:36.0</t>
  </si>
  <si>
    <t>05/28/14 22:17:24.5</t>
  </si>
  <si>
    <t>05/28/14 22:30:25.0</t>
  </si>
  <si>
    <t>05/28/14 22:30:42.0</t>
  </si>
  <si>
    <t>05/29/14 02:19:54.5</t>
  </si>
  <si>
    <t>05/29/14 02:20:19.5</t>
  </si>
  <si>
    <t>05/29/14 08:22:06.5</t>
  </si>
  <si>
    <t>05/29/14 08:26:56.0</t>
  </si>
  <si>
    <t>05/29/14 09:08:39.0</t>
  </si>
  <si>
    <t>05/29/14 09:09:12.0</t>
  </si>
  <si>
    <t>05/29/14 09:34:16.0</t>
  </si>
  <si>
    <t>05/29/14 09:34:50.5</t>
  </si>
  <si>
    <t>05/29/14 10:18:22.0</t>
  </si>
  <si>
    <t>05/29/14 10:25:16.0</t>
  </si>
  <si>
    <t>05/29/14 10:32:42.0</t>
  </si>
  <si>
    <t>05/29/14 10:33:48.0</t>
  </si>
  <si>
    <t>05/29/14 10:43:38.0</t>
  </si>
  <si>
    <t>05/29/14 10:44:00.0</t>
  </si>
  <si>
    <t>05/29/14 11:15:34.5</t>
  </si>
  <si>
    <t>05/29/14 11:19:52.0</t>
  </si>
  <si>
    <t>05/29/14 11:23:09.5</t>
  </si>
  <si>
    <t>05/29/14 11:23:19.5</t>
  </si>
  <si>
    <t>05/29/14 11:34:34.0</t>
  </si>
  <si>
    <t>05/29/14 11:39:40.0</t>
  </si>
  <si>
    <t>05/29/14 11:46:00.0</t>
  </si>
  <si>
    <t>05/29/14 11:46:11.0</t>
  </si>
  <si>
    <t>05/29/14 11:50:57.0</t>
  </si>
  <si>
    <t>05/29/14 11:51:11.5</t>
  </si>
  <si>
    <t>05/29/14 11:57:55.0</t>
  </si>
  <si>
    <t>05/29/14 11:58:02.0</t>
  </si>
  <si>
    <t>05/29/14 11:59:41.5</t>
  </si>
  <si>
    <t>05/29/14 11:59:50.0</t>
  </si>
  <si>
    <t>05/29/14 12:03:00.5</t>
  </si>
  <si>
    <t>05/29/14 12:03:11.5</t>
  </si>
  <si>
    <t>05/29/14 12:04:47.0</t>
  </si>
  <si>
    <t>05/29/14 12:04:55.0</t>
  </si>
  <si>
    <t>05/29/14 12:05:51.5</t>
  </si>
  <si>
    <t>05/29/14 12:05:59.0</t>
  </si>
  <si>
    <t>05/29/14 12:11:47.0</t>
  </si>
  <si>
    <t>05/29/14 12:12:05.5</t>
  </si>
  <si>
    <t>05/29/14 12:18:44.5</t>
  </si>
  <si>
    <t>05/29/14 12:18:55.5</t>
  </si>
  <si>
    <t>05/29/14 12:24:52.0</t>
  </si>
  <si>
    <t>05/29/14 12:25:00.0</t>
  </si>
  <si>
    <t>05/29/14 12:31:42.0</t>
  </si>
  <si>
    <t>05/29/14 12:33:29.0</t>
  </si>
  <si>
    <t>05/29/14 12:36:40.0</t>
  </si>
  <si>
    <t>05/29/14 12:36:54.0</t>
  </si>
  <si>
    <t>05/29/14 12:40:20.0</t>
  </si>
  <si>
    <t>05/29/14 12:41:11.0</t>
  </si>
  <si>
    <t>05/29/14 12:45:47.5</t>
  </si>
  <si>
    <t>05/29/14 12:45:58.5</t>
  </si>
  <si>
    <t>05/29/14 12:49:49.5</t>
  </si>
  <si>
    <t>05/29/14 12:50:06.5</t>
  </si>
  <si>
    <t>05/29/14 12:54:34.0</t>
  </si>
  <si>
    <t>05/29/14 12:56:45.5</t>
  </si>
  <si>
    <t>05/29/14 12:59:08.0</t>
  </si>
  <si>
    <t>05/29/14 12:59:17.0</t>
  </si>
  <si>
    <t>05/29/14 13:01:13.5</t>
  </si>
  <si>
    <t>05/29/14 13:01:23.0</t>
  </si>
  <si>
    <t>05/29/14 13:07:12.5</t>
  </si>
  <si>
    <t>05/29/14 13:07:25.0</t>
  </si>
  <si>
    <t>05/29/14 13:09:11.5</t>
  </si>
  <si>
    <t>05/29/14 13:09:18.0</t>
  </si>
  <si>
    <t>05/29/14 13:10:04.5</t>
  </si>
  <si>
    <t>05/29/14 13:10:11.5</t>
  </si>
  <si>
    <t>05/29/14 13:11:19.0</t>
  </si>
  <si>
    <t>05/29/14 13:11:26.0</t>
  </si>
  <si>
    <t>05/29/14 13:13:56.0</t>
  </si>
  <si>
    <t>05/29/14 13:14:54.0</t>
  </si>
  <si>
    <t>05/29/14 13:18:10.5</t>
  </si>
  <si>
    <t>05/29/14 13:18:19.5</t>
  </si>
  <si>
    <t>05/29/14 13:28:27.5</t>
  </si>
  <si>
    <t>05/29/14 13:28:37.5</t>
  </si>
  <si>
    <t>05/29/14 13:33:13.5</t>
  </si>
  <si>
    <t>05/29/14 13:33:32.5</t>
  </si>
  <si>
    <t>05/29/14 13:37:23.5</t>
  </si>
  <si>
    <t>05/29/14 13:38:13.5</t>
  </si>
  <si>
    <t>05/29/14 13:44:25.0</t>
  </si>
  <si>
    <t>05/29/14 13:49:44.0</t>
  </si>
  <si>
    <t>05/29/14 13:52:13.5</t>
  </si>
  <si>
    <t>05/29/14 13:52:46.0</t>
  </si>
  <si>
    <t>05/29/14 13:57:32.5</t>
  </si>
  <si>
    <t>05/29/14 13:57:41.0</t>
  </si>
  <si>
    <t>05/29/14 14:04:11.5</t>
  </si>
  <si>
    <t>05/29/14 14:04:18.0</t>
  </si>
  <si>
    <t>05/29/14 14:08:31.5</t>
  </si>
  <si>
    <t>05/29/14 14:08:45.0</t>
  </si>
  <si>
    <t>05/29/14 14:11:04.5</t>
  </si>
  <si>
    <t>05/29/14 14:12:27.5</t>
  </si>
  <si>
    <t>05/29/14 14:16:39.5</t>
  </si>
  <si>
    <t>05/29/14 14:16:47.5</t>
  </si>
  <si>
    <t>05/29/14 14:18:50.5</t>
  </si>
  <si>
    <t>05/29/14 14:19:05.5</t>
  </si>
  <si>
    <t>05/29/14 14:25:44.0</t>
  </si>
  <si>
    <t>05/29/14 14:26:40.0</t>
  </si>
  <si>
    <t>05/29/14 14:30:51.5</t>
  </si>
  <si>
    <t>05/29/14 14:30:58.5</t>
  </si>
  <si>
    <t>05/29/14 14:33:06.5</t>
  </si>
  <si>
    <t>05/29/14 14:33:13.0</t>
  </si>
  <si>
    <t>05/29/14 14:36:13.5</t>
  </si>
  <si>
    <t>05/29/14 14:36:33.5</t>
  </si>
  <si>
    <t>05/29/14 14:41:09.0</t>
  </si>
  <si>
    <t>05/29/14 14:41:29.0</t>
  </si>
  <si>
    <t>05/29/14 14:44:14.0</t>
  </si>
  <si>
    <t>05/29/14 14:44:56.0</t>
  </si>
  <si>
    <t>05/29/14 14:46:25.5</t>
  </si>
  <si>
    <t>05/29/14 14:46:32.5</t>
  </si>
  <si>
    <t>05/29/14 14:49:20.5</t>
  </si>
  <si>
    <t>05/29/14 14:49:26.0</t>
  </si>
  <si>
    <t>05/29/14 14:50:29.0</t>
  </si>
  <si>
    <t>05/29/14 14:50:36.0</t>
  </si>
  <si>
    <t>05/29/14 14:52:41.5</t>
  </si>
  <si>
    <t>05/29/14 14:53:03.5</t>
  </si>
  <si>
    <t>05/29/14 14:56:44.0</t>
  </si>
  <si>
    <t>05/29/14 14:58:23.0</t>
  </si>
  <si>
    <t>05/29/14 15:05:08.5</t>
  </si>
  <si>
    <t>05/29/14 15:05:31.5</t>
  </si>
  <si>
    <t>05/29/14 15:08:00.0</t>
  </si>
  <si>
    <t>05/29/14 15:08:07.5</t>
  </si>
  <si>
    <t>05/29/14 15:09:55.0</t>
  </si>
  <si>
    <t>05/29/14 15:10:05.0</t>
  </si>
  <si>
    <t>05/29/14 15:11:39.5</t>
  </si>
  <si>
    <t>05/29/14 15:11:53.5</t>
  </si>
  <si>
    <t>05/29/14 15:14:41.0</t>
  </si>
  <si>
    <t>05/29/14 15:14:50.5</t>
  </si>
  <si>
    <t>05/29/14 15:16:17.5</t>
  </si>
  <si>
    <t>05/29/14 15:16:30.0</t>
  </si>
  <si>
    <t>05/29/14 15:20:18.0</t>
  </si>
  <si>
    <t>05/29/14 15:20:45.0</t>
  </si>
  <si>
    <t>05/29/14 15:28:51.5</t>
  </si>
  <si>
    <t>05/29/14 15:29:03.0</t>
  </si>
  <si>
    <t>05/29/14 15:31:58.5</t>
  </si>
  <si>
    <t>05/29/14 15:32:25.0</t>
  </si>
  <si>
    <t>05/29/14 15:35:21.5</t>
  </si>
  <si>
    <t>05/29/14 15:35:31.5</t>
  </si>
  <si>
    <t>05/29/14 15:38:07.5</t>
  </si>
  <si>
    <t>05/29/14 15:38:35.5</t>
  </si>
  <si>
    <t>05/29/14 15:44:05.5</t>
  </si>
  <si>
    <t>05/29/14 15:44:20.0</t>
  </si>
  <si>
    <t>05/29/14 15:52:31.0</t>
  </si>
  <si>
    <t>05/29/14 15:53:13.5</t>
  </si>
  <si>
    <t>05/29/14 15:57:06.0</t>
  </si>
  <si>
    <t>05/29/14 15:57:14.0</t>
  </si>
  <si>
    <t>05/29/14 16:00:15.5</t>
  </si>
  <si>
    <t>05/29/14 16:00:23.0</t>
  </si>
  <si>
    <t>05/29/14 16:02:44.0</t>
  </si>
  <si>
    <t>05/29/14 16:02:57.0</t>
  </si>
  <si>
    <t>05/29/14 16:05:20.0</t>
  </si>
  <si>
    <t>05/29/14 16:05:37.0</t>
  </si>
  <si>
    <t>05/29/14 16:08:47.0</t>
  </si>
  <si>
    <t>05/29/14 16:08:55.5</t>
  </si>
  <si>
    <t>05/29/14 16:11:04.0</t>
  </si>
  <si>
    <t>05/29/14 16:11:16.0</t>
  </si>
  <si>
    <t>05/29/14 16:17:22.0</t>
  </si>
  <si>
    <t>05/29/14 16:17:31.5</t>
  </si>
  <si>
    <t>05/29/14 16:27:10.0</t>
  </si>
  <si>
    <t>05/29/14 16:27:36.5</t>
  </si>
  <si>
    <t>05/29/14 16:40:36.5</t>
  </si>
  <si>
    <t>05/29/14 16:41:32.0</t>
  </si>
  <si>
    <t>05/29/14 16:52:05.0</t>
  </si>
  <si>
    <t>05/29/14 16:52:18.5</t>
  </si>
  <si>
    <t>05/29/14 16:58:29.0</t>
  </si>
  <si>
    <t>05/29/14 16:59:16.0</t>
  </si>
  <si>
    <t>05/29/14 17:06:26.0</t>
  </si>
  <si>
    <t>05/29/14 17:06:54.0</t>
  </si>
  <si>
    <t>05/29/14 17:18:18.5</t>
  </si>
  <si>
    <t>05/29/14 17:20:28.5</t>
  </si>
  <si>
    <t>05/29/14 17:29:19.0</t>
  </si>
  <si>
    <t>05/29/14 17:29:37.0</t>
  </si>
  <si>
    <t>05/29/14 17:31:39.5</t>
  </si>
  <si>
    <t>05/29/14 17:32:10.0</t>
  </si>
  <si>
    <t>05/29/14 17:34:01.0</t>
  </si>
  <si>
    <t>05/29/14 17:34:10.5</t>
  </si>
  <si>
    <t>05/29/14 17:35:07.5</t>
  </si>
  <si>
    <t>05/29/14 17:35:14.5</t>
  </si>
  <si>
    <t>05/29/14 17:37:38.5</t>
  </si>
  <si>
    <t>05/29/14 17:38:35.0</t>
  </si>
  <si>
    <t>05/29/14 17:39:48.5</t>
  </si>
  <si>
    <t>05/29/14 17:39:53.5</t>
  </si>
  <si>
    <t>05/29/14 17:40:38.0</t>
  </si>
  <si>
    <t>05/29/14 17:40:44.5</t>
  </si>
  <si>
    <t>05/29/14 17:41:51.5</t>
  </si>
  <si>
    <t>05/29/14 17:42:01.0</t>
  </si>
  <si>
    <t>05/29/14 17:43:30.0</t>
  </si>
  <si>
    <t>05/29/14 17:43:46.5</t>
  </si>
  <si>
    <t>05/29/14 17:46:52.5</t>
  </si>
  <si>
    <t>05/29/14 17:47:04.5</t>
  </si>
  <si>
    <t>05/29/14 17:48:35.0</t>
  </si>
  <si>
    <t>05/29/14 17:48:54.5</t>
  </si>
  <si>
    <t>05/29/14 18:04:00.5</t>
  </si>
  <si>
    <t>05/29/14 18:04:26.0</t>
  </si>
  <si>
    <t>05/29/14 18:11:44.5</t>
  </si>
  <si>
    <t>05/29/14 18:12:41.5</t>
  </si>
  <si>
    <t>05/29/14 18:32:01.0</t>
  </si>
  <si>
    <t>05/29/14 18:33:13.0</t>
  </si>
  <si>
    <t>05/29/14 18:47:50.0</t>
  </si>
  <si>
    <t>05/29/14 18:49:32.0</t>
  </si>
  <si>
    <t>05/29/14 18:57:45.5</t>
  </si>
  <si>
    <t>05/29/14 18:57:59.5</t>
  </si>
  <si>
    <t>05/29/14 20:41:14.0</t>
  </si>
  <si>
    <t>05/29/14 20:41:22.5</t>
  </si>
  <si>
    <t>05/30/14 08:09:43.0</t>
  </si>
  <si>
    <t>05/30/14 08:10:59.5</t>
  </si>
  <si>
    <t>05/30/14 09:00:25.5</t>
  </si>
  <si>
    <t>05/30/14 09:01:29.5</t>
  </si>
  <si>
    <t>05/30/14 09:17:05.0</t>
  </si>
  <si>
    <t>05/30/14 09:17:39.0</t>
  </si>
  <si>
    <t>05/30/14 09:31:40.5</t>
  </si>
  <si>
    <t>05/30/14 09:32:20.0</t>
  </si>
  <si>
    <t>05/30/14 09:45:40.0</t>
  </si>
  <si>
    <t>05/30/14 09:46:23.5</t>
  </si>
  <si>
    <t>05/30/14 09:51:45.0</t>
  </si>
  <si>
    <t>05/30/14 09:53:38.0</t>
  </si>
  <si>
    <t>05/30/14 10:00:44.5</t>
  </si>
  <si>
    <t>05/30/14 10:00:53.5</t>
  </si>
  <si>
    <t>05/30/14 10:08:08.5</t>
  </si>
  <si>
    <t>05/30/14 10:08:17.5</t>
  </si>
  <si>
    <t>05/30/14 10:12:21.5</t>
  </si>
  <si>
    <t>05/30/14 10:12:39.0</t>
  </si>
  <si>
    <t>05/30/14 10:25:30.5</t>
  </si>
  <si>
    <t>05/30/14 10:26:46.5</t>
  </si>
  <si>
    <t>05/30/14 10:39:53.5</t>
  </si>
  <si>
    <t>05/30/14 10:41:09.0</t>
  </si>
  <si>
    <t>05/30/14 10:44:30.5</t>
  </si>
  <si>
    <t>05/30/14 10:45:37.0</t>
  </si>
  <si>
    <t>05/30/14 10:50:52.5</t>
  </si>
  <si>
    <t>05/30/14 10:51:15.5</t>
  </si>
  <si>
    <t>05/30/14 10:55:14.0</t>
  </si>
  <si>
    <t>05/30/14 10:55:33.0</t>
  </si>
  <si>
    <t>05/30/14 11:04:47.5</t>
  </si>
  <si>
    <t>05/30/14 11:05:16.5</t>
  </si>
  <si>
    <t>05/30/14 11:10:03.0</t>
  </si>
  <si>
    <t>05/30/14 11:11:11.5</t>
  </si>
  <si>
    <t>05/30/14 11:16:14.5</t>
  </si>
  <si>
    <t>05/30/14 11:16:45.0</t>
  </si>
  <si>
    <t>05/30/14 11:21:26.0</t>
  </si>
  <si>
    <t>05/30/14 11:21:41.5</t>
  </si>
  <si>
    <t>05/30/14 11:22:43.5</t>
  </si>
  <si>
    <t>05/30/14 11:22:56.5</t>
  </si>
  <si>
    <t>05/30/14 11:25:13.5</t>
  </si>
  <si>
    <t>05/30/14 11:25:29.0</t>
  </si>
  <si>
    <t>05/30/14 11:29:22.5</t>
  </si>
  <si>
    <t>05/30/14 11:29:34.0</t>
  </si>
  <si>
    <t>05/30/14 11:30:47.5</t>
  </si>
  <si>
    <t>05/30/14 11:31:01.5</t>
  </si>
  <si>
    <t>05/30/14 11:32:48.0</t>
  </si>
  <si>
    <t>05/30/14 11:32:57.0</t>
  </si>
  <si>
    <t>05/30/14 11:34:36.0</t>
  </si>
  <si>
    <t>05/30/14 11:34:46.5</t>
  </si>
  <si>
    <t>05/30/14 11:36:01.0</t>
  </si>
  <si>
    <t>05/30/14 11:36:07.5</t>
  </si>
  <si>
    <t>05/30/14 11:39:23.0</t>
  </si>
  <si>
    <t>05/30/14 11:39:30.0</t>
  </si>
  <si>
    <t>05/30/14 11:43:05.5</t>
  </si>
  <si>
    <t>05/30/14 11:43:18.5</t>
  </si>
  <si>
    <t>05/30/14 11:45:43.5</t>
  </si>
  <si>
    <t>05/30/14 11:46:00.0</t>
  </si>
  <si>
    <t>05/30/14 11:50:36.5</t>
  </si>
  <si>
    <t>05/30/14 11:50:42.0</t>
  </si>
  <si>
    <t>05/30/14 11:52:54.0</t>
  </si>
  <si>
    <t>05/30/14 11:53:09.0</t>
  </si>
  <si>
    <t>05/30/14 11:55:03.5</t>
  </si>
  <si>
    <t>05/30/14 11:56:13.5</t>
  </si>
  <si>
    <t>05/30/14 11:57:39.5</t>
  </si>
  <si>
    <t>05/30/14 11:57:53.0</t>
  </si>
  <si>
    <t>05/30/14 12:02:26.0</t>
  </si>
  <si>
    <t>05/30/14 12:02:42.5</t>
  </si>
  <si>
    <t>05/30/14 12:07:32.0</t>
  </si>
  <si>
    <t>05/30/14 12:07:38.5</t>
  </si>
  <si>
    <t>05/30/14 12:10:51.0</t>
  </si>
  <si>
    <t>05/30/14 12:11:16.5</t>
  </si>
  <si>
    <t>05/30/14 12:14:07.0</t>
  </si>
  <si>
    <t>05/30/14 12:14:16.0</t>
  </si>
  <si>
    <t>05/30/14 12:15:31.5</t>
  </si>
  <si>
    <t>05/30/14 12:15:38.0</t>
  </si>
  <si>
    <t>05/30/14 12:20:24.0</t>
  </si>
  <si>
    <t>05/30/14 12:20:42.5</t>
  </si>
  <si>
    <t>05/30/14 12:23:10.0</t>
  </si>
  <si>
    <t>05/30/14 12:23:25.5</t>
  </si>
  <si>
    <t>05/30/14 12:25:40.5</t>
  </si>
  <si>
    <t>05/30/14 12:25:51.5</t>
  </si>
  <si>
    <t>05/30/14 12:28:34.0</t>
  </si>
  <si>
    <t>05/30/14 12:28:47.5</t>
  </si>
  <si>
    <t>05/30/14 12:29:54.5</t>
  </si>
  <si>
    <t>05/30/14 12:29:58.5</t>
  </si>
  <si>
    <t>05/30/14 12:31:12.5</t>
  </si>
  <si>
    <t>05/30/14 12:31:15.5</t>
  </si>
  <si>
    <t>05/30/14 12:32:14.5</t>
  </si>
  <si>
    <t>05/30/14 12:32:22.5</t>
  </si>
  <si>
    <t>05/30/14 12:34:10.0</t>
  </si>
  <si>
    <t>05/30/14 12:34:22.5</t>
  </si>
  <si>
    <t>05/30/14 12:35:49.5</t>
  </si>
  <si>
    <t>05/30/14 12:36:03.5</t>
  </si>
  <si>
    <t>05/30/14 12:37:50.5</t>
  </si>
  <si>
    <t>05/30/14 12:38:07.5</t>
  </si>
  <si>
    <t>05/30/14 12:39:51.5</t>
  </si>
  <si>
    <t>05/30/14 12:40:08.0</t>
  </si>
  <si>
    <t>05/30/14 12:41:40.5</t>
  </si>
  <si>
    <t>05/30/14 12:41:47.0</t>
  </si>
  <si>
    <t>05/30/14 12:43:34.5</t>
  </si>
  <si>
    <t>05/30/14 12:43:47.5</t>
  </si>
  <si>
    <t>05/30/14 12:46:39.5</t>
  </si>
  <si>
    <t>05/30/14 12:46:54.0</t>
  </si>
  <si>
    <t>05/30/14 12:50:06.0</t>
  </si>
  <si>
    <t>05/30/14 12:50:18.0</t>
  </si>
  <si>
    <t>05/30/14 12:52:15.0</t>
  </si>
  <si>
    <t>05/30/14 12:52:23.0</t>
  </si>
  <si>
    <t>05/30/14 12:53:57.5</t>
  </si>
  <si>
    <t>05/30/14 12:54:08.0</t>
  </si>
  <si>
    <t>05/30/14 12:55:16.5</t>
  </si>
  <si>
    <t>05/30/14 12:55:25.0</t>
  </si>
  <si>
    <t>05/30/14 12:58:17.0</t>
  </si>
  <si>
    <t>05/30/14 12:58:37.5</t>
  </si>
  <si>
    <t>05/30/14 13:00:40.0</t>
  </si>
  <si>
    <t>05/30/14 13:00:56.5</t>
  </si>
  <si>
    <t>05/30/14 13:02:50.5</t>
  </si>
  <si>
    <t>05/30/14 13:03:02.0</t>
  </si>
  <si>
    <t>05/30/14 13:06:44.0</t>
  </si>
  <si>
    <t>05/30/14 13:07:02.5</t>
  </si>
  <si>
    <t>05/30/14 13:08:53.0</t>
  </si>
  <si>
    <t>05/30/14 13:09:08.5</t>
  </si>
  <si>
    <t>05/30/14 13:10:28.0</t>
  </si>
  <si>
    <t>05/30/14 13:10:39.5</t>
  </si>
  <si>
    <t>05/30/14 13:12:26.0</t>
  </si>
  <si>
    <t>05/30/14 13:12:38.5</t>
  </si>
  <si>
    <t>05/30/14 13:13:56.0</t>
  </si>
  <si>
    <t>05/30/14 13:14:02.0</t>
  </si>
  <si>
    <t>05/30/14 13:15:00.5</t>
  </si>
  <si>
    <t>05/30/14 13:15:07.0</t>
  </si>
  <si>
    <t>05/30/14 13:16:00.5</t>
  </si>
  <si>
    <t>05/30/14 13:16:09.0</t>
  </si>
  <si>
    <t>05/30/14 13:18:29.5</t>
  </si>
  <si>
    <t>05/30/14 13:18:40.0</t>
  </si>
  <si>
    <t>05/30/14 13:20:47.5</t>
  </si>
  <si>
    <t>05/30/14 13:20:55.0</t>
  </si>
  <si>
    <t>05/30/14 13:23:00.5</t>
  </si>
  <si>
    <t>05/30/14 13:23:12.0</t>
  </si>
  <si>
    <t>05/30/14 13:24:51.0</t>
  </si>
  <si>
    <t>05/30/14 13:25:00.0</t>
  </si>
  <si>
    <t>05/30/14 13:26:59.0</t>
  </si>
  <si>
    <t>05/30/14 13:27:21.5</t>
  </si>
  <si>
    <t>05/30/14 13:28:24.0</t>
  </si>
  <si>
    <t>05/30/14 13:28:34.5</t>
  </si>
  <si>
    <t>05/30/14 13:30:17.0</t>
  </si>
  <si>
    <t>05/30/14 13:30:25.0</t>
  </si>
  <si>
    <t>05/30/14 13:32:38.5</t>
  </si>
  <si>
    <t>05/30/14 13:32:47.5</t>
  </si>
  <si>
    <t>05/30/14 13:33:54.0</t>
  </si>
  <si>
    <t>05/30/14 13:34:03.5</t>
  </si>
  <si>
    <t>05/30/14 13:34:46.0</t>
  </si>
  <si>
    <t>05/30/14 13:34:51.0</t>
  </si>
  <si>
    <t>05/30/14 13:36:09.0</t>
  </si>
  <si>
    <t>05/30/14 13:36:16.0</t>
  </si>
  <si>
    <t>05/30/14 13:37:50.0</t>
  </si>
  <si>
    <t>05/30/14 13:38:01.5</t>
  </si>
  <si>
    <t>05/30/14 13:39:52.0</t>
  </si>
  <si>
    <t>05/30/14 13:40:05.5</t>
  </si>
  <si>
    <t>05/30/14 13:41:23.0</t>
  </si>
  <si>
    <t>05/30/14 13:41:38.5</t>
  </si>
  <si>
    <t>05/30/14 13:44:19.0</t>
  </si>
  <si>
    <t>05/30/14 13:44:29.0</t>
  </si>
  <si>
    <t>05/30/14 13:46:06.5</t>
  </si>
  <si>
    <t>05/30/14 13:46:10.5</t>
  </si>
  <si>
    <t>05/30/14 13:46:43.0</t>
  </si>
  <si>
    <t>05/30/14 13:46:49.5</t>
  </si>
  <si>
    <t>05/30/14 13:47:46.5</t>
  </si>
  <si>
    <t>05/30/14 13:47:53.0</t>
  </si>
  <si>
    <t>05/30/14 13:48:56.5</t>
  </si>
  <si>
    <t>05/30/14 13:49:22.0</t>
  </si>
  <si>
    <t>05/30/14 13:51:31.5</t>
  </si>
  <si>
    <t>05/30/14 13:51:35.0</t>
  </si>
  <si>
    <t>05/30/14 13:52:37.5</t>
  </si>
  <si>
    <t>05/30/14 13:52:45.5</t>
  </si>
  <si>
    <t>05/30/14 13:54:11.0</t>
  </si>
  <si>
    <t>05/30/14 13:54:18.5</t>
  </si>
  <si>
    <t>05/30/14 13:55:47.5</t>
  </si>
  <si>
    <t>05/30/14 13:55:52.5</t>
  </si>
  <si>
    <t>05/30/14 13:56:42.0</t>
  </si>
  <si>
    <t>05/30/14 13:56:50.5</t>
  </si>
  <si>
    <t>05/30/14 13:59:35.5</t>
  </si>
  <si>
    <t>05/30/14 13:59:45.0</t>
  </si>
  <si>
    <t>05/30/14 14:02:11.0</t>
  </si>
  <si>
    <t>05/30/14 14:02:23.5</t>
  </si>
  <si>
    <t>05/30/14 14:05:16.0</t>
  </si>
  <si>
    <t>05/30/14 14:05:33.5</t>
  </si>
  <si>
    <t>05/30/14 14:06:19.0</t>
  </si>
  <si>
    <t>05/30/14 14:06:24.5</t>
  </si>
  <si>
    <t>05/30/14 14:07:26.5</t>
  </si>
  <si>
    <t>05/30/14 14:07:33.0</t>
  </si>
  <si>
    <t>05/30/14 14:08:56.5</t>
  </si>
  <si>
    <t>05/30/14 14:09:03.0</t>
  </si>
  <si>
    <t>05/30/14 14:10:33.5</t>
  </si>
  <si>
    <t>05/30/14 14:11:04.0</t>
  </si>
  <si>
    <t>05/30/14 14:13:09.5</t>
  </si>
  <si>
    <t>05/30/14 14:13:17.5</t>
  </si>
  <si>
    <t>05/30/14 14:14:40.5</t>
  </si>
  <si>
    <t>05/30/14 14:14:52.0</t>
  </si>
  <si>
    <t>05/30/14 14:16:12.0</t>
  </si>
  <si>
    <t>05/30/14 14:16:23.0</t>
  </si>
  <si>
    <t>05/30/14 14:18:15.5</t>
  </si>
  <si>
    <t>05/30/14 14:18:31.5</t>
  </si>
  <si>
    <t>05/30/14 14:20:45.5</t>
  </si>
  <si>
    <t>05/30/14 14:20:57.5</t>
  </si>
  <si>
    <t>05/30/14 14:22:36.0</t>
  </si>
  <si>
    <t>05/30/14 14:22:56.5</t>
  </si>
  <si>
    <t>05/30/14 14:24:37.5</t>
  </si>
  <si>
    <t>05/30/14 14:24:56.0</t>
  </si>
  <si>
    <t>05/30/14 14:28:07.5</t>
  </si>
  <si>
    <t>05/30/14 14:29:14.0</t>
  </si>
  <si>
    <t>05/30/14 14:31:18.5</t>
  </si>
  <si>
    <t>05/30/14 14:31:27.5</t>
  </si>
  <si>
    <t>05/30/14 14:33:38.5</t>
  </si>
  <si>
    <t>05/30/14 14:33:51.0</t>
  </si>
  <si>
    <t>05/30/14 14:35:09.5</t>
  </si>
  <si>
    <t>05/30/14 14:35:23.0</t>
  </si>
  <si>
    <t>05/30/14 14:36:52.5</t>
  </si>
  <si>
    <t>05/30/14 14:37:02.5</t>
  </si>
  <si>
    <t>05/30/14 14:38:20.0</t>
  </si>
  <si>
    <t>05/30/14 14:38:27.5</t>
  </si>
  <si>
    <t>05/30/14 14:39:59.5</t>
  </si>
  <si>
    <t>05/30/14 14:40:04.5</t>
  </si>
  <si>
    <t>05/30/14 14:41:18.0</t>
  </si>
  <si>
    <t>05/30/14 14:41:25.0</t>
  </si>
  <si>
    <t>05/30/14 14:42:13.5</t>
  </si>
  <si>
    <t>05/30/14 14:42:27.0</t>
  </si>
  <si>
    <t>05/30/14 14:44:06.0</t>
  </si>
  <si>
    <t>05/30/14 14:44:14.0</t>
  </si>
  <si>
    <t>05/30/14 14:45:51.5</t>
  </si>
  <si>
    <t>05/30/14 14:46:17.0</t>
  </si>
  <si>
    <t>05/30/14 14:47:47.5</t>
  </si>
  <si>
    <t>05/30/14 14:47:53.5</t>
  </si>
  <si>
    <t>05/30/14 14:49:47.0</t>
  </si>
  <si>
    <t>05/30/14 14:49:53.0</t>
  </si>
  <si>
    <t>05/30/14 14:51:59.0</t>
  </si>
  <si>
    <t>05/30/14 14:52:07.5</t>
  </si>
  <si>
    <t>05/30/14 14:54:49.0</t>
  </si>
  <si>
    <t>05/30/14 14:56:08.0</t>
  </si>
  <si>
    <t>05/30/14 14:58:07.5</t>
  </si>
  <si>
    <t>05/30/14 14:58:12.0</t>
  </si>
  <si>
    <t>05/30/14 15:00:06.0</t>
  </si>
  <si>
    <t>05/30/14 15:00:18.0</t>
  </si>
  <si>
    <t>05/30/14 15:04:00.5</t>
  </si>
  <si>
    <t>05/30/14 15:04:10.0</t>
  </si>
  <si>
    <t>05/30/14 15:05:55.0</t>
  </si>
  <si>
    <t>05/30/14 15:06:11.0</t>
  </si>
  <si>
    <t>05/30/14 15:09:27.0</t>
  </si>
  <si>
    <t>05/30/14 15:09:41.5</t>
  </si>
  <si>
    <t>05/30/14 15:13:15.5</t>
  </si>
  <si>
    <t>05/30/14 15:13:25.0</t>
  </si>
  <si>
    <t>05/30/14 15:15:58.0</t>
  </si>
  <si>
    <t>05/30/14 15:16:05.0</t>
  </si>
  <si>
    <t>05/30/14 15:18:58.5</t>
  </si>
  <si>
    <t>05/30/14 15:19:20.5</t>
  </si>
  <si>
    <t>05/30/14 15:22:06.0</t>
  </si>
  <si>
    <t>05/30/14 15:22:27.5</t>
  </si>
  <si>
    <t>05/30/14 15:24:03.0</t>
  </si>
  <si>
    <t>05/30/14 15:24:09.0</t>
  </si>
  <si>
    <t>05/30/14 15:25:46.0</t>
  </si>
  <si>
    <t>05/30/14 15:25:55.5</t>
  </si>
  <si>
    <t>05/30/14 15:28:02.0</t>
  </si>
  <si>
    <t>05/30/14 15:28:07.5</t>
  </si>
  <si>
    <t>05/30/14 15:28:53.5</t>
  </si>
  <si>
    <t>05/30/14 15:29:03.0</t>
  </si>
  <si>
    <t>05/30/14 15:30:41.0</t>
  </si>
  <si>
    <t>05/30/14 15:31:03.5</t>
  </si>
  <si>
    <t>05/30/14 15:32:08.5</t>
  </si>
  <si>
    <t>05/30/14 15:32:20.5</t>
  </si>
  <si>
    <t>05/30/14 15:34:16.0</t>
  </si>
  <si>
    <t>05/30/14 15:34:30.0</t>
  </si>
  <si>
    <t>05/30/14 15:36:41.5</t>
  </si>
  <si>
    <t>05/30/14 15:36:56.0</t>
  </si>
  <si>
    <t>05/30/14 15:39:49.0</t>
  </si>
  <si>
    <t>05/30/14 15:39:56.0</t>
  </si>
  <si>
    <t>05/30/14 15:40:56.5</t>
  </si>
  <si>
    <t>05/30/14 15:41:02.0</t>
  </si>
  <si>
    <t>05/30/14 15:42:20.5</t>
  </si>
  <si>
    <t>05/30/14 15:42:39.0</t>
  </si>
  <si>
    <t>05/30/14 15:44:19.5</t>
  </si>
  <si>
    <t>05/30/14 15:44:35.5</t>
  </si>
  <si>
    <t>05/30/14 15:46:08.5</t>
  </si>
  <si>
    <t>05/30/14 15:46:24.0</t>
  </si>
  <si>
    <t>05/30/14 15:47:56.5</t>
  </si>
  <si>
    <t>05/30/14 15:48:03.5</t>
  </si>
  <si>
    <t>05/30/14 15:48:48.5</t>
  </si>
  <si>
    <t>05/30/14 15:48:55.5</t>
  </si>
  <si>
    <t>05/30/14 15:49:52.0</t>
  </si>
  <si>
    <t>05/30/14 15:49:56.0</t>
  </si>
  <si>
    <t>05/30/14 15:51:08.5</t>
  </si>
  <si>
    <t>05/30/14 15:51:16.5</t>
  </si>
  <si>
    <t>05/30/14 15:52:55.5</t>
  </si>
  <si>
    <t>05/30/14 15:53:04.0</t>
  </si>
  <si>
    <t>05/30/14 15:54:00.5</t>
  </si>
  <si>
    <t>05/30/14 15:54:06.0</t>
  </si>
  <si>
    <t>05/30/14 15:55:39.0</t>
  </si>
  <si>
    <t>05/30/14 15:55:44.5</t>
  </si>
  <si>
    <t>05/30/14 15:56:46.0</t>
  </si>
  <si>
    <t>05/30/14 15:56:56.0</t>
  </si>
  <si>
    <t>05/30/14 15:58:38.0</t>
  </si>
  <si>
    <t>05/30/14 15:58:46.5</t>
  </si>
  <si>
    <t>05/30/14 16:00:05.5</t>
  </si>
  <si>
    <t>05/30/14 16:00:14.0</t>
  </si>
  <si>
    <t>05/30/14 16:01:20.5</t>
  </si>
  <si>
    <t>05/30/14 16:01:35.0</t>
  </si>
  <si>
    <t>05/30/14 16:03:29.0</t>
  </si>
  <si>
    <t>05/30/14 16:03:34.5</t>
  </si>
  <si>
    <t>05/30/14 16:04:20.0</t>
  </si>
  <si>
    <t>05/30/14 16:04:29.5</t>
  </si>
  <si>
    <t>05/30/14 16:06:35.0</t>
  </si>
  <si>
    <t>05/30/14 16:06:44.0</t>
  </si>
  <si>
    <t>05/30/14 16:08:33.0</t>
  </si>
  <si>
    <t>05/30/14 16:08:46.0</t>
  </si>
  <si>
    <t>05/30/14 16:10:04.0</t>
  </si>
  <si>
    <t>05/30/14 16:10:09.0</t>
  </si>
  <si>
    <t>05/30/14 16:11:08.5</t>
  </si>
  <si>
    <t>05/30/14 16:11:13.5</t>
  </si>
  <si>
    <t>05/30/14 16:12:12.0</t>
  </si>
  <si>
    <t>05/30/14 16:12:24.0</t>
  </si>
  <si>
    <t>05/30/14 16:14:04.0</t>
  </si>
  <si>
    <t>05/30/14 16:14:11.0</t>
  </si>
  <si>
    <t>05/30/14 16:15:48.5</t>
  </si>
  <si>
    <t>05/30/14 16:15:58.5</t>
  </si>
  <si>
    <t>05/30/14 16:18:53.0</t>
  </si>
  <si>
    <t>05/30/14 16:19:09.5</t>
  </si>
  <si>
    <t>05/30/14 16:21:42.0</t>
  </si>
  <si>
    <t>05/30/14 16:21:54.0</t>
  </si>
  <si>
    <t>05/30/14 16:23:57.0</t>
  </si>
  <si>
    <t>05/30/14 16:24:04.5</t>
  </si>
  <si>
    <t>05/30/14 16:26:11.0</t>
  </si>
  <si>
    <t>05/30/14 16:26:31.0</t>
  </si>
  <si>
    <t>05/30/14 16:27:53.0</t>
  </si>
  <si>
    <t>05/30/14 16:27:58.5</t>
  </si>
  <si>
    <t>05/30/14 16:29:13.5</t>
  </si>
  <si>
    <t>05/30/14 16:29:22.5</t>
  </si>
  <si>
    <t>05/30/14 16:30:50.0</t>
  </si>
  <si>
    <t>05/30/14 16:31:01.0</t>
  </si>
  <si>
    <t>05/30/14 16:32:38.0</t>
  </si>
  <si>
    <t>05/30/14 16:32:45.5</t>
  </si>
  <si>
    <t>05/30/14 16:34:19.5</t>
  </si>
  <si>
    <t>05/30/14 16:34:32.5</t>
  </si>
  <si>
    <t>05/30/14 16:36:52.5</t>
  </si>
  <si>
    <t>05/30/14 16:37:00.0</t>
  </si>
  <si>
    <t>05/30/14 16:38:21.5</t>
  </si>
  <si>
    <t>05/30/14 16:38:32.0</t>
  </si>
  <si>
    <t>05/30/14 16:44:43.5</t>
  </si>
  <si>
    <t>05/30/14 16:45:09.5</t>
  </si>
  <si>
    <t>05/30/14 16:49:45.5</t>
  </si>
  <si>
    <t>05/30/14 16:50:04.0</t>
  </si>
  <si>
    <t>05/30/14 16:51:46.0</t>
  </si>
  <si>
    <t>05/30/14 16:51:54.0</t>
  </si>
  <si>
    <t>05/30/14 16:53:03.0</t>
  </si>
  <si>
    <t>05/30/14 16:53:09.0</t>
  </si>
  <si>
    <t>05/30/14 16:53:59.0</t>
  </si>
  <si>
    <t>05/30/14 16:54:12.5</t>
  </si>
  <si>
    <t>05/30/14 16:56:06.5</t>
  </si>
  <si>
    <t>05/30/14 16:56:12.5</t>
  </si>
  <si>
    <t>05/30/14 16:57:57.5</t>
  </si>
  <si>
    <t>05/30/14 16:58:09.5</t>
  </si>
  <si>
    <t>05/30/14 17:00:06.0</t>
  </si>
  <si>
    <t>05/30/14 17:00:16.5</t>
  </si>
  <si>
    <t>05/30/14 17:01:28.0</t>
  </si>
  <si>
    <t>05/30/14 17:01:38.5</t>
  </si>
  <si>
    <t>05/30/14 17:03:42.5</t>
  </si>
  <si>
    <t>05/30/14 17:03:59.5</t>
  </si>
  <si>
    <t>05/30/14 17:05:55.0</t>
  </si>
  <si>
    <t>05/30/14 17:06:06.5</t>
  </si>
  <si>
    <t>05/30/14 17:07:49.0</t>
  </si>
  <si>
    <t>05/30/14 17:07:58.5</t>
  </si>
  <si>
    <t>05/30/14 17:10:19.5</t>
  </si>
  <si>
    <t>05/30/14 17:11:04.5</t>
  </si>
  <si>
    <t>05/30/14 17:19:10.0</t>
  </si>
  <si>
    <t>05/30/14 17:20:15.0</t>
  </si>
  <si>
    <t>05/30/14 17:30:39.5</t>
  </si>
  <si>
    <t>05/30/14 17:31:49.0</t>
  </si>
  <si>
    <t>05/30/14 17:48:26.5</t>
  </si>
  <si>
    <t>05/30/14 17:48:49.5</t>
  </si>
  <si>
    <t>05/30/14 17:57:02.0</t>
  </si>
  <si>
    <t>05/30/14 17:57:50.0</t>
  </si>
  <si>
    <t>05/30/14 18:14:27.0</t>
  </si>
  <si>
    <t>05/30/14 18:14:37.0</t>
  </si>
  <si>
    <t>05/30/14 18:18:07.5</t>
  </si>
  <si>
    <t>05/30/14 18:19:52.5</t>
  </si>
  <si>
    <t>05/30/14 18:53:08.5</t>
  </si>
  <si>
    <t>05/30/14 18:53:20.5</t>
  </si>
  <si>
    <t>05/30/14 19:18:54.5</t>
  </si>
  <si>
    <t>05/30/14 19:20:25.5</t>
  </si>
  <si>
    <t>05/30/14 19:37:35.5</t>
  </si>
  <si>
    <t>05/30/14 19:37:43.0</t>
  </si>
  <si>
    <t>05/30/14 19:43:13.0</t>
  </si>
  <si>
    <t>05/30/14 19:43:24.5</t>
  </si>
  <si>
    <t>05/30/14 19:51:51.0</t>
  </si>
  <si>
    <t>05/30/14 19:55:00.5</t>
  </si>
  <si>
    <t>05/30/14 20:07:57.0</t>
  </si>
  <si>
    <t>05/30/14 20:08:12.0</t>
  </si>
  <si>
    <t>05/30/14 20:37:29.5</t>
  </si>
  <si>
    <t>05/30/14 20:39:16.0</t>
  </si>
  <si>
    <t>05/30/14 23:59:46.5</t>
  </si>
  <si>
    <t>05/31/14 00:32:21.0</t>
  </si>
  <si>
    <t>05/31/14 00:55:28.5</t>
  </si>
  <si>
    <t>05/31/14 00:57:16.5</t>
  </si>
  <si>
    <t>05/31/14 06:57:52.5</t>
  </si>
  <si>
    <t>05/31/14 07:03:12.5</t>
  </si>
  <si>
    <t>05/31/14 08:13:44.5</t>
  </si>
  <si>
    <t>05/31/14 08:23:57.5</t>
  </si>
  <si>
    <t>05/31/14 08:36:02.5</t>
  </si>
  <si>
    <t>05/31/14 08:36:17.5</t>
  </si>
  <si>
    <t>05/31/14 08:40:27.5</t>
  </si>
  <si>
    <t>05/31/14 08:41:26.5</t>
  </si>
  <si>
    <t>05/31/14 08:46:10.5</t>
  </si>
  <si>
    <t>05/31/14 08:46:33.0</t>
  </si>
  <si>
    <t>05/31/14 08:53:16.0</t>
  </si>
  <si>
    <t>05/31/14 08:54:41.0</t>
  </si>
  <si>
    <t>05/31/14 09:05:21.0</t>
  </si>
  <si>
    <t>05/31/14 09:05:45.0</t>
  </si>
  <si>
    <t>05/31/14 09:12:06.0</t>
  </si>
  <si>
    <t>05/31/14 09:13:24.0</t>
  </si>
  <si>
    <t>05/31/14 09:15:24.5</t>
  </si>
  <si>
    <t>05/31/14 09:15:44.0</t>
  </si>
  <si>
    <t>05/31/14 09:20:52.5</t>
  </si>
  <si>
    <t>05/31/14 09:21:24.5</t>
  </si>
  <si>
    <t>05/31/14 09:25:06.0</t>
  </si>
  <si>
    <t>05/31/14 09:25:17.0</t>
  </si>
  <si>
    <t>05/31/14 09:28:58.5</t>
  </si>
  <si>
    <t>05/31/14 09:29:32.5</t>
  </si>
  <si>
    <t>05/31/14 09:33:09.5</t>
  </si>
  <si>
    <t>05/31/14 09:33:17.0</t>
  </si>
  <si>
    <t>05/31/14 09:34:24.0</t>
  </si>
  <si>
    <t>05/31/14 09:34:32.5</t>
  </si>
  <si>
    <t>05/31/14 09:37:41.0</t>
  </si>
  <si>
    <t>05/31/14 09:38:26.5</t>
  </si>
  <si>
    <t>05/31/14 09:43:03.0</t>
  </si>
  <si>
    <t>05/31/14 09:43:17.5</t>
  </si>
  <si>
    <t>05/31/14 09:44:52.5</t>
  </si>
  <si>
    <t>05/31/14 09:45:00.5</t>
  </si>
  <si>
    <t>05/31/14 09:49:40.0</t>
  </si>
  <si>
    <t>05/31/14 09:50:04.0</t>
  </si>
  <si>
    <t>05/31/14 09:55:30.0</t>
  </si>
  <si>
    <t>05/31/14 09:55:44.5</t>
  </si>
  <si>
    <t>05/31/14 09:58:37.5</t>
  </si>
  <si>
    <t>05/31/14 09:59:32.5</t>
  </si>
  <si>
    <t>05/31/14 10:04:32.0</t>
  </si>
  <si>
    <t>05/31/14 10:04:40.5</t>
  </si>
  <si>
    <t>05/31/14 10:06:52.0</t>
  </si>
  <si>
    <t>05/31/14 10:07:09.0</t>
  </si>
  <si>
    <t>05/31/14 10:09:38.0</t>
  </si>
  <si>
    <t>05/31/14 10:09:44.0</t>
  </si>
  <si>
    <t>05/31/14 10:12:25.5</t>
  </si>
  <si>
    <t>05/31/14 10:12:35.0</t>
  </si>
  <si>
    <t>05/31/14 10:14:29.5</t>
  </si>
  <si>
    <t>05/31/14 10:14:38.0</t>
  </si>
  <si>
    <t>05/31/14 10:17:08.5</t>
  </si>
  <si>
    <t>05/31/14 10:17:20.5</t>
  </si>
  <si>
    <t>05/31/14 10:19:00.0</t>
  </si>
  <si>
    <t>05/31/14 10:19:10.5</t>
  </si>
  <si>
    <t>05/31/14 10:22:06.5</t>
  </si>
  <si>
    <t>05/31/14 10:22:24.0</t>
  </si>
  <si>
    <t>05/31/14 10:24:48.0</t>
  </si>
  <si>
    <t>05/31/14 10:25:01.0</t>
  </si>
  <si>
    <t>05/31/14 10:26:51.5</t>
  </si>
  <si>
    <t>05/31/14 10:26:58.5</t>
  </si>
  <si>
    <t>05/31/14 10:28:34.0</t>
  </si>
  <si>
    <t>05/31/14 10:28:43.0</t>
  </si>
  <si>
    <t>05/31/14 10:30:13.0</t>
  </si>
  <si>
    <t>05/31/14 10:30:36.0</t>
  </si>
  <si>
    <t>05/31/14 10:31:55.0</t>
  </si>
  <si>
    <t>05/31/14 10:32:06.0</t>
  </si>
  <si>
    <t>05/31/14 10:33:12.5</t>
  </si>
  <si>
    <t>05/31/14 10:33:29.5</t>
  </si>
  <si>
    <t>05/31/14 10:36:03.0</t>
  </si>
  <si>
    <t>05/31/14 10:36:31.0</t>
  </si>
  <si>
    <t>05/31/14 10:38:08.0</t>
  </si>
  <si>
    <t>05/31/14 10:38:22.0</t>
  </si>
  <si>
    <t>05/31/14 10:41:49.5</t>
  </si>
  <si>
    <t>05/31/14 10:41:58.5</t>
  </si>
  <si>
    <t>05/31/14 10:43:56.5</t>
  </si>
  <si>
    <t>05/31/14 10:44:05.0</t>
  </si>
  <si>
    <t>05/31/14 10:45:44.5</t>
  </si>
  <si>
    <t>05/31/14 10:45:54.0</t>
  </si>
  <si>
    <t>05/31/14 10:48:21.5</t>
  </si>
  <si>
    <t>05/31/14 10:48:34.5</t>
  </si>
  <si>
    <t>05/31/14 10:50:08.0</t>
  </si>
  <si>
    <t>05/31/14 10:50:21.5</t>
  </si>
  <si>
    <t>05/31/14 10:52:54.5</t>
  </si>
  <si>
    <t>05/31/14 10:53:14.0</t>
  </si>
  <si>
    <t>05/31/14 10:55:37.5</t>
  </si>
  <si>
    <t>05/31/14 10:55:58.5</t>
  </si>
  <si>
    <t>05/31/14 10:59:36.0</t>
  </si>
  <si>
    <t>05/31/14 11:00:08.5</t>
  </si>
  <si>
    <t>05/31/14 11:02:57.0</t>
  </si>
  <si>
    <t>05/31/14 11:03:05.5</t>
  </si>
  <si>
    <t>05/31/14 11:05:19.5</t>
  </si>
  <si>
    <t>05/31/14 11:05:45.5</t>
  </si>
  <si>
    <t>05/31/14 11:08:08.5</t>
  </si>
  <si>
    <t>05/31/14 11:08:29.5</t>
  </si>
  <si>
    <t>05/31/14 11:10:42.0</t>
  </si>
  <si>
    <t>05/31/14 11:11:11.5</t>
  </si>
  <si>
    <t>05/31/14 11:12:48.0</t>
  </si>
  <si>
    <t>05/31/14 11:13:13.0</t>
  </si>
  <si>
    <t>05/31/14 11:15:45.5</t>
  </si>
  <si>
    <t>05/31/14 11:16:15.0</t>
  </si>
  <si>
    <t>05/31/14 11:19:11.5</t>
  </si>
  <si>
    <t>05/31/14 11:19:29.5</t>
  </si>
  <si>
    <t>05/31/14 11:21:19.0</t>
  </si>
  <si>
    <t>05/31/14 11:21:29.5</t>
  </si>
  <si>
    <t>05/31/14 11:23:45.5</t>
  </si>
  <si>
    <t>05/31/14 11:24:10.0</t>
  </si>
  <si>
    <t>05/31/14 11:27:43.5</t>
  </si>
  <si>
    <t>05/31/14 11:27:49.5</t>
  </si>
  <si>
    <t>05/31/14 11:29:34.5</t>
  </si>
  <si>
    <t>05/31/14 11:29:50.5</t>
  </si>
  <si>
    <t>05/31/14 11:32:09.0</t>
  </si>
  <si>
    <t>05/31/14 11:32:23.5</t>
  </si>
  <si>
    <t>05/31/14 11:37:28.5</t>
  </si>
  <si>
    <t>05/31/14 11:38:05.5</t>
  </si>
  <si>
    <t>05/31/14 11:40:22.5</t>
  </si>
  <si>
    <t>05/31/14 11:40:32.5</t>
  </si>
  <si>
    <t>05/31/14 11:43:09.5</t>
  </si>
  <si>
    <t>05/31/14 11:43:42.0</t>
  </si>
  <si>
    <t>05/31/14 11:45:20.5</t>
  </si>
  <si>
    <t>05/31/14 11:45:41.5</t>
  </si>
  <si>
    <t>05/31/14 11:49:10.0</t>
  </si>
  <si>
    <t>05/31/14 11:49:39.5</t>
  </si>
  <si>
    <t>05/31/14 11:52:54.5</t>
  </si>
  <si>
    <t>05/31/14 11:53:06.0</t>
  </si>
  <si>
    <t>05/31/14 11:56:05.0</t>
  </si>
  <si>
    <t>05/31/14 11:56:15.5</t>
  </si>
  <si>
    <t>05/31/14 12:00:27.0</t>
  </si>
  <si>
    <t>05/31/14 12:00:39.0</t>
  </si>
  <si>
    <t>05/31/14 12:01:54.5</t>
  </si>
  <si>
    <t>05/31/14 12:01:59.0</t>
  </si>
  <si>
    <t>05/31/14 12:04:07.0</t>
  </si>
  <si>
    <t>05/31/14 12:04:19.5</t>
  </si>
  <si>
    <t>05/31/14 12:05:53.0</t>
  </si>
  <si>
    <t>05/31/14 12:05:59.0</t>
  </si>
  <si>
    <t>05/31/14 12:06:51.5</t>
  </si>
  <si>
    <t>05/31/14 12:06:58.5</t>
  </si>
  <si>
    <t>05/31/14 12:08:22.5</t>
  </si>
  <si>
    <t>05/31/14 12:08:34.0</t>
  </si>
  <si>
    <t>05/31/14 12:10:24.0</t>
  </si>
  <si>
    <t>05/31/14 12:10:31.5</t>
  </si>
  <si>
    <t>05/31/14 12:11:32.5</t>
  </si>
  <si>
    <t>05/31/14 12:11:39.0</t>
  </si>
  <si>
    <t>05/31/14 12:13:15.0</t>
  </si>
  <si>
    <t>05/31/14 12:13:38.5</t>
  </si>
  <si>
    <t>05/31/14 12:15:17.5</t>
  </si>
  <si>
    <t>05/31/14 12:15:25.5</t>
  </si>
  <si>
    <t>05/31/14 12:16:20.0</t>
  </si>
  <si>
    <t>05/31/14 12:16:27.0</t>
  </si>
  <si>
    <t>05/31/14 12:17:28.0</t>
  </si>
  <si>
    <t>05/31/14 12:17:35.0</t>
  </si>
  <si>
    <t>05/31/14 12:18:36.0</t>
  </si>
  <si>
    <t>05/31/14 12:18:43.5</t>
  </si>
  <si>
    <t>05/31/14 12:19:42.0</t>
  </si>
  <si>
    <t>05/31/14 12:19:45.5</t>
  </si>
  <si>
    <t>05/31/14 12:20:17.5</t>
  </si>
  <si>
    <t>05/31/14 12:20:23.5</t>
  </si>
  <si>
    <t>05/31/14 12:21:31.0</t>
  </si>
  <si>
    <t>05/31/14 12:21:46.5</t>
  </si>
  <si>
    <t>05/31/14 12:24:08.5</t>
  </si>
  <si>
    <t>05/31/14 12:24:15.5</t>
  </si>
  <si>
    <t>05/31/14 12:25:59.5</t>
  </si>
  <si>
    <t>05/31/14 12:26:05.0</t>
  </si>
  <si>
    <t>05/31/14 12:27:04.0</t>
  </si>
  <si>
    <t>05/31/14 12:27:08.5</t>
  </si>
  <si>
    <t>05/31/14 12:28:00.0</t>
  </si>
  <si>
    <t>05/31/14 12:28:08.5</t>
  </si>
  <si>
    <t>05/31/14 12:29:22.0</t>
  </si>
  <si>
    <t>05/31/14 12:29:31.5</t>
  </si>
  <si>
    <t>05/31/14 12:30:54.5</t>
  </si>
  <si>
    <t>05/31/14 12:31:05.0</t>
  </si>
  <si>
    <t>05/31/14 12:33:57.5</t>
  </si>
  <si>
    <t>05/31/14 12:34:06.5</t>
  </si>
  <si>
    <t>05/31/14 12:36:34.0</t>
  </si>
  <si>
    <t>05/31/14 12:36:40.0</t>
  </si>
  <si>
    <t>05/31/14 12:38:18.5</t>
  </si>
  <si>
    <t>05/31/14 12:38:27.5</t>
  </si>
  <si>
    <t>05/31/14 12:40:48.5</t>
  </si>
  <si>
    <t>05/31/14 12:41:08.5</t>
  </si>
  <si>
    <t>05/31/14 12:44:21.0</t>
  </si>
  <si>
    <t>05/31/14 12:44:36.0</t>
  </si>
  <si>
    <t>05/31/14 12:46:12.0</t>
  </si>
  <si>
    <t>05/31/14 12:46:18.5</t>
  </si>
  <si>
    <t>05/31/14 12:47:25.5</t>
  </si>
  <si>
    <t>05/31/14 12:47:38.0</t>
  </si>
  <si>
    <t>05/31/14 12:49:28.0</t>
  </si>
  <si>
    <t>05/31/14 12:49:53.5</t>
  </si>
  <si>
    <t>05/31/14 12:51:46.5</t>
  </si>
  <si>
    <t>05/31/14 12:51:52.5</t>
  </si>
  <si>
    <t>05/31/14 12:53:40.0</t>
  </si>
  <si>
    <t>05/31/14 12:53:53.5</t>
  </si>
  <si>
    <t>05/31/14 12:56:02.0</t>
  </si>
  <si>
    <t>05/31/14 12:56:14.5</t>
  </si>
  <si>
    <t>05/31/14 12:58:29.0</t>
  </si>
  <si>
    <t>05/31/14 12:58:50.0</t>
  </si>
  <si>
    <t>05/31/14 13:00:52.5</t>
  </si>
  <si>
    <t>05/31/14 13:01:13.0</t>
  </si>
  <si>
    <t>05/31/14 13:05:46.0</t>
  </si>
  <si>
    <t>05/31/14 13:06:07.0</t>
  </si>
  <si>
    <t>05/31/14 13:08:09.5</t>
  </si>
  <si>
    <t>05/31/14 13:08:15.0</t>
  </si>
  <si>
    <t>05/31/14 13:09:06.5</t>
  </si>
  <si>
    <t>05/31/14 13:09:15.0</t>
  </si>
  <si>
    <t>05/31/14 13:11:24.5</t>
  </si>
  <si>
    <t>05/31/14 13:11:40.0</t>
  </si>
  <si>
    <t>05/31/14 13:12:57.5</t>
  </si>
  <si>
    <t>05/31/14 13:13:08.5</t>
  </si>
  <si>
    <t>05/31/14 13:14:44.5</t>
  </si>
  <si>
    <t>05/31/14 13:14:49.5</t>
  </si>
  <si>
    <t>05/31/14 13:15:37.5</t>
  </si>
  <si>
    <t>05/31/14 13:15:43.0</t>
  </si>
  <si>
    <t>05/31/14 13:16:51.0</t>
  </si>
  <si>
    <t>05/31/14 13:17:03.0</t>
  </si>
  <si>
    <t>05/31/14 13:18:04.5</t>
  </si>
  <si>
    <t>05/31/14 13:18:11.5</t>
  </si>
  <si>
    <t>05/31/14 13:19:27.5</t>
  </si>
  <si>
    <t>05/31/14 13:19:39.0</t>
  </si>
  <si>
    <t>05/31/14 13:22:11.5</t>
  </si>
  <si>
    <t>05/31/14 13:22:48.5</t>
  </si>
  <si>
    <t>05/31/14 13:23:44.5</t>
  </si>
  <si>
    <t>05/31/14 13:23:50.0</t>
  </si>
  <si>
    <t>05/31/14 13:25:04.5</t>
  </si>
  <si>
    <t>05/31/14 13:25:12.0</t>
  </si>
  <si>
    <t>05/31/14 13:26:35.0</t>
  </si>
  <si>
    <t>05/31/14 13:26:47.0</t>
  </si>
  <si>
    <t>05/31/14 13:27:58.5</t>
  </si>
  <si>
    <t>05/31/14 13:28:04.0</t>
  </si>
  <si>
    <t>05/31/14 13:29:24.5</t>
  </si>
  <si>
    <t>05/31/14 13:29:36.5</t>
  </si>
  <si>
    <t>05/31/14 13:30:43.0</t>
  </si>
  <si>
    <t>05/31/14 13:30:51.0</t>
  </si>
  <si>
    <t>05/31/14 13:31:58.5</t>
  </si>
  <si>
    <t>05/31/14 13:32:06.0</t>
  </si>
  <si>
    <t>05/31/14 13:33:47.5</t>
  </si>
  <si>
    <t>05/31/14 13:34:01.0</t>
  </si>
  <si>
    <t>05/31/14 13:36:21.5</t>
  </si>
  <si>
    <t>05/31/14 13:36:44.5</t>
  </si>
  <si>
    <t>05/31/14 13:38:44.0</t>
  </si>
  <si>
    <t>05/31/14 13:38:52.0</t>
  </si>
  <si>
    <t>05/31/14 13:40:15.5</t>
  </si>
  <si>
    <t>05/31/14 13:40:24.0</t>
  </si>
  <si>
    <t>05/31/14 13:41:34.5</t>
  </si>
  <si>
    <t>05/31/14 13:41:40.5</t>
  </si>
  <si>
    <t>05/31/14 13:44:31.5</t>
  </si>
  <si>
    <t>05/31/14 13:45:33.5</t>
  </si>
  <si>
    <t>05/31/14 13:46:57.0</t>
  </si>
  <si>
    <t>05/31/14 13:47:06.5</t>
  </si>
  <si>
    <t>05/31/14 13:49:06.5</t>
  </si>
  <si>
    <t>05/31/14 13:49:35.5</t>
  </si>
  <si>
    <t>05/31/14 13:50:53.5</t>
  </si>
  <si>
    <t>05/31/14 13:51:10.5</t>
  </si>
  <si>
    <t>05/31/14 13:52:13.0</t>
  </si>
  <si>
    <t>05/31/14 13:52:25.5</t>
  </si>
  <si>
    <t>05/31/14 13:54:19.5</t>
  </si>
  <si>
    <t>05/31/14 13:54:31.0</t>
  </si>
  <si>
    <t>05/31/14 13:56:05.0</t>
  </si>
  <si>
    <t>05/31/14 13:56:18.0</t>
  </si>
  <si>
    <t>05/31/14 13:57:54.5</t>
  </si>
  <si>
    <t>05/31/14 13:58:01.5</t>
  </si>
  <si>
    <t>05/31/14 13:59:14.5</t>
  </si>
  <si>
    <t>05/31/14 13:59:19.0</t>
  </si>
  <si>
    <t>05/31/14 14:00:38.0</t>
  </si>
  <si>
    <t>05/31/14 14:00:44.5</t>
  </si>
  <si>
    <t>05/31/14 14:02:29.0</t>
  </si>
  <si>
    <t>05/31/14 14:02:42.5</t>
  </si>
  <si>
    <t>05/31/14 14:05:04.5</t>
  </si>
  <si>
    <t>05/31/14 14:05:25.5</t>
  </si>
  <si>
    <t>05/31/14 14:06:40.0</t>
  </si>
  <si>
    <t>05/31/14 14:06:45.5</t>
  </si>
  <si>
    <t>05/31/14 14:07:51.5</t>
  </si>
  <si>
    <t>05/31/14 14:08:09.5</t>
  </si>
  <si>
    <t>05/31/14 14:10:51.5</t>
  </si>
  <si>
    <t>05/31/14 14:11:01.0</t>
  </si>
  <si>
    <t>05/31/14 14:12:28.5</t>
  </si>
  <si>
    <t>05/31/14 14:12:40.0</t>
  </si>
  <si>
    <t>05/31/14 14:14:16.5</t>
  </si>
  <si>
    <t>05/31/14 14:14:22.5</t>
  </si>
  <si>
    <t>05/31/14 14:16:11.0</t>
  </si>
  <si>
    <t>05/31/14 14:16:35.0</t>
  </si>
  <si>
    <t>05/31/14 14:18:04.5</t>
  </si>
  <si>
    <t>05/31/14 14:18:13.0</t>
  </si>
  <si>
    <t>05/31/14 14:20:07.0</t>
  </si>
  <si>
    <t>05/31/14 14:20:14.5</t>
  </si>
  <si>
    <t>05/31/14 14:21:28.5</t>
  </si>
  <si>
    <t>05/31/14 14:21:36.5</t>
  </si>
  <si>
    <t>05/31/14 14:22:44.5</t>
  </si>
  <si>
    <t>05/31/14 14:22:57.0</t>
  </si>
  <si>
    <t>05/31/14 14:24:21.0</t>
  </si>
  <si>
    <t>05/31/14 14:24:27.5</t>
  </si>
  <si>
    <t>05/31/14 14:27:55.5</t>
  </si>
  <si>
    <t>05/31/14 14:28:01.5</t>
  </si>
  <si>
    <t>05/31/14 14:29:58.0</t>
  </si>
  <si>
    <t>05/31/14 14:30:06.0</t>
  </si>
  <si>
    <t>05/31/14 14:31:47.0</t>
  </si>
  <si>
    <t>05/31/14 14:32:14.0</t>
  </si>
  <si>
    <t>05/31/14 14:34:00.5</t>
  </si>
  <si>
    <t>05/31/14 14:34:16.5</t>
  </si>
  <si>
    <t>05/31/14 14:36:17.5</t>
  </si>
  <si>
    <t>05/31/14 14:36:24.0</t>
  </si>
  <si>
    <t>05/31/14 14:39:04.0</t>
  </si>
  <si>
    <t>05/31/14 14:39:19.0</t>
  </si>
  <si>
    <t>05/31/14 14:41:52.5</t>
  </si>
  <si>
    <t>05/31/14 14:42:00.5</t>
  </si>
  <si>
    <t>05/31/14 14:44:37.5</t>
  </si>
  <si>
    <t>05/31/14 14:45:06.5</t>
  </si>
  <si>
    <t>05/31/14 14:48:16.0</t>
  </si>
  <si>
    <t>05/31/14 14:48:26.5</t>
  </si>
  <si>
    <t>05/31/14 14:50:14.0</t>
  </si>
  <si>
    <t>05/31/14 14:50:29.0</t>
  </si>
  <si>
    <t>05/31/14 14:52:26.0</t>
  </si>
  <si>
    <t>05/31/14 14:52:33.5</t>
  </si>
  <si>
    <t>05/31/14 14:54:04.5</t>
  </si>
  <si>
    <t>05/31/14 14:54:15.5</t>
  </si>
  <si>
    <t>05/31/14 14:55:58.5</t>
  </si>
  <si>
    <t>05/31/14 14:56:06.5</t>
  </si>
  <si>
    <t>05/31/14 14:57:40.5</t>
  </si>
  <si>
    <t>05/31/14 14:57:53.5</t>
  </si>
  <si>
    <t>05/31/14 15:00:19.5</t>
  </si>
  <si>
    <t>05/31/14 15:00:39.0</t>
  </si>
  <si>
    <t>05/31/14 15:01:49.5</t>
  </si>
  <si>
    <t>05/31/14 15:01:57.5</t>
  </si>
  <si>
    <t>05/31/14 15:04:27.5</t>
  </si>
  <si>
    <t>05/31/14 15:04:58.0</t>
  </si>
  <si>
    <t>05/31/14 15:08:45.0</t>
  </si>
  <si>
    <t>05/31/14 15:08:59.5</t>
  </si>
  <si>
    <t>05/31/14 15:12:00.5</t>
  </si>
  <si>
    <t>05/31/14 15:12:22.0</t>
  </si>
  <si>
    <t>05/31/14 15:13:52.5</t>
  </si>
  <si>
    <t>05/31/14 15:14:01.0</t>
  </si>
  <si>
    <t>05/31/14 15:21:38.0</t>
  </si>
  <si>
    <t>05/31/14 15:21:48.0</t>
  </si>
  <si>
    <t>05/31/14 15:23:23.0</t>
  </si>
  <si>
    <t>05/31/14 15:24:48.0</t>
  </si>
  <si>
    <t>05/31/14 15:28:46.0</t>
  </si>
  <si>
    <t>05/31/14 15:29:29.0</t>
  </si>
  <si>
    <t>05/31/14 15:31:32.0</t>
  </si>
  <si>
    <t>05/31/14 15:32:06.5</t>
  </si>
  <si>
    <t>05/31/14 15:41:52.0</t>
  </si>
  <si>
    <t>05/31/14 15:42:02.5</t>
  </si>
  <si>
    <t>05/31/14 15:47:47.5</t>
  </si>
  <si>
    <t>05/31/14 15:48:11.0</t>
  </si>
  <si>
    <t>05/31/14 15:50:29.0</t>
  </si>
  <si>
    <t>05/31/14 15:50:37.5</t>
  </si>
  <si>
    <t>05/31/14 15:51:49.0</t>
  </si>
  <si>
    <t>05/31/14 15:51:55.5</t>
  </si>
  <si>
    <t>05/31/14 15:53:29.5</t>
  </si>
  <si>
    <t>05/31/14 15:53:35.0</t>
  </si>
  <si>
    <t>05/31/14 15:54:29.5</t>
  </si>
  <si>
    <t>05/31/14 15:54:38.0</t>
  </si>
  <si>
    <t>05/31/14 15:55:46.0</t>
  </si>
  <si>
    <t>05/31/14 15:56:33.0</t>
  </si>
  <si>
    <t>05/31/14 16:00:08.0</t>
  </si>
  <si>
    <t>05/31/14 16:00:59.5</t>
  </si>
  <si>
    <t>05/31/14 16:02:32.5</t>
  </si>
  <si>
    <t>05/31/14 16:03:45.5</t>
  </si>
  <si>
    <t>05/31/14 16:05:19.5</t>
  </si>
  <si>
    <t>05/31/14 16:05:27.0</t>
  </si>
  <si>
    <t>05/31/14 16:07:02.5</t>
  </si>
  <si>
    <t>05/31/14 16:07:12.5</t>
  </si>
  <si>
    <t>05/31/14 16:09:35.0</t>
  </si>
  <si>
    <t>05/31/14 16:09:59.0</t>
  </si>
  <si>
    <t>05/31/14 16:15:34.0</t>
  </si>
  <si>
    <t>05/31/14 16:15:42.5</t>
  </si>
  <si>
    <t>05/31/14 16:17:43.0</t>
  </si>
  <si>
    <t>05/31/14 16:17:49.5</t>
  </si>
  <si>
    <t>05/31/14 16:20:08.0</t>
  </si>
  <si>
    <t>05/31/14 16:22:23.0</t>
  </si>
  <si>
    <t>05/31/14 16:42:38.0</t>
  </si>
  <si>
    <t>05/31/14 16:42:55.0</t>
  </si>
  <si>
    <t>05/31/14 16:48:44.5</t>
  </si>
  <si>
    <t>05/31/14 16:49:01.5</t>
  </si>
  <si>
    <t>05/31/14 16:57:30.0</t>
  </si>
  <si>
    <t>05/31/14 16:59:37.5</t>
  </si>
  <si>
    <t>05/31/14 17:03:02.5</t>
  </si>
  <si>
    <t>05/31/14 17:03:12.0</t>
  </si>
  <si>
    <t>05/31/14 17:09:28.5</t>
  </si>
  <si>
    <t>05/31/14 17:10:56.0</t>
  </si>
  <si>
    <t>05/31/14 17:15:55.5</t>
  </si>
  <si>
    <t>05/31/14 17:16:09.0</t>
  </si>
  <si>
    <t>05/31/14 17:18:30.5</t>
  </si>
  <si>
    <t>05/31/14 17:18:51.0</t>
  </si>
  <si>
    <t>05/31/14 17:24:43.0</t>
  </si>
  <si>
    <t>05/31/14 17:24:51.5</t>
  </si>
  <si>
    <t>05/31/14 17:25:41.0</t>
  </si>
  <si>
    <t>05/31/14 17:25:46.5</t>
  </si>
  <si>
    <t>05/31/14 17:26:47.0</t>
  </si>
  <si>
    <t>05/31/14 17:26:54.0</t>
  </si>
  <si>
    <t>05/31/14 17:28:43.0</t>
  </si>
  <si>
    <t>05/31/14 17:28:59.0</t>
  </si>
  <si>
    <t>05/31/14 17:30:18.0</t>
  </si>
  <si>
    <t>05/31/14 17:30:49.0</t>
  </si>
  <si>
    <t>05/31/14 17:34:38.0</t>
  </si>
  <si>
    <t>05/31/14 17:35:43.0</t>
  </si>
  <si>
    <t>05/31/14 17:38:49.5</t>
  </si>
  <si>
    <t>05/31/14 17:39:18.0</t>
  </si>
  <si>
    <t>05/31/14 17:40:54.5</t>
  </si>
  <si>
    <t>05/31/14 17:41:01.5</t>
  </si>
  <si>
    <t>05/31/14 17:42:15.0</t>
  </si>
  <si>
    <t>05/31/14 17:42:22.0</t>
  </si>
  <si>
    <t>05/31/14 17:49:58.5</t>
  </si>
  <si>
    <t>05/31/14 17:50:34.0</t>
  </si>
  <si>
    <t>05/31/14 17:53:39.0</t>
  </si>
  <si>
    <t>05/31/14 17:53:49.5</t>
  </si>
  <si>
    <t>05/31/14 17:56:59.0</t>
  </si>
  <si>
    <t>05/31/14 17:57:09.0</t>
  </si>
  <si>
    <t>05/31/14 17:58:42.5</t>
  </si>
  <si>
    <t>05/31/14 17:59:00.5</t>
  </si>
  <si>
    <t>05/31/14 18:01:41.5</t>
  </si>
  <si>
    <t>05/31/14 18:02:05.5</t>
  </si>
  <si>
    <t>05/31/14 18:04:02.5</t>
  </si>
  <si>
    <t>05/31/14 18:04:12.5</t>
  </si>
  <si>
    <t>05/31/14 18:06:53.5</t>
  </si>
  <si>
    <t>05/31/14 18:07:04.0</t>
  </si>
  <si>
    <t>05/31/14 18:09:21.0</t>
  </si>
  <si>
    <t>05/31/14 18:09:33.0</t>
  </si>
  <si>
    <t>05/31/14 18:11:59.5</t>
  </si>
  <si>
    <t>05/31/14 18:13:00.0</t>
  </si>
  <si>
    <t>05/31/14 18:28:09.5</t>
  </si>
  <si>
    <t>05/31/14 18:28:52.5</t>
  </si>
  <si>
    <t>05/31/14 18:33:36.5</t>
  </si>
  <si>
    <t>05/31/14 18:33:47.0</t>
  </si>
  <si>
    <t>05/31/14 18:40:26.0</t>
  </si>
  <si>
    <t>05/31/14 18:40:42.5</t>
  </si>
  <si>
    <t>05/31/14 18:42:45.0</t>
  </si>
  <si>
    <t>05/31/14 18:43:08.0</t>
  </si>
  <si>
    <t>05/31/14 18:47:37.0</t>
  </si>
  <si>
    <t>05/31/14 18:47:45.0</t>
  </si>
  <si>
    <t>05/31/14 18:49:01.5</t>
  </si>
  <si>
    <t>05/31/14 18:49:09.0</t>
  </si>
  <si>
    <t>05/31/14 18:51:27.0</t>
  </si>
  <si>
    <t>05/31/14 18:51:40.0</t>
  </si>
  <si>
    <t>05/31/14 18:54:44.0</t>
  </si>
  <si>
    <t>05/31/14 18:54:51.5</t>
  </si>
  <si>
    <t>05/31/14 19:01:53.5</t>
  </si>
  <si>
    <t>05/31/14 19:08:09.0</t>
  </si>
  <si>
    <t>05/31/14 19:20:28.5</t>
  </si>
  <si>
    <t>05/31/14 19:20:35.0</t>
  </si>
  <si>
    <t>05/31/14 19:47:37.0</t>
  </si>
  <si>
    <t>05/31/14 19:48:44.0</t>
  </si>
  <si>
    <t>05/31/14 20:25:18.5</t>
  </si>
  <si>
    <t>05/31/14 20:25:27.5</t>
  </si>
  <si>
    <t>05/31/14 20:26:31.0</t>
  </si>
  <si>
    <t>05/31/14 20:26:36.5</t>
  </si>
  <si>
    <t>05/31/14 20:27:26.0</t>
  </si>
  <si>
    <t>05/31/14 20:27:46.0</t>
  </si>
  <si>
    <t>05/31/14 20:29:00.5</t>
  </si>
  <si>
    <t>05/31/14 20:29:06.0</t>
  </si>
  <si>
    <t>05/31/14 20:30:20.5</t>
  </si>
  <si>
    <t>05/31/14 20:30:30.5</t>
  </si>
  <si>
    <t>05/31/14 20:32:26.0</t>
  </si>
  <si>
    <t>05/31/14 20:32:34.0</t>
  </si>
  <si>
    <t>05/31/14 20:35:02.5</t>
  </si>
  <si>
    <t>05/31/14 20:35:15.5</t>
  </si>
  <si>
    <t>05/31/14 20:38:07.0</t>
  </si>
  <si>
    <t>05/31/14 20:38:54.5</t>
  </si>
  <si>
    <t>05/31/14 20:47:28.5</t>
  </si>
  <si>
    <t>05/31/14 20:47:41.5</t>
  </si>
  <si>
    <t>05/31/14 20:50:29.5</t>
  </si>
  <si>
    <t>05/31/14 20:50:34.5</t>
  </si>
  <si>
    <t>05/31/14 20:55:22.0</t>
  </si>
  <si>
    <t>05/31/14 20:55:31.5</t>
  </si>
  <si>
    <t>05/31/14 20:57:35.5</t>
  </si>
  <si>
    <t>05/31/14 20:57:45.5</t>
  </si>
  <si>
    <t>05/31/14 21:00:04.5</t>
  </si>
  <si>
    <t>05/31/14 21:00:15.5</t>
  </si>
  <si>
    <t>05/31/14 21:04:31.5</t>
  </si>
  <si>
    <t>05/31/14 21:04:55.5</t>
  </si>
  <si>
    <t>05/31/14 21:07:58.5</t>
  </si>
  <si>
    <t>05/31/14 21:08:06.0</t>
  </si>
  <si>
    <t>05/31/14 21:11:20.0</t>
  </si>
  <si>
    <t>05/31/14 21:11:47.0</t>
  </si>
  <si>
    <t>05/31/14 21:18:56.5</t>
  </si>
  <si>
    <t>05/31/14 21:20:47.5</t>
  </si>
  <si>
    <t>05/31/14 21:48:44.0</t>
  </si>
  <si>
    <t>05/31/14 21:49:23.0</t>
  </si>
  <si>
    <t>06/13/14 05:56:45.0</t>
  </si>
  <si>
    <t>06/13/14 06:07:44.0</t>
  </si>
  <si>
    <t>06/13/14 06:54:34.5</t>
  </si>
  <si>
    <t>06/13/14 07:07:48.5</t>
  </si>
  <si>
    <t>06/13/14 08:59:09.0</t>
  </si>
  <si>
    <t>06/13/14 09:07:24.5</t>
  </si>
  <si>
    <t>06/13/14 09:17:12.5</t>
  </si>
  <si>
    <t>06/13/14 09:17:24.0</t>
  </si>
  <si>
    <t>06/13/14 09:23:01.5</t>
  </si>
  <si>
    <t>06/13/14 09:24:01.5</t>
  </si>
  <si>
    <t>06/13/14 09:26:01.0</t>
  </si>
  <si>
    <t>06/13/14 09:26:10.5</t>
  </si>
  <si>
    <t>06/13/14 09:28:14.5</t>
  </si>
  <si>
    <t>06/13/14 09:28:29.0</t>
  </si>
  <si>
    <t>06/13/14 09:30:16.0</t>
  </si>
  <si>
    <t>06/13/14 09:30:25.0</t>
  </si>
  <si>
    <t>06/13/14 09:40:33.5</t>
  </si>
  <si>
    <t>06/13/14 09:41:31.0</t>
  </si>
  <si>
    <t>06/13/14 09:47:05.0</t>
  </si>
  <si>
    <t>06/13/14 09:47:31.5</t>
  </si>
  <si>
    <t>06/13/14 09:50:18.5</t>
  </si>
  <si>
    <t>06/13/14 09:50:36.5</t>
  </si>
  <si>
    <t>06/13/14 09:57:38.5</t>
  </si>
  <si>
    <t>06/13/14 09:57:54.5</t>
  </si>
  <si>
    <t>06/13/14 10:01:41.0</t>
  </si>
  <si>
    <t>06/13/14 10:02:09.0</t>
  </si>
  <si>
    <t>06/13/14 10:11:41.0</t>
  </si>
  <si>
    <t>06/13/14 10:11:53.0</t>
  </si>
  <si>
    <t>06/13/14 10:16:26.0</t>
  </si>
  <si>
    <t>06/13/14 10:17:17.5</t>
  </si>
  <si>
    <t>06/13/14 10:20:17.0</t>
  </si>
  <si>
    <t>06/13/14 10:20:28.5</t>
  </si>
  <si>
    <t>06/13/14 10:27:07.5</t>
  </si>
  <si>
    <t>06/13/14 10:27:38.0</t>
  </si>
  <si>
    <t>06/13/14 10:30:23.0</t>
  </si>
  <si>
    <t>06/13/14 10:30:34.0</t>
  </si>
  <si>
    <t>06/13/14 10:34:57.5</t>
  </si>
  <si>
    <t>06/13/14 10:35:08.0</t>
  </si>
  <si>
    <t>06/13/14 10:37:59.5</t>
  </si>
  <si>
    <t>06/13/14 10:38:13.5</t>
  </si>
  <si>
    <t>06/13/14 10:44:05.5</t>
  </si>
  <si>
    <t>06/13/14 10:44:20.0</t>
  </si>
  <si>
    <t>06/13/14 10:46:28.5</t>
  </si>
  <si>
    <t>06/13/14 10:46:42.5</t>
  </si>
  <si>
    <t>06/13/14 10:52:02.5</t>
  </si>
  <si>
    <t>06/13/14 10:53:19.5</t>
  </si>
  <si>
    <t>06/13/14 10:55:40.5</t>
  </si>
  <si>
    <t>06/13/14 10:55:51.0</t>
  </si>
  <si>
    <t>06/13/14 10:59:23.0</t>
  </si>
  <si>
    <t>06/13/14 10:59:45.5</t>
  </si>
  <si>
    <t>06/13/14 11:07:28.5</t>
  </si>
  <si>
    <t>06/13/14 11:07:40.5</t>
  </si>
  <si>
    <t>06/13/14 11:12:51.5</t>
  </si>
  <si>
    <t>06/13/14 11:13:06.0</t>
  </si>
  <si>
    <t>06/13/14 11:18:59.0</t>
  </si>
  <si>
    <t>06/13/14 11:19:20.0</t>
  </si>
  <si>
    <t>06/13/14 11:23:03.0</t>
  </si>
  <si>
    <t>06/13/14 11:23:34.5</t>
  </si>
  <si>
    <t>06/13/14 11:29:46.0</t>
  </si>
  <si>
    <t>06/13/14 11:30:08.0</t>
  </si>
  <si>
    <t>06/13/14 11:33:07.5</t>
  </si>
  <si>
    <t>06/13/14 11:33:24.5</t>
  </si>
  <si>
    <t>06/13/14 11:37:57.0</t>
  </si>
  <si>
    <t>06/13/14 11:38:20.0</t>
  </si>
  <si>
    <t>06/13/14 11:41:16.5</t>
  </si>
  <si>
    <t>06/13/14 11:41:30.5</t>
  </si>
  <si>
    <t>06/13/14 11:46:11.5</t>
  </si>
  <si>
    <t>06/13/14 11:46:20.0</t>
  </si>
  <si>
    <t>06/13/14 11:49:52.5</t>
  </si>
  <si>
    <t>06/13/14 11:50:11.5</t>
  </si>
  <si>
    <t>06/13/14 11:53:05.0</t>
  </si>
  <si>
    <t>06/13/14 11:53:13.0</t>
  </si>
  <si>
    <t>06/13/14 11:54:54.0</t>
  </si>
  <si>
    <t>06/13/14 11:55:14.0</t>
  </si>
  <si>
    <t>06/13/14 12:02:22.5</t>
  </si>
  <si>
    <t>06/13/14 12:02:35.5</t>
  </si>
  <si>
    <t>06/13/14 12:05:07.0</t>
  </si>
  <si>
    <t>06/13/14 12:05:24.0</t>
  </si>
  <si>
    <t>06/13/14 12:07:33.5</t>
  </si>
  <si>
    <t>06/13/14 12:07:42.0</t>
  </si>
  <si>
    <t>06/13/14 12:10:43.5</t>
  </si>
  <si>
    <t>06/13/14 12:11:07.5</t>
  </si>
  <si>
    <t>06/13/14 12:18:00.5</t>
  </si>
  <si>
    <t>06/13/14 12:18:12.5</t>
  </si>
  <si>
    <t>06/13/14 12:22:06.0</t>
  </si>
  <si>
    <t>06/13/14 12:22:25.5</t>
  </si>
  <si>
    <t>06/13/14 12:27:21.5</t>
  </si>
  <si>
    <t>06/13/14 12:27:43.0</t>
  </si>
  <si>
    <t>06/13/14 12:33:21.5</t>
  </si>
  <si>
    <t>06/13/14 12:33:53.0</t>
  </si>
  <si>
    <t>06/13/14 12:39:37.5</t>
  </si>
  <si>
    <t>06/13/14 12:39:57.5</t>
  </si>
  <si>
    <t>06/13/14 12:45:43.0</t>
  </si>
  <si>
    <t>06/13/14 12:46:00.0</t>
  </si>
  <si>
    <t>06/13/14 12:50:25.0</t>
  </si>
  <si>
    <t>06/13/14 12:50:34.0</t>
  </si>
  <si>
    <t>06/13/14 12:52:32.5</t>
  </si>
  <si>
    <t>06/13/14 12:52:55.0</t>
  </si>
  <si>
    <t>06/13/14 12:54:39.0</t>
  </si>
  <si>
    <t>06/13/14 12:54:46.0</t>
  </si>
  <si>
    <t>06/13/14 12:57:43.0</t>
  </si>
  <si>
    <t>06/13/14 12:58:03.5</t>
  </si>
  <si>
    <t>06/13/14 13:00:54.5</t>
  </si>
  <si>
    <t>06/13/14 13:01:08.0</t>
  </si>
  <si>
    <t>06/13/14 13:04:48.5</t>
  </si>
  <si>
    <t>06/13/14 13:05:11.0</t>
  </si>
  <si>
    <t>06/13/14 13:10:07.5</t>
  </si>
  <si>
    <t>06/13/14 13:10:24.5</t>
  </si>
  <si>
    <t>06/13/14 13:13:14.5</t>
  </si>
  <si>
    <t>06/13/14 13:13:37.0</t>
  </si>
  <si>
    <t>06/13/14 13:15:42.5</t>
  </si>
  <si>
    <t>06/13/14 13:16:15.5</t>
  </si>
  <si>
    <t>06/13/14 13:20:24.5</t>
  </si>
  <si>
    <t>06/13/14 13:21:01.0</t>
  </si>
  <si>
    <t>06/13/14 13:23:46.0</t>
  </si>
  <si>
    <t>06/13/14 13:23:56.0</t>
  </si>
  <si>
    <t>06/13/14 13:28:50.5</t>
  </si>
  <si>
    <t>06/13/14 13:29:08.5</t>
  </si>
  <si>
    <t>06/13/14 13:32:42.5</t>
  </si>
  <si>
    <t>06/13/14 13:32:58.0</t>
  </si>
  <si>
    <t>06/13/14 13:35:20.5</t>
  </si>
  <si>
    <t>06/13/14 13:35:35.5</t>
  </si>
  <si>
    <t>06/13/14 13:36:47.0</t>
  </si>
  <si>
    <t>06/13/14 13:36:53.0</t>
  </si>
  <si>
    <t>06/13/14 13:38:37.0</t>
  </si>
  <si>
    <t>06/13/14 13:38:43.5</t>
  </si>
  <si>
    <t>06/13/14 13:40:18.5</t>
  </si>
  <si>
    <t>06/13/14 13:40:51.0</t>
  </si>
  <si>
    <t>06/13/14 13:43:17.5</t>
  </si>
  <si>
    <t>06/13/14 13:43:30.5</t>
  </si>
  <si>
    <t>06/13/14 13:45:15.5</t>
  </si>
  <si>
    <t>06/13/14 13:45:23.5</t>
  </si>
  <si>
    <t>06/13/14 13:47:22.0</t>
  </si>
  <si>
    <t>06/13/14 13:47:28.5</t>
  </si>
  <si>
    <t>06/13/14 13:49:23.0</t>
  </si>
  <si>
    <t>06/13/14 13:49:36.0</t>
  </si>
  <si>
    <t>06/13/14 13:55:43.0</t>
  </si>
  <si>
    <t>06/13/14 13:56:00.0</t>
  </si>
  <si>
    <t>06/13/14 13:57:54.5</t>
  </si>
  <si>
    <t>06/13/14 13:58:02.5</t>
  </si>
  <si>
    <t>06/13/14 14:00:26.0</t>
  </si>
  <si>
    <t>06/13/14 14:00:32.0</t>
  </si>
  <si>
    <t>06/13/14 14:02:03.5</t>
  </si>
  <si>
    <t>06/13/14 14:02:15.5</t>
  </si>
  <si>
    <t>06/13/14 14:03:42.5</t>
  </si>
  <si>
    <t>06/13/14 14:04:07.5</t>
  </si>
  <si>
    <t>06/13/14 14:06:11.0</t>
  </si>
  <si>
    <t>06/13/14 14:06:42.0</t>
  </si>
  <si>
    <t>06/13/14 14:09:12.0</t>
  </si>
  <si>
    <t>06/13/14 14:09:22.0</t>
  </si>
  <si>
    <t>06/13/14 14:13:16.0</t>
  </si>
  <si>
    <t>06/13/14 14:13:23.0</t>
  </si>
  <si>
    <t>06/13/14 14:18:27.5</t>
  </si>
  <si>
    <t>06/13/14 14:18:45.0</t>
  </si>
  <si>
    <t>06/13/14 14:20:47.0</t>
  </si>
  <si>
    <t>06/13/14 14:20:54.0</t>
  </si>
  <si>
    <t>06/13/14 14:23:12.0</t>
  </si>
  <si>
    <t>06/13/14 14:23:23.0</t>
  </si>
  <si>
    <t>06/13/14 14:26:15.5</t>
  </si>
  <si>
    <t>06/13/14 14:26:33.5</t>
  </si>
  <si>
    <t>06/13/14 14:31:32.5</t>
  </si>
  <si>
    <t>06/13/14 14:31:46.5</t>
  </si>
  <si>
    <t>06/13/14 14:34:16.0</t>
  </si>
  <si>
    <t>06/13/14 14:34:23.0</t>
  </si>
  <si>
    <t>06/13/14 14:36:01.0</t>
  </si>
  <si>
    <t>06/13/14 14:36:10.0</t>
  </si>
  <si>
    <t>06/13/14 14:39:21.0</t>
  </si>
  <si>
    <t>06/13/14 14:39:33.0</t>
  </si>
  <si>
    <t>06/13/14 14:43:13.0</t>
  </si>
  <si>
    <t>06/13/14 14:43:28.5</t>
  </si>
  <si>
    <t>06/13/14 14:46:13.0</t>
  </si>
  <si>
    <t>06/13/14 14:48:10.0</t>
  </si>
  <si>
    <t>06/13/14 14:52:41.5</t>
  </si>
  <si>
    <t>06/13/14 14:53:15.0</t>
  </si>
  <si>
    <t>06/13/14 14:55:47.0</t>
  </si>
  <si>
    <t>06/13/14 14:56:43.5</t>
  </si>
  <si>
    <t>06/13/14 15:01:13.0</t>
  </si>
  <si>
    <t>06/13/14 15:01:22.5</t>
  </si>
  <si>
    <t>06/13/14 15:04:49.5</t>
  </si>
  <si>
    <t>06/13/14 15:05:02.5</t>
  </si>
  <si>
    <t>06/13/14 15:07:26.0</t>
  </si>
  <si>
    <t>06/13/14 15:07:34.0</t>
  </si>
  <si>
    <t>06/13/14 15:09:45.0</t>
  </si>
  <si>
    <t>06/13/14 15:09:54.5</t>
  </si>
  <si>
    <t>06/13/14 15:12:53.5</t>
  </si>
  <si>
    <t>06/13/14 15:13:32.0</t>
  </si>
  <si>
    <t>06/13/14 15:15:27.0</t>
  </si>
  <si>
    <t>06/13/14 15:15:32.5</t>
  </si>
  <si>
    <t>06/13/14 15:18:06.0</t>
  </si>
  <si>
    <t>06/13/14 15:18:12.0</t>
  </si>
  <si>
    <t>06/13/14 15:19:09.5</t>
  </si>
  <si>
    <t>06/13/14 15:19:22.5</t>
  </si>
  <si>
    <t>06/13/14 15:20:28.5</t>
  </si>
  <si>
    <t>06/13/14 15:20:38.5</t>
  </si>
  <si>
    <t>06/13/14 15:22:30.5</t>
  </si>
  <si>
    <t>06/13/14 15:22:38.0</t>
  </si>
  <si>
    <t>06/13/14 15:23:51.0</t>
  </si>
  <si>
    <t>06/13/14 15:24:04.5</t>
  </si>
  <si>
    <t>06/13/14 15:26:22.0</t>
  </si>
  <si>
    <t>06/13/14 15:26:27.0</t>
  </si>
  <si>
    <t>06/13/14 15:27:07.0</t>
  </si>
  <si>
    <t>06/13/14 15:27:11.5</t>
  </si>
  <si>
    <t>06/13/14 15:28:04.0</t>
  </si>
  <si>
    <t>06/13/14 15:28:14.0</t>
  </si>
  <si>
    <t>06/13/14 15:29:19.0</t>
  </si>
  <si>
    <t>06/13/14 15:29:24.5</t>
  </si>
  <si>
    <t>06/13/14 15:31:13.5</t>
  </si>
  <si>
    <t>06/13/14 15:31:21.5</t>
  </si>
  <si>
    <t>06/13/14 15:34:30.5</t>
  </si>
  <si>
    <t>06/13/14 15:34:42.5</t>
  </si>
  <si>
    <t>06/13/14 15:39:22.0</t>
  </si>
  <si>
    <t>06/13/14 15:40:18.5</t>
  </si>
  <si>
    <t>06/13/14 15:42:44.0</t>
  </si>
  <si>
    <t>06/13/14 15:42:55.5</t>
  </si>
  <si>
    <t>06/13/14 15:45:23.0</t>
  </si>
  <si>
    <t>06/13/14 15:45:32.5</t>
  </si>
  <si>
    <t>06/13/14 15:46:55.0</t>
  </si>
  <si>
    <t>06/13/14 15:47:02.5</t>
  </si>
  <si>
    <t>06/13/14 15:49:11.5</t>
  </si>
  <si>
    <t>06/13/14 15:49:26.0</t>
  </si>
  <si>
    <t>06/13/14 15:51:01.0</t>
  </si>
  <si>
    <t>06/13/14 15:51:09.0</t>
  </si>
  <si>
    <t>06/13/14 15:52:25.0</t>
  </si>
  <si>
    <t>06/13/14 15:52:32.5</t>
  </si>
  <si>
    <t>06/13/14 15:54:10.0</t>
  </si>
  <si>
    <t>06/13/14 15:54:17.5</t>
  </si>
  <si>
    <t>06/13/14 15:55:17.5</t>
  </si>
  <si>
    <t>06/13/14 15:55:22.5</t>
  </si>
  <si>
    <t>06/13/14 15:56:27.0</t>
  </si>
  <si>
    <t>06/13/14 15:56:36.5</t>
  </si>
  <si>
    <t>06/13/14 15:58:26.0</t>
  </si>
  <si>
    <t>06/13/14 15:58:37.0</t>
  </si>
  <si>
    <t>06/13/14 16:01:35.0</t>
  </si>
  <si>
    <t>06/13/14 16:01:48.0</t>
  </si>
  <si>
    <t>06/13/14 16:03:39.5</t>
  </si>
  <si>
    <t>06/13/14 16:03:56.5</t>
  </si>
  <si>
    <t>06/13/14 16:04:56.5</t>
  </si>
  <si>
    <t>06/13/14 16:05:03.0</t>
  </si>
  <si>
    <t>06/13/14 16:08:53.5</t>
  </si>
  <si>
    <t>06/13/14 16:09:01.0</t>
  </si>
  <si>
    <t>06/13/14 16:27:25.5</t>
  </si>
  <si>
    <t>06/13/14 16:27:52.5</t>
  </si>
  <si>
    <t>06/13/14 16:33:33.0</t>
  </si>
  <si>
    <t>06/13/14 16:33:46.0</t>
  </si>
  <si>
    <t>06/13/14 16:36:58.0</t>
  </si>
  <si>
    <t>06/13/14 16:37:09.0</t>
  </si>
  <si>
    <t>06/13/14 16:38:47.0</t>
  </si>
  <si>
    <t>06/13/14 16:39:02.0</t>
  </si>
  <si>
    <t>06/13/14 16:41:02.0</t>
  </si>
  <si>
    <t>06/13/14 16:41:16.0</t>
  </si>
  <si>
    <t>06/13/14 16:44:25.5</t>
  </si>
  <si>
    <t>06/13/14 16:44:48.5</t>
  </si>
  <si>
    <t>06/13/14 16:47:02.0</t>
  </si>
  <si>
    <t>06/13/14 16:47:23.0</t>
  </si>
  <si>
    <t>06/13/14 16:50:58.5</t>
  </si>
  <si>
    <t>06/13/14 16:51:05.5</t>
  </si>
  <si>
    <t>06/13/14 16:52:09.5</t>
  </si>
  <si>
    <t>06/13/14 16:52:17.0</t>
  </si>
  <si>
    <t>06/13/14 16:53:13.5</t>
  </si>
  <si>
    <t>06/13/14 16:53:20.5</t>
  </si>
  <si>
    <t>06/13/14 16:54:24.0</t>
  </si>
  <si>
    <t>06/13/14 16:54:33.0</t>
  </si>
  <si>
    <t>06/13/14 16:55:53.5</t>
  </si>
  <si>
    <t>06/13/14 16:56:00.0</t>
  </si>
  <si>
    <t>06/13/14 16:57:49.0</t>
  </si>
  <si>
    <t>06/13/14 16:58:01.5</t>
  </si>
  <si>
    <t>06/13/14 17:00:24.5</t>
  </si>
  <si>
    <t>06/13/14 17:00:44.5</t>
  </si>
  <si>
    <t>06/13/14 17:12:14.5</t>
  </si>
  <si>
    <t>06/13/14 17:14:53.0</t>
  </si>
  <si>
    <t>06/13/14 17:24:26.0</t>
  </si>
  <si>
    <t>06/13/14 17:24:56.0</t>
  </si>
  <si>
    <t>06/13/14 17:31:51.5</t>
  </si>
  <si>
    <t>06/13/14 17:32:33.0</t>
  </si>
  <si>
    <t>06/13/14 17:40:00.5</t>
  </si>
  <si>
    <t>06/13/14 17:40:13.5</t>
  </si>
  <si>
    <t>06/13/14 17:51:48.5</t>
  </si>
  <si>
    <t>06/13/14 17:52:09.5</t>
  </si>
  <si>
    <t>06/13/14 17:55:13.0</t>
  </si>
  <si>
    <t>06/13/14 17:55:25.0</t>
  </si>
  <si>
    <t>06/13/14 17:57:45.0</t>
  </si>
  <si>
    <t>06/13/14 17:57:57.0</t>
  </si>
  <si>
    <t>06/13/14 17:59:58.5</t>
  </si>
  <si>
    <t>06/13/14 18:00:09.5</t>
  </si>
  <si>
    <t>06/13/14 18:02:05.5</t>
  </si>
  <si>
    <t>06/13/14 18:02:31.0</t>
  </si>
  <si>
    <t>06/13/14 18:03:29.5</t>
  </si>
  <si>
    <t>06/13/14 18:03:39.5</t>
  </si>
  <si>
    <t>06/13/14 18:05:26.0</t>
  </si>
  <si>
    <t>06/13/14 18:05:37.5</t>
  </si>
  <si>
    <t>06/13/14 18:08:40.5</t>
  </si>
  <si>
    <t>06/13/14 18:08:49.0</t>
  </si>
  <si>
    <t>06/13/14 18:12:05.5</t>
  </si>
  <si>
    <t>06/13/14 18:12:44.0</t>
  </si>
  <si>
    <t>06/13/14 18:23:22.5</t>
  </si>
  <si>
    <t>06/13/14 18:23:33.0</t>
  </si>
  <si>
    <t>06/13/14 18:28:53.0</t>
  </si>
  <si>
    <t>06/13/14 18:29:04.5</t>
  </si>
  <si>
    <t>06/13/14 18:30:18.5</t>
  </si>
  <si>
    <t>06/13/14 18:30:55.0</t>
  </si>
  <si>
    <t>06/13/14 18:35:45.0</t>
  </si>
  <si>
    <t>06/13/14 18:35:54.5</t>
  </si>
  <si>
    <t>06/13/14 18:40:13.5</t>
  </si>
  <si>
    <t>06/13/14 18:40:40.0</t>
  </si>
  <si>
    <t>06/13/14 18:45:44.0</t>
  </si>
  <si>
    <t>06/13/14 18:45:57.0</t>
  </si>
  <si>
    <t>06/13/14 18:49:58.0</t>
  </si>
  <si>
    <t>06/13/14 18:50:21.5</t>
  </si>
  <si>
    <t>06/13/14 18:54:12.5</t>
  </si>
  <si>
    <t>06/13/14 18:54:22.0</t>
  </si>
  <si>
    <t>06/13/14 18:59:37.0</t>
  </si>
  <si>
    <t>06/13/14 19:00:59.0</t>
  </si>
  <si>
    <t>06/13/14 19:02:16.5</t>
  </si>
  <si>
    <t>06/13/14 19:02:26.5</t>
  </si>
  <si>
    <t>06/13/14 19:05:16.0</t>
  </si>
  <si>
    <t>06/13/14 19:05:22.5</t>
  </si>
  <si>
    <t>06/13/14 19:07:26.0</t>
  </si>
  <si>
    <t>06/13/14 19:07:32.5</t>
  </si>
  <si>
    <t>06/13/14 19:13:05.0</t>
  </si>
  <si>
    <t>06/13/14 19:13:17.0</t>
  </si>
  <si>
    <t>06/13/14 19:27:55.5</t>
  </si>
  <si>
    <t>06/13/14 19:28:13.0</t>
  </si>
  <si>
    <t>06/13/14 19:29:41.0</t>
  </si>
  <si>
    <t>06/13/14 19:29:45.0</t>
  </si>
  <si>
    <t>06/13/14 19:30:21.0</t>
  </si>
  <si>
    <t>06/13/14 19:30:31.5</t>
  </si>
  <si>
    <t>06/13/14 19:31:30.0</t>
  </si>
  <si>
    <t>06/13/14 19:31:38.5</t>
  </si>
  <si>
    <t>06/13/14 19:32:24.0</t>
  </si>
  <si>
    <t>06/13/14 19:32:33.5</t>
  </si>
  <si>
    <t>06/13/14 19:36:14.0</t>
  </si>
  <si>
    <t>06/13/14 19:36:20.5</t>
  </si>
  <si>
    <t>06/13/14 19:37:34.5</t>
  </si>
  <si>
    <t>06/13/14 19:37:47.0</t>
  </si>
  <si>
    <t>06/13/14 19:39:03.5</t>
  </si>
  <si>
    <t>06/13/14 19:39:16.0</t>
  </si>
  <si>
    <t>06/13/14 19:41:13.0</t>
  </si>
  <si>
    <t>06/13/14 19:41:17.5</t>
  </si>
  <si>
    <t>06/13/14 19:41:50.0</t>
  </si>
  <si>
    <t>06/13/14 19:41:54.0</t>
  </si>
  <si>
    <t>06/13/14 19:42:51.0</t>
  </si>
  <si>
    <t>06/13/14 19:43:03.0</t>
  </si>
  <si>
    <t>06/13/14 19:44:19.0</t>
  </si>
  <si>
    <t>06/13/14 19:44:26.0</t>
  </si>
  <si>
    <t>06/13/14 19:46:51.0</t>
  </si>
  <si>
    <t>06/13/14 19:47:00.5</t>
  </si>
  <si>
    <t>06/13/14 19:49:50.5</t>
  </si>
  <si>
    <t>06/13/14 19:49:57.0</t>
  </si>
  <si>
    <t>06/13/14 19:51:29.5</t>
  </si>
  <si>
    <t>06/13/14 19:51:35.5</t>
  </si>
  <si>
    <t>06/13/14 19:52:28.5</t>
  </si>
  <si>
    <t>06/13/14 19:52:37.0</t>
  </si>
  <si>
    <t>06/13/14 19:54:54.0</t>
  </si>
  <si>
    <t>06/13/14 19:55:10.0</t>
  </si>
  <si>
    <t>06/13/14 20:00:27.5</t>
  </si>
  <si>
    <t>06/13/14 20:00:57.5</t>
  </si>
  <si>
    <t>06/13/14 20:36:20.0</t>
  </si>
  <si>
    <t>06/13/14 20:37:44.0</t>
  </si>
  <si>
    <t>06/13/14 20:43:44.0</t>
  </si>
  <si>
    <t>06/13/14 20:44:01.5</t>
  </si>
  <si>
    <t>06/13/14 20:48:03.5</t>
  </si>
  <si>
    <t>06/13/14 20:48:11.0</t>
  </si>
  <si>
    <t>06/13/14 20:49:59.5</t>
  </si>
  <si>
    <t>06/13/14 20:50:05.5</t>
  </si>
  <si>
    <t>06/13/14 20:51:20.0</t>
  </si>
  <si>
    <t>06/13/14 21:02:17.0</t>
  </si>
  <si>
    <t>06/13/14 21:25:03.5</t>
  </si>
  <si>
    <t>06/13/14 21:25:18.0</t>
  </si>
  <si>
    <t>06/14/14 02:58:11.5</t>
  </si>
  <si>
    <t>06/14/14 02:58:42.5</t>
  </si>
  <si>
    <t>06/14/14 03:00:17.0</t>
  </si>
  <si>
    <t>06/14/14 03:00:38.5</t>
  </si>
  <si>
    <t>06/14/14 03:08:21.5</t>
  </si>
  <si>
    <t>06/14/14 03:20:20.5</t>
  </si>
  <si>
    <t>06/14/14 06:10:40.5</t>
  </si>
  <si>
    <t>06/14/14 06:10:56.5</t>
  </si>
  <si>
    <t>06/14/14 08:03:45.5</t>
  </si>
  <si>
    <t>06/14/14 08:04:30.0</t>
  </si>
  <si>
    <t>06/14/14 08:28:18.0</t>
  </si>
  <si>
    <t>06/14/14 08:29:34.0</t>
  </si>
  <si>
    <t>06/14/14 08:35:48.5</t>
  </si>
  <si>
    <t>06/14/14 08:36:16.5</t>
  </si>
  <si>
    <t>06/14/14 09:15:55.5</t>
  </si>
  <si>
    <t>06/14/14 09:16:11.5</t>
  </si>
  <si>
    <t>06/14/14 09:18:34.0</t>
  </si>
  <si>
    <t>06/14/14 09:18:50.0</t>
  </si>
  <si>
    <t>06/14/14 09:24:49.5</t>
  </si>
  <si>
    <t>06/14/14 09:25:08.0</t>
  </si>
  <si>
    <t>06/14/14 09:31:45.0</t>
  </si>
  <si>
    <t>06/14/14 09:33:09.0</t>
  </si>
  <si>
    <t>06/14/14 09:36:02.0</t>
  </si>
  <si>
    <t>06/14/14 09:36:42.5</t>
  </si>
  <si>
    <t>06/14/14 09:42:15.0</t>
  </si>
  <si>
    <t>06/14/14 09:44:03.5</t>
  </si>
  <si>
    <t>06/14/14 09:59:25.0</t>
  </si>
  <si>
    <t>06/14/14 10:02:49.5</t>
  </si>
  <si>
    <t>06/14/14 10:06:31.0</t>
  </si>
  <si>
    <t>06/14/14 10:06:37.5</t>
  </si>
  <si>
    <t>06/14/14 10:08:41.0</t>
  </si>
  <si>
    <t>06/14/14 10:08:51.0</t>
  </si>
  <si>
    <t>06/14/14 10:12:16.0</t>
  </si>
  <si>
    <t>06/14/14 10:12:30.5</t>
  </si>
  <si>
    <t>06/14/14 10:17:25.0</t>
  </si>
  <si>
    <t>06/14/14 10:17:32.5</t>
  </si>
  <si>
    <t>06/14/14 10:20:37.5</t>
  </si>
  <si>
    <t>06/14/14 10:20:42.5</t>
  </si>
  <si>
    <t>06/14/14 10:21:59.0</t>
  </si>
  <si>
    <t>06/14/14 10:22:08.0</t>
  </si>
  <si>
    <t>06/14/14 10:27:23.0</t>
  </si>
  <si>
    <t>06/14/14 10:27:41.0</t>
  </si>
  <si>
    <t>06/14/14 10:29:57.0</t>
  </si>
  <si>
    <t>06/14/14 10:30:09.0</t>
  </si>
  <si>
    <t>06/14/14 10:31:58.0</t>
  </si>
  <si>
    <t>06/14/14 10:32:20.5</t>
  </si>
  <si>
    <t>06/14/14 10:33:36.0</t>
  </si>
  <si>
    <t>06/14/14 10:33:43.0</t>
  </si>
  <si>
    <t>06/14/14 10:34:56.0</t>
  </si>
  <si>
    <t>06/14/14 10:35:02.0</t>
  </si>
  <si>
    <t>06/14/14 10:37:09.0</t>
  </si>
  <si>
    <t>06/14/14 10:37:17.5</t>
  </si>
  <si>
    <t>06/14/14 10:38:31.0</t>
  </si>
  <si>
    <t>06/14/14 10:38:41.0</t>
  </si>
  <si>
    <t>06/14/14 10:40:27.5</t>
  </si>
  <si>
    <t>06/14/14 10:40:51.0</t>
  </si>
  <si>
    <t>06/14/14 10:42:29.5</t>
  </si>
  <si>
    <t>06/14/14 10:42:38.5</t>
  </si>
  <si>
    <t>06/14/14 10:45:28.5</t>
  </si>
  <si>
    <t>06/14/14 10:45:36.5</t>
  </si>
  <si>
    <t>06/14/14 10:47:03.0</t>
  </si>
  <si>
    <t>06/14/14 10:47:25.0</t>
  </si>
  <si>
    <t>06/14/14 10:51:22.0</t>
  </si>
  <si>
    <t>06/14/14 10:51:31.0</t>
  </si>
  <si>
    <t>06/14/14 10:54:29.0</t>
  </si>
  <si>
    <t>06/14/14 10:54:41.0</t>
  </si>
  <si>
    <t>06/14/14 10:56:51.0</t>
  </si>
  <si>
    <t>06/14/14 10:56:58.0</t>
  </si>
  <si>
    <t>06/14/14 11:01:03.0</t>
  </si>
  <si>
    <t>06/14/14 11:01:14.0</t>
  </si>
  <si>
    <t>06/14/14 11:03:14.0</t>
  </si>
  <si>
    <t>06/14/14 11:03:21.5</t>
  </si>
  <si>
    <t>06/14/14 11:04:43.5</t>
  </si>
  <si>
    <t>06/14/14 11:04:54.0</t>
  </si>
  <si>
    <t>06/14/14 11:06:18.0</t>
  </si>
  <si>
    <t>06/14/14 11:06:25.5</t>
  </si>
  <si>
    <t>06/14/14 11:08:30.0</t>
  </si>
  <si>
    <t>06/14/14 11:08:36.5</t>
  </si>
  <si>
    <t>06/14/14 11:11:46.0</t>
  </si>
  <si>
    <t>06/14/14 11:11:56.5</t>
  </si>
  <si>
    <t>06/14/14 11:13:30.5</t>
  </si>
  <si>
    <t>06/14/14 11:13:40.5</t>
  </si>
  <si>
    <t>06/14/14 11:16:02.0</t>
  </si>
  <si>
    <t>06/14/14 11:16:06.5</t>
  </si>
  <si>
    <t>06/14/14 11:16:53.0</t>
  </si>
  <si>
    <t>06/14/14 11:17:01.5</t>
  </si>
  <si>
    <t>06/14/14 11:19:55.5</t>
  </si>
  <si>
    <t>06/14/14 11:20:08.5</t>
  </si>
  <si>
    <t>06/14/14 11:26:30.0</t>
  </si>
  <si>
    <t>06/14/14 11:26:49.0</t>
  </si>
  <si>
    <t>06/14/14 11:29:43.5</t>
  </si>
  <si>
    <t>06/14/14 11:29:50.0</t>
  </si>
  <si>
    <t>06/14/14 11:31:36.5</t>
  </si>
  <si>
    <t>06/14/14 11:31:50.5</t>
  </si>
  <si>
    <t>06/14/14 11:34:38.0</t>
  </si>
  <si>
    <t>06/14/14 11:34:47.0</t>
  </si>
  <si>
    <t>06/14/14 11:36:14.5</t>
  </si>
  <si>
    <t>06/14/14 11:36:29.5</t>
  </si>
  <si>
    <t>06/14/14 11:38:38.5</t>
  </si>
  <si>
    <t>06/14/14 11:40:06.0</t>
  </si>
  <si>
    <t>06/14/14 11:42:51.5</t>
  </si>
  <si>
    <t>06/14/14 11:43:06.0</t>
  </si>
  <si>
    <t>06/14/14 11:46:13.0</t>
  </si>
  <si>
    <t>06/14/14 11:46:20.0</t>
  </si>
  <si>
    <t>06/14/14 11:50:14.0</t>
  </si>
  <si>
    <t>06/14/14 11:50:30.0</t>
  </si>
  <si>
    <t>06/14/14 11:52:07.0</t>
  </si>
  <si>
    <t>06/14/14 11:52:14.0</t>
  </si>
  <si>
    <t>06/14/14 11:56:26.0</t>
  </si>
  <si>
    <t>06/14/14 11:56:41.0</t>
  </si>
  <si>
    <t>06/14/14 11:58:39.5</t>
  </si>
  <si>
    <t>06/14/14 11:59:01.0</t>
  </si>
  <si>
    <t>06/14/14 12:03:02.0</t>
  </si>
  <si>
    <t>06/14/14 12:03:11.0</t>
  </si>
  <si>
    <t>06/14/14 12:05:35.5</t>
  </si>
  <si>
    <t>06/14/14 12:05:58.5</t>
  </si>
  <si>
    <t>06/14/14 12:10:46.5</t>
  </si>
  <si>
    <t>06/14/14 12:10:55.5</t>
  </si>
  <si>
    <t>06/14/14 12:13:28.5</t>
  </si>
  <si>
    <t>06/14/14 12:13:41.0</t>
  </si>
  <si>
    <t>06/14/14 12:18:26.0</t>
  </si>
  <si>
    <t>06/14/14 12:18:33.0</t>
  </si>
  <si>
    <t>06/14/14 12:19:24.0</t>
  </si>
  <si>
    <t>06/14/14 12:19:32.5</t>
  </si>
  <si>
    <t>06/14/14 12:21:39.5</t>
  </si>
  <si>
    <t>06/14/14 12:21:44.5</t>
  </si>
  <si>
    <t>06/14/14 12:23:28.5</t>
  </si>
  <si>
    <t>06/14/14 12:23:42.0</t>
  </si>
  <si>
    <t>06/14/14 12:25:37.5</t>
  </si>
  <si>
    <t>06/14/14 12:25:51.0</t>
  </si>
  <si>
    <t>06/14/14 12:28:04.0</t>
  </si>
  <si>
    <t>06/14/14 12:28:13.5</t>
  </si>
  <si>
    <t>06/14/14 12:31:04.5</t>
  </si>
  <si>
    <t>06/14/14 12:31:46.5</t>
  </si>
  <si>
    <t>06/14/14 12:33:13.0</t>
  </si>
  <si>
    <t>06/14/14 12:33:24.0</t>
  </si>
  <si>
    <t>06/14/14 12:36:22.5</t>
  </si>
  <si>
    <t>06/14/14 12:36:32.5</t>
  </si>
  <si>
    <t>06/14/14 12:37:40.5</t>
  </si>
  <si>
    <t>06/14/14 12:37:57.0</t>
  </si>
  <si>
    <t>06/14/14 12:40:29.5</t>
  </si>
  <si>
    <t>06/14/14 12:40:47.0</t>
  </si>
  <si>
    <t>06/14/14 12:42:49.5</t>
  </si>
  <si>
    <t>06/14/14 12:42:57.5</t>
  </si>
  <si>
    <t>06/14/14 12:45:09.5</t>
  </si>
  <si>
    <t>06/14/14 12:45:18.0</t>
  </si>
  <si>
    <t>06/14/14 12:46:49.0</t>
  </si>
  <si>
    <t>06/14/14 12:46:56.5</t>
  </si>
  <si>
    <t>06/14/14 12:49:38.0</t>
  </si>
  <si>
    <t>06/14/14 12:49:56.0</t>
  </si>
  <si>
    <t>06/14/14 12:50:53.5</t>
  </si>
  <si>
    <t>06/14/14 12:51:00.0</t>
  </si>
  <si>
    <t>06/14/14 12:52:30.5</t>
  </si>
  <si>
    <t>06/14/14 12:52:36.5</t>
  </si>
  <si>
    <t>06/14/14 12:55:10.0</t>
  </si>
  <si>
    <t>06/14/14 12:55:44.5</t>
  </si>
  <si>
    <t>06/14/14 13:00:18.0</t>
  </si>
  <si>
    <t>06/14/14 13:00:22.0</t>
  </si>
  <si>
    <t>06/14/14 13:01:49.0</t>
  </si>
  <si>
    <t>06/14/14 13:02:12.5</t>
  </si>
  <si>
    <t>06/14/14 13:04:55.5</t>
  </si>
  <si>
    <t>06/14/14 13:05:02.0</t>
  </si>
  <si>
    <t>06/14/14 13:07:21.0</t>
  </si>
  <si>
    <t>06/14/14 13:07:34.5</t>
  </si>
  <si>
    <t>06/14/14 13:08:49.0</t>
  </si>
  <si>
    <t>06/14/14 13:08:56.5</t>
  </si>
  <si>
    <t>06/14/14 13:10:14.5</t>
  </si>
  <si>
    <t>06/14/14 13:10:28.0</t>
  </si>
  <si>
    <t>06/14/14 13:12:38.0</t>
  </si>
  <si>
    <t>06/14/14 13:12:48.0</t>
  </si>
  <si>
    <t>06/14/14 13:15:19.0</t>
  </si>
  <si>
    <t>06/14/14 13:15:44.5</t>
  </si>
  <si>
    <t>06/14/14 13:17:08.0</t>
  </si>
  <si>
    <t>06/14/14 13:17:15.5</t>
  </si>
  <si>
    <t>06/14/14 13:19:17.0</t>
  </si>
  <si>
    <t>06/14/14 13:19:22.5</t>
  </si>
  <si>
    <t>06/14/14 13:21:10.0</t>
  </si>
  <si>
    <t>06/14/14 13:21:36.0</t>
  </si>
  <si>
    <t>06/14/14 13:25:19.5</t>
  </si>
  <si>
    <t>06/14/14 13:25:27.0</t>
  </si>
  <si>
    <t>06/14/14 13:27:44.5</t>
  </si>
  <si>
    <t>06/14/14 13:27:56.0</t>
  </si>
  <si>
    <t>06/14/14 13:29:42.5</t>
  </si>
  <si>
    <t>06/14/14 13:29:50.0</t>
  </si>
  <si>
    <t>06/14/14 13:30:53.0</t>
  </si>
  <si>
    <t>06/14/14 13:31:05.0</t>
  </si>
  <si>
    <t>06/14/14 13:33:06.5</t>
  </si>
  <si>
    <t>06/14/14 13:33:21.0</t>
  </si>
  <si>
    <t>06/14/14 13:35:28.5</t>
  </si>
  <si>
    <t>06/14/14 13:35:38.5</t>
  </si>
  <si>
    <t>06/14/14 13:37:59.0</t>
  </si>
  <si>
    <t>06/14/14 13:38:19.0</t>
  </si>
  <si>
    <t>06/14/14 13:40:39.0</t>
  </si>
  <si>
    <t>06/14/14 13:40:53.5</t>
  </si>
  <si>
    <t>06/14/14 13:45:13.5</t>
  </si>
  <si>
    <t>06/14/14 13:45:58.5</t>
  </si>
  <si>
    <t>06/14/14 13:49:46.0</t>
  </si>
  <si>
    <t>06/14/14 13:50:04.0</t>
  </si>
  <si>
    <t>06/14/14 13:52:28.0</t>
  </si>
  <si>
    <t>06/14/14 13:52:44.0</t>
  </si>
  <si>
    <t>06/14/14 13:55:05.0</t>
  </si>
  <si>
    <t>06/14/14 13:55:13.5</t>
  </si>
  <si>
    <t>06/14/14 13:57:15.5</t>
  </si>
  <si>
    <t>06/14/14 13:57:21.5</t>
  </si>
  <si>
    <t>06/14/14 13:58:29.0</t>
  </si>
  <si>
    <t>06/14/14 13:58:38.5</t>
  </si>
  <si>
    <t>06/14/14 14:01:13.0</t>
  </si>
  <si>
    <t>06/14/14 14:01:24.5</t>
  </si>
  <si>
    <t>06/14/14 14:04:06.5</t>
  </si>
  <si>
    <t>06/14/14 14:04:15.5</t>
  </si>
  <si>
    <t>06/14/14 14:06:53.5</t>
  </si>
  <si>
    <t>06/14/14 14:07:04.5</t>
  </si>
  <si>
    <t>06/14/14 14:07:44.5</t>
  </si>
  <si>
    <t>06/14/14 14:07:51.0</t>
  </si>
  <si>
    <t>06/14/14 14:09:14.5</t>
  </si>
  <si>
    <t>06/14/14 14:09:21.0</t>
  </si>
  <si>
    <t>06/14/14 14:10:57.0</t>
  </si>
  <si>
    <t>06/14/14 14:11:11.0</t>
  </si>
  <si>
    <t>06/14/14 14:13:23.5</t>
  </si>
  <si>
    <t>06/14/14 14:13:35.5</t>
  </si>
  <si>
    <t>06/14/14 14:15:12.0</t>
  </si>
  <si>
    <t>06/14/14 14:15:20.5</t>
  </si>
  <si>
    <t>06/14/14 14:16:56.5</t>
  </si>
  <si>
    <t>06/14/14 14:17:14.0</t>
  </si>
  <si>
    <t>06/14/14 14:18:29.5</t>
  </si>
  <si>
    <t>06/14/14 14:18:35.0</t>
  </si>
  <si>
    <t>06/14/14 14:20:30.0</t>
  </si>
  <si>
    <t>06/14/14 14:20:41.0</t>
  </si>
  <si>
    <t>06/14/14 14:22:50.0</t>
  </si>
  <si>
    <t>06/14/14 14:22:57.5</t>
  </si>
  <si>
    <t>06/14/14 14:24:02.0</t>
  </si>
  <si>
    <t>06/14/14 14:24:26.5</t>
  </si>
  <si>
    <t>06/14/14 14:29:12.0</t>
  </si>
  <si>
    <t>06/14/14 14:29:24.5</t>
  </si>
  <si>
    <t>06/14/14 14:30:30.5</t>
  </si>
  <si>
    <t>06/14/14 14:30:40.5</t>
  </si>
  <si>
    <t>06/14/14 14:33:24.5</t>
  </si>
  <si>
    <t>06/14/14 14:34:06.0</t>
  </si>
  <si>
    <t>06/14/14 14:37:54.0</t>
  </si>
  <si>
    <t>06/14/14 14:38:27.5</t>
  </si>
  <si>
    <t>06/14/14 14:43:14.0</t>
  </si>
  <si>
    <t>06/14/14 14:43:24.0</t>
  </si>
  <si>
    <t>06/14/14 14:47:45.5</t>
  </si>
  <si>
    <t>06/14/14 14:48:05.5</t>
  </si>
  <si>
    <t>06/14/14 14:50:41.0</t>
  </si>
  <si>
    <t>06/14/14 14:50:45.0</t>
  </si>
  <si>
    <t>06/14/14 14:51:37.5</t>
  </si>
  <si>
    <t>06/14/14 14:51:42.5</t>
  </si>
  <si>
    <t>06/14/14 14:53:16.5</t>
  </si>
  <si>
    <t>06/14/14 14:53:29.5</t>
  </si>
  <si>
    <t>06/14/14 14:54:20.5</t>
  </si>
  <si>
    <t>06/14/14 14:54:30.0</t>
  </si>
  <si>
    <t>06/14/14 14:56:27.5</t>
  </si>
  <si>
    <t>06/14/14 14:56:38.0</t>
  </si>
  <si>
    <t>06/14/14 15:01:34.0</t>
  </si>
  <si>
    <t>06/14/14 15:01:53.5</t>
  </si>
  <si>
    <t>06/14/14 15:07:36.0</t>
  </si>
  <si>
    <t>06/14/14 15:07:53.5</t>
  </si>
  <si>
    <t>06/14/14 15:09:40.5</t>
  </si>
  <si>
    <t>06/14/14 15:09:50.5</t>
  </si>
  <si>
    <t>06/14/14 15:14:00.0</t>
  </si>
  <si>
    <t>06/14/14 15:14:21.5</t>
  </si>
  <si>
    <t>06/14/14 15:18:01.5</t>
  </si>
  <si>
    <t>06/14/14 15:18:24.0</t>
  </si>
  <si>
    <t>06/14/14 15:30:05.5</t>
  </si>
  <si>
    <t>06/14/14 15:30:26.5</t>
  </si>
  <si>
    <t>06/14/14 15:33:48.5</t>
  </si>
  <si>
    <t>06/14/14 15:34:50.0</t>
  </si>
  <si>
    <t>06/14/14 15:38:00.0</t>
  </si>
  <si>
    <t>06/14/14 15:39:12.0</t>
  </si>
  <si>
    <t>06/14/14 15:42:00.5</t>
  </si>
  <si>
    <t>06/14/14 15:42:23.0</t>
  </si>
  <si>
    <t>06/14/14 15:45:47.0</t>
  </si>
  <si>
    <t>06/14/14 15:46:16.0</t>
  </si>
  <si>
    <t>06/14/14 15:47:34.5</t>
  </si>
  <si>
    <t>06/14/14 15:48:03.0</t>
  </si>
  <si>
    <t>06/14/14 15:51:46.5</t>
  </si>
  <si>
    <t>06/14/14 15:51:59.5</t>
  </si>
  <si>
    <t>06/14/14 15:55:09.0</t>
  </si>
  <si>
    <t>06/14/14 15:56:37.5</t>
  </si>
  <si>
    <t>06/14/14 16:00:14.0</t>
  </si>
  <si>
    <t>06/14/14 16:00:35.5</t>
  </si>
  <si>
    <t>06/14/14 16:02:10.0</t>
  </si>
  <si>
    <t>06/14/14 16:04:24.0</t>
  </si>
  <si>
    <t>06/14/14 16:06:23.5</t>
  </si>
  <si>
    <t>06/14/14 16:08:08.5</t>
  </si>
  <si>
    <t>06/14/14 16:10:33.0</t>
  </si>
  <si>
    <t>06/14/14 16:10:46.0</t>
  </si>
  <si>
    <t>06/14/14 16:16:03.0</t>
  </si>
  <si>
    <t>06/14/14 16:16:42.5</t>
  </si>
  <si>
    <t>06/14/14 16:21:42.0</t>
  </si>
  <si>
    <t>06/14/14 16:21:59.0</t>
  </si>
  <si>
    <t>06/14/14 16:24:40.5</t>
  </si>
  <si>
    <t>06/14/14 16:24:49.0</t>
  </si>
  <si>
    <t>06/14/14 16:27:20.5</t>
  </si>
  <si>
    <t>06/14/14 16:27:33.0</t>
  </si>
  <si>
    <t>06/14/14 16:31:56.0</t>
  </si>
  <si>
    <t>06/14/14 16:32:13.5</t>
  </si>
  <si>
    <t>06/14/14 16:34:42.0</t>
  </si>
  <si>
    <t>06/14/14 16:34:51.0</t>
  </si>
  <si>
    <t>06/14/14 16:40:38.5</t>
  </si>
  <si>
    <t>06/14/14 16:41:14.5</t>
  </si>
  <si>
    <t>06/14/14 16:43:30.5</t>
  </si>
  <si>
    <t>06/14/14 16:43:37.0</t>
  </si>
  <si>
    <t>06/14/14 16:46:07.5</t>
  </si>
  <si>
    <t>06/14/14 16:48:14.0</t>
  </si>
  <si>
    <t>06/14/14 16:49:09.0</t>
  </si>
  <si>
    <t>06/14/14 16:49:15.5</t>
  </si>
  <si>
    <t>06/14/14 16:51:06.0</t>
  </si>
  <si>
    <t>06/14/14 16:51:19.0</t>
  </si>
  <si>
    <t>06/14/14 16:52:41.0</t>
  </si>
  <si>
    <t>06/14/14 16:52:49.5</t>
  </si>
  <si>
    <t>06/14/14 16:54:16.5</t>
  </si>
  <si>
    <t>06/14/14 16:54:58.5</t>
  </si>
  <si>
    <t>06/14/14 16:57:03.5</t>
  </si>
  <si>
    <t>06/14/14 16:57:16.5</t>
  </si>
  <si>
    <t>06/14/14 16:59:46.0</t>
  </si>
  <si>
    <t>06/14/14 17:01:47.0</t>
  </si>
  <si>
    <t>06/14/14 17:07:32.0</t>
  </si>
  <si>
    <t>06/14/14 17:09:12.5</t>
  </si>
  <si>
    <t>06/14/14 17:13:30.5</t>
  </si>
  <si>
    <t>06/14/14 17:16:05.0</t>
  </si>
  <si>
    <t>06/14/14 17:18:08.0</t>
  </si>
  <si>
    <t>06/14/14 17:18:21.5</t>
  </si>
  <si>
    <t>06/14/14 17:20:19.0</t>
  </si>
  <si>
    <t>06/14/14 17:20:28.0</t>
  </si>
  <si>
    <t>06/14/14 17:21:41.5</t>
  </si>
  <si>
    <t>06/14/14 17:21:47.0</t>
  </si>
  <si>
    <t>06/14/14 17:23:49.0</t>
  </si>
  <si>
    <t>06/14/14 17:23:59.5</t>
  </si>
  <si>
    <t>06/14/14 17:25:19.0</t>
  </si>
  <si>
    <t>06/14/14 17:25:50.0</t>
  </si>
  <si>
    <t>06/14/14 17:28:53.0</t>
  </si>
  <si>
    <t>06/14/14 17:29:04.0</t>
  </si>
  <si>
    <t>06/14/14 17:32:24.0</t>
  </si>
  <si>
    <t>06/14/14 17:33:25.5</t>
  </si>
  <si>
    <t>06/14/14 17:38:31.0</t>
  </si>
  <si>
    <t>06/14/14 17:38:37.5</t>
  </si>
  <si>
    <t>06/14/14 17:40:22.0</t>
  </si>
  <si>
    <t>06/14/14 17:40:26.5</t>
  </si>
  <si>
    <t>06/14/14 17:41:36.5</t>
  </si>
  <si>
    <t>06/14/14 17:41:49.0</t>
  </si>
  <si>
    <t>06/14/14 17:46:25.5</t>
  </si>
  <si>
    <t>06/14/14 17:46:34.5</t>
  </si>
  <si>
    <t>06/14/14 17:47:39.5</t>
  </si>
  <si>
    <t>06/14/14 17:48:39.0</t>
  </si>
  <si>
    <t>06/14/14 17:53:34.0</t>
  </si>
  <si>
    <t>06/14/14 17:56:17.0</t>
  </si>
  <si>
    <t>06/14/14 17:58:59.0</t>
  </si>
  <si>
    <t>06/14/14 18:00:14.5</t>
  </si>
  <si>
    <t>06/14/14 18:05:41.5</t>
  </si>
  <si>
    <t>06/14/14 18:06:21.5</t>
  </si>
  <si>
    <t>06/14/14 18:10:41.0</t>
  </si>
  <si>
    <t>06/14/14 18:10:51.0</t>
  </si>
  <si>
    <t>06/14/14 18:18:53.0</t>
  </si>
  <si>
    <t>06/14/14 18:19:14.5</t>
  </si>
  <si>
    <t>06/14/14 18:30:53.0</t>
  </si>
  <si>
    <t>06/14/14 18:31:02.0</t>
  </si>
  <si>
    <t>06/14/14 18:33:05.5</t>
  </si>
  <si>
    <t>06/14/14 18:33:11.0</t>
  </si>
  <si>
    <t>06/14/14 18:34:33.5</t>
  </si>
  <si>
    <t>06/14/14 18:35:12.5</t>
  </si>
  <si>
    <t>06/14/14 18:38:20.0</t>
  </si>
  <si>
    <t>06/14/14 18:38:49.5</t>
  </si>
  <si>
    <t>06/14/14 18:43:40.5</t>
  </si>
  <si>
    <t>06/14/14 18:44:01.5</t>
  </si>
  <si>
    <t>06/14/14 18:48:16.0</t>
  </si>
  <si>
    <t>06/14/14 18:48:25.0</t>
  </si>
  <si>
    <t>06/14/14 18:52:55.5</t>
  </si>
  <si>
    <t>06/14/14 18:57:17.0</t>
  </si>
  <si>
    <t>06/14/14 19:26:45.0</t>
  </si>
  <si>
    <t>06/14/14 19:26:52.5</t>
  </si>
  <si>
    <t>06/14/14 19:28:21.5</t>
  </si>
  <si>
    <t>06/14/14 19:28:32.0</t>
  </si>
  <si>
    <t>06/14/14 19:34:59.5</t>
  </si>
  <si>
    <t>06/14/14 19:35:13.0</t>
  </si>
  <si>
    <t>06/14/14 19:37:59.5</t>
  </si>
  <si>
    <t>06/14/14 19:38:11.0</t>
  </si>
  <si>
    <t>06/14/14 19:40:02.5</t>
  </si>
  <si>
    <t>06/14/14 19:41:21.0</t>
  </si>
  <si>
    <t>06/14/14 19:53:27.5</t>
  </si>
  <si>
    <t>06/14/14 19:53:49.0</t>
  </si>
  <si>
    <t>06/14/14 22:05:04.5</t>
  </si>
  <si>
    <t>06/14/14 22:05:22.5</t>
  </si>
  <si>
    <t>06/14/14 22:08:19.0</t>
  </si>
  <si>
    <t>06/14/14 22:08:35.0</t>
  </si>
  <si>
    <t>06/14/14 22:20:30.5</t>
  </si>
  <si>
    <t>06/14/14 22:20:40.0</t>
  </si>
  <si>
    <t>06/14/14 22:24:18.5</t>
  </si>
  <si>
    <t>06/14/14 22:28:15.5</t>
  </si>
  <si>
    <t>06/14/14 22:37:03.5</t>
  </si>
  <si>
    <t>06/14/14 22:37:11.5</t>
  </si>
  <si>
    <t>06/14/14 22:39:17.5</t>
  </si>
  <si>
    <t>06/14/14 22:39:33.0</t>
  </si>
  <si>
    <t>06/14/14 22:42:21.0</t>
  </si>
  <si>
    <t>06/14/14 22:42:28.0</t>
  </si>
  <si>
    <t>06/14/14 22:43:11.0</t>
  </si>
  <si>
    <t>06/14/14 22:43:17.0</t>
  </si>
  <si>
    <t>06/14/14 22:44:03.5</t>
  </si>
  <si>
    <t>06/14/14 22:44:09.5</t>
  </si>
  <si>
    <t>06/14/14 22:45:01.5</t>
  </si>
  <si>
    <t>06/14/14 22:45:07.0</t>
  </si>
  <si>
    <t>06/14/14 22:47:05.0</t>
  </si>
  <si>
    <t>06/14/14 22:47:25.5</t>
  </si>
  <si>
    <t>06/14/14 22:48:44.0</t>
  </si>
  <si>
    <t>06/14/14 22:48:51.0</t>
  </si>
  <si>
    <t>06/14/14 22:49:55.0</t>
  </si>
  <si>
    <t>06/14/14 22:50:07.0</t>
  </si>
  <si>
    <t>06/14/14 22:51:00.0</t>
  </si>
  <si>
    <t>06/14/14 22:51:09.5</t>
  </si>
  <si>
    <t>06/14/14 22:52:34.5</t>
  </si>
  <si>
    <t>06/14/14 22:52:54.0</t>
  </si>
  <si>
    <t>06/14/14 22:54:59.5</t>
  </si>
  <si>
    <t>06/14/14 22:55:12.0</t>
  </si>
  <si>
    <t>06/14/14 22:56:41.5</t>
  </si>
  <si>
    <t>06/14/14 22:56:57.5</t>
  </si>
  <si>
    <t>06/14/14 22:58:43.5</t>
  </si>
  <si>
    <t>06/14/14 22:58:58.0</t>
  </si>
  <si>
    <t>06/14/14 23:00:17.0</t>
  </si>
  <si>
    <t>06/14/14 23:00:24.5</t>
  </si>
  <si>
    <t>06/14/14 23:02:03.0</t>
  </si>
  <si>
    <t>06/14/14 23:02:18.0</t>
  </si>
  <si>
    <t>06/14/14 23:03:54.0</t>
  </si>
  <si>
    <t>06/14/14 23:04:03.5</t>
  </si>
  <si>
    <t>06/14/14 23:06:28.0</t>
  </si>
  <si>
    <t>06/14/14 23:06:40.5</t>
  </si>
  <si>
    <t>06/14/14 23:08:10.5</t>
  </si>
  <si>
    <t>06/14/14 23:08:17.5</t>
  </si>
  <si>
    <t>06/14/14 23:10:12.0</t>
  </si>
  <si>
    <t>06/14/14 23:10:28.0</t>
  </si>
  <si>
    <t>06/14/14 23:12:33.5</t>
  </si>
  <si>
    <t>06/14/14 23:13:05.0</t>
  </si>
  <si>
    <t>06/14/14 23:19:40.0</t>
  </si>
  <si>
    <t>06/14/14 23:20:04.0</t>
  </si>
  <si>
    <t>06/14/14 23:21:50.5</t>
  </si>
  <si>
    <t>06/14/14 23:22:04.0</t>
  </si>
  <si>
    <t>06/14/14 23:24:50.5</t>
  </si>
  <si>
    <t>06/14/14 23:25:12.0</t>
  </si>
  <si>
    <t>06/14/14 23:34:45.5</t>
  </si>
  <si>
    <t>06/14/14 23:35:00.0</t>
  </si>
  <si>
    <t>06/14/14 23:44:07.0</t>
  </si>
  <si>
    <t>06/14/14 23:44:21.0</t>
  </si>
  <si>
    <t>06/14/14 23:48:06.5</t>
  </si>
  <si>
    <t>06/14/14 23:48:17.5</t>
  </si>
  <si>
    <t>06/14/14 23:49:38.0</t>
  </si>
  <si>
    <t>06/14/14 23:49:55.0</t>
  </si>
  <si>
    <t>06/14/14 23:53:00.5</t>
  </si>
  <si>
    <t>06/14/14 23:53:16.5</t>
  </si>
  <si>
    <t>06/14/14 23:54:51.5</t>
  </si>
  <si>
    <t>06/14/14 23:55:00.0</t>
  </si>
  <si>
    <t>06/14/14 23:56:09.5</t>
  </si>
  <si>
    <t>06/14/14 23:56:17.5</t>
  </si>
  <si>
    <t>06/15/14 00:01:16.5</t>
  </si>
  <si>
    <t>06/15/14 00:01:26.0</t>
  </si>
  <si>
    <t>06/15/14 00:03:13.0</t>
  </si>
  <si>
    <t>06/15/14 00:05:02.0</t>
  </si>
  <si>
    <t>06/15/14 00:08:16.0</t>
  </si>
  <si>
    <t>06/15/14 00:08:35.0</t>
  </si>
  <si>
    <t>06/15/14 00:11:58.0</t>
  </si>
  <si>
    <t>06/15/14 00:12:49.0</t>
  </si>
  <si>
    <t>06/15/14 00:16:12.0</t>
  </si>
  <si>
    <t>06/15/14 00:16:32.5</t>
  </si>
  <si>
    <t>06/15/14 00:21:11.0</t>
  </si>
  <si>
    <t>06/15/14 00:21:22.0</t>
  </si>
  <si>
    <t>06/15/14 00:22:22.5</t>
  </si>
  <si>
    <t>06/15/14 00:22:33.5</t>
  </si>
  <si>
    <t>06/15/14 00:23:53.0</t>
  </si>
  <si>
    <t>06/15/14 00:23:59.0</t>
  </si>
  <si>
    <t>06/15/14 00:25:47.5</t>
  </si>
  <si>
    <t>06/15/14 00:25:55.5</t>
  </si>
  <si>
    <t>06/15/14 00:27:16.5</t>
  </si>
  <si>
    <t>06/15/14 00:27:24.0</t>
  </si>
  <si>
    <t>06/15/14 00:29:05.0</t>
  </si>
  <si>
    <t>06/15/14 00:29:19.0</t>
  </si>
  <si>
    <t>06/15/14 00:31:22.0</t>
  </si>
  <si>
    <t>06/15/14 00:31:35.5</t>
  </si>
  <si>
    <t>06/15/14 00:34:04.0</t>
  </si>
  <si>
    <t>06/15/14 00:34:21.0</t>
  </si>
  <si>
    <t>06/15/14 00:37:46.5</t>
  </si>
  <si>
    <t>06/15/14 00:38:00.5</t>
  </si>
  <si>
    <t>06/15/14 00:42:02.0</t>
  </si>
  <si>
    <t>06/15/14 00:42:22.0</t>
  </si>
  <si>
    <t>06/15/14 00:44:55.5</t>
  </si>
  <si>
    <t>06/15/14 00:45:14.0</t>
  </si>
  <si>
    <t>06/15/14 01:00:19.0</t>
  </si>
  <si>
    <t>06/15/14 01:00:37.5</t>
  </si>
  <si>
    <t>06/15/14 01:21:27.5</t>
  </si>
  <si>
    <t>06/15/14 01:21:40.5</t>
  </si>
  <si>
    <t>06/15/14 01:29:37.5</t>
  </si>
  <si>
    <t>06/15/14 01:29:52.5</t>
  </si>
  <si>
    <t>06/15/14 01:37:00.5</t>
  </si>
  <si>
    <t>06/15/14 01:37:13.5</t>
  </si>
  <si>
    <t>06/15/14 01:43:13.0</t>
  </si>
  <si>
    <t>06/15/14 01:43:21.5</t>
  </si>
  <si>
    <t>06/15/14 01:46:51.0</t>
  </si>
  <si>
    <t>06/15/14 01:47:01.5</t>
  </si>
  <si>
    <t>06/15/14 01:51:31.0</t>
  </si>
  <si>
    <t>06/15/14 01:52:33.5</t>
  </si>
  <si>
    <t>06/15/14 02:03:01.5</t>
  </si>
  <si>
    <t>06/15/14 02:04:57.0</t>
  </si>
  <si>
    <t>06/15/14 02:22:50.0</t>
  </si>
  <si>
    <t>06/15/14 02:23:00.5</t>
  </si>
  <si>
    <t>06/15/14 02:26:02.0</t>
  </si>
  <si>
    <t>06/15/14 02:26:22.0</t>
  </si>
  <si>
    <t>06/15/14 02:31:37.0</t>
  </si>
  <si>
    <t>06/15/14 02:32:00.5</t>
  </si>
  <si>
    <t>06/15/14 02:40:21.5</t>
  </si>
  <si>
    <t>06/15/14 02:40:36.5</t>
  </si>
  <si>
    <t>06/15/14 02:43:16.0</t>
  </si>
  <si>
    <t>06/15/14 02:43:42.5</t>
  </si>
  <si>
    <t>06/15/14 03:50:59.5</t>
  </si>
  <si>
    <t>06/15/14 04:07:39.5</t>
  </si>
  <si>
    <t>06/15/14 04:56:34.0</t>
  </si>
  <si>
    <t>06/15/14 04:57:20.5</t>
  </si>
  <si>
    <t>06/15/14 05:17:22.0</t>
  </si>
  <si>
    <t>06/15/14 05:17:49.0</t>
  </si>
  <si>
    <t>06/15/14 05:49:08.5</t>
  </si>
  <si>
    <t>06/15/14 05:50:06.5</t>
  </si>
  <si>
    <t>06/15/14 07:02:16.0</t>
  </si>
  <si>
    <t>06/15/14 07:02:42.0</t>
  </si>
  <si>
    <t>06/15/14 07:27:32.0</t>
  </si>
  <si>
    <t>06/15/14 07:27:52.0</t>
  </si>
  <si>
    <t>06/15/14 07:38:09.0</t>
  </si>
  <si>
    <t>06/15/14 07:38:19.0</t>
  </si>
  <si>
    <t>06/15/14 07:45:16.0</t>
  </si>
  <si>
    <t>06/15/14 07:47:37.5</t>
  </si>
  <si>
    <t>06/15/14 08:09:13.0</t>
  </si>
  <si>
    <t>06/15/14 08:10:00.5</t>
  </si>
  <si>
    <t>06/15/14 08:14:35.5</t>
  </si>
  <si>
    <t>06/15/14 08:14:44.5</t>
  </si>
  <si>
    <t>06/15/14 08:19:33.0</t>
  </si>
  <si>
    <t>06/15/14 08:19:51.0</t>
  </si>
  <si>
    <t>06/15/14 08:28:47.0</t>
  </si>
  <si>
    <t>06/15/14 08:28:59.5</t>
  </si>
  <si>
    <t>06/15/14 08:30:25.5</t>
  </si>
  <si>
    <t>06/15/14 08:30:57.0</t>
  </si>
  <si>
    <t>06/15/14 08:33:36.5</t>
  </si>
  <si>
    <t>06/15/14 08:33:44.0</t>
  </si>
  <si>
    <t>06/15/14 08:35:48.0</t>
  </si>
  <si>
    <t>06/15/14 08:36:06.5</t>
  </si>
  <si>
    <t>06/15/14 08:39:03.5</t>
  </si>
  <si>
    <t>06/15/14 08:39:20.0</t>
  </si>
  <si>
    <t>06/15/14 08:42:51.0</t>
  </si>
  <si>
    <t>06/15/14 08:43:08.5</t>
  </si>
  <si>
    <t>06/15/14 08:44:58.0</t>
  </si>
  <si>
    <t>06/15/14 08:46:49.0</t>
  </si>
  <si>
    <t>06/15/14 08:50:11.0</t>
  </si>
  <si>
    <t>06/15/14 08:50:35.5</t>
  </si>
  <si>
    <t>06/15/14 08:54:37.0</t>
  </si>
  <si>
    <t>06/15/14 08:54:46.0</t>
  </si>
  <si>
    <t>06/15/14 08:57:49.0</t>
  </si>
  <si>
    <t>06/15/14 08:57:58.5</t>
  </si>
  <si>
    <t>06/15/14 08:59:35.0</t>
  </si>
  <si>
    <t>06/15/14 08:59:48.0</t>
  </si>
  <si>
    <t>06/15/14 09:02:48.5</t>
  </si>
  <si>
    <t>06/15/14 09:02:54.0</t>
  </si>
  <si>
    <t>06/15/14 09:05:16.5</t>
  </si>
  <si>
    <t>06/15/14 09:05:26.5</t>
  </si>
  <si>
    <t>06/15/14 09:06:55.0</t>
  </si>
  <si>
    <t>06/15/14 09:07:03.0</t>
  </si>
  <si>
    <t>06/15/14 09:08:37.0</t>
  </si>
  <si>
    <t>06/15/14 09:08:45.5</t>
  </si>
  <si>
    <t>06/15/14 09:10:20.5</t>
  </si>
  <si>
    <t>06/15/14 09:10:31.5</t>
  </si>
  <si>
    <t>06/15/14 09:15:12.0</t>
  </si>
  <si>
    <t>06/15/14 09:15:19.0</t>
  </si>
  <si>
    <t>06/15/14 09:17:09.5</t>
  </si>
  <si>
    <t>06/15/14 09:17:23.0</t>
  </si>
  <si>
    <t>06/15/14 09:18:52.5</t>
  </si>
  <si>
    <t>06/15/14 09:19:07.5</t>
  </si>
  <si>
    <t>06/15/14 09:22:04.0</t>
  </si>
  <si>
    <t>06/15/14 09:22:17.0</t>
  </si>
  <si>
    <t>06/15/14 09:23:14.0</t>
  </si>
  <si>
    <t>06/15/14 09:23:19.5</t>
  </si>
  <si>
    <t>06/15/14 09:24:01.5</t>
  </si>
  <si>
    <t>06/15/14 09:24:08.0</t>
  </si>
  <si>
    <t>06/15/14 09:25:26.5</t>
  </si>
  <si>
    <t>06/15/14 09:25:33.0</t>
  </si>
  <si>
    <t>06/15/14 09:26:35.5</t>
  </si>
  <si>
    <t>06/15/14 09:26:46.5</t>
  </si>
  <si>
    <t>06/15/14 09:28:29.0</t>
  </si>
  <si>
    <t>06/15/14 09:28:36.0</t>
  </si>
  <si>
    <t>06/15/14 09:31:53.5</t>
  </si>
  <si>
    <t>06/15/14 09:32:05.0</t>
  </si>
  <si>
    <t>06/15/14 09:33:30.5</t>
  </si>
  <si>
    <t>06/15/14 09:33:38.0</t>
  </si>
  <si>
    <t>06/15/14 09:35:45.5</t>
  </si>
  <si>
    <t>06/15/14 09:36:03.0</t>
  </si>
  <si>
    <t>06/15/14 09:38:54.0</t>
  </si>
  <si>
    <t>06/15/14 09:39:23.5</t>
  </si>
  <si>
    <t>06/15/14 09:40:50.5</t>
  </si>
  <si>
    <t>06/15/14 09:41:01.5</t>
  </si>
  <si>
    <t>06/15/14 09:43:11.0</t>
  </si>
  <si>
    <t>06/15/14 09:43:21.5</t>
  </si>
  <si>
    <t>06/15/14 09:45:08.5</t>
  </si>
  <si>
    <t>06/15/14 09:45:20.5</t>
  </si>
  <si>
    <t>06/15/14 09:47:05.5</t>
  </si>
  <si>
    <t>06/15/14 09:47:17.5</t>
  </si>
  <si>
    <t>06/15/14 09:48:28.5</t>
  </si>
  <si>
    <t>06/15/14 09:48:37.0</t>
  </si>
  <si>
    <t>06/15/14 09:49:44.5</t>
  </si>
  <si>
    <t>06/15/14 09:49:51.5</t>
  </si>
  <si>
    <t>06/15/14 09:52:09.0</t>
  </si>
  <si>
    <t>06/15/14 09:52:13.5</t>
  </si>
  <si>
    <t>06/15/14 09:52:59.0</t>
  </si>
  <si>
    <t>06/15/14 09:53:05.5</t>
  </si>
  <si>
    <t>06/15/14 09:54:44.5</t>
  </si>
  <si>
    <t>06/15/14 09:54:52.0</t>
  </si>
  <si>
    <t>06/15/14 09:55:58.5</t>
  </si>
  <si>
    <t>06/15/14 09:56:06.0</t>
  </si>
  <si>
    <t>06/15/14 09:57:29.0</t>
  </si>
  <si>
    <t>06/15/14 09:57:41.0</t>
  </si>
  <si>
    <t>06/15/14 09:59:21.0</t>
  </si>
  <si>
    <t>06/15/14 09:59:36.0</t>
  </si>
  <si>
    <t>06/15/14 10:02:26.0</t>
  </si>
  <si>
    <t>06/15/14 10:02:40.0</t>
  </si>
  <si>
    <t>06/15/14 10:04:03.5</t>
  </si>
  <si>
    <t>06/15/14 10:04:11.5</t>
  </si>
  <si>
    <t>06/15/14 10:05:34.0</t>
  </si>
  <si>
    <t>06/15/14 10:05:45.5</t>
  </si>
  <si>
    <t>06/15/14 10:07:21.5</t>
  </si>
  <si>
    <t>06/15/14 10:07:29.0</t>
  </si>
  <si>
    <t>06/15/14 10:08:51.0</t>
  </si>
  <si>
    <t>06/15/14 10:09:08.0</t>
  </si>
  <si>
    <t>06/15/14 10:11:09.0</t>
  </si>
  <si>
    <t>06/15/14 10:11:16.0</t>
  </si>
  <si>
    <t>06/15/14 10:12:38.0</t>
  </si>
  <si>
    <t>06/15/14 10:13:01.0</t>
  </si>
  <si>
    <t>06/15/14 10:14:39.5</t>
  </si>
  <si>
    <t>06/15/14 10:14:47.5</t>
  </si>
  <si>
    <t>06/15/14 10:16:31.0</t>
  </si>
  <si>
    <t>06/15/14 10:17:11.5</t>
  </si>
  <si>
    <t>06/15/14 10:19:41.0</t>
  </si>
  <si>
    <t>06/15/14 10:19:54.0</t>
  </si>
  <si>
    <t>06/15/14 10:21:55.0</t>
  </si>
  <si>
    <t>06/15/14 10:22:01.0</t>
  </si>
  <si>
    <t>06/15/14 10:23:19.5</t>
  </si>
  <si>
    <t>06/15/14 10:23:33.5</t>
  </si>
  <si>
    <t>06/15/14 10:25:08.0</t>
  </si>
  <si>
    <t>06/15/14 10:25:26.0</t>
  </si>
  <si>
    <t>06/15/14 10:27:03.0</t>
  </si>
  <si>
    <t>06/15/14 10:27:08.0</t>
  </si>
  <si>
    <t>06/15/14 10:28:25.0</t>
  </si>
  <si>
    <t>06/15/14 10:28:31.0</t>
  </si>
  <si>
    <t>06/15/14 10:29:45.5</t>
  </si>
  <si>
    <t>06/15/14 10:29:53.5</t>
  </si>
  <si>
    <t>06/15/14 10:31:55.5</t>
  </si>
  <si>
    <t>06/15/14 10:32:03.0</t>
  </si>
  <si>
    <t>06/15/14 10:34:55.0</t>
  </si>
  <si>
    <t>06/15/14 10:35:07.0</t>
  </si>
  <si>
    <t>06/15/14 10:36:47.5</t>
  </si>
  <si>
    <t>06/15/14 10:37:02.5</t>
  </si>
  <si>
    <t>06/15/14 10:38:57.5</t>
  </si>
  <si>
    <t>06/15/14 10:39:03.0</t>
  </si>
  <si>
    <t>06/15/14 10:40:13.0</t>
  </si>
  <si>
    <t>06/15/14 10:40:26.0</t>
  </si>
  <si>
    <t>06/15/14 10:42:50.5</t>
  </si>
  <si>
    <t>06/15/14 10:42:57.5</t>
  </si>
  <si>
    <t>06/15/14 10:44:59.0</t>
  </si>
  <si>
    <t>06/15/14 10:45:06.5</t>
  </si>
  <si>
    <t>06/15/14 10:47:38.0</t>
  </si>
  <si>
    <t>06/15/14 10:48:17.5</t>
  </si>
  <si>
    <t>06/15/14 10:50:14.5</t>
  </si>
  <si>
    <t>06/15/14 10:50:25.5</t>
  </si>
  <si>
    <t>06/15/14 10:51:43.5</t>
  </si>
  <si>
    <t>06/15/14 10:51:54.0</t>
  </si>
  <si>
    <t>06/15/14 10:54:26.5</t>
  </si>
  <si>
    <t>06/15/14 10:54:36.5</t>
  </si>
  <si>
    <t>06/15/14 10:56:36.5</t>
  </si>
  <si>
    <t>06/15/14 10:56:55.5</t>
  </si>
  <si>
    <t>06/15/14 10:59:24.5</t>
  </si>
  <si>
    <t>06/15/14 10:59:36.0</t>
  </si>
  <si>
    <t>06/15/14 11:01:14.0</t>
  </si>
  <si>
    <t>06/15/14 11:01:22.0</t>
  </si>
  <si>
    <t>06/15/14 11:02:55.5</t>
  </si>
  <si>
    <t>06/15/14 11:03:15.0</t>
  </si>
  <si>
    <t>06/15/14 11:05:31.5</t>
  </si>
  <si>
    <t>06/15/14 11:05:39.0</t>
  </si>
  <si>
    <t>06/15/14 11:07:18.5</t>
  </si>
  <si>
    <t>06/15/14 11:07:29.0</t>
  </si>
  <si>
    <t>06/15/14 11:10:05.0</t>
  </si>
  <si>
    <t>06/15/14 11:10:19.0</t>
  </si>
  <si>
    <t>06/15/14 11:12:16.0</t>
  </si>
  <si>
    <t>06/15/14 11:12:29.0</t>
  </si>
  <si>
    <t>06/15/14 11:15:00.0</t>
  </si>
  <si>
    <t>06/15/14 11:15:29.0</t>
  </si>
  <si>
    <t>06/15/14 11:17:01.5</t>
  </si>
  <si>
    <t>06/15/14 11:17:21.5</t>
  </si>
  <si>
    <t>06/15/14 11:19:52.0</t>
  </si>
  <si>
    <t>06/15/14 11:20:02.0</t>
  </si>
  <si>
    <t>06/15/14 11:21:24.0</t>
  </si>
  <si>
    <t>06/15/14 11:21:34.5</t>
  </si>
  <si>
    <t>06/15/14 11:23:45.0</t>
  </si>
  <si>
    <t>06/15/14 11:23:51.0</t>
  </si>
  <si>
    <t>06/15/14 11:25:09.0</t>
  </si>
  <si>
    <t>06/15/14 11:25:16.0</t>
  </si>
  <si>
    <t>06/15/14 11:26:31.0</t>
  </si>
  <si>
    <t>06/15/14 11:26:37.5</t>
  </si>
  <si>
    <t>06/15/14 11:28:27.5</t>
  </si>
  <si>
    <t>06/15/14 11:28:45.0</t>
  </si>
  <si>
    <t>06/15/14 11:30:20.5</t>
  </si>
  <si>
    <t>06/15/14 11:30:34.5</t>
  </si>
  <si>
    <t>06/15/14 11:32:11.5</t>
  </si>
  <si>
    <t>06/15/14 11:32:24.5</t>
  </si>
  <si>
    <t>06/15/14 11:34:52.0</t>
  </si>
  <si>
    <t>06/15/14 11:35:07.5</t>
  </si>
  <si>
    <t>06/15/14 11:37:01.5</t>
  </si>
  <si>
    <t>06/15/14 11:37:14.5</t>
  </si>
  <si>
    <t>06/15/14 11:40:18.0</t>
  </si>
  <si>
    <t>06/15/14 11:40:30.5</t>
  </si>
  <si>
    <t>06/15/14 11:43:15.0</t>
  </si>
  <si>
    <t>06/15/14 11:43:19.5</t>
  </si>
  <si>
    <t>06/15/14 11:44:18.0</t>
  </si>
  <si>
    <t>06/15/14 11:44:26.0</t>
  </si>
  <si>
    <t>06/15/14 11:45:41.0</t>
  </si>
  <si>
    <t>06/15/14 11:45:47.5</t>
  </si>
  <si>
    <t>06/15/14 11:46:43.0</t>
  </si>
  <si>
    <t>06/15/14 11:46:56.0</t>
  </si>
  <si>
    <t>06/15/14 11:49:38.0</t>
  </si>
  <si>
    <t>06/15/14 11:49:54.5</t>
  </si>
  <si>
    <t>06/15/14 11:52:33.0</t>
  </si>
  <si>
    <t>06/15/14 11:52:40.5</t>
  </si>
  <si>
    <t>06/15/14 11:55:19.0</t>
  </si>
  <si>
    <t>06/15/14 11:55:34.0</t>
  </si>
  <si>
    <t>06/15/14 11:57:04.0</t>
  </si>
  <si>
    <t>06/15/14 11:57:12.5</t>
  </si>
  <si>
    <t>06/15/14 11:58:36.5</t>
  </si>
  <si>
    <t>06/15/14 11:58:44.5</t>
  </si>
  <si>
    <t>06/15/14 11:59:47.5</t>
  </si>
  <si>
    <t>06/15/14 11:59:54.0</t>
  </si>
  <si>
    <t>06/15/14 12:00:58.0</t>
  </si>
  <si>
    <t>06/15/14 12:01:03.0</t>
  </si>
  <si>
    <t>06/15/14 12:02:47.5</t>
  </si>
  <si>
    <t>06/15/14 12:02:53.5</t>
  </si>
  <si>
    <t>06/15/14 12:05:38.5</t>
  </si>
  <si>
    <t>06/15/14 12:05:49.0</t>
  </si>
  <si>
    <t>06/15/14 12:07:45.0</t>
  </si>
  <si>
    <t>06/15/14 12:07:57.5</t>
  </si>
  <si>
    <t>06/15/14 12:10:19.5</t>
  </si>
  <si>
    <t>06/15/14 12:10:56.0</t>
  </si>
  <si>
    <t>06/15/14 12:12:37.5</t>
  </si>
  <si>
    <t>06/15/14 12:12:44.5</t>
  </si>
  <si>
    <t>06/15/14 12:13:45.5</t>
  </si>
  <si>
    <t>06/15/14 12:13:53.5</t>
  </si>
  <si>
    <t>06/15/14 12:15:26.0</t>
  </si>
  <si>
    <t>06/15/14 12:15:39.5</t>
  </si>
  <si>
    <t>06/15/14 12:16:26.0</t>
  </si>
  <si>
    <t>06/15/14 12:16:33.0</t>
  </si>
  <si>
    <t>06/15/14 12:17:34.5</t>
  </si>
  <si>
    <t>06/15/14 12:17:42.0</t>
  </si>
  <si>
    <t>06/15/14 12:18:57.0</t>
  </si>
  <si>
    <t>06/15/14 12:19:05.5</t>
  </si>
  <si>
    <t>06/15/14 12:20:36.5</t>
  </si>
  <si>
    <t>06/15/14 12:20:43.5</t>
  </si>
  <si>
    <t>06/15/14 12:21:49.5</t>
  </si>
  <si>
    <t>06/15/14 12:21:56.5</t>
  </si>
  <si>
    <t>06/15/14 12:23:21.0</t>
  </si>
  <si>
    <t>06/15/14 12:23:32.5</t>
  </si>
  <si>
    <t>06/15/14 12:26:00.0</t>
  </si>
  <si>
    <t>06/15/14 12:26:14.5</t>
  </si>
  <si>
    <t>06/15/14 12:29:41.0</t>
  </si>
  <si>
    <t>06/15/14 12:30:00.5</t>
  </si>
  <si>
    <t>06/15/14 12:32:03.5</t>
  </si>
  <si>
    <t>06/15/14 12:32:14.0</t>
  </si>
  <si>
    <t>06/15/14 12:34:28.0</t>
  </si>
  <si>
    <t>06/15/14 12:34:40.0</t>
  </si>
  <si>
    <t>06/15/14 12:35:51.5</t>
  </si>
  <si>
    <t>06/15/14 12:35:56.5</t>
  </si>
  <si>
    <t>06/15/14 12:36:27.5</t>
  </si>
  <si>
    <t>06/15/14 12:36:33.0</t>
  </si>
  <si>
    <t>06/15/14 12:38:10.0</t>
  </si>
  <si>
    <t>06/15/14 12:38:30.0</t>
  </si>
  <si>
    <t>06/15/14 12:40:22.0</t>
  </si>
  <si>
    <t>06/15/14 12:40:30.0</t>
  </si>
  <si>
    <t>06/15/14 12:43:33.5</t>
  </si>
  <si>
    <t>06/15/14 12:43:38.0</t>
  </si>
  <si>
    <t>06/15/14 12:44:25.0</t>
  </si>
  <si>
    <t>06/15/14 12:44:29.5</t>
  </si>
  <si>
    <t>06/15/14 12:46:09.0</t>
  </si>
  <si>
    <t>06/15/14 12:46:18.0</t>
  </si>
  <si>
    <t>06/15/14 12:47:31.5</t>
  </si>
  <si>
    <t>06/15/14 12:47:39.0</t>
  </si>
  <si>
    <t>06/15/14 12:49:02.5</t>
  </si>
  <si>
    <t>06/15/14 12:49:15.0</t>
  </si>
  <si>
    <t>06/15/14 12:56:05.5</t>
  </si>
  <si>
    <t>06/15/14 12:56:35.0</t>
  </si>
  <si>
    <t>06/15/14 12:58:32.5</t>
  </si>
  <si>
    <t>06/15/14 12:58:37.0</t>
  </si>
  <si>
    <t>06/15/14 13:00:14.0</t>
  </si>
  <si>
    <t>06/15/14 13:00:24.0</t>
  </si>
  <si>
    <t>06/15/14 13:01:33.0</t>
  </si>
  <si>
    <t>06/15/14 13:01:38.0</t>
  </si>
  <si>
    <t>06/15/14 13:02:27.5</t>
  </si>
  <si>
    <t>06/15/14 13:02:34.0</t>
  </si>
  <si>
    <t>06/15/14 13:04:36.0</t>
  </si>
  <si>
    <t>06/15/14 13:04:50.5</t>
  </si>
  <si>
    <t>06/15/14 13:06:31.0</t>
  </si>
  <si>
    <t>06/15/14 13:06:38.0</t>
  </si>
  <si>
    <t>06/15/14 13:08:05.0</t>
  </si>
  <si>
    <t>06/15/14 13:08:10.5</t>
  </si>
  <si>
    <t>06/15/14 13:08:52.0</t>
  </si>
  <si>
    <t>06/15/14 13:08:59.0</t>
  </si>
  <si>
    <t>06/15/14 13:10:09.5</t>
  </si>
  <si>
    <t>06/15/14 13:10:18.5</t>
  </si>
  <si>
    <t>06/15/14 13:11:24.5</t>
  </si>
  <si>
    <t>06/15/14 13:11:35.0</t>
  </si>
  <si>
    <t>06/15/14 13:13:17.5</t>
  </si>
  <si>
    <t>06/15/14 13:13:25.5</t>
  </si>
  <si>
    <t>06/15/14 13:14:50.5</t>
  </si>
  <si>
    <t>06/15/14 13:15:00.0</t>
  </si>
  <si>
    <t>06/15/14 13:17:10.0</t>
  </si>
  <si>
    <t>06/15/14 13:17:45.5</t>
  </si>
  <si>
    <t>06/15/14 13:20:56.0</t>
  </si>
  <si>
    <t>06/15/14 13:21:08.0</t>
  </si>
  <si>
    <t>06/15/14 13:22:06.5</t>
  </si>
  <si>
    <t>06/15/14 13:22:12.0</t>
  </si>
  <si>
    <t>06/15/14 13:23:05.0</t>
  </si>
  <si>
    <t>06/15/14 13:23:15.5</t>
  </si>
  <si>
    <t>06/15/14 13:25:00.5</t>
  </si>
  <si>
    <t>06/15/14 13:25:07.5</t>
  </si>
  <si>
    <t>06/15/14 13:26:26.5</t>
  </si>
  <si>
    <t>06/15/14 13:26:34.5</t>
  </si>
  <si>
    <t>06/15/14 13:27:47.0</t>
  </si>
  <si>
    <t>06/15/14 13:27:53.0</t>
  </si>
  <si>
    <t>06/15/14 13:29:14.5</t>
  </si>
  <si>
    <t>06/15/14 13:29:32.5</t>
  </si>
  <si>
    <t>06/15/14 13:32:55.0</t>
  </si>
  <si>
    <t>06/15/14 13:32:59.5</t>
  </si>
  <si>
    <t>06/15/14 13:33:34.5</t>
  </si>
  <si>
    <t>06/15/14 13:33:38.0</t>
  </si>
  <si>
    <t>06/15/14 13:34:07.0</t>
  </si>
  <si>
    <t>06/15/14 13:34:11.5</t>
  </si>
  <si>
    <t>06/15/14 13:35:04.0</t>
  </si>
  <si>
    <t>06/15/14 13:35:10.0</t>
  </si>
  <si>
    <t>06/15/14 13:36:09.5</t>
  </si>
  <si>
    <t>06/15/14 13:36:14.0</t>
  </si>
  <si>
    <t>06/15/14 13:37:18.5</t>
  </si>
  <si>
    <t>06/15/14 13:37:22.5</t>
  </si>
  <si>
    <t>06/15/14 13:38:14.5</t>
  </si>
  <si>
    <t>06/15/14 13:38:21.5</t>
  </si>
  <si>
    <t>06/15/14 13:39:56.5</t>
  </si>
  <si>
    <t>06/15/14 13:40:16.5</t>
  </si>
  <si>
    <t>06/15/14 13:42:30.0</t>
  </si>
  <si>
    <t>06/15/14 13:42:35.5</t>
  </si>
  <si>
    <t>06/15/14 13:44:09.0</t>
  </si>
  <si>
    <t>06/15/14 13:44:14.0</t>
  </si>
  <si>
    <t>06/15/14 13:45:54.5</t>
  </si>
  <si>
    <t>06/15/14 13:46:05.0</t>
  </si>
  <si>
    <t>06/15/14 13:47:34.0</t>
  </si>
  <si>
    <t>06/15/14 13:47:37.5</t>
  </si>
  <si>
    <t>06/15/14 13:48:21.5</t>
  </si>
  <si>
    <t>06/15/14 13:48:29.0</t>
  </si>
  <si>
    <t>06/15/14 13:49:20.5</t>
  </si>
  <si>
    <t>06/15/14 13:49:26.5</t>
  </si>
  <si>
    <t>06/15/14 13:50:15.5</t>
  </si>
  <si>
    <t>06/15/14 13:50:21.0</t>
  </si>
  <si>
    <t>06/15/14 13:53:11.5</t>
  </si>
  <si>
    <t>06/15/14 13:53:24.5</t>
  </si>
  <si>
    <t>06/15/14 13:54:47.0</t>
  </si>
  <si>
    <t>06/15/14 13:55:04.5</t>
  </si>
  <si>
    <t>06/15/14 13:57:40.0</t>
  </si>
  <si>
    <t>06/15/14 13:57:59.0</t>
  </si>
  <si>
    <t>06/15/14 13:59:16.5</t>
  </si>
  <si>
    <t>06/15/14 13:59:27.5</t>
  </si>
  <si>
    <t>06/15/14 14:00:23.0</t>
  </si>
  <si>
    <t>06/15/14 14:00:30.0</t>
  </si>
  <si>
    <t>06/15/14 14:01:43.5</t>
  </si>
  <si>
    <t>06/15/14 14:01:50.0</t>
  </si>
  <si>
    <t>06/15/14 14:02:41.5</t>
  </si>
  <si>
    <t>06/15/14 14:02:50.0</t>
  </si>
  <si>
    <t>06/15/14 14:03:43.0</t>
  </si>
  <si>
    <t>06/15/14 14:03:47.0</t>
  </si>
  <si>
    <t>06/15/14 14:04:33.0</t>
  </si>
  <si>
    <t>06/15/14 14:04:41.0</t>
  </si>
  <si>
    <t>06/15/14 14:06:44.5</t>
  </si>
  <si>
    <t>06/15/14 14:06:57.0</t>
  </si>
  <si>
    <t>06/15/14 14:09:03.5</t>
  </si>
  <si>
    <t>06/15/14 14:09:17.0</t>
  </si>
  <si>
    <t>06/15/14 14:11:47.5</t>
  </si>
  <si>
    <t>06/15/14 14:12:02.0</t>
  </si>
  <si>
    <t>06/15/14 14:13:28.0</t>
  </si>
  <si>
    <t>06/15/14 14:14:06.5</t>
  </si>
  <si>
    <t>06/15/14 14:15:21.0</t>
  </si>
  <si>
    <t>06/15/14 14:15:29.5</t>
  </si>
  <si>
    <t>06/15/14 14:17:34.0</t>
  </si>
  <si>
    <t>06/15/14 14:17:55.5</t>
  </si>
  <si>
    <t>06/15/14 14:19:18.0</t>
  </si>
  <si>
    <t>06/15/14 14:19:26.0</t>
  </si>
  <si>
    <t>06/15/14 14:21:06.5</t>
  </si>
  <si>
    <t>06/15/14 14:21:19.5</t>
  </si>
  <si>
    <t>06/15/14 14:24:01.5</t>
  </si>
  <si>
    <t>06/15/14 14:24:12.5</t>
  </si>
  <si>
    <t>06/15/14 14:25:45.5</t>
  </si>
  <si>
    <t>06/15/14 14:25:53.5</t>
  </si>
  <si>
    <t>06/15/14 14:27:24.0</t>
  </si>
  <si>
    <t>06/15/14 14:27:31.5</t>
  </si>
  <si>
    <t>06/15/14 14:29:38.0</t>
  </si>
  <si>
    <t>06/15/14 14:29:50.0</t>
  </si>
  <si>
    <t>06/15/14 14:30:50.5</t>
  </si>
  <si>
    <t>06/15/14 14:30:55.5</t>
  </si>
  <si>
    <t>06/15/14 14:32:10.5</t>
  </si>
  <si>
    <t>06/15/14 14:32:23.0</t>
  </si>
  <si>
    <t>06/15/14 14:33:59.0</t>
  </si>
  <si>
    <t>06/15/14 14:34:10.5</t>
  </si>
  <si>
    <t>06/15/14 14:35:12.0</t>
  </si>
  <si>
    <t>06/15/14 14:35:33.0</t>
  </si>
  <si>
    <t>06/15/14 14:38:04.0</t>
  </si>
  <si>
    <t>06/15/14 14:38:11.5</t>
  </si>
  <si>
    <t>06/15/14 14:40:48.5</t>
  </si>
  <si>
    <t>06/15/14 14:41:08.0</t>
  </si>
  <si>
    <t>06/15/14 14:43:19.0</t>
  </si>
  <si>
    <t>06/15/14 14:43:25.0</t>
  </si>
  <si>
    <t>06/15/14 14:44:35.0</t>
  </si>
  <si>
    <t>06/15/14 14:44:45.0</t>
  </si>
  <si>
    <t>06/15/14 14:46:43.5</t>
  </si>
  <si>
    <t>06/15/14 14:46:50.0</t>
  </si>
  <si>
    <t>06/15/14 14:47:52.5</t>
  </si>
  <si>
    <t>06/15/14 14:47:57.0</t>
  </si>
  <si>
    <t>06/15/14 14:49:50.5</t>
  </si>
  <si>
    <t>06/15/14 14:50:12.0</t>
  </si>
  <si>
    <t>06/15/14 14:52:06.0</t>
  </si>
  <si>
    <t>06/15/14 14:52:39.5</t>
  </si>
  <si>
    <t>06/15/14 14:54:05.5</t>
  </si>
  <si>
    <t>06/15/14 14:54:11.0</t>
  </si>
  <si>
    <t>06/15/14 14:55:40.0</t>
  </si>
  <si>
    <t>06/15/14 14:55:50.5</t>
  </si>
  <si>
    <t>06/15/14 14:57:20.5</t>
  </si>
  <si>
    <t>06/15/14 14:57:31.5</t>
  </si>
  <si>
    <t>06/15/14 14:59:38.5</t>
  </si>
  <si>
    <t>06/15/14 14:59:45.0</t>
  </si>
  <si>
    <t>06/15/14 15:01:02.5</t>
  </si>
  <si>
    <t>06/15/14 15:01:09.5</t>
  </si>
  <si>
    <t>06/15/14 15:02:44.0</t>
  </si>
  <si>
    <t>06/15/14 15:02:59.0</t>
  </si>
  <si>
    <t>06/15/14 15:04:44.5</t>
  </si>
  <si>
    <t>06/15/14 15:04:54.0</t>
  </si>
  <si>
    <t>06/15/14 15:07:08.5</t>
  </si>
  <si>
    <t>06/15/14 15:07:15.0</t>
  </si>
  <si>
    <t>06/15/14 15:08:08.0</t>
  </si>
  <si>
    <t>06/15/14 15:08:17.5</t>
  </si>
  <si>
    <t>06/15/14 15:10:18.0</t>
  </si>
  <si>
    <t>06/15/14 15:10:23.5</t>
  </si>
  <si>
    <t>06/15/14 15:10:55.5</t>
  </si>
  <si>
    <t>06/15/14 15:11:01.5</t>
  </si>
  <si>
    <t>06/15/14 15:12:07.5</t>
  </si>
  <si>
    <t>06/15/14 15:12:18.0</t>
  </si>
  <si>
    <t>06/15/14 15:13:25.0</t>
  </si>
  <si>
    <t>06/15/14 15:13:31.5</t>
  </si>
  <si>
    <t>06/15/14 15:14:20.0</t>
  </si>
  <si>
    <t>06/15/14 15:14:27.0</t>
  </si>
  <si>
    <t>06/15/14 15:15:34.5</t>
  </si>
  <si>
    <t>06/15/14 15:15:56.5</t>
  </si>
  <si>
    <t>06/15/14 15:19:13.5</t>
  </si>
  <si>
    <t>06/15/14 15:19:24.0</t>
  </si>
  <si>
    <t>06/15/14 15:23:02.5</t>
  </si>
  <si>
    <t>06/15/14 15:23:09.5</t>
  </si>
  <si>
    <t>06/15/14 15:24:10.0</t>
  </si>
  <si>
    <t>06/15/14 15:24:16.5</t>
  </si>
  <si>
    <t>06/15/14 15:26:13.5</t>
  </si>
  <si>
    <t>06/15/14 15:26:21.0</t>
  </si>
  <si>
    <t>06/15/14 15:27:54.0</t>
  </si>
  <si>
    <t>06/15/14 15:28:14.5</t>
  </si>
  <si>
    <t>06/15/14 15:29:22.0</t>
  </si>
  <si>
    <t>06/15/14 15:29:32.5</t>
  </si>
  <si>
    <t>06/15/14 15:30:43.0</t>
  </si>
  <si>
    <t>06/15/14 15:30:48.0</t>
  </si>
  <si>
    <t>06/15/14 15:33:36.5</t>
  </si>
  <si>
    <t>06/15/14 15:33:48.5</t>
  </si>
  <si>
    <t>06/15/14 15:34:47.0</t>
  </si>
  <si>
    <t>06/15/14 15:34:53.0</t>
  </si>
  <si>
    <t>06/15/14 15:36:08.5</t>
  </si>
  <si>
    <t>06/15/14 15:36:16.0</t>
  </si>
  <si>
    <t>06/15/14 15:38:59.5</t>
  </si>
  <si>
    <t>06/15/14 15:39:09.0</t>
  </si>
  <si>
    <t>06/15/14 15:40:24.0</t>
  </si>
  <si>
    <t>06/15/14 15:40:29.0</t>
  </si>
  <si>
    <t>06/15/14 15:41:33.0</t>
  </si>
  <si>
    <t>06/15/14 15:41:38.0</t>
  </si>
  <si>
    <t>06/15/14 15:43:38.0</t>
  </si>
  <si>
    <t>06/15/14 15:43:43.5</t>
  </si>
  <si>
    <t>06/15/14 15:44:46.5</t>
  </si>
  <si>
    <t>06/15/14 15:44:51.0</t>
  </si>
  <si>
    <t>06/15/14 15:45:42.0</t>
  </si>
  <si>
    <t>06/15/14 15:45:48.5</t>
  </si>
  <si>
    <t>06/15/14 15:46:44.0</t>
  </si>
  <si>
    <t>06/15/14 15:46:52.5</t>
  </si>
  <si>
    <t>06/15/14 15:47:37.0</t>
  </si>
  <si>
    <t>06/15/14 15:47:43.0</t>
  </si>
  <si>
    <t>06/15/14 15:48:50.5</t>
  </si>
  <si>
    <t>06/15/14 15:48:59.0</t>
  </si>
  <si>
    <t>06/15/14 15:51:01.0</t>
  </si>
  <si>
    <t>06/15/14 15:51:09.0</t>
  </si>
  <si>
    <t>06/15/14 15:52:08.5</t>
  </si>
  <si>
    <t>06/15/14 15:52:14.0</t>
  </si>
  <si>
    <t>06/15/14 15:53:54.0</t>
  </si>
  <si>
    <t>06/15/14 15:54:03.5</t>
  </si>
  <si>
    <t>06/15/14 15:55:05.0</t>
  </si>
  <si>
    <t>06/15/14 15:55:11.0</t>
  </si>
  <si>
    <t>06/15/14 15:55:59.0</t>
  </si>
  <si>
    <t>06/15/14 15:56:03.0</t>
  </si>
  <si>
    <t>06/15/14 15:56:56.0</t>
  </si>
  <si>
    <t>06/15/14 15:57:03.5</t>
  </si>
  <si>
    <t>06/15/14 15:57:53.0</t>
  </si>
  <si>
    <t>06/15/14 15:57:58.0</t>
  </si>
  <si>
    <t>06/15/14 15:59:07.5</t>
  </si>
  <si>
    <t>06/15/14 15:59:12.0</t>
  </si>
  <si>
    <t>06/15/14 16:00:55.5</t>
  </si>
  <si>
    <t>06/15/14 16:01:00.0</t>
  </si>
  <si>
    <t>06/15/14 16:02:56.0</t>
  </si>
  <si>
    <t>06/15/14 16:03:02.5</t>
  </si>
  <si>
    <t>06/15/14 16:05:13.0</t>
  </si>
  <si>
    <t>06/15/14 16:05:25.5</t>
  </si>
  <si>
    <t>06/15/14 16:07:53.5</t>
  </si>
  <si>
    <t>06/15/14 16:08:00.0</t>
  </si>
  <si>
    <t>06/15/14 16:09:34.0</t>
  </si>
  <si>
    <t>06/15/14 16:09:42.5</t>
  </si>
  <si>
    <t>06/15/14 16:12:08.0</t>
  </si>
  <si>
    <t>06/15/14 16:12:20.5</t>
  </si>
  <si>
    <t>06/15/14 16:13:26.5</t>
  </si>
  <si>
    <t>06/15/14 16:13:32.5</t>
  </si>
  <si>
    <t>06/15/14 16:18:47.0</t>
  </si>
  <si>
    <t>06/15/14 16:18:54.5</t>
  </si>
  <si>
    <t>06/15/14 16:19:57.5</t>
  </si>
  <si>
    <t>06/15/14 16:20:04.5</t>
  </si>
  <si>
    <t>06/15/14 16:24:00.0</t>
  </si>
  <si>
    <t>06/15/14 16:24:12.5</t>
  </si>
  <si>
    <t>06/15/14 16:25:27.0</t>
  </si>
  <si>
    <t>06/15/14 16:25:37.0</t>
  </si>
  <si>
    <t>06/15/14 16:26:42.5</t>
  </si>
  <si>
    <t>06/15/14 16:26:50.0</t>
  </si>
  <si>
    <t>06/15/14 16:28:10.0</t>
  </si>
  <si>
    <t>06/15/14 16:28:16.0</t>
  </si>
  <si>
    <t>06/15/14 16:29:23.5</t>
  </si>
  <si>
    <t>06/15/14 16:29:28.0</t>
  </si>
  <si>
    <t>06/15/14 16:31:14.0</t>
  </si>
  <si>
    <t>06/15/14 16:31:25.5</t>
  </si>
  <si>
    <t>06/15/14 16:33:49.5</t>
  </si>
  <si>
    <t>06/15/14 16:34:02.0</t>
  </si>
  <si>
    <t>06/15/14 16:35:47.5</t>
  </si>
  <si>
    <t>06/15/14 16:36:04.0</t>
  </si>
  <si>
    <t>06/15/14 16:37:05.0</t>
  </si>
  <si>
    <t>06/15/14 16:37:11.0</t>
  </si>
  <si>
    <t>06/15/14 16:38:37.0</t>
  </si>
  <si>
    <t>06/15/14 16:38:50.0</t>
  </si>
  <si>
    <t>06/15/14 16:40:30.0</t>
  </si>
  <si>
    <t>06/15/14 16:40:36.0</t>
  </si>
  <si>
    <t>06/15/14 16:43:39.0</t>
  </si>
  <si>
    <t>06/15/14 16:43:48.0</t>
  </si>
  <si>
    <t>06/15/14 16:45:01.5</t>
  </si>
  <si>
    <t>06/15/14 16:45:22.0</t>
  </si>
  <si>
    <t>06/15/14 16:46:31.0</t>
  </si>
  <si>
    <t>06/15/14 16:46:37.0</t>
  </si>
  <si>
    <t>06/15/14 16:49:02.0</t>
  </si>
  <si>
    <t>06/15/14 16:49:18.0</t>
  </si>
  <si>
    <t>06/15/14 16:50:36.5</t>
  </si>
  <si>
    <t>06/15/14 16:50:57.5</t>
  </si>
  <si>
    <t>06/15/14 16:52:47.5</t>
  </si>
  <si>
    <t>06/15/14 16:52:54.5</t>
  </si>
  <si>
    <t>06/15/14 16:54:27.5</t>
  </si>
  <si>
    <t>06/15/14 16:54:35.5</t>
  </si>
  <si>
    <t>06/15/14 16:55:21.0</t>
  </si>
  <si>
    <t>06/15/14 16:55:26.0</t>
  </si>
  <si>
    <t>06/15/14 16:56:51.5</t>
  </si>
  <si>
    <t>06/15/14 16:56:57.0</t>
  </si>
  <si>
    <t>06/15/14 16:58:13.0</t>
  </si>
  <si>
    <t>06/15/14 16:58:31.5</t>
  </si>
  <si>
    <t>06/15/14 16:59:39.0</t>
  </si>
  <si>
    <t>06/15/14 16:59:48.0</t>
  </si>
  <si>
    <t>06/15/14 17:01:15.5</t>
  </si>
  <si>
    <t>06/15/14 17:01:31.5</t>
  </si>
  <si>
    <t>06/15/14 17:02:58.0</t>
  </si>
  <si>
    <t>06/15/14 17:03:03.5</t>
  </si>
  <si>
    <t>06/15/14 17:03:58.5</t>
  </si>
  <si>
    <t>06/15/14 17:04:15.0</t>
  </si>
  <si>
    <t>06/15/14 17:05:05.5</t>
  </si>
  <si>
    <t>06/15/14 17:05:10.5</t>
  </si>
  <si>
    <t>06/15/14 17:06:29.5</t>
  </si>
  <si>
    <t>06/15/14 17:06:41.5</t>
  </si>
  <si>
    <t>06/15/14 17:07:28.0</t>
  </si>
  <si>
    <t>06/15/14 17:07:34.5</t>
  </si>
  <si>
    <t>06/15/14 17:08:56.0</t>
  </si>
  <si>
    <t>06/15/14 17:09:04.5</t>
  </si>
  <si>
    <t>06/15/14 17:10:39.0</t>
  </si>
  <si>
    <t>06/15/14 17:10:48.5</t>
  </si>
  <si>
    <t>06/15/14 17:12:25.5</t>
  </si>
  <si>
    <t>06/15/14 17:12:36.0</t>
  </si>
  <si>
    <t>06/15/14 17:14:32.5</t>
  </si>
  <si>
    <t>06/15/14 17:14:53.0</t>
  </si>
  <si>
    <t>06/15/14 17:17:13.5</t>
  </si>
  <si>
    <t>06/15/14 17:17:27.5</t>
  </si>
  <si>
    <t>06/15/14 17:18:52.0</t>
  </si>
  <si>
    <t>06/15/14 17:19:01.0</t>
  </si>
  <si>
    <t>06/15/14 17:20:16.5</t>
  </si>
  <si>
    <t>06/15/14 17:20:25.0</t>
  </si>
  <si>
    <t>06/15/14 17:21:32.0</t>
  </si>
  <si>
    <t>06/15/14 17:21:38.0</t>
  </si>
  <si>
    <t>06/15/14 17:22:55.0</t>
  </si>
  <si>
    <t>06/15/14 17:23:04.5</t>
  </si>
  <si>
    <t>06/15/14 17:24:55.0</t>
  </si>
  <si>
    <t>06/15/14 17:25:02.0</t>
  </si>
  <si>
    <t>06/15/14 17:26:43.5</t>
  </si>
  <si>
    <t>06/15/14 17:26:54.0</t>
  </si>
  <si>
    <t>06/15/14 17:27:49.0</t>
  </si>
  <si>
    <t>06/15/14 17:27:53.0</t>
  </si>
  <si>
    <t>06/15/14 17:28:31.5</t>
  </si>
  <si>
    <t>06/15/14 17:28:43.0</t>
  </si>
  <si>
    <t>06/15/14 17:30:04.5</t>
  </si>
  <si>
    <t>06/15/14 17:30:09.0</t>
  </si>
  <si>
    <t>06/15/14 17:31:29.0</t>
  </si>
  <si>
    <t>06/15/14 17:31:43.0</t>
  </si>
  <si>
    <t>06/15/14 17:33:12.5</t>
  </si>
  <si>
    <t>06/15/14 17:33:22.5</t>
  </si>
  <si>
    <t>06/15/14 17:34:56.5</t>
  </si>
  <si>
    <t>06/15/14 17:35:06.0</t>
  </si>
  <si>
    <t>06/15/14 17:36:10.0</t>
  </si>
  <si>
    <t>06/15/14 17:36:16.0</t>
  </si>
  <si>
    <t>06/15/14 17:37:32.0</t>
  </si>
  <si>
    <t>06/15/14 17:37:41.0</t>
  </si>
  <si>
    <t>06/15/14 17:40:06.5</t>
  </si>
  <si>
    <t>06/15/14 17:40:42.5</t>
  </si>
  <si>
    <t>06/15/14 17:45:05.5</t>
  </si>
  <si>
    <t>06/15/14 17:45:32.5</t>
  </si>
  <si>
    <t>06/15/14 17:47:01.5</t>
  </si>
  <si>
    <t>06/15/14 17:47:05.0</t>
  </si>
  <si>
    <t>06/15/14 17:48:53.5</t>
  </si>
  <si>
    <t>06/15/14 17:48:58.0</t>
  </si>
  <si>
    <t>06/15/14 17:50:15.0</t>
  </si>
  <si>
    <t>06/15/14 17:50:23.0</t>
  </si>
  <si>
    <t>06/15/14 17:51:47.0</t>
  </si>
  <si>
    <t>06/15/14 17:51:55.5</t>
  </si>
  <si>
    <t>06/15/14 17:53:27.5</t>
  </si>
  <si>
    <t>06/15/14 17:53:36.5</t>
  </si>
  <si>
    <t>06/15/14 17:55:15.5</t>
  </si>
  <si>
    <t>06/15/14 17:55:27.5</t>
  </si>
  <si>
    <t>06/15/14 17:56:45.0</t>
  </si>
  <si>
    <t>06/15/14 17:56:50.0</t>
  </si>
  <si>
    <t>06/15/14 17:58:15.0</t>
  </si>
  <si>
    <t>06/15/14 17:58:21.0</t>
  </si>
  <si>
    <t>06/15/14 17:58:59.5</t>
  </si>
  <si>
    <t>06/15/14 17:59:03.5</t>
  </si>
  <si>
    <t>06/15/14 17:59:55.0</t>
  </si>
  <si>
    <t>06/15/14 18:00:02.0</t>
  </si>
  <si>
    <t>06/15/14 18:02:06.5</t>
  </si>
  <si>
    <t>06/15/14 18:02:25.5</t>
  </si>
  <si>
    <t>06/15/14 18:05:23.5</t>
  </si>
  <si>
    <t>06/15/14 18:05:28.0</t>
  </si>
  <si>
    <t>06/15/14 18:07:12.5</t>
  </si>
  <si>
    <t>06/15/14 18:07:17.5</t>
  </si>
  <si>
    <t>06/15/14 18:08:23.5</t>
  </si>
  <si>
    <t>06/15/14 18:08:32.0</t>
  </si>
  <si>
    <t>06/15/14 18:11:25.0</t>
  </si>
  <si>
    <t>06/15/14 18:11:35.0</t>
  </si>
  <si>
    <t>06/15/14 18:13:44.5</t>
  </si>
  <si>
    <t>06/15/14 18:14:18.5</t>
  </si>
  <si>
    <t>06/15/14 18:17:08.5</t>
  </si>
  <si>
    <t>06/15/14 18:17:29.0</t>
  </si>
  <si>
    <t>06/15/14 18:18:52.5</t>
  </si>
  <si>
    <t>06/15/14 18:19:06.0</t>
  </si>
  <si>
    <t>06/15/14 18:22:53.0</t>
  </si>
  <si>
    <t>06/15/14 18:23:03.0</t>
  </si>
  <si>
    <t>06/15/14 18:23:53.0</t>
  </si>
  <si>
    <t>06/15/14 18:24:07.0</t>
  </si>
  <si>
    <t>06/15/14 18:26:29.0</t>
  </si>
  <si>
    <t>06/15/14 18:26:50.5</t>
  </si>
  <si>
    <t>06/15/14 18:28:39.0</t>
  </si>
  <si>
    <t>06/15/14 18:28:47.5</t>
  </si>
  <si>
    <t>06/15/14 18:30:17.5</t>
  </si>
  <si>
    <t>06/15/14 18:30:26.5</t>
  </si>
  <si>
    <t>06/15/14 18:31:55.0</t>
  </si>
  <si>
    <t>06/15/14 18:32:05.0</t>
  </si>
  <si>
    <t>06/15/14 18:33:25.0</t>
  </si>
  <si>
    <t>06/15/14 18:33:35.0</t>
  </si>
  <si>
    <t>06/15/14 18:36:08.5</t>
  </si>
  <si>
    <t>06/15/14 18:36:17.0</t>
  </si>
  <si>
    <t>06/15/14 18:39:49.0</t>
  </si>
  <si>
    <t>06/15/14 18:40:33.5</t>
  </si>
  <si>
    <t>06/15/14 18:44:13.0</t>
  </si>
  <si>
    <t>06/15/14 18:44:28.0</t>
  </si>
  <si>
    <t>06/15/14 18:47:53.0</t>
  </si>
  <si>
    <t>06/15/14 18:48:02.0</t>
  </si>
  <si>
    <t>06/15/14 18:49:10.5</t>
  </si>
  <si>
    <t>06/15/14 18:49:47.5</t>
  </si>
  <si>
    <t>06/15/14 18:53:05.5</t>
  </si>
  <si>
    <t>06/15/14 18:53:16.5</t>
  </si>
  <si>
    <t>06/15/14 18:56:28.5</t>
  </si>
  <si>
    <t>06/15/14 18:56:37.5</t>
  </si>
  <si>
    <t>06/15/14 18:59:51.0</t>
  </si>
  <si>
    <t>06/15/14 18:59:57.5</t>
  </si>
  <si>
    <t>06/15/14 19:01:21.0</t>
  </si>
  <si>
    <t>06/15/14 19:01:27.5</t>
  </si>
  <si>
    <t>06/15/14 19:02:44.0</t>
  </si>
  <si>
    <t>06/15/14 19:03:11.0</t>
  </si>
  <si>
    <t>06/15/14 19:05:13.5</t>
  </si>
  <si>
    <t>06/15/14 19:05:22.5</t>
  </si>
  <si>
    <t>06/15/14 19:07:47.0</t>
  </si>
  <si>
    <t>06/15/14 19:07:53.5</t>
  </si>
  <si>
    <t>06/15/14 19:09:59.0</t>
  </si>
  <si>
    <t>06/15/14 19:10:07.0</t>
  </si>
  <si>
    <t>06/15/14 19:11:49.5</t>
  </si>
  <si>
    <t>06/15/14 19:12:10.0</t>
  </si>
  <si>
    <t>06/15/14 19:14:00.5</t>
  </si>
  <si>
    <t>06/15/14 19:14:32.0</t>
  </si>
  <si>
    <t>06/15/14 19:17:11.0</t>
  </si>
  <si>
    <t>06/15/14 19:17:22.0</t>
  </si>
  <si>
    <t>06/15/14 19:19:12.5</t>
  </si>
  <si>
    <t>06/15/14 19:19:32.0</t>
  </si>
  <si>
    <t>06/15/14 19:25:36.0</t>
  </si>
  <si>
    <t>06/15/14 19:26:23.5</t>
  </si>
  <si>
    <t>06/15/14 19:27:56.5</t>
  </si>
  <si>
    <t>06/15/14 19:30:24.0</t>
  </si>
  <si>
    <t>06/15/14 19:34:18.0</t>
  </si>
  <si>
    <t>06/15/14 19:34:27.5</t>
  </si>
  <si>
    <t>06/15/14 19:35:32.0</t>
  </si>
  <si>
    <t>06/15/14 19:35:37.0</t>
  </si>
  <si>
    <t>06/15/14 19:37:01.0</t>
  </si>
  <si>
    <t>06/15/14 19:37:24.0</t>
  </si>
  <si>
    <t>06/15/14 19:38:10.5</t>
  </si>
  <si>
    <t>06/15/14 19:38:16.0</t>
  </si>
  <si>
    <t>06/15/14 19:39:41.5</t>
  </si>
  <si>
    <t>06/15/14 19:39:55.5</t>
  </si>
  <si>
    <t>06/15/14 19:44:47.0</t>
  </si>
  <si>
    <t>06/15/14 19:44:58.5</t>
  </si>
  <si>
    <t>06/15/14 19:46:06.0</t>
  </si>
  <si>
    <t>06/15/14 19:46:11.5</t>
  </si>
  <si>
    <t>06/15/14 19:47:06.0</t>
  </si>
  <si>
    <t>06/15/14 19:47:26.0</t>
  </si>
  <si>
    <t>06/15/14 19:49:52.5</t>
  </si>
  <si>
    <t>06/15/14 19:50:12.0</t>
  </si>
  <si>
    <t>06/15/14 19:52:16.5</t>
  </si>
  <si>
    <t>06/15/14 19:52:53.0</t>
  </si>
  <si>
    <t>06/15/14 19:56:53.5</t>
  </si>
  <si>
    <t>06/15/14 19:57:04.0</t>
  </si>
  <si>
    <t>06/15/14 19:59:17.0</t>
  </si>
  <si>
    <t>06/15/14 19:59:22.0</t>
  </si>
  <si>
    <t>06/15/14 20:00:58.0</t>
  </si>
  <si>
    <t>06/15/14 20:01:03.5</t>
  </si>
  <si>
    <t>06/15/14 20:03:31.0</t>
  </si>
  <si>
    <t>06/15/14 20:03:56.5</t>
  </si>
  <si>
    <t>06/15/14 20:06:49.0</t>
  </si>
  <si>
    <t>06/15/14 20:06:57.0</t>
  </si>
  <si>
    <t>06/15/14 20:08:05.0</t>
  </si>
  <si>
    <t>06/15/14 20:08:10.0</t>
  </si>
  <si>
    <t>06/15/14 20:09:01.0</t>
  </si>
  <si>
    <t>06/15/14 20:09:10.0</t>
  </si>
  <si>
    <t>06/15/14 20:10:35.0</t>
  </si>
  <si>
    <t>06/15/14 20:10:40.0</t>
  </si>
  <si>
    <t>06/15/14 20:13:15.5</t>
  </si>
  <si>
    <t>06/15/14 20:13:25.0</t>
  </si>
  <si>
    <t>06/15/14 20:14:41.0</t>
  </si>
  <si>
    <t>06/15/14 20:14:49.0</t>
  </si>
  <si>
    <t>06/15/14 20:17:24.0</t>
  </si>
  <si>
    <t>06/15/14 20:17:40.0</t>
  </si>
  <si>
    <t>06/15/14 20:20:11.5</t>
  </si>
  <si>
    <t>06/15/14 20:20:20.0</t>
  </si>
  <si>
    <t>06/15/14 20:22:49.0</t>
  </si>
  <si>
    <t>06/15/14 20:22:57.0</t>
  </si>
  <si>
    <t>06/15/14 20:23:49.0</t>
  </si>
  <si>
    <t>06/15/14 20:23:58.0</t>
  </si>
  <si>
    <t>06/15/14 20:26:49.0</t>
  </si>
  <si>
    <t>06/15/14 20:27:05.5</t>
  </si>
  <si>
    <t>06/15/14 20:28:58.0</t>
  </si>
  <si>
    <t>06/15/14 20:29:06.5</t>
  </si>
  <si>
    <t>06/15/14 20:31:47.0</t>
  </si>
  <si>
    <t>06/15/14 20:31:54.5</t>
  </si>
  <si>
    <t>06/15/14 20:34:39.5</t>
  </si>
  <si>
    <t>06/15/14 20:34:57.5</t>
  </si>
  <si>
    <t>06/15/14 20:40:37.5</t>
  </si>
  <si>
    <t>06/15/14 20:40:45.5</t>
  </si>
  <si>
    <t>06/15/14 20:42:23.0</t>
  </si>
  <si>
    <t>06/15/14 20:42:31.0</t>
  </si>
  <si>
    <t>06/15/14 20:47:27.0</t>
  </si>
  <si>
    <t>06/15/14 20:47:40.5</t>
  </si>
  <si>
    <t>06/15/14 20:50:26.5</t>
  </si>
  <si>
    <t>06/15/14 20:50:37.5</t>
  </si>
  <si>
    <t>06/15/14 21:01:42.0</t>
  </si>
  <si>
    <t>06/15/14 21:02:29.5</t>
  </si>
  <si>
    <t>06/15/14 21:08:11.5</t>
  </si>
  <si>
    <t>06/15/14 21:08:29.5</t>
  </si>
  <si>
    <t>06/15/14 21:17:48.5</t>
  </si>
  <si>
    <t>06/15/14 21:20:41.0</t>
  </si>
  <si>
    <t>06/15/14 22:10:47.0</t>
  </si>
  <si>
    <t>06/15/14 22:38:25.5</t>
  </si>
  <si>
    <t>06/15/14 22:48:56.5</t>
  </si>
  <si>
    <t>06/15/14 22:49:23.0</t>
  </si>
  <si>
    <t>06/15/14 23:00:33.5</t>
  </si>
  <si>
    <t>06/15/14 23:00:53.0</t>
  </si>
  <si>
    <t>06/15/14 23:25:36.0</t>
  </si>
  <si>
    <t>06/15/14 23:25:47.0</t>
  </si>
  <si>
    <t>06/15/14 23:38:19.0</t>
  </si>
  <si>
    <t>06/15/14 23:38:31.0</t>
  </si>
  <si>
    <t>06/16/14 06:03:19.5</t>
  </si>
  <si>
    <t>06/16/14 06:06:10.5</t>
  </si>
  <si>
    <t>06/16/14 06:10:32.0</t>
  </si>
  <si>
    <t>06/16/14 06:13:11.0</t>
  </si>
  <si>
    <t>06/16/14 06:26:32.5</t>
  </si>
  <si>
    <t>06/16/14 06:28:01.0</t>
  </si>
  <si>
    <t>06/16/14 06:38:27.0</t>
  </si>
  <si>
    <t>06/16/14 06:38:39.0</t>
  </si>
  <si>
    <t>06/16/14 06:44:34.0</t>
  </si>
  <si>
    <t>06/16/14 06:46:11.5</t>
  </si>
  <si>
    <t>06/16/14 06:50:39.0</t>
  </si>
  <si>
    <t>06/16/14 06:53:13.5</t>
  </si>
  <si>
    <t>06/16/14 06:56:04.0</t>
  </si>
  <si>
    <t>06/16/14 06:56:13.0</t>
  </si>
  <si>
    <t>06/16/14 06:59:58.5</t>
  </si>
  <si>
    <t>06/16/14 07:00:07.5</t>
  </si>
  <si>
    <t>06/16/14 07:05:20.5</t>
  </si>
  <si>
    <t>06/16/14 07:05:27.0</t>
  </si>
  <si>
    <t>06/16/14 07:07:53.5</t>
  </si>
  <si>
    <t>06/16/14 07:11:40.0</t>
  </si>
  <si>
    <t>06/16/14 07:18:08.5</t>
  </si>
  <si>
    <t>06/16/14 07:18:20.5</t>
  </si>
  <si>
    <t>06/16/14 07:22:12.5</t>
  </si>
  <si>
    <t>06/16/14 07:22:25.0</t>
  </si>
  <si>
    <t>06/16/14 07:25:17.0</t>
  </si>
  <si>
    <t>06/16/14 07:25:25.5</t>
  </si>
  <si>
    <t>06/16/14 07:28:56.5</t>
  </si>
  <si>
    <t>06/16/14 07:29:09.5</t>
  </si>
  <si>
    <t>06/16/14 07:32:22.5</t>
  </si>
  <si>
    <t>06/16/14 07:32:46.0</t>
  </si>
  <si>
    <t>06/16/14 07:37:00.5</t>
  </si>
  <si>
    <t>06/16/14 07:37:12.5</t>
  </si>
  <si>
    <t>06/16/14 07:40:00.0</t>
  </si>
  <si>
    <t>06/16/14 07:40:19.0</t>
  </si>
  <si>
    <t>06/16/14 07:43:26.0</t>
  </si>
  <si>
    <t>06/16/14 07:43:40.0</t>
  </si>
  <si>
    <t>06/16/14 07:50:17.0</t>
  </si>
  <si>
    <t>06/16/14 07:50:48.0</t>
  </si>
  <si>
    <t>06/16/14 07:52:52.0</t>
  </si>
  <si>
    <t>06/16/14 07:53:05.0</t>
  </si>
  <si>
    <t>06/16/14 07:54:33.5</t>
  </si>
  <si>
    <t>06/16/14 07:54:59.0</t>
  </si>
  <si>
    <t>06/16/14 08:00:57.5</t>
  </si>
  <si>
    <t>06/16/14 08:01:10.5</t>
  </si>
  <si>
    <t>06/16/14 08:03:36.5</t>
  </si>
  <si>
    <t>06/16/14 08:03:51.0</t>
  </si>
  <si>
    <t>06/16/14 08:06:42.5</t>
  </si>
  <si>
    <t>06/16/14 08:06:49.5</t>
  </si>
  <si>
    <t>06/16/14 08:10:38.0</t>
  </si>
  <si>
    <t>06/16/14 08:10:45.5</t>
  </si>
  <si>
    <t>06/16/14 08:13:16.5</t>
  </si>
  <si>
    <t>06/16/14 08:13:24.0</t>
  </si>
  <si>
    <t>06/16/14 08:14:41.5</t>
  </si>
  <si>
    <t>06/16/14 08:15:02.5</t>
  </si>
  <si>
    <t>06/16/14 08:16:49.0</t>
  </si>
  <si>
    <t>06/16/14 08:16:55.5</t>
  </si>
  <si>
    <t>06/16/14 08:18:29.0</t>
  </si>
  <si>
    <t>06/16/14 08:18:46.0</t>
  </si>
  <si>
    <t>06/16/14 08:21:15.0</t>
  </si>
  <si>
    <t>06/16/14 08:21:21.0</t>
  </si>
  <si>
    <t>06/16/14 08:23:26.0</t>
  </si>
  <si>
    <t>06/16/14 08:24:09.5</t>
  </si>
  <si>
    <t>06/16/14 08:30:17.0</t>
  </si>
  <si>
    <t>06/16/14 08:30:27.5</t>
  </si>
  <si>
    <t>06/16/14 08:32:41.5</t>
  </si>
  <si>
    <t>06/16/14 08:32:47.5</t>
  </si>
  <si>
    <t>06/16/14 08:34:24.5</t>
  </si>
  <si>
    <t>06/16/14 08:34:34.0</t>
  </si>
  <si>
    <t>06/16/14 08:36:55.5</t>
  </si>
  <si>
    <t>06/16/14 08:37:01.5</t>
  </si>
  <si>
    <t>06/16/14 08:38:52.0</t>
  </si>
  <si>
    <t>06/16/14 08:39:17.0</t>
  </si>
  <si>
    <t>06/16/14 08:42:39.5</t>
  </si>
  <si>
    <t>06/16/14 08:42:50.0</t>
  </si>
  <si>
    <t>06/16/14 08:46:26.0</t>
  </si>
  <si>
    <t>06/16/14 08:46:36.5</t>
  </si>
  <si>
    <t>06/16/14 08:49:22.0</t>
  </si>
  <si>
    <t>06/16/14 08:49:28.0</t>
  </si>
  <si>
    <t>06/16/14 08:52:28.5</t>
  </si>
  <si>
    <t>06/16/14 08:52:34.0</t>
  </si>
  <si>
    <t>06/16/14 08:54:09.0</t>
  </si>
  <si>
    <t>06/16/14 08:54:15.0</t>
  </si>
  <si>
    <t>06/16/14 08:56:53.5</t>
  </si>
  <si>
    <t>06/16/14 08:57:01.0</t>
  </si>
  <si>
    <t>06/16/14 08:57:54.0</t>
  </si>
  <si>
    <t>06/16/14 08:58:04.0</t>
  </si>
  <si>
    <t>06/16/14 09:01:13.5</t>
  </si>
  <si>
    <t>06/16/14 09:01:18.0</t>
  </si>
  <si>
    <t>06/16/14 09:02:17.0</t>
  </si>
  <si>
    <t>06/16/14 09:02:24.5</t>
  </si>
  <si>
    <t>06/16/14 09:03:42.0</t>
  </si>
  <si>
    <t>06/16/14 09:03:56.5</t>
  </si>
  <si>
    <t>06/16/14 09:07:36.0</t>
  </si>
  <si>
    <t>06/16/14 09:07:45.5</t>
  </si>
  <si>
    <t>06/16/14 09:10:49.5</t>
  </si>
  <si>
    <t>06/16/14 09:10:59.0</t>
  </si>
  <si>
    <t>06/16/14 09:14:14.5</t>
  </si>
  <si>
    <t>06/16/14 09:14:22.0</t>
  </si>
  <si>
    <t>06/16/14 09:16:57.0</t>
  </si>
  <si>
    <t>06/16/14 09:17:46.5</t>
  </si>
  <si>
    <t>06/16/14 09:22:35.0</t>
  </si>
  <si>
    <t>06/16/14 09:22:44.0</t>
  </si>
  <si>
    <t>06/16/14 09:23:38.5</t>
  </si>
  <si>
    <t>06/16/14 09:23:45.0</t>
  </si>
  <si>
    <t>06/16/14 09:25:32.5</t>
  </si>
  <si>
    <t>06/16/14 09:25:47.0</t>
  </si>
  <si>
    <t>06/16/14 09:28:25.5</t>
  </si>
  <si>
    <t>06/16/14 09:28:33.0</t>
  </si>
  <si>
    <t>06/16/14 09:30:34.0</t>
  </si>
  <si>
    <t>06/16/14 09:31:06.5</t>
  </si>
  <si>
    <t>06/16/14 09:32:49.5</t>
  </si>
  <si>
    <t>06/16/14 09:32:53.5</t>
  </si>
  <si>
    <t>06/16/14 09:33:23.0</t>
  </si>
  <si>
    <t>06/16/14 09:33:30.0</t>
  </si>
  <si>
    <t>06/16/14 09:34:56.5</t>
  </si>
  <si>
    <t>06/16/14 09:35:46.5</t>
  </si>
  <si>
    <t>06/16/14 09:37:07.0</t>
  </si>
  <si>
    <t>06/16/14 09:37:14.5</t>
  </si>
  <si>
    <t>06/16/14 09:38:52.0</t>
  </si>
  <si>
    <t>06/16/14 09:38:58.0</t>
  </si>
  <si>
    <t>06/16/14 09:40:13.0</t>
  </si>
  <si>
    <t>06/16/14 09:40:30.5</t>
  </si>
  <si>
    <t>06/16/14 09:47:21.5</t>
  </si>
  <si>
    <t>06/16/14 09:47:42.5</t>
  </si>
  <si>
    <t>06/16/14 09:49:32.0</t>
  </si>
  <si>
    <t>06/16/14 09:49:38.0</t>
  </si>
  <si>
    <t>06/16/14 09:52:37.5</t>
  </si>
  <si>
    <t>06/16/14 09:53:13.5</t>
  </si>
  <si>
    <t>06/16/14 09:55:02.5</t>
  </si>
  <si>
    <t>06/16/14 09:55:18.5</t>
  </si>
  <si>
    <t>06/16/14 09:56:43.0</t>
  </si>
  <si>
    <t>06/16/14 09:57:01.0</t>
  </si>
  <si>
    <t>06/16/14 09:58:29.5</t>
  </si>
  <si>
    <t>06/16/14 09:58:45.5</t>
  </si>
  <si>
    <t>06/16/14 09:59:49.0</t>
  </si>
  <si>
    <t>06/16/14 09:59:55.0</t>
  </si>
  <si>
    <t>06/16/14 10:01:53.5</t>
  </si>
  <si>
    <t>06/16/14 10:02:18.5</t>
  </si>
  <si>
    <t>06/16/14 10:05:32.5</t>
  </si>
  <si>
    <t>06/16/14 10:05:42.5</t>
  </si>
  <si>
    <t>06/16/14 10:06:51.5</t>
  </si>
  <si>
    <t>06/16/14 10:07:01.5</t>
  </si>
  <si>
    <t>06/16/14 10:09:17.0</t>
  </si>
  <si>
    <t>06/16/14 10:09:29.0</t>
  </si>
  <si>
    <t>06/16/14 10:11:04.5</t>
  </si>
  <si>
    <t>06/16/14 10:11:10.5</t>
  </si>
  <si>
    <t>06/16/14 10:12:24.0</t>
  </si>
  <si>
    <t>06/16/14 10:12:41.0</t>
  </si>
  <si>
    <t>06/16/14 10:15:08.0</t>
  </si>
  <si>
    <t>06/16/14 10:15:20.0</t>
  </si>
  <si>
    <t>06/16/14 10:19:10.5</t>
  </si>
  <si>
    <t>06/16/14 10:19:24.5</t>
  </si>
  <si>
    <t>06/16/14 10:24:27.0</t>
  </si>
  <si>
    <t>06/16/14 10:24:42.0</t>
  </si>
  <si>
    <t>06/16/14 10:29:02.5</t>
  </si>
  <si>
    <t>06/16/14 10:29:36.0</t>
  </si>
  <si>
    <t>06/16/14 10:30:41.5</t>
  </si>
  <si>
    <t>06/16/14 10:30:51.0</t>
  </si>
  <si>
    <t>06/16/14 10:32:29.0</t>
  </si>
  <si>
    <t>06/16/14 10:32:39.0</t>
  </si>
  <si>
    <t>06/16/14 10:35:53.5</t>
  </si>
  <si>
    <t>06/16/14 10:36:02.0</t>
  </si>
  <si>
    <t>06/16/14 10:38:11.5</t>
  </si>
  <si>
    <t>06/16/14 10:38:24.0</t>
  </si>
  <si>
    <t>06/16/14 10:39:45.0</t>
  </si>
  <si>
    <t>06/16/14 10:39:54.5</t>
  </si>
  <si>
    <t>06/16/14 10:41:11.5</t>
  </si>
  <si>
    <t>06/16/14 10:42:14.5</t>
  </si>
  <si>
    <t>06/16/14 10:43:44.0</t>
  </si>
  <si>
    <t>06/16/14 10:43:53.5</t>
  </si>
  <si>
    <t>06/16/14 10:45:44.5</t>
  </si>
  <si>
    <t>06/16/14 10:46:12.5</t>
  </si>
  <si>
    <t>06/16/14 10:50:08.0</t>
  </si>
  <si>
    <t>06/16/14 10:50:21.5</t>
  </si>
  <si>
    <t>06/16/14 10:53:47.5</t>
  </si>
  <si>
    <t>06/16/14 10:54:13.0</t>
  </si>
  <si>
    <t>06/16/14 10:55:48.0</t>
  </si>
  <si>
    <t>06/16/14 10:55:58.0</t>
  </si>
  <si>
    <t>06/16/14 10:59:56.5</t>
  </si>
  <si>
    <t>06/16/14 11:00:04.0</t>
  </si>
  <si>
    <t>06/16/14 11:01:46.5</t>
  </si>
  <si>
    <t>06/16/14 11:01:59.5</t>
  </si>
  <si>
    <t>06/16/14 11:04:23.5</t>
  </si>
  <si>
    <t>06/16/14 11:04:41.5</t>
  </si>
  <si>
    <t>06/16/14 11:06:09.0</t>
  </si>
  <si>
    <t>06/16/14 11:06:16.0</t>
  </si>
  <si>
    <t>06/16/14 11:07:31.0</t>
  </si>
  <si>
    <t>06/16/14 11:07:37.5</t>
  </si>
  <si>
    <t>06/16/14 11:09:35.5</t>
  </si>
  <si>
    <t>06/16/14 11:11:53.0</t>
  </si>
  <si>
    <t>06/16/14 11:15:57.0</t>
  </si>
  <si>
    <t>06/16/14 11:16:11.5</t>
  </si>
  <si>
    <t>06/16/14 11:18:10.0</t>
  </si>
  <si>
    <t>06/16/14 11:18:19.0</t>
  </si>
  <si>
    <t>06/16/14 11:21:05.0</t>
  </si>
  <si>
    <t>06/16/14 11:21:25.5</t>
  </si>
  <si>
    <t>06/16/14 11:22:19.5</t>
  </si>
  <si>
    <t>06/16/14 11:22:24.0</t>
  </si>
  <si>
    <t>06/16/14 11:24:05.0</t>
  </si>
  <si>
    <t>06/16/14 11:24:11.5</t>
  </si>
  <si>
    <t>06/16/14 11:25:38.0</t>
  </si>
  <si>
    <t>06/16/14 11:25:48.5</t>
  </si>
  <si>
    <t>06/16/14 11:28:17.5</t>
  </si>
  <si>
    <t>06/16/14 11:28:28.0</t>
  </si>
  <si>
    <t>06/16/14 11:29:57.5</t>
  </si>
  <si>
    <t>06/16/14 11:30:07.0</t>
  </si>
  <si>
    <t>06/16/14 11:35:33.0</t>
  </si>
  <si>
    <t>06/16/14 11:35:55.5</t>
  </si>
  <si>
    <t>06/16/14 11:39:10.0</t>
  </si>
  <si>
    <t>06/16/14 11:39:27.0</t>
  </si>
  <si>
    <t>06/16/14 11:43:57.5</t>
  </si>
  <si>
    <t>06/16/14 11:44:15.0</t>
  </si>
  <si>
    <t>06/16/14 11:45:52.0</t>
  </si>
  <si>
    <t>06/16/14 11:46:06.5</t>
  </si>
  <si>
    <t>06/16/14 11:49:49.5</t>
  </si>
  <si>
    <t>06/16/14 11:50:34.5</t>
  </si>
  <si>
    <t>06/16/14 11:52:29.5</t>
  </si>
  <si>
    <t>06/16/14 11:52:38.0</t>
  </si>
  <si>
    <t>06/16/14 11:54:08.5</t>
  </si>
  <si>
    <t>06/16/14 11:54:46.5</t>
  </si>
  <si>
    <t>06/16/14 11:56:12.5</t>
  </si>
  <si>
    <t>06/16/14 11:56:42.0</t>
  </si>
  <si>
    <t>06/16/14 11:58:20.5</t>
  </si>
  <si>
    <t>06/16/14 11:58:32.0</t>
  </si>
  <si>
    <t>06/16/14 12:00:01.5</t>
  </si>
  <si>
    <t>06/16/14 12:00:09.5</t>
  </si>
  <si>
    <t>06/16/14 12:01:19.5</t>
  </si>
  <si>
    <t>06/16/14 12:01:37.5</t>
  </si>
  <si>
    <t>06/16/14 12:02:30.5</t>
  </si>
  <si>
    <t>06/16/14 12:02:41.5</t>
  </si>
  <si>
    <t>06/16/14 12:04:23.0</t>
  </si>
  <si>
    <t>06/16/14 12:04:33.5</t>
  </si>
  <si>
    <t>06/16/14 12:06:13.5</t>
  </si>
  <si>
    <t>06/16/14 12:06:21.0</t>
  </si>
  <si>
    <t>06/16/14 12:07:38.5</t>
  </si>
  <si>
    <t>06/16/14 12:08:05.0</t>
  </si>
  <si>
    <t>06/16/14 12:09:18.5</t>
  </si>
  <si>
    <t>06/16/14 12:09:27.0</t>
  </si>
  <si>
    <t>06/16/14 12:10:47.0</t>
  </si>
  <si>
    <t>06/16/14 12:10:53.5</t>
  </si>
  <si>
    <t>06/16/14 12:12:45.0</t>
  </si>
  <si>
    <t>06/16/14 12:12:53.0</t>
  </si>
  <si>
    <t>06/16/14 12:14:01.5</t>
  </si>
  <si>
    <t>06/16/14 12:14:08.5</t>
  </si>
  <si>
    <t>06/16/14 12:15:47.5</t>
  </si>
  <si>
    <t>06/16/14 12:16:01.5</t>
  </si>
  <si>
    <t>06/16/14 12:18:09.0</t>
  </si>
  <si>
    <t>06/16/14 12:18:17.5</t>
  </si>
  <si>
    <t>06/16/14 12:19:51.5</t>
  </si>
  <si>
    <t>06/16/14 12:19:59.0</t>
  </si>
  <si>
    <t>06/16/14 12:24:11.5</t>
  </si>
  <si>
    <t>06/16/14 12:24:20.0</t>
  </si>
  <si>
    <t>06/16/14 12:26:06.5</t>
  </si>
  <si>
    <t>06/16/14 12:26:14.5</t>
  </si>
  <si>
    <t>06/16/14 12:29:19.5</t>
  </si>
  <si>
    <t>06/16/14 12:29:36.0</t>
  </si>
  <si>
    <t>06/16/14 12:33:35.0</t>
  </si>
  <si>
    <t>06/16/14 12:33:44.5</t>
  </si>
  <si>
    <t>06/16/14 12:35:23.5</t>
  </si>
  <si>
    <t>06/16/14 12:37:12.0</t>
  </si>
  <si>
    <t>06/16/14 12:38:32.5</t>
  </si>
  <si>
    <t>06/16/14 12:38:38.0</t>
  </si>
  <si>
    <t>06/16/14 12:40:24.0</t>
  </si>
  <si>
    <t>06/16/14 12:40:28.5</t>
  </si>
  <si>
    <t>06/16/14 12:41:59.5</t>
  </si>
  <si>
    <t>06/16/14 12:42:23.0</t>
  </si>
  <si>
    <t>06/16/14 12:44:01.5</t>
  </si>
  <si>
    <t>06/16/14 12:44:29.5</t>
  </si>
  <si>
    <t>06/16/14 12:46:47.0</t>
  </si>
  <si>
    <t>06/16/14 12:47:00.5</t>
  </si>
  <si>
    <t>06/16/14 12:48:44.5</t>
  </si>
  <si>
    <t>06/16/14 12:48:52.5</t>
  </si>
  <si>
    <t>06/16/14 12:50:29.0</t>
  </si>
  <si>
    <t>06/16/14 12:50:35.5</t>
  </si>
  <si>
    <t>06/16/14 12:53:41.5</t>
  </si>
  <si>
    <t>06/16/14 12:53:51.5</t>
  </si>
  <si>
    <t>06/16/14 12:55:04.0</t>
  </si>
  <si>
    <t>06/16/14 12:55:20.0</t>
  </si>
  <si>
    <t>06/16/14 12:56:55.5</t>
  </si>
  <si>
    <t>06/16/14 12:57:05.0</t>
  </si>
  <si>
    <t>06/16/14 12:59:34.0</t>
  </si>
  <si>
    <t>06/16/14 13:00:46.5</t>
  </si>
  <si>
    <t>06/16/14 13:03:16.5</t>
  </si>
  <si>
    <t>06/16/14 13:03:57.5</t>
  </si>
  <si>
    <t>06/16/14 13:05:34.0</t>
  </si>
  <si>
    <t>06/16/14 13:05:52.0</t>
  </si>
  <si>
    <t>06/16/14 13:10:40.0</t>
  </si>
  <si>
    <t>06/16/14 13:10:50.0</t>
  </si>
  <si>
    <t>06/16/14 13:12:46.5</t>
  </si>
  <si>
    <t>06/16/14 13:13:00.5</t>
  </si>
  <si>
    <t>06/16/14 13:15:01.0</t>
  </si>
  <si>
    <t>06/16/14 13:15:13.0</t>
  </si>
  <si>
    <t>06/16/14 13:18:54.0</t>
  </si>
  <si>
    <t>06/16/14 13:18:59.5</t>
  </si>
  <si>
    <t>06/16/14 13:20:50.0</t>
  </si>
  <si>
    <t>06/16/14 13:20:57.0</t>
  </si>
  <si>
    <t>06/16/14 13:22:20.5</t>
  </si>
  <si>
    <t>06/16/14 13:22:36.0</t>
  </si>
  <si>
    <t>06/16/14 13:28:22.5</t>
  </si>
  <si>
    <t>06/16/14 13:28:49.0</t>
  </si>
  <si>
    <t>06/16/14 13:33:34.0</t>
  </si>
  <si>
    <t>06/16/14 13:33:42.5</t>
  </si>
  <si>
    <t>06/16/14 13:35:02.0</t>
  </si>
  <si>
    <t>06/16/14 13:35:23.5</t>
  </si>
  <si>
    <t>06/16/14 13:36:54.5</t>
  </si>
  <si>
    <t>06/16/14 13:37:21.0</t>
  </si>
  <si>
    <t>06/16/14 13:46:33.0</t>
  </si>
  <si>
    <t>06/16/14 13:46:41.0</t>
  </si>
  <si>
    <t>06/16/14 13:48:18.0</t>
  </si>
  <si>
    <t>06/16/14 13:48:39.0</t>
  </si>
  <si>
    <t>06/16/14 13:50:20.5</t>
  </si>
  <si>
    <t>06/16/14 13:50:33.0</t>
  </si>
  <si>
    <t>06/16/14 13:54:35.0</t>
  </si>
  <si>
    <t>06/16/14 13:54:41.0</t>
  </si>
  <si>
    <t>06/16/14 13:57:21.5</t>
  </si>
  <si>
    <t>06/16/14 13:57:37.5</t>
  </si>
  <si>
    <t>06/16/14 14:01:27.0</t>
  </si>
  <si>
    <t>06/16/14 14:01:59.0</t>
  </si>
  <si>
    <t>06/16/14 14:03:49.0</t>
  </si>
  <si>
    <t>06/16/14 14:03:56.5</t>
  </si>
  <si>
    <t>06/16/14 14:05:34.0</t>
  </si>
  <si>
    <t>06/16/14 14:05:52.5</t>
  </si>
  <si>
    <t>06/16/14 14:07:36.0</t>
  </si>
  <si>
    <t>06/16/14 14:08:02.5</t>
  </si>
  <si>
    <t>06/16/14 14:09:40.0</t>
  </si>
  <si>
    <t>06/16/14 14:09:45.0</t>
  </si>
  <si>
    <t>06/16/14 14:11:11.5</t>
  </si>
  <si>
    <t>06/16/14 14:11:29.0</t>
  </si>
  <si>
    <t>06/16/14 14:13:33.0</t>
  </si>
  <si>
    <t>06/16/14 14:13:40.0</t>
  </si>
  <si>
    <t>06/16/14 14:15:40.5</t>
  </si>
  <si>
    <t>06/16/14 14:15:49.5</t>
  </si>
  <si>
    <t>06/16/14 14:20:43.0</t>
  </si>
  <si>
    <t>06/16/14 14:20:49.0</t>
  </si>
  <si>
    <t>06/16/14 14:22:58.5</t>
  </si>
  <si>
    <t>06/16/14 14:23:04.5</t>
  </si>
  <si>
    <t>06/16/14 14:25:52.5</t>
  </si>
  <si>
    <t>06/16/14 14:25:58.5</t>
  </si>
  <si>
    <t>06/16/14 14:27:04.0</t>
  </si>
  <si>
    <t>06/16/14 14:27:10.5</t>
  </si>
  <si>
    <t>06/16/14 14:28:36.5</t>
  </si>
  <si>
    <t>06/16/14 14:29:16.0</t>
  </si>
  <si>
    <t>06/16/14 14:32:22.0</t>
  </si>
  <si>
    <t>06/16/14 14:33:17.0</t>
  </si>
  <si>
    <t>06/16/14 14:35:46.0</t>
  </si>
  <si>
    <t>06/16/14 14:35:55.5</t>
  </si>
  <si>
    <t>06/16/14 14:36:53.0</t>
  </si>
  <si>
    <t>06/16/14 14:36:59.5</t>
  </si>
  <si>
    <t>06/16/14 14:38:59.5</t>
  </si>
  <si>
    <t>06/16/14 14:39:05.0</t>
  </si>
  <si>
    <t>06/16/14 14:41:50.5</t>
  </si>
  <si>
    <t>06/16/14 14:42:05.0</t>
  </si>
  <si>
    <t>06/16/14 14:44:53.0</t>
  </si>
  <si>
    <t>06/16/14 14:45:06.5</t>
  </si>
  <si>
    <t>06/16/14 14:47:34.5</t>
  </si>
  <si>
    <t>06/16/14 14:47:45.5</t>
  </si>
  <si>
    <t>06/16/14 14:52:03.0</t>
  </si>
  <si>
    <t>06/16/14 14:52:19.0</t>
  </si>
  <si>
    <t>06/16/14 14:55:30.5</t>
  </si>
  <si>
    <t>06/16/14 14:55:55.5</t>
  </si>
  <si>
    <t>06/16/14 15:02:34.5</t>
  </si>
  <si>
    <t>06/16/14 15:04:00.5</t>
  </si>
  <si>
    <t>06/16/14 15:07:35.5</t>
  </si>
  <si>
    <t>06/16/14 15:07:53.5</t>
  </si>
  <si>
    <t>06/16/14 15:11:24.0</t>
  </si>
  <si>
    <t>06/16/14 15:11:43.5</t>
  </si>
  <si>
    <t>06/16/14 15:20:33.5</t>
  </si>
  <si>
    <t>06/16/14 15:20:45.0</t>
  </si>
  <si>
    <t>06/16/14 15:22:30.5</t>
  </si>
  <si>
    <t>06/16/14 15:22:38.0</t>
  </si>
  <si>
    <t>06/16/14 15:25:22.0</t>
  </si>
  <si>
    <t>06/16/14 15:25:29.0</t>
  </si>
  <si>
    <t>06/16/14 15:26:59.5</t>
  </si>
  <si>
    <t>06/16/14 15:27:08.5</t>
  </si>
  <si>
    <t>06/16/14 15:28:18.5</t>
  </si>
  <si>
    <t>06/16/14 15:28:23.5</t>
  </si>
  <si>
    <t>06/16/14 15:30:11.5</t>
  </si>
  <si>
    <t>06/16/14 15:30:15.5</t>
  </si>
  <si>
    <t>06/16/14 15:31:03.5</t>
  </si>
  <si>
    <t>06/16/14 15:31:09.0</t>
  </si>
  <si>
    <t>06/16/14 15:32:32.5</t>
  </si>
  <si>
    <t>06/16/14 15:32:40.5</t>
  </si>
  <si>
    <t>06/16/14 15:34:06.0</t>
  </si>
  <si>
    <t>06/16/14 15:34:20.5</t>
  </si>
  <si>
    <t>06/16/14 15:35:55.0</t>
  </si>
  <si>
    <t>06/16/14 15:36:09.5</t>
  </si>
  <si>
    <t>06/16/14 15:37:36.5</t>
  </si>
  <si>
    <t>06/16/14 15:37:47.0</t>
  </si>
  <si>
    <t>06/16/14 15:40:55.0</t>
  </si>
  <si>
    <t>06/16/14 15:41:05.0</t>
  </si>
  <si>
    <t>06/16/14 15:44:35.5</t>
  </si>
  <si>
    <t>06/16/14 15:44:55.5</t>
  </si>
  <si>
    <t>06/16/14 15:47:14.5</t>
  </si>
  <si>
    <t>06/16/14 15:47:45.0</t>
  </si>
  <si>
    <t>06/16/14 15:48:45.5</t>
  </si>
  <si>
    <t>06/16/14 15:48:52.5</t>
  </si>
  <si>
    <t>06/16/14 15:50:18.0</t>
  </si>
  <si>
    <t>06/16/14 15:50:24.0</t>
  </si>
  <si>
    <t>06/16/14 15:52:46.5</t>
  </si>
  <si>
    <t>06/16/14 15:52:57.0</t>
  </si>
  <si>
    <t>06/16/14 15:56:27.5</t>
  </si>
  <si>
    <t>06/16/14 15:56:39.0</t>
  </si>
  <si>
    <t>06/16/14 16:02:31.0</t>
  </si>
  <si>
    <t>06/16/14 16:02:41.0</t>
  </si>
  <si>
    <t>06/16/14 16:05:31.5</t>
  </si>
  <si>
    <t>06/16/14 16:05:36.5</t>
  </si>
  <si>
    <t>06/16/14 16:07:11.0</t>
  </si>
  <si>
    <t>06/16/14 16:07:30.0</t>
  </si>
  <si>
    <t>06/16/14 16:17:25.0</t>
  </si>
  <si>
    <t>06/16/14 16:17:35.5</t>
  </si>
  <si>
    <t>06/16/14 16:19:25.5</t>
  </si>
  <si>
    <t>06/16/14 16:19:36.0</t>
  </si>
  <si>
    <t>06/16/14 16:21:58.0</t>
  </si>
  <si>
    <t>06/16/14 16:23:05.0</t>
  </si>
  <si>
    <t>06/16/14 16:28:59.0</t>
  </si>
  <si>
    <t>06/16/14 16:29:11.0</t>
  </si>
  <si>
    <t>06/16/14 16:32:12.5</t>
  </si>
  <si>
    <t>06/16/14 16:32:26.5</t>
  </si>
  <si>
    <t>06/16/14 16:36:26.5</t>
  </si>
  <si>
    <t>06/16/14 16:38:38.5</t>
  </si>
  <si>
    <t>06/16/14 16:47:10.0</t>
  </si>
  <si>
    <t>06/16/14 16:47:18.5</t>
  </si>
  <si>
    <t>06/16/14 16:50:14.5</t>
  </si>
  <si>
    <t>06/16/14 16:50:24.5</t>
  </si>
  <si>
    <t>06/16/14 17:01:27.5</t>
  </si>
  <si>
    <t>06/16/14 17:01:33.5</t>
  </si>
  <si>
    <t>06/16/14 17:03:25.5</t>
  </si>
  <si>
    <t>06/16/14 17:03:33.5</t>
  </si>
  <si>
    <t>06/16/14 17:05:03.0</t>
  </si>
  <si>
    <t>06/16/14 17:05:09.0</t>
  </si>
  <si>
    <t>06/16/14 17:06:24.5</t>
  </si>
  <si>
    <t>06/16/14 17:06:40.5</t>
  </si>
  <si>
    <t>06/16/14 17:10:05.0</t>
  </si>
  <si>
    <t>06/16/14 17:10:24.5</t>
  </si>
  <si>
    <t>06/16/14 17:12:23.5</t>
  </si>
  <si>
    <t>06/16/14 17:12:30.0</t>
  </si>
  <si>
    <t>06/16/14 17:15:19.0</t>
  </si>
  <si>
    <t>06/16/14 17:15:28.0</t>
  </si>
  <si>
    <t>06/16/14 17:20:23.0</t>
  </si>
  <si>
    <t>06/16/14 17:20:31.5</t>
  </si>
  <si>
    <t>06/16/14 17:21:53.0</t>
  </si>
  <si>
    <t>06/16/14 17:22:07.5</t>
  </si>
  <si>
    <t>06/16/14 17:25:16.5</t>
  </si>
  <si>
    <t>06/16/14 17:25:48.5</t>
  </si>
  <si>
    <t>06/16/14 17:27:22.0</t>
  </si>
  <si>
    <t>06/16/14 17:27:35.5</t>
  </si>
  <si>
    <t>06/16/14 17:29:51.5</t>
  </si>
  <si>
    <t>06/16/14 17:32:06.0</t>
  </si>
  <si>
    <t>06/16/14 17:35:07.5</t>
  </si>
  <si>
    <t>06/16/14 17:35:17.5</t>
  </si>
  <si>
    <t>06/16/14 17:41:03.0</t>
  </si>
  <si>
    <t>06/16/14 17:41:43.0</t>
  </si>
  <si>
    <t>06/16/14 17:46:38.5</t>
  </si>
  <si>
    <t>06/16/14 17:46:52.5</t>
  </si>
  <si>
    <t>06/16/14 17:49:15.5</t>
  </si>
  <si>
    <t>06/16/14 17:49:31.0</t>
  </si>
  <si>
    <t>06/16/14 17:53:58.5</t>
  </si>
  <si>
    <t>06/16/14 17:54:08.0</t>
  </si>
  <si>
    <t>06/16/14 17:56:58.0</t>
  </si>
  <si>
    <t>06/16/14 17:57:20.0</t>
  </si>
  <si>
    <t>06/16/14 18:00:20.5</t>
  </si>
  <si>
    <t>06/16/14 18:00:37.5</t>
  </si>
  <si>
    <t>06/16/14 18:04:08.0</t>
  </si>
  <si>
    <t>06/16/14 18:04:29.0</t>
  </si>
  <si>
    <t>06/16/14 18:06:38.5</t>
  </si>
  <si>
    <t>06/16/14 18:06:52.0</t>
  </si>
  <si>
    <t>06/16/14 18:13:43.0</t>
  </si>
  <si>
    <t>06/16/14 18:14:27.5</t>
  </si>
  <si>
    <t>06/16/14 18:21:48.0</t>
  </si>
  <si>
    <t>06/16/14 18:22:01.0</t>
  </si>
  <si>
    <t>06/16/14 18:42:00.0</t>
  </si>
  <si>
    <t>06/16/14 18:42:12.0</t>
  </si>
  <si>
    <t>06/16/14 18:47:01.0</t>
  </si>
  <si>
    <t>06/16/14 18:47:28.5</t>
  </si>
  <si>
    <t>06/16/14 19:07:49.0</t>
  </si>
  <si>
    <t>06/16/14 19:08:04.0</t>
  </si>
  <si>
    <t>06/16/14 19:22:07.5</t>
  </si>
  <si>
    <t>06/16/14 19:22:32.5</t>
  </si>
  <si>
    <t>06/16/14 19:34:56.5</t>
  </si>
  <si>
    <t>06/16/14 19:35:12.0</t>
  </si>
  <si>
    <t>06/16/14 19:46:17.5</t>
  </si>
  <si>
    <t>06/16/14 19:46:56.0</t>
  </si>
  <si>
    <t>06/16/14 19:59:17.5</t>
  </si>
  <si>
    <t>06/16/14 19:59:28.5</t>
  </si>
  <si>
    <t>06/16/14 21:05:48.5</t>
  </si>
  <si>
    <t>06/16/14 21:06:15.5</t>
  </si>
  <si>
    <t>06/16/14 21:38:19.5</t>
  </si>
  <si>
    <t>06/16/14 21:38:39.5</t>
  </si>
  <si>
    <t>06/16/14 21:58:19.0</t>
  </si>
  <si>
    <t>06/16/14 22:00:02.0</t>
  </si>
  <si>
    <t>06/16/14 23:01:43.5</t>
  </si>
  <si>
    <t>06/17/14 05:31:28.5</t>
  </si>
  <si>
    <t>06/17/14 07:38:36.5</t>
  </si>
  <si>
    <t>06/17/14 07:42:04.5</t>
  </si>
  <si>
    <t>06/17/14 08:12:23.0</t>
  </si>
  <si>
    <t>06/17/14 08:12:31.5</t>
  </si>
  <si>
    <t>06/17/14 08:23:38.0</t>
  </si>
  <si>
    <t>06/17/14 08:23:52.0</t>
  </si>
  <si>
    <t>06/17/14 08:28:13.0</t>
  </si>
  <si>
    <t>06/17/14 08:28:29.0</t>
  </si>
  <si>
    <t>06/17/14 08:35:25.5</t>
  </si>
  <si>
    <t>06/17/14 08:35:41.5</t>
  </si>
  <si>
    <t>06/17/14 09:09:56.5</t>
  </si>
  <si>
    <t>06/17/14 09:10:10.5</t>
  </si>
  <si>
    <t>06/17/14 09:35:02.0</t>
  </si>
  <si>
    <t>06/17/14 09:35:12.0</t>
  </si>
  <si>
    <t>06/17/14 09:39:02.5</t>
  </si>
  <si>
    <t>06/17/14 09:39:29.0</t>
  </si>
  <si>
    <t>06/17/14 09:42:24.0</t>
  </si>
  <si>
    <t>06/17/14 09:42:42.0</t>
  </si>
  <si>
    <t>06/17/14 09:54:49.5</t>
  </si>
  <si>
    <t>06/17/14 09:54:53.5</t>
  </si>
  <si>
    <t>06/17/14 09:56:34.0</t>
  </si>
  <si>
    <t>06/17/14 10:03:44.5</t>
  </si>
  <si>
    <t>06/17/14 10:05:26.5</t>
  </si>
  <si>
    <t>06/17/14 10:08:50.0</t>
  </si>
  <si>
    <t>06/17/14 10:09:01.5</t>
  </si>
  <si>
    <t>06/17/14 10:11:53.0</t>
  </si>
  <si>
    <t>06/17/14 10:12:02.0</t>
  </si>
  <si>
    <t>06/17/14 10:16:36.0</t>
  </si>
  <si>
    <t>06/17/14 10:16:50.5</t>
  </si>
  <si>
    <t>06/17/14 10:19:03.5</t>
  </si>
  <si>
    <t>06/17/14 10:19:14.0</t>
  </si>
  <si>
    <t>06/17/14 10:23:08.0</t>
  </si>
  <si>
    <t>06/17/14 10:23:20.5</t>
  </si>
  <si>
    <t>06/17/14 10:25:15.5</t>
  </si>
  <si>
    <t>06/17/14 10:25:26.5</t>
  </si>
  <si>
    <t>06/17/14 10:26:57.0</t>
  </si>
  <si>
    <t>06/17/14 10:27:07.5</t>
  </si>
  <si>
    <t>06/17/14 10:28:32.5</t>
  </si>
  <si>
    <t>06/17/14 10:28:54.5</t>
  </si>
  <si>
    <t>06/17/14 10:31:09.0</t>
  </si>
  <si>
    <t>06/17/14 10:31:27.5</t>
  </si>
  <si>
    <t>06/17/14 10:36:36.0</t>
  </si>
  <si>
    <t>06/17/14 10:36:56.5</t>
  </si>
  <si>
    <t>06/17/14 10:39:13.0</t>
  </si>
  <si>
    <t>06/17/14 10:39:20.0</t>
  </si>
  <si>
    <t>06/17/14 10:40:45.0</t>
  </si>
  <si>
    <t>06/17/14 10:41:09.0</t>
  </si>
  <si>
    <t>06/17/14 10:42:57.5</t>
  </si>
  <si>
    <t>06/17/14 10:43:04.5</t>
  </si>
  <si>
    <t>06/17/14 10:44:26.0</t>
  </si>
  <si>
    <t>06/17/14 10:44:51.5</t>
  </si>
  <si>
    <t>06/17/14 10:47:05.0</t>
  </si>
  <si>
    <t>06/17/14 10:47:58.0</t>
  </si>
  <si>
    <t>06/17/14 10:49:34.0</t>
  </si>
  <si>
    <t>06/17/14 10:49:43.5</t>
  </si>
  <si>
    <t>06/17/14 10:51:38.0</t>
  </si>
  <si>
    <t>06/17/14 10:51:48.0</t>
  </si>
  <si>
    <t>06/17/14 10:53:00.0</t>
  </si>
  <si>
    <t>06/17/14 10:53:11.5</t>
  </si>
  <si>
    <t>06/17/14 10:55:13.5</t>
  </si>
  <si>
    <t>06/17/14 10:55:25.5</t>
  </si>
  <si>
    <t>06/17/14 10:56:26.5</t>
  </si>
  <si>
    <t>06/17/14 10:56:32.5</t>
  </si>
  <si>
    <t>06/17/14 10:58:42.0</t>
  </si>
  <si>
    <t>06/17/14 10:59:01.5</t>
  </si>
  <si>
    <t>06/17/14 11:00:31.5</t>
  </si>
  <si>
    <t>06/17/14 11:00:37.5</t>
  </si>
  <si>
    <t>06/17/14 11:02:06.0</t>
  </si>
  <si>
    <t>06/17/14 11:02:24.5</t>
  </si>
  <si>
    <t>06/17/14 11:05:51.0</t>
  </si>
  <si>
    <t>06/17/14 11:06:07.0</t>
  </si>
  <si>
    <t>06/17/14 11:08:35.0</t>
  </si>
  <si>
    <t>06/17/14 11:08:40.0</t>
  </si>
  <si>
    <t>06/17/14 11:10:14.5</t>
  </si>
  <si>
    <t>06/17/14 11:10:26.0</t>
  </si>
  <si>
    <t>06/17/14 11:13:13.5</t>
  </si>
  <si>
    <t>06/17/14 11:13:24.5</t>
  </si>
  <si>
    <t>06/17/14 11:14:34.0</t>
  </si>
  <si>
    <t>06/17/14 11:14:38.0</t>
  </si>
  <si>
    <t>06/17/14 11:15:12.5</t>
  </si>
  <si>
    <t>06/17/14 11:15:19.0</t>
  </si>
  <si>
    <t>06/17/14 11:17:49.5</t>
  </si>
  <si>
    <t>06/17/14 11:18:20.0</t>
  </si>
  <si>
    <t>06/17/14 11:20:26.5</t>
  </si>
  <si>
    <t>06/17/14 11:20:43.5</t>
  </si>
  <si>
    <t>06/17/14 11:21:49.0</t>
  </si>
  <si>
    <t>06/17/14 11:22:00.0</t>
  </si>
  <si>
    <t>06/17/14 11:24:56.5</t>
  </si>
  <si>
    <t>06/17/14 11:25:07.5</t>
  </si>
  <si>
    <t>06/17/14 11:29:46.0</t>
  </si>
  <si>
    <t>06/17/14 11:29:52.0</t>
  </si>
  <si>
    <t>06/17/14 11:33:06.0</t>
  </si>
  <si>
    <t>06/17/14 11:33:14.0</t>
  </si>
  <si>
    <t>06/17/14 11:34:53.0</t>
  </si>
  <si>
    <t>06/17/14 11:35:08.5</t>
  </si>
  <si>
    <t>06/17/14 11:37:27.5</t>
  </si>
  <si>
    <t>06/17/14 11:37:36.0</t>
  </si>
  <si>
    <t>06/17/14 11:40:19.5</t>
  </si>
  <si>
    <t>06/17/14 11:40:27.0</t>
  </si>
  <si>
    <t>06/17/14 11:43:43.5</t>
  </si>
  <si>
    <t>06/17/14 11:43:50.5</t>
  </si>
  <si>
    <t>06/17/14 11:47:39.0</t>
  </si>
  <si>
    <t>06/17/14 11:47:48.5</t>
  </si>
  <si>
    <t>06/17/14 11:49:22.5</t>
  </si>
  <si>
    <t>06/17/14 11:49:42.0</t>
  </si>
  <si>
    <t>06/17/14 11:52:04.0</t>
  </si>
  <si>
    <t>06/17/14 11:52:17.5</t>
  </si>
  <si>
    <t>06/17/14 11:53:41.5</t>
  </si>
  <si>
    <t>06/17/14 11:53:47.5</t>
  </si>
  <si>
    <t>06/17/14 11:56:40.0</t>
  </si>
  <si>
    <t>06/17/14 11:56:46.5</t>
  </si>
  <si>
    <t>06/17/14 11:58:35.5</t>
  </si>
  <si>
    <t>06/17/14 11:58:43.0</t>
  </si>
  <si>
    <t>06/17/14 12:02:12.0</t>
  </si>
  <si>
    <t>06/17/14 12:02:19.0</t>
  </si>
  <si>
    <t>06/17/14 12:07:30.5</t>
  </si>
  <si>
    <t>06/17/14 12:07:43.5</t>
  </si>
  <si>
    <t>06/17/14 12:10:18.0</t>
  </si>
  <si>
    <t>06/17/14 12:10:30.0</t>
  </si>
  <si>
    <t>06/17/14 12:12:39.0</t>
  </si>
  <si>
    <t>06/17/14 12:12:53.0</t>
  </si>
  <si>
    <t>06/17/14 12:14:34.5</t>
  </si>
  <si>
    <t>06/17/14 12:14:39.0</t>
  </si>
  <si>
    <t>06/17/14 12:16:03.5</t>
  </si>
  <si>
    <t>06/17/14 12:17:07.0</t>
  </si>
  <si>
    <t>06/17/14 12:24:17.0</t>
  </si>
  <si>
    <t>06/17/14 12:24:59.5</t>
  </si>
  <si>
    <t>06/17/14 12:30:02.0</t>
  </si>
  <si>
    <t>06/17/14 12:30:16.0</t>
  </si>
  <si>
    <t>06/17/14 12:36:43.0</t>
  </si>
  <si>
    <t>06/17/14 12:37:17.5</t>
  </si>
  <si>
    <t>06/17/14 12:39:51.5</t>
  </si>
  <si>
    <t>06/17/14 12:40:16.5</t>
  </si>
  <si>
    <t>06/17/14 12:44:32.5</t>
  </si>
  <si>
    <t>06/17/14 12:45:03.5</t>
  </si>
  <si>
    <t>06/17/14 12:51:16.5</t>
  </si>
  <si>
    <t>06/17/14 12:51:31.0</t>
  </si>
  <si>
    <t>06/17/14 12:56:59.5</t>
  </si>
  <si>
    <t>06/17/14 12:57:17.0</t>
  </si>
  <si>
    <t>06/17/14 13:00:23.0</t>
  </si>
  <si>
    <t>06/17/14 13:00:38.5</t>
  </si>
  <si>
    <t>06/17/14 13:02:38.0</t>
  </si>
  <si>
    <t>06/17/14 13:02:43.5</t>
  </si>
  <si>
    <t>06/17/14 13:04:00.0</t>
  </si>
  <si>
    <t>06/17/14 13:04:07.0</t>
  </si>
  <si>
    <t>06/17/14 13:07:16.0</t>
  </si>
  <si>
    <t>06/17/14 13:09:32.0</t>
  </si>
  <si>
    <t>06/17/14 13:12:23.5</t>
  </si>
  <si>
    <t>06/17/14 13:12:33.5</t>
  </si>
  <si>
    <t>06/17/14 13:13:59.5</t>
  </si>
  <si>
    <t>06/17/14 13:14:05.5</t>
  </si>
  <si>
    <t>06/17/14 13:15:42.0</t>
  </si>
  <si>
    <t>06/17/14 13:15:51.0</t>
  </si>
  <si>
    <t>06/17/14 13:18:00.5</t>
  </si>
  <si>
    <t>06/17/14 13:18:42.0</t>
  </si>
  <si>
    <t>06/17/14 13:23:12.5</t>
  </si>
  <si>
    <t>06/17/14 13:24:05.5</t>
  </si>
  <si>
    <t>06/17/14 13:26:56.5</t>
  </si>
  <si>
    <t>06/17/14 13:27:08.0</t>
  </si>
  <si>
    <t>06/17/14 13:30:22.5</t>
  </si>
  <si>
    <t>06/17/14 13:30:39.5</t>
  </si>
  <si>
    <t>06/17/14 13:35:18.0</t>
  </si>
  <si>
    <t>06/17/14 13:35:25.0</t>
  </si>
  <si>
    <t>06/17/14 13:37:18.5</t>
  </si>
  <si>
    <t>06/17/14 13:37:27.0</t>
  </si>
  <si>
    <t>06/17/14 13:39:13.5</t>
  </si>
  <si>
    <t>06/17/14 13:39:29.0</t>
  </si>
  <si>
    <t>06/17/14 13:41:52.0</t>
  </si>
  <si>
    <t>06/17/14 13:42:38.0</t>
  </si>
  <si>
    <t>06/17/14 13:44:18.0</t>
  </si>
  <si>
    <t>06/17/14 13:44:33.0</t>
  </si>
  <si>
    <t>06/17/14 13:47:37.0</t>
  </si>
  <si>
    <t>06/17/14 13:47:46.0</t>
  </si>
  <si>
    <t>06/17/14 13:49:18.0</t>
  </si>
  <si>
    <t>06/17/14 13:49:27.5</t>
  </si>
  <si>
    <t>06/17/14 13:51:34.0</t>
  </si>
  <si>
    <t>06/17/14 13:51:41.0</t>
  </si>
  <si>
    <t>06/17/14 13:52:41.5</t>
  </si>
  <si>
    <t>06/17/14 13:52:49.0</t>
  </si>
  <si>
    <t>06/17/14 13:54:31.0</t>
  </si>
  <si>
    <t>06/17/14 13:54:39.0</t>
  </si>
  <si>
    <t>06/17/14 13:56:17.5</t>
  </si>
  <si>
    <t>06/17/14 13:56:28.5</t>
  </si>
  <si>
    <t>06/17/14 13:58:49.0</t>
  </si>
  <si>
    <t>06/17/14 13:58:56.0</t>
  </si>
  <si>
    <t>06/17/14 14:00:22.0</t>
  </si>
  <si>
    <t>06/17/14 14:00:26.5</t>
  </si>
  <si>
    <t>06/17/14 14:01:30.0</t>
  </si>
  <si>
    <t>06/17/14 14:01:36.5</t>
  </si>
  <si>
    <t>06/17/14 14:02:19.0</t>
  </si>
  <si>
    <t>06/17/14 14:02:25.0</t>
  </si>
  <si>
    <t>06/17/14 14:03:31.5</t>
  </si>
  <si>
    <t>06/17/14 14:03:38.5</t>
  </si>
  <si>
    <t>06/17/14 14:04:28.5</t>
  </si>
  <si>
    <t>06/17/14 14:04:36.5</t>
  </si>
  <si>
    <t>06/17/14 14:05:59.5</t>
  </si>
  <si>
    <t>06/17/14 14:06:08.5</t>
  </si>
  <si>
    <t>06/17/14 14:07:42.0</t>
  </si>
  <si>
    <t>06/17/14 14:07:55.0</t>
  </si>
  <si>
    <t>06/17/14 14:09:34.5</t>
  </si>
  <si>
    <t>06/17/14 14:09:40.5</t>
  </si>
  <si>
    <t>06/17/14 14:11:15.5</t>
  </si>
  <si>
    <t>06/17/14 14:11:22.0</t>
  </si>
  <si>
    <t>06/17/14 14:13:14.0</t>
  </si>
  <si>
    <t>06/17/14 14:13:22.0</t>
  </si>
  <si>
    <t>06/17/14 14:15:22.5</t>
  </si>
  <si>
    <t>06/17/14 14:15:32.5</t>
  </si>
  <si>
    <t>06/17/14 14:18:37.0</t>
  </si>
  <si>
    <t>06/17/14 14:18:46.0</t>
  </si>
  <si>
    <t>06/17/14 14:20:19.0</t>
  </si>
  <si>
    <t>06/17/14 14:20:27.0</t>
  </si>
  <si>
    <t>06/17/14 14:21:18.5</t>
  </si>
  <si>
    <t>06/17/14 14:21:23.5</t>
  </si>
  <si>
    <t>06/17/14 14:22:15.5</t>
  </si>
  <si>
    <t>06/17/14 14:22:20.5</t>
  </si>
  <si>
    <t>06/17/14 14:23:49.5</t>
  </si>
  <si>
    <t>06/17/14 14:23:56.0</t>
  </si>
  <si>
    <t>06/17/14 14:24:38.5</t>
  </si>
  <si>
    <t>06/17/14 14:24:44.0</t>
  </si>
  <si>
    <t>06/17/14 14:25:49.0</t>
  </si>
  <si>
    <t>06/17/14 14:25:58.5</t>
  </si>
  <si>
    <t>06/17/14 14:28:06.5</t>
  </si>
  <si>
    <t>06/17/14 14:28:11.0</t>
  </si>
  <si>
    <t>06/17/14 14:29:36.0</t>
  </si>
  <si>
    <t>06/17/14 14:29:43.5</t>
  </si>
  <si>
    <t>06/17/14 14:31:20.0</t>
  </si>
  <si>
    <t>06/17/14 14:31:31.5</t>
  </si>
  <si>
    <t>06/17/14 14:32:48.0</t>
  </si>
  <si>
    <t>06/17/14 14:32:55.0</t>
  </si>
  <si>
    <t>06/17/14 14:34:32.0</t>
  </si>
  <si>
    <t>06/17/14 14:34:41.0</t>
  </si>
  <si>
    <t>06/17/14 14:35:26.0</t>
  </si>
  <si>
    <t>06/17/14 14:35:31.5</t>
  </si>
  <si>
    <t>06/17/14 14:36:31.0</t>
  </si>
  <si>
    <t>06/17/14 14:36:59.0</t>
  </si>
  <si>
    <t>06/17/14 14:38:52.0</t>
  </si>
  <si>
    <t>06/17/14 14:39:01.5</t>
  </si>
  <si>
    <t>06/17/14 14:41:01.0</t>
  </si>
  <si>
    <t>06/17/14 14:41:09.5</t>
  </si>
  <si>
    <t>06/17/14 14:42:29.5</t>
  </si>
  <si>
    <t>06/17/14 14:42:33.5</t>
  </si>
  <si>
    <t>06/17/14 14:43:20.5</t>
  </si>
  <si>
    <t>06/17/14 14:43:27.0</t>
  </si>
  <si>
    <t>06/17/14 14:44:30.0</t>
  </si>
  <si>
    <t>06/17/14 14:44:40.0</t>
  </si>
  <si>
    <t>06/17/14 14:46:44.5</t>
  </si>
  <si>
    <t>06/17/14 14:46:52.0</t>
  </si>
  <si>
    <t>06/17/14 14:47:49.0</t>
  </si>
  <si>
    <t>06/17/14 14:47:53.0</t>
  </si>
  <si>
    <t>06/17/14 14:49:29.5</t>
  </si>
  <si>
    <t>06/17/14 14:49:42.0</t>
  </si>
  <si>
    <t>06/17/14 14:50:31.0</t>
  </si>
  <si>
    <t>06/17/14 14:50:37.0</t>
  </si>
  <si>
    <t>06/17/14 14:51:55.0</t>
  </si>
  <si>
    <t>06/17/14 14:52:00.5</t>
  </si>
  <si>
    <t>06/17/14 14:52:57.0</t>
  </si>
  <si>
    <t>06/17/14 14:53:27.5</t>
  </si>
  <si>
    <t>06/17/14 14:55:49.0</t>
  </si>
  <si>
    <t>06/17/14 14:56:19.0</t>
  </si>
  <si>
    <t>06/17/14 14:57:33.5</t>
  </si>
  <si>
    <t>06/17/14 14:57:37.5</t>
  </si>
  <si>
    <t>06/17/14 14:58:11.5</t>
  </si>
  <si>
    <t>06/17/14 14:58:16.0</t>
  </si>
  <si>
    <t>06/17/14 15:00:27.0</t>
  </si>
  <si>
    <t>06/17/14 15:00:32.0</t>
  </si>
  <si>
    <t>06/17/14 15:01:38.5</t>
  </si>
  <si>
    <t>06/17/14 15:01:47.0</t>
  </si>
  <si>
    <t>06/17/14 15:03:36.0</t>
  </si>
  <si>
    <t>06/17/14 15:03:58.0</t>
  </si>
  <si>
    <t>06/17/14 15:04:38.5</t>
  </si>
  <si>
    <t>06/17/14 15:04:44.0</t>
  </si>
  <si>
    <t>06/17/14 15:06:16.0</t>
  </si>
  <si>
    <t>06/17/14 15:06:21.0</t>
  </si>
  <si>
    <t>06/17/14 15:07:20.0</t>
  </si>
  <si>
    <t>06/17/14 15:07:26.0</t>
  </si>
  <si>
    <t>06/17/14 15:08:31.5</t>
  </si>
  <si>
    <t>06/17/14 15:08:41.5</t>
  </si>
  <si>
    <t>06/17/14 15:10:03.0</t>
  </si>
  <si>
    <t>06/17/14 15:10:09.0</t>
  </si>
  <si>
    <t>06/17/14 15:12:11.5</t>
  </si>
  <si>
    <t>06/17/14 15:12:17.0</t>
  </si>
  <si>
    <t>06/17/14 15:13:19.5</t>
  </si>
  <si>
    <t>06/17/14 15:13:54.5</t>
  </si>
  <si>
    <t>06/17/14 15:18:22.5</t>
  </si>
  <si>
    <t>06/17/14 15:18:59.5</t>
  </si>
  <si>
    <t>06/17/14 15:20:39.0</t>
  </si>
  <si>
    <t>06/17/14 15:21:32.0</t>
  </si>
  <si>
    <t>06/17/14 15:23:56.5</t>
  </si>
  <si>
    <t>06/17/14 15:24:10.0</t>
  </si>
  <si>
    <t>06/17/14 15:29:24.0</t>
  </si>
  <si>
    <t>06/17/14 15:29:30.0</t>
  </si>
  <si>
    <t>06/17/14 15:32:19.0</t>
  </si>
  <si>
    <t>06/17/14 15:32:33.5</t>
  </si>
  <si>
    <t>06/17/14 15:38:08.0</t>
  </si>
  <si>
    <t>06/17/14 15:38:15.5</t>
  </si>
  <si>
    <t>06/17/14 15:40:30.0</t>
  </si>
  <si>
    <t>06/17/14 15:40:44.0</t>
  </si>
  <si>
    <t>06/17/14 15:42:20.5</t>
  </si>
  <si>
    <t>06/17/14 15:42:29.0</t>
  </si>
  <si>
    <t>06/17/14 15:44:30.5</t>
  </si>
  <si>
    <t>06/17/14 15:44:40.0</t>
  </si>
  <si>
    <t>06/17/14 15:47:16.5</t>
  </si>
  <si>
    <t>06/17/14 15:48:38.5</t>
  </si>
  <si>
    <t>06/17/14 15:52:43.5</t>
  </si>
  <si>
    <t>06/17/14 15:52:52.0</t>
  </si>
  <si>
    <t>06/17/14 15:54:53.5</t>
  </si>
  <si>
    <t>06/17/14 15:55:01.0</t>
  </si>
  <si>
    <t>06/17/14 15:59:04.5</t>
  </si>
  <si>
    <t>06/17/14 15:59:13.0</t>
  </si>
  <si>
    <t>06/17/14 16:00:51.5</t>
  </si>
  <si>
    <t>06/17/14 16:01:00.0</t>
  </si>
  <si>
    <t>06/17/14 16:03:06.0</t>
  </si>
  <si>
    <t>06/17/14 16:03:13.0</t>
  </si>
  <si>
    <t>06/17/14 16:11:29.5</t>
  </si>
  <si>
    <t>06/17/14 16:11:43.5</t>
  </si>
  <si>
    <t>06/17/14 16:16:01.0</t>
  </si>
  <si>
    <t>06/17/14 16:16:46.0</t>
  </si>
  <si>
    <t>06/17/14 16:19:28.5</t>
  </si>
  <si>
    <t>06/17/14 16:19:35.0</t>
  </si>
  <si>
    <t>06/17/14 16:22:36.0</t>
  </si>
  <si>
    <t>06/17/14 16:22:43.0</t>
  </si>
  <si>
    <t>06/17/14 16:24:56.0</t>
  </si>
  <si>
    <t>06/17/14 16:25:14.0</t>
  </si>
  <si>
    <t>06/17/14 16:27:15.0</t>
  </si>
  <si>
    <t>06/17/14 16:27:31.5</t>
  </si>
  <si>
    <t>06/17/14 16:29:08.5</t>
  </si>
  <si>
    <t>06/17/14 16:29:13.5</t>
  </si>
  <si>
    <t>06/17/14 16:29:53.5</t>
  </si>
  <si>
    <t>06/17/14 16:29:58.5</t>
  </si>
  <si>
    <t>06/17/14 16:31:10.5</t>
  </si>
  <si>
    <t>06/17/14 16:31:16.0</t>
  </si>
  <si>
    <t>06/17/14 16:32:26.5</t>
  </si>
  <si>
    <t>06/17/14 16:32:40.0</t>
  </si>
  <si>
    <t>06/17/14 16:36:00.0</t>
  </si>
  <si>
    <t>06/17/14 16:36:09.5</t>
  </si>
  <si>
    <t>06/17/14 16:42:51.0</t>
  </si>
  <si>
    <t>06/17/14 16:43:08.0</t>
  </si>
  <si>
    <t>06/17/14 16:44:52.5</t>
  </si>
  <si>
    <t>06/17/14 16:44:57.5</t>
  </si>
  <si>
    <t>06/17/14 16:47:36.0</t>
  </si>
  <si>
    <t>06/17/14 16:48:25.5</t>
  </si>
  <si>
    <t>06/17/14 16:49:44.5</t>
  </si>
  <si>
    <t>06/17/14 16:49:52.0</t>
  </si>
  <si>
    <t>06/17/14 16:52:56.5</t>
  </si>
  <si>
    <t>06/17/14 16:53:09.5</t>
  </si>
  <si>
    <t>06/17/14 16:53:55.5</t>
  </si>
  <si>
    <t>06/17/14 16:54:04.5</t>
  </si>
  <si>
    <t>06/17/14 16:55:22.5</t>
  </si>
  <si>
    <t>06/17/14 16:55:32.5</t>
  </si>
  <si>
    <t>06/17/14 16:57:32.5</t>
  </si>
  <si>
    <t>06/17/14 16:57:38.0</t>
  </si>
  <si>
    <t>06/17/14 16:59:07.5</t>
  </si>
  <si>
    <t>06/17/14 16:59:19.5</t>
  </si>
  <si>
    <t>06/17/14 17:03:54.5</t>
  </si>
  <si>
    <t>06/17/14 17:04:07.0</t>
  </si>
  <si>
    <t>06/17/14 17:06:48.0</t>
  </si>
  <si>
    <t>06/17/14 17:06:58.0</t>
  </si>
  <si>
    <t>06/17/14 17:08:50.0</t>
  </si>
  <si>
    <t>06/17/14 17:08:57.5</t>
  </si>
  <si>
    <t>06/17/14 17:10:24.5</t>
  </si>
  <si>
    <t>06/17/14 17:10:46.5</t>
  </si>
  <si>
    <t>06/17/14 17:13:17.0</t>
  </si>
  <si>
    <t>06/17/14 17:14:31.0</t>
  </si>
  <si>
    <t>06/17/14 17:16:23.5</t>
  </si>
  <si>
    <t>06/17/14 17:16:30.5</t>
  </si>
  <si>
    <t>06/17/14 17:17:48.0</t>
  </si>
  <si>
    <t>06/17/14 17:17:54.0</t>
  </si>
  <si>
    <t>06/17/14 17:19:44.0</t>
  </si>
  <si>
    <t>06/17/14 17:19:50.5</t>
  </si>
  <si>
    <t>06/17/14 17:21:12.0</t>
  </si>
  <si>
    <t>06/17/14 17:21:49.0</t>
  </si>
  <si>
    <t>06/17/14 17:23:41.5</t>
  </si>
  <si>
    <t>06/17/14 17:23:49.0</t>
  </si>
  <si>
    <t>06/17/14 17:25:43.5</t>
  </si>
  <si>
    <t>06/17/14 17:25:52.0</t>
  </si>
  <si>
    <t>06/17/14 17:27:23.5</t>
  </si>
  <si>
    <t>06/17/14 17:27:29.0</t>
  </si>
  <si>
    <t>06/17/14 17:31:25.0</t>
  </si>
  <si>
    <t>06/17/14 17:31:34.5</t>
  </si>
  <si>
    <t>06/17/14 17:34:17.5</t>
  </si>
  <si>
    <t>06/17/14 17:34:24.5</t>
  </si>
  <si>
    <t>06/17/14 17:35:39.0</t>
  </si>
  <si>
    <t>06/17/14 17:35:44.5</t>
  </si>
  <si>
    <t>06/17/14 17:36:43.5</t>
  </si>
  <si>
    <t>06/17/14 17:36:53.0</t>
  </si>
  <si>
    <t>06/17/14 17:38:44.0</t>
  </si>
  <si>
    <t>06/17/14 17:39:01.0</t>
  </si>
  <si>
    <t>06/17/14 17:40:21.5</t>
  </si>
  <si>
    <t>06/17/14 17:40:27.0</t>
  </si>
  <si>
    <t>06/17/14 17:41:22.5</t>
  </si>
  <si>
    <t>06/17/14 17:41:30.0</t>
  </si>
  <si>
    <t>06/17/14 17:43:30.0</t>
  </si>
  <si>
    <t>06/17/14 17:43:39.5</t>
  </si>
  <si>
    <t>06/17/14 17:44:43.0</t>
  </si>
  <si>
    <t>06/17/14 17:44:49.5</t>
  </si>
  <si>
    <t>06/17/14 17:46:30.5</t>
  </si>
  <si>
    <t>06/17/14 17:46:38.0</t>
  </si>
  <si>
    <t>06/17/14 17:47:40.0</t>
  </si>
  <si>
    <t>06/17/14 17:47:48.5</t>
  </si>
  <si>
    <t>06/17/14 17:50:47.0</t>
  </si>
  <si>
    <t>06/17/14 17:50:58.0</t>
  </si>
  <si>
    <t>06/17/14 17:52:54.0</t>
  </si>
  <si>
    <t>06/17/14 17:53:03.0</t>
  </si>
  <si>
    <t>06/17/14 17:54:15.0</t>
  </si>
  <si>
    <t>06/17/14 17:54:37.5</t>
  </si>
  <si>
    <t>06/17/14 17:55:58.0</t>
  </si>
  <si>
    <t>06/17/14 17:57:37.0</t>
  </si>
  <si>
    <t>06/17/14 17:59:59.0</t>
  </si>
  <si>
    <t>06/17/14 18:00:11.5</t>
  </si>
  <si>
    <t>06/17/14 18:01:37.5</t>
  </si>
  <si>
    <t>06/17/14 18:01:44.0</t>
  </si>
  <si>
    <t>06/17/14 18:02:44.0</t>
  </si>
  <si>
    <t>06/17/14 18:02:49.5</t>
  </si>
  <si>
    <t>06/17/14 18:04:00.5</t>
  </si>
  <si>
    <t>06/17/14 18:04:12.5</t>
  </si>
  <si>
    <t>06/17/14 18:05:15.5</t>
  </si>
  <si>
    <t>06/17/14 18:05:23.0</t>
  </si>
  <si>
    <t>06/17/14 18:07:08.0</t>
  </si>
  <si>
    <t>06/17/14 18:07:12.0</t>
  </si>
  <si>
    <t>06/17/14 18:08:02.5</t>
  </si>
  <si>
    <t>06/17/14 18:08:15.0</t>
  </si>
  <si>
    <t>06/17/14 18:09:57.5</t>
  </si>
  <si>
    <t>06/17/14 18:10:03.0</t>
  </si>
  <si>
    <t>06/17/14 18:10:55.0</t>
  </si>
  <si>
    <t>06/17/14 18:11:08.0</t>
  </si>
  <si>
    <t>06/17/14 18:12:43.0</t>
  </si>
  <si>
    <t>06/17/14 18:12:48.5</t>
  </si>
  <si>
    <t>06/17/14 18:14:42.5</t>
  </si>
  <si>
    <t>06/17/14 18:14:54.0</t>
  </si>
  <si>
    <t>06/17/14 18:15:52.0</t>
  </si>
  <si>
    <t>06/17/14 18:15:59.0</t>
  </si>
  <si>
    <t>06/17/14 18:17:49.0</t>
  </si>
  <si>
    <t>06/17/14 18:18:18.0</t>
  </si>
  <si>
    <t>06/17/14 18:20:17.0</t>
  </si>
  <si>
    <t>06/17/14 18:20:22.0</t>
  </si>
  <si>
    <t>06/17/14 18:21:24.0</t>
  </si>
  <si>
    <t>06/17/14 18:21:36.0</t>
  </si>
  <si>
    <t>06/17/14 18:22:48.0</t>
  </si>
  <si>
    <t>06/17/14 18:22:55.0</t>
  </si>
  <si>
    <t>06/17/14 18:23:28.5</t>
  </si>
  <si>
    <t>06/17/14 18:23:33.5</t>
  </si>
  <si>
    <t>06/17/14 18:24:18.5</t>
  </si>
  <si>
    <t>06/17/14 18:24:24.0</t>
  </si>
  <si>
    <t>06/17/14 18:25:06.5</t>
  </si>
  <si>
    <t>06/17/14 18:25:11.5</t>
  </si>
  <si>
    <t>06/17/14 18:26:09.5</t>
  </si>
  <si>
    <t>06/17/14 18:26:15.5</t>
  </si>
  <si>
    <t>06/17/14 18:27:09.0</t>
  </si>
  <si>
    <t>06/17/14 18:27:12.5</t>
  </si>
  <si>
    <t>06/17/14 18:29:56.5</t>
  </si>
  <si>
    <t>06/17/14 18:30:08.0</t>
  </si>
  <si>
    <t>06/17/14 18:31:20.0</t>
  </si>
  <si>
    <t>06/17/14 18:31:45.0</t>
  </si>
  <si>
    <t>06/17/14 18:33:04.5</t>
  </si>
  <si>
    <t>06/17/14 18:33:20.5</t>
  </si>
  <si>
    <t>06/17/14 18:35:00.5</t>
  </si>
  <si>
    <t>06/17/14 18:35:08.0</t>
  </si>
  <si>
    <t>06/17/14 18:36:32.0</t>
  </si>
  <si>
    <t>06/17/14 18:36:40.0</t>
  </si>
  <si>
    <t>06/17/14 18:39:41.5</t>
  </si>
  <si>
    <t>06/17/14 18:40:04.0</t>
  </si>
  <si>
    <t>06/17/14 18:41:07.0</t>
  </si>
  <si>
    <t>06/17/14 18:41:18.0</t>
  </si>
  <si>
    <t>06/17/14 18:43:11.0</t>
  </si>
  <si>
    <t>06/17/14 18:43:16.5</t>
  </si>
  <si>
    <t>06/17/14 18:44:15.0</t>
  </si>
  <si>
    <t>06/17/14 18:44:22.5</t>
  </si>
  <si>
    <t>06/17/14 18:45:37.0</t>
  </si>
  <si>
    <t>06/17/14 18:45:41.5</t>
  </si>
  <si>
    <t>06/17/14 18:46:43.5</t>
  </si>
  <si>
    <t>06/17/14 18:46:50.0</t>
  </si>
  <si>
    <t>06/17/14 18:48:33.5</t>
  </si>
  <si>
    <t>06/17/14 18:48:47.0</t>
  </si>
  <si>
    <t>06/17/14 18:50:07.0</t>
  </si>
  <si>
    <t>06/17/14 18:50:10.5</t>
  </si>
  <si>
    <t>06/17/14 18:50:46.0</t>
  </si>
  <si>
    <t>06/17/14 18:50:51.0</t>
  </si>
  <si>
    <t>06/17/14 18:54:38.0</t>
  </si>
  <si>
    <t>06/17/14 18:54:56.0</t>
  </si>
  <si>
    <t>06/17/14 19:00:23.5</t>
  </si>
  <si>
    <t>06/17/14 19:00:37.5</t>
  </si>
  <si>
    <t>06/17/14 19:04:07.5</t>
  </si>
  <si>
    <t>06/17/14 19:04:56.5</t>
  </si>
  <si>
    <t>06/17/14 19:07:09.0</t>
  </si>
  <si>
    <t>06/17/14 19:07:28.0</t>
  </si>
  <si>
    <t>06/17/14 19:10:29.5</t>
  </si>
  <si>
    <t>06/17/14 19:10:37.5</t>
  </si>
  <si>
    <t>06/17/14 19:11:57.0</t>
  </si>
  <si>
    <t>06/17/14 19:12:03.0</t>
  </si>
  <si>
    <t>06/17/14 19:14:13.0</t>
  </si>
  <si>
    <t>06/17/14 19:14:23.0</t>
  </si>
  <si>
    <t>06/17/14 19:18:06.0</t>
  </si>
  <si>
    <t>06/17/14 19:18:12.0</t>
  </si>
  <si>
    <t>06/17/14 19:19:46.5</t>
  </si>
  <si>
    <t>06/17/14 19:19:56.0</t>
  </si>
  <si>
    <t>06/17/14 19:21:33.5</t>
  </si>
  <si>
    <t>06/17/14 19:21:52.5</t>
  </si>
  <si>
    <t>06/17/14 19:24:44.5</t>
  </si>
  <si>
    <t>06/17/14 19:25:00.0</t>
  </si>
  <si>
    <t>06/17/14 19:28:40.5</t>
  </si>
  <si>
    <t>06/17/14 19:28:54.5</t>
  </si>
  <si>
    <t>06/17/14 19:31:33.5</t>
  </si>
  <si>
    <t>06/17/14 19:32:18.5</t>
  </si>
  <si>
    <t>06/17/14 19:35:08.5</t>
  </si>
  <si>
    <t>06/17/14 19:35:17.5</t>
  </si>
  <si>
    <t>06/17/14 19:37:48.5</t>
  </si>
  <si>
    <t>06/17/14 19:37:53.0</t>
  </si>
  <si>
    <t>06/17/14 19:39:08.5</t>
  </si>
  <si>
    <t>06/17/14 19:40:18.5</t>
  </si>
  <si>
    <t>06/17/14 19:45:12.5</t>
  </si>
  <si>
    <t>06/17/14 19:45:26.5</t>
  </si>
  <si>
    <t>06/17/14 19:48:43.0</t>
  </si>
  <si>
    <t>06/17/14 19:48:54.5</t>
  </si>
  <si>
    <t>06/17/14 19:54:38.0</t>
  </si>
  <si>
    <t>06/17/14 19:54:46.5</t>
  </si>
  <si>
    <t>06/17/14 19:56:28.0</t>
  </si>
  <si>
    <t>06/17/14 19:56:37.0</t>
  </si>
  <si>
    <t>06/17/14 19:59:19.5</t>
  </si>
  <si>
    <t>06/17/14 19:59:37.0</t>
  </si>
  <si>
    <t>06/17/14 20:04:23.5</t>
  </si>
  <si>
    <t>06/17/14 20:04:39.0</t>
  </si>
  <si>
    <t>06/17/14 20:13:58.5</t>
  </si>
  <si>
    <t>06/17/14 20:14:43.0</t>
  </si>
  <si>
    <t>06/17/14 20:25:49.5</t>
  </si>
  <si>
    <t>06/17/14 20:26:10.5</t>
  </si>
  <si>
    <t>06/17/14 20:38:14.5</t>
  </si>
  <si>
    <t>06/17/14 20:40:30.5</t>
  </si>
  <si>
    <t>06/17/14 20:51:12.0</t>
  </si>
  <si>
    <t>06/17/14 20:51:47.0</t>
  </si>
  <si>
    <t>06/18/14 08:20:31.5</t>
  </si>
  <si>
    <t>06/18/14 08:20:44.0</t>
  </si>
  <si>
    <t>06/18/14 08:29:25.5</t>
  </si>
  <si>
    <t>06/18/14 08:29:47.5</t>
  </si>
  <si>
    <t>06/18/14 08:38:28.5</t>
  </si>
  <si>
    <t>06/18/14 08:38:54.5</t>
  </si>
  <si>
    <t>06/18/14 08:43:50.5</t>
  </si>
  <si>
    <t>06/18/14 08:44:03.5</t>
  </si>
  <si>
    <t>06/18/14 08:45:43.5</t>
  </si>
  <si>
    <t>06/18/14 08:45:50.0</t>
  </si>
  <si>
    <t>06/18/14 08:47:32.0</t>
  </si>
  <si>
    <t>06/18/14 08:54:13.0</t>
  </si>
  <si>
    <t>06/18/14 09:01:22.5</t>
  </si>
  <si>
    <t>06/18/14 09:04:31.0</t>
  </si>
  <si>
    <t>06/18/14 09:06:44.0</t>
  </si>
  <si>
    <t>06/18/14 09:07:11.0</t>
  </si>
  <si>
    <t>06/18/14 09:18:51.5</t>
  </si>
  <si>
    <t>06/18/14 09:19:15.0</t>
  </si>
  <si>
    <t>06/18/14 09:30:14.5</t>
  </si>
  <si>
    <t>06/18/14 09:30:48.5</t>
  </si>
  <si>
    <t>06/18/14 09:34:09.0</t>
  </si>
  <si>
    <t>06/18/14 09:34:24.0</t>
  </si>
  <si>
    <t>06/18/14 09:37:11.5</t>
  </si>
  <si>
    <t>06/18/14 09:37:25.5</t>
  </si>
  <si>
    <t>06/18/14 09:40:48.0</t>
  </si>
  <si>
    <t>06/18/14 09:41:46.5</t>
  </si>
  <si>
    <t>06/18/14 09:50:32.0</t>
  </si>
  <si>
    <t>06/18/14 09:50:45.5</t>
  </si>
  <si>
    <t>06/18/14 09:55:01.5</t>
  </si>
  <si>
    <t>06/18/14 09:55:23.0</t>
  </si>
  <si>
    <t>06/18/14 09:57:47.0</t>
  </si>
  <si>
    <t>06/18/14 09:58:06.0</t>
  </si>
  <si>
    <t>06/18/14 10:01:45.5</t>
  </si>
  <si>
    <t>06/18/14 10:02:02.5</t>
  </si>
  <si>
    <t>06/18/14 10:06:06.0</t>
  </si>
  <si>
    <t>06/18/14 10:06:13.0</t>
  </si>
  <si>
    <t>06/18/14 10:07:41.5</t>
  </si>
  <si>
    <t>06/18/14 10:07:55.0</t>
  </si>
  <si>
    <t>06/18/14 10:09:48.5</t>
  </si>
  <si>
    <t>06/18/14 10:09:56.0</t>
  </si>
  <si>
    <t>06/18/14 10:13:34.0</t>
  </si>
  <si>
    <t>06/18/14 10:13:44.0</t>
  </si>
  <si>
    <t>06/18/14 10:16:10.0</t>
  </si>
  <si>
    <t>06/18/14 10:16:35.5</t>
  </si>
  <si>
    <t>06/18/14 10:18:33.5</t>
  </si>
  <si>
    <t>06/18/14 10:18:52.5</t>
  </si>
  <si>
    <t>06/18/14 10:20:29.0</t>
  </si>
  <si>
    <t>06/18/14 10:20:38.5</t>
  </si>
  <si>
    <t>06/18/14 10:22:43.5</t>
  </si>
  <si>
    <t>06/18/14 10:23:28.0</t>
  </si>
  <si>
    <t>06/18/14 10:26:23.5</t>
  </si>
  <si>
    <t>06/18/14 10:26:27.5</t>
  </si>
  <si>
    <t>06/18/14 10:28:11.0</t>
  </si>
  <si>
    <t>06/18/14 10:28:51.0</t>
  </si>
  <si>
    <t>06/18/14 10:31:05.0</t>
  </si>
  <si>
    <t>06/18/14 10:31:11.0</t>
  </si>
  <si>
    <t>06/18/14 10:32:19.5</t>
  </si>
  <si>
    <t>06/18/14 10:32:36.0</t>
  </si>
  <si>
    <t>06/18/14 10:35:17.0</t>
  </si>
  <si>
    <t>06/18/14 10:35:25.5</t>
  </si>
  <si>
    <t>06/18/14 10:36:56.5</t>
  </si>
  <si>
    <t>06/18/14 10:37:06.5</t>
  </si>
  <si>
    <t>06/18/14 10:38:04.0</t>
  </si>
  <si>
    <t>06/18/14 10:38:30.5</t>
  </si>
  <si>
    <t>06/18/14 10:40:59.5</t>
  </si>
  <si>
    <t>06/18/14 10:41:08.5</t>
  </si>
  <si>
    <t>06/18/14 10:42:42.5</t>
  </si>
  <si>
    <t>06/18/14 10:42:50.0</t>
  </si>
  <si>
    <t>06/18/14 10:44:12.0</t>
  </si>
  <si>
    <t>06/18/14 10:44:22.0</t>
  </si>
  <si>
    <t>06/18/14 10:45:19.5</t>
  </si>
  <si>
    <t>06/18/14 10:45:33.0</t>
  </si>
  <si>
    <t>06/18/14 10:47:20.0</t>
  </si>
  <si>
    <t>06/18/14 10:47:31.0</t>
  </si>
  <si>
    <t>06/18/14 10:49:09.5</t>
  </si>
  <si>
    <t>06/18/14 10:49:21.0</t>
  </si>
  <si>
    <t>06/18/14 10:51:48.5</t>
  </si>
  <si>
    <t>06/18/14 10:52:06.0</t>
  </si>
  <si>
    <t>06/18/14 10:53:35.5</t>
  </si>
  <si>
    <t>06/18/14 10:53:51.5</t>
  </si>
  <si>
    <t>06/18/14 10:55:09.5</t>
  </si>
  <si>
    <t>06/18/14 10:55:17.5</t>
  </si>
  <si>
    <t>06/18/14 10:57:43.0</t>
  </si>
  <si>
    <t>06/18/14 10:57:53.5</t>
  </si>
  <si>
    <t>06/18/14 10:58:39.0</t>
  </si>
  <si>
    <t>06/18/14 10:58:44.5</t>
  </si>
  <si>
    <t>06/18/14 10:59:47.5</t>
  </si>
  <si>
    <t>06/18/14 10:59:54.5</t>
  </si>
  <si>
    <t>06/18/14 11:01:33.0</t>
  </si>
  <si>
    <t>06/18/14 11:01:50.0</t>
  </si>
  <si>
    <t>06/18/14 11:03:29.5</t>
  </si>
  <si>
    <t>06/18/14 11:03:34.5</t>
  </si>
  <si>
    <t>06/18/14 11:04:11.0</t>
  </si>
  <si>
    <t>06/18/14 11:04:15.5</t>
  </si>
  <si>
    <t>06/18/14 11:05:00.5</t>
  </si>
  <si>
    <t>06/18/14 11:05:05.0</t>
  </si>
  <si>
    <t>06/18/14 11:06:03.0</t>
  </si>
  <si>
    <t>06/18/14 11:06:11.5</t>
  </si>
  <si>
    <t>06/18/14 11:07:54.5</t>
  </si>
  <si>
    <t>06/18/14 11:08:05.0</t>
  </si>
  <si>
    <t>06/18/14 11:09:57.0</t>
  </si>
  <si>
    <t>06/18/14 11:10:10.0</t>
  </si>
  <si>
    <t>06/18/14 11:11:06.5</t>
  </si>
  <si>
    <t>06/18/14 11:11:14.0</t>
  </si>
  <si>
    <t>06/18/14 11:12:02.5</t>
  </si>
  <si>
    <t>06/18/14 11:12:33.5</t>
  </si>
  <si>
    <t>06/18/14 11:15:48.5</t>
  </si>
  <si>
    <t>06/18/14 11:16:00.0</t>
  </si>
  <si>
    <t>06/18/14 11:17:28.5</t>
  </si>
  <si>
    <t>06/18/14 11:17:34.5</t>
  </si>
  <si>
    <t>06/18/14 11:18:49.5</t>
  </si>
  <si>
    <t>06/18/14 11:18:57.5</t>
  </si>
  <si>
    <t>06/18/14 11:20:09.5</t>
  </si>
  <si>
    <t>06/18/14 11:20:16.5</t>
  </si>
  <si>
    <t>06/18/14 11:22:08.5</t>
  </si>
  <si>
    <t>06/18/14 11:22:17.5</t>
  </si>
  <si>
    <t>06/18/14 11:23:53.5</t>
  </si>
  <si>
    <t>06/18/14 11:23:59.0</t>
  </si>
  <si>
    <t>06/18/14 11:24:57.5</t>
  </si>
  <si>
    <t>06/18/14 11:25:03.0</t>
  </si>
  <si>
    <t>06/18/14 11:26:53.5</t>
  </si>
  <si>
    <t>06/18/14 11:27:06.0</t>
  </si>
  <si>
    <t>06/18/14 11:28:48.5</t>
  </si>
  <si>
    <t>06/18/14 11:29:01.5</t>
  </si>
  <si>
    <t>06/18/14 11:29:58.5</t>
  </si>
  <si>
    <t>06/18/14 11:30:03.0</t>
  </si>
  <si>
    <t>06/18/14 11:31:37.5</t>
  </si>
  <si>
    <t>06/18/14 11:31:50.0</t>
  </si>
  <si>
    <t>06/18/14 11:33:16.0</t>
  </si>
  <si>
    <t>06/18/14 11:33:37.0</t>
  </si>
  <si>
    <t>06/18/14 11:35:30.5</t>
  </si>
  <si>
    <t>06/18/14 11:35:43.5</t>
  </si>
  <si>
    <t>06/18/14 11:37:03.0</t>
  </si>
  <si>
    <t>06/18/14 11:37:28.0</t>
  </si>
  <si>
    <t>06/18/14 11:39:43.5</t>
  </si>
  <si>
    <t>06/18/14 11:39:56.5</t>
  </si>
  <si>
    <t>06/18/14 11:40:57.0</t>
  </si>
  <si>
    <t>06/18/14 11:41:07.5</t>
  </si>
  <si>
    <t>06/18/14 11:43:06.5</t>
  </si>
  <si>
    <t>06/18/14 11:43:15.0</t>
  </si>
  <si>
    <t>06/18/14 11:44:45.5</t>
  </si>
  <si>
    <t>06/18/14 11:44:52.5</t>
  </si>
  <si>
    <t>06/18/14 11:45:43.5</t>
  </si>
  <si>
    <t>06/18/14 11:46:00.5</t>
  </si>
  <si>
    <t>06/18/14 11:47:20.0</t>
  </si>
  <si>
    <t>06/18/14 11:47:36.0</t>
  </si>
  <si>
    <t>06/18/14 11:51:34.0</t>
  </si>
  <si>
    <t>06/18/14 11:51:42.0</t>
  </si>
  <si>
    <t>06/18/14 11:53:44.0</t>
  </si>
  <si>
    <t>06/18/14 11:54:37.0</t>
  </si>
  <si>
    <t>06/18/14 11:56:14.0</t>
  </si>
  <si>
    <t>06/18/14 11:56:25.5</t>
  </si>
  <si>
    <t>06/18/14 11:57:40.0</t>
  </si>
  <si>
    <t>06/18/14 11:57:49.0</t>
  </si>
  <si>
    <t>06/18/14 11:58:48.0</t>
  </si>
  <si>
    <t>06/18/14 11:58:55.5</t>
  </si>
  <si>
    <t>06/18/14 12:00:17.0</t>
  </si>
  <si>
    <t>06/18/14 12:00:24.0</t>
  </si>
  <si>
    <t>06/18/14 12:03:15.0</t>
  </si>
  <si>
    <t>06/18/14 12:03:28.5</t>
  </si>
  <si>
    <t>06/18/14 12:05:50.5</t>
  </si>
  <si>
    <t>06/18/14 12:06:10.5</t>
  </si>
  <si>
    <t>06/18/14 12:07:45.0</t>
  </si>
  <si>
    <t>06/18/14 12:07:53.0</t>
  </si>
  <si>
    <t>06/18/14 12:09:11.0</t>
  </si>
  <si>
    <t>06/18/14 12:09:22.5</t>
  </si>
  <si>
    <t>06/18/14 12:12:02.0</t>
  </si>
  <si>
    <t>06/18/14 12:12:13.5</t>
  </si>
  <si>
    <t>06/18/14 12:13:23.5</t>
  </si>
  <si>
    <t>06/18/14 12:13:34.0</t>
  </si>
  <si>
    <t>06/18/14 12:14:58.5</t>
  </si>
  <si>
    <t>06/18/14 12:15:07.5</t>
  </si>
  <si>
    <t>06/18/14 12:17:07.0</t>
  </si>
  <si>
    <t>06/18/14 12:17:23.5</t>
  </si>
  <si>
    <t>06/18/14 12:18:45.0</t>
  </si>
  <si>
    <t>06/18/14 12:18:55.0</t>
  </si>
  <si>
    <t>06/18/14 12:20:55.0</t>
  </si>
  <si>
    <t>06/18/14 12:21:20.0</t>
  </si>
  <si>
    <t>06/18/14 12:22:17.0</t>
  </si>
  <si>
    <t>06/18/14 12:22:24.0</t>
  </si>
  <si>
    <t>06/18/14 12:23:49.0</t>
  </si>
  <si>
    <t>06/18/14 12:23:56.0</t>
  </si>
  <si>
    <t>06/18/14 12:25:18.0</t>
  </si>
  <si>
    <t>06/18/14 12:25:24.5</t>
  </si>
  <si>
    <t>06/18/14 12:26:49.0</t>
  </si>
  <si>
    <t>06/18/14 12:26:54.0</t>
  </si>
  <si>
    <t>06/18/14 12:28:03.0</t>
  </si>
  <si>
    <t>06/18/14 12:28:25.0</t>
  </si>
  <si>
    <t>06/18/14 12:30:20.0</t>
  </si>
  <si>
    <t>06/18/14 12:30:47.5</t>
  </si>
  <si>
    <t>06/18/14 12:33:13.0</t>
  </si>
  <si>
    <t>06/18/14 12:33:18.0</t>
  </si>
  <si>
    <t>06/18/14 12:34:12.0</t>
  </si>
  <si>
    <t>06/18/14 12:34:16.5</t>
  </si>
  <si>
    <t>06/18/14 12:34:44.5</t>
  </si>
  <si>
    <t>06/18/14 12:34:50.5</t>
  </si>
  <si>
    <t>06/18/14 12:35:48.5</t>
  </si>
  <si>
    <t>06/18/14 12:35:54.5</t>
  </si>
  <si>
    <t>06/18/14 12:38:22.5</t>
  </si>
  <si>
    <t>06/18/14 12:38:51.0</t>
  </si>
  <si>
    <t>06/18/14 12:41:10.5</t>
  </si>
  <si>
    <t>06/18/14 12:41:22.5</t>
  </si>
  <si>
    <t>06/18/14 12:41:59.0</t>
  </si>
  <si>
    <t>06/18/14 12:42:05.5</t>
  </si>
  <si>
    <t>06/18/14 12:43:19.0</t>
  </si>
  <si>
    <t>06/18/14 12:43:25.5</t>
  </si>
  <si>
    <t>06/18/14 12:44:25.0</t>
  </si>
  <si>
    <t>06/18/14 12:44:40.0</t>
  </si>
  <si>
    <t>06/18/14 12:46:04.0</t>
  </si>
  <si>
    <t>06/18/14 12:46:15.0</t>
  </si>
  <si>
    <t>06/18/14 12:47:13.0</t>
  </si>
  <si>
    <t>06/18/14 12:47:31.5</t>
  </si>
  <si>
    <t>06/18/14 12:50:16.0</t>
  </si>
  <si>
    <t>06/18/14 12:50:31.5</t>
  </si>
  <si>
    <t>06/18/14 12:53:15.5</t>
  </si>
  <si>
    <t>06/18/14 12:53:38.0</t>
  </si>
  <si>
    <t>06/18/14 12:55:39.5</t>
  </si>
  <si>
    <t>06/18/14 12:55:48.5</t>
  </si>
  <si>
    <t>06/18/14 12:57:13.5</t>
  </si>
  <si>
    <t>06/18/14 12:57:26.0</t>
  </si>
  <si>
    <t>06/18/14 12:58:50.0</t>
  </si>
  <si>
    <t>06/18/14 12:58:56.5</t>
  </si>
  <si>
    <t>06/18/14 12:59:58.0</t>
  </si>
  <si>
    <t>06/18/14 13:00:07.0</t>
  </si>
  <si>
    <t>06/18/14 13:01:22.0</t>
  </si>
  <si>
    <t>06/18/14 13:01:30.0</t>
  </si>
  <si>
    <t>06/18/14 13:06:33.5</t>
  </si>
  <si>
    <t>06/18/14 13:06:44.0</t>
  </si>
  <si>
    <t>06/18/14 13:10:30.5</t>
  </si>
  <si>
    <t>06/18/14 13:10:46.0</t>
  </si>
  <si>
    <t>06/18/14 13:12:04.5</t>
  </si>
  <si>
    <t>06/18/14 13:12:11.5</t>
  </si>
  <si>
    <t>06/18/14 13:13:26.0</t>
  </si>
  <si>
    <t>06/18/14 13:13:36.0</t>
  </si>
  <si>
    <t>06/18/14 13:15:19.0</t>
  </si>
  <si>
    <t>06/18/14 13:15:35.5</t>
  </si>
  <si>
    <t>06/18/14 13:17:55.0</t>
  </si>
  <si>
    <t>06/18/14 13:18:21.5</t>
  </si>
  <si>
    <t>06/18/14 13:22:56.0</t>
  </si>
  <si>
    <t>06/18/14 13:23:09.5</t>
  </si>
  <si>
    <t>06/18/14 13:26:19.0</t>
  </si>
  <si>
    <t>06/18/14 13:26:34.0</t>
  </si>
  <si>
    <t>06/18/14 13:28:24.0</t>
  </si>
  <si>
    <t>06/18/14 13:28:33.0</t>
  </si>
  <si>
    <t>06/18/14 13:31:02.0</t>
  </si>
  <si>
    <t>06/18/14 13:31:12.0</t>
  </si>
  <si>
    <t>06/18/14 13:33:44.0</t>
  </si>
  <si>
    <t>06/18/14 13:34:12.0</t>
  </si>
  <si>
    <t>06/18/14 13:37:20.0</t>
  </si>
  <si>
    <t>06/18/14 13:37:27.5</t>
  </si>
  <si>
    <t>06/18/14 13:41:13.5</t>
  </si>
  <si>
    <t>06/18/14 13:41:23.5</t>
  </si>
  <si>
    <t>06/18/14 13:44:11.0</t>
  </si>
  <si>
    <t>06/18/14 13:44:25.0</t>
  </si>
  <si>
    <t>06/18/14 13:46:37.0</t>
  </si>
  <si>
    <t>06/18/14 13:46:48.5</t>
  </si>
  <si>
    <t>06/18/14 13:48:14.0</t>
  </si>
  <si>
    <t>06/18/14 13:48:23.5</t>
  </si>
  <si>
    <t>06/18/14 13:50:29.0</t>
  </si>
  <si>
    <t>06/18/14 13:50:49.5</t>
  </si>
  <si>
    <t>06/18/14 13:52:19.0</t>
  </si>
  <si>
    <t>06/18/14 13:52:24.5</t>
  </si>
  <si>
    <t>06/18/14 13:54:26.5</t>
  </si>
  <si>
    <t>06/18/14 13:54:31.5</t>
  </si>
  <si>
    <t>06/18/14 13:56:01.5</t>
  </si>
  <si>
    <t>06/18/14 13:56:14.5</t>
  </si>
  <si>
    <t>06/18/14 13:58:19.0</t>
  </si>
  <si>
    <t>06/18/14 13:58:28.0</t>
  </si>
  <si>
    <t>06/18/14 14:00:11.5</t>
  </si>
  <si>
    <t>06/18/14 14:00:27.0</t>
  </si>
  <si>
    <t>06/18/14 14:02:45.0</t>
  </si>
  <si>
    <t>06/18/14 14:03:02.0</t>
  </si>
  <si>
    <t>06/18/14 14:05:40.0</t>
  </si>
  <si>
    <t>06/18/14 14:05:48.0</t>
  </si>
  <si>
    <t>06/18/14 14:07:57.0</t>
  </si>
  <si>
    <t>06/18/14 14:08:06.0</t>
  </si>
  <si>
    <t>06/18/14 14:09:23.0</t>
  </si>
  <si>
    <t>06/18/14 14:09:30.0</t>
  </si>
  <si>
    <t>06/18/14 14:10:40.5</t>
  </si>
  <si>
    <t>06/18/14 14:10:49.5</t>
  </si>
  <si>
    <t>06/18/14 14:11:36.0</t>
  </si>
  <si>
    <t>06/18/14 14:11:45.0</t>
  </si>
  <si>
    <t>06/18/14 14:13:07.0</t>
  </si>
  <si>
    <t>06/18/14 14:13:14.0</t>
  </si>
  <si>
    <t>06/18/14 14:15:24.5</t>
  </si>
  <si>
    <t>06/18/14 14:15:33.0</t>
  </si>
  <si>
    <t>06/18/14 14:17:59.0</t>
  </si>
  <si>
    <t>06/18/14 14:18:08.5</t>
  </si>
  <si>
    <t>06/18/14 14:20:23.0</t>
  </si>
  <si>
    <t>06/18/14 14:20:34.0</t>
  </si>
  <si>
    <t>06/18/14 14:22:13.5</t>
  </si>
  <si>
    <t>06/18/14 14:22:23.5</t>
  </si>
  <si>
    <t>06/18/14 14:24:27.5</t>
  </si>
  <si>
    <t>06/18/14 14:24:39.0</t>
  </si>
  <si>
    <t>06/18/14 14:28:02.5</t>
  </si>
  <si>
    <t>06/18/14 14:28:13.5</t>
  </si>
  <si>
    <t>06/18/14 14:30:19.5</t>
  </si>
  <si>
    <t>06/18/14 14:30:35.0</t>
  </si>
  <si>
    <t>06/18/14 14:33:17.0</t>
  </si>
  <si>
    <t>06/18/14 14:33:27.0</t>
  </si>
  <si>
    <t>06/18/14 14:35:04.0</t>
  </si>
  <si>
    <t>06/18/14 14:35:16.0</t>
  </si>
  <si>
    <t>06/18/14 14:37:57.5</t>
  </si>
  <si>
    <t>06/18/14 14:38:05.5</t>
  </si>
  <si>
    <t>06/18/14 14:39:03.0</t>
  </si>
  <si>
    <t>06/18/14 14:39:11.0</t>
  </si>
  <si>
    <t>06/18/14 14:41:13.0</t>
  </si>
  <si>
    <t>06/18/14 14:41:36.5</t>
  </si>
  <si>
    <t>06/18/14 14:42:49.5</t>
  </si>
  <si>
    <t>06/18/14 14:43:03.5</t>
  </si>
  <si>
    <t>06/18/14 14:44:47.5</t>
  </si>
  <si>
    <t>06/18/14 14:44:56.0</t>
  </si>
  <si>
    <t>06/18/14 14:48:09.5</t>
  </si>
  <si>
    <t>06/18/14 14:48:52.5</t>
  </si>
  <si>
    <t>06/18/14 14:50:39.5</t>
  </si>
  <si>
    <t>06/18/14 14:50:50.5</t>
  </si>
  <si>
    <t>06/18/14 14:52:29.5</t>
  </si>
  <si>
    <t>06/18/14 14:52:35.0</t>
  </si>
  <si>
    <t>06/18/14 14:53:47.5</t>
  </si>
  <si>
    <t>06/18/14 14:53:57.5</t>
  </si>
  <si>
    <t>06/18/14 14:55:20.5</t>
  </si>
  <si>
    <t>06/18/14 14:55:27.0</t>
  </si>
  <si>
    <t>06/18/14 14:57:21.5</t>
  </si>
  <si>
    <t>06/18/14 14:57:32.0</t>
  </si>
  <si>
    <t>06/18/14 14:59:11.0</t>
  </si>
  <si>
    <t>06/18/14 14:59:22.0</t>
  </si>
  <si>
    <t>06/18/14 15:00:24.5</t>
  </si>
  <si>
    <t>06/18/14 15:00:30.5</t>
  </si>
  <si>
    <t>06/18/14 15:03:25.0</t>
  </si>
  <si>
    <t>06/18/14 15:03:32.0</t>
  </si>
  <si>
    <t>06/18/14 15:04:31.5</t>
  </si>
  <si>
    <t>06/18/14 15:04:46.0</t>
  </si>
  <si>
    <t>06/18/14 15:06:35.5</t>
  </si>
  <si>
    <t>06/18/14 15:06:40.5</t>
  </si>
  <si>
    <t>06/18/14 15:07:38.5</t>
  </si>
  <si>
    <t>06/18/14 15:07:51.5</t>
  </si>
  <si>
    <t>06/18/14 15:11:12.0</t>
  </si>
  <si>
    <t>06/18/14 15:11:21.0</t>
  </si>
  <si>
    <t>06/18/14 15:12:58.5</t>
  </si>
  <si>
    <t>06/18/14 15:13:04.0</t>
  </si>
  <si>
    <t>06/18/14 15:13:55.5</t>
  </si>
  <si>
    <t>06/18/14 15:14:01.5</t>
  </si>
  <si>
    <t>06/18/14 15:15:13.5</t>
  </si>
  <si>
    <t>06/18/14 15:15:27.5</t>
  </si>
  <si>
    <t>06/18/14 15:17:09.5</t>
  </si>
  <si>
    <t>06/18/14 15:17:16.5</t>
  </si>
  <si>
    <t>06/18/14 15:19:43.5</t>
  </si>
  <si>
    <t>06/18/14 15:20:12.5</t>
  </si>
  <si>
    <t>06/18/14 15:21:18.0</t>
  </si>
  <si>
    <t>06/18/14 15:21:28.5</t>
  </si>
  <si>
    <t>06/18/14 15:24:19.0</t>
  </si>
  <si>
    <t>06/18/14 15:24:25.0</t>
  </si>
  <si>
    <t>06/18/14 15:25:45.5</t>
  </si>
  <si>
    <t>06/18/14 15:26:29.5</t>
  </si>
  <si>
    <t>06/18/14 15:27:05.0</t>
  </si>
  <si>
    <t>06/18/14 15:27:08.5</t>
  </si>
  <si>
    <t>06/18/14 15:28:01.0</t>
  </si>
  <si>
    <t>06/18/14 15:28:07.0</t>
  </si>
  <si>
    <t>06/18/14 15:28:56.5</t>
  </si>
  <si>
    <t>06/18/14 15:29:03.5</t>
  </si>
  <si>
    <t>06/18/14 15:30:08.0</t>
  </si>
  <si>
    <t>06/18/14 15:30:16.5</t>
  </si>
  <si>
    <t>06/18/14 15:31:25.0</t>
  </si>
  <si>
    <t>06/18/14 15:31:36.0</t>
  </si>
  <si>
    <t>06/18/14 15:32:30.5</t>
  </si>
  <si>
    <t>06/18/14 15:32:40.0</t>
  </si>
  <si>
    <t>06/18/14 15:33:16.0</t>
  </si>
  <si>
    <t>06/18/14 15:33:20.0</t>
  </si>
  <si>
    <t>06/18/14 15:33:50.0</t>
  </si>
  <si>
    <t>06/18/14 15:33:55.0</t>
  </si>
  <si>
    <t>06/18/14 15:34:40.5</t>
  </si>
  <si>
    <t>06/18/14 15:34:46.5</t>
  </si>
  <si>
    <t>06/18/14 15:35:34.5</t>
  </si>
  <si>
    <t>06/18/14 15:35:40.0</t>
  </si>
  <si>
    <t>06/18/14 15:36:15.5</t>
  </si>
  <si>
    <t>06/18/14 15:36:20.5</t>
  </si>
  <si>
    <t>06/18/14 15:37:14.0</t>
  </si>
  <si>
    <t>06/18/14 15:37:20.0</t>
  </si>
  <si>
    <t>06/18/14 15:38:02.0</t>
  </si>
  <si>
    <t>06/18/14 15:38:08.5</t>
  </si>
  <si>
    <t>06/18/14 15:39:02.5</t>
  </si>
  <si>
    <t>06/18/14 15:39:22.0</t>
  </si>
  <si>
    <t>06/18/14 15:40:34.0</t>
  </si>
  <si>
    <t>06/18/14 15:40:43.5</t>
  </si>
  <si>
    <t>06/18/14 15:43:35.0</t>
  </si>
  <si>
    <t>06/18/14 15:43:57.0</t>
  </si>
  <si>
    <t>06/18/14 15:45:22.5</t>
  </si>
  <si>
    <t>06/18/14 15:45:30.5</t>
  </si>
  <si>
    <t>06/18/14 15:48:06.5</t>
  </si>
  <si>
    <t>06/18/14 15:48:27.5</t>
  </si>
  <si>
    <t>06/18/14 15:49:41.0</t>
  </si>
  <si>
    <t>06/18/14 15:49:45.0</t>
  </si>
  <si>
    <t>06/18/14 15:50:34.0</t>
  </si>
  <si>
    <t>06/18/14 15:50:48.0</t>
  </si>
  <si>
    <t>06/18/14 15:54:20.0</t>
  </si>
  <si>
    <t>06/18/14 15:55:18.0</t>
  </si>
  <si>
    <t>06/18/14 16:03:18.5</t>
  </si>
  <si>
    <t>06/18/14 16:04:34.0</t>
  </si>
  <si>
    <t>06/18/14 16:08:16.0</t>
  </si>
  <si>
    <t>06/18/14 16:08:25.5</t>
  </si>
  <si>
    <t>06/18/14 16:11:25.5</t>
  </si>
  <si>
    <t>06/18/14 16:11:55.5</t>
  </si>
  <si>
    <t>06/18/14 16:15:55.0</t>
  </si>
  <si>
    <t>06/18/14 16:16:01.0</t>
  </si>
  <si>
    <t>06/18/14 16:24:04.0</t>
  </si>
  <si>
    <t>06/18/14 16:27:47.5</t>
  </si>
  <si>
    <t>06/18/14 17:05:24.0</t>
  </si>
  <si>
    <t>06/18/14 17:05:41.0</t>
  </si>
  <si>
    <t>06/18/14 17:20:02.0</t>
  </si>
  <si>
    <t>06/18/14 17:20:13.5</t>
  </si>
  <si>
    <t>06/18/14 17:25:09.5</t>
  </si>
  <si>
    <t>06/18/14 17:25:24.5</t>
  </si>
  <si>
    <t>06/18/14 17:49:12.5</t>
  </si>
  <si>
    <t>06/18/14 17:49:43.0</t>
  </si>
  <si>
    <t>06/18/14 18:29:02.0</t>
  </si>
  <si>
    <t>06/18/14 18:31:25.5</t>
  </si>
  <si>
    <t>06/18/14 18:58:05.0</t>
  </si>
  <si>
    <t>06/18/14 18:58:25.5</t>
  </si>
  <si>
    <t>06/18/14 19:46:40.5</t>
  </si>
  <si>
    <t>06/18/14 19:46:58.5</t>
  </si>
  <si>
    <t>06/18/14 19:53:25.5</t>
  </si>
  <si>
    <t>06/18/14 19:53:36.0</t>
  </si>
  <si>
    <t>06/18/14 19:57:32.0</t>
  </si>
  <si>
    <t>06/18/14 19:57:38.0</t>
  </si>
  <si>
    <t>06/18/14 20:01:17.5</t>
  </si>
  <si>
    <t>06/18/14 20:01:36.0</t>
  </si>
  <si>
    <t>06/18/14 20:03:40.5</t>
  </si>
  <si>
    <t>06/18/14 20:03:55.0</t>
  </si>
  <si>
    <t>06/18/14 20:09:09.0</t>
  </si>
  <si>
    <t>06/18/14 20:09:28.0</t>
  </si>
  <si>
    <t>06/18/14 20:17:39.5</t>
  </si>
  <si>
    <t>06/18/14 20:17:53.0</t>
  </si>
  <si>
    <t>06/18/14 20:48:25.0</t>
  </si>
  <si>
    <t>06/18/14 20:48:39.0</t>
  </si>
  <si>
    <t>06/19/14 06:30:35.0</t>
  </si>
  <si>
    <t>06/19/14 07:42:49.5</t>
  </si>
  <si>
    <t>06/19/14 08:12:23.0</t>
  </si>
  <si>
    <t>06/19/14 08:12:53.5</t>
  </si>
  <si>
    <t>06/19/14 08:23:10.5</t>
  </si>
  <si>
    <t>06/19/14 08:24:37.0</t>
  </si>
  <si>
    <t>06/19/14 08:33:38.0</t>
  </si>
  <si>
    <t>06/19/14 08:33:49.0</t>
  </si>
  <si>
    <t>06/19/14 08:38:08.0</t>
  </si>
  <si>
    <t>06/19/14 08:38:21.0</t>
  </si>
  <si>
    <t>06/19/14 08:49:53.0</t>
  </si>
  <si>
    <t>06/19/14 08:50:24.5</t>
  </si>
  <si>
    <t>06/19/14 08:55:57.0</t>
  </si>
  <si>
    <t>06/19/14 08:57:30.5</t>
  </si>
  <si>
    <t>06/19/14 09:06:22.0</t>
  </si>
  <si>
    <t>06/19/14 09:09:26.0</t>
  </si>
  <si>
    <t>06/19/14 09:14:34.5</t>
  </si>
  <si>
    <t>06/19/14 09:15:46.5</t>
  </si>
  <si>
    <t>06/19/14 09:23:00.0</t>
  </si>
  <si>
    <t>06/19/14 09:23:19.0</t>
  </si>
  <si>
    <t>06/19/14 09:30:29.0</t>
  </si>
  <si>
    <t>06/19/14 09:32:42.5</t>
  </si>
  <si>
    <t>06/19/14 09:37:34.0</t>
  </si>
  <si>
    <t>06/19/14 09:37:42.5</t>
  </si>
  <si>
    <t>06/19/14 09:40:39.0</t>
  </si>
  <si>
    <t>06/19/14 09:41:43.5</t>
  </si>
  <si>
    <t>06/19/14 09:43:51.5</t>
  </si>
  <si>
    <t>06/19/14 09:44:03.5</t>
  </si>
  <si>
    <t>06/19/14 09:46:07.5</t>
  </si>
  <si>
    <t>06/19/14 09:46:34.0</t>
  </si>
  <si>
    <t>06/19/14 09:55:17.5</t>
  </si>
  <si>
    <t>06/19/14 09:55:38.0</t>
  </si>
  <si>
    <t>06/19/14 09:59:39.0</t>
  </si>
  <si>
    <t>06/19/14 09:59:50.5</t>
  </si>
  <si>
    <t>06/19/14 10:05:22.0</t>
  </si>
  <si>
    <t>06/19/14 10:07:16.0</t>
  </si>
  <si>
    <t>06/19/14 10:13:06.5</t>
  </si>
  <si>
    <t>06/19/14 10:13:17.0</t>
  </si>
  <si>
    <t>06/19/14 10:17:37.5</t>
  </si>
  <si>
    <t>06/19/14 10:17:57.0</t>
  </si>
  <si>
    <t>06/19/14 10:21:14.0</t>
  </si>
  <si>
    <t>06/19/14 10:22:09.0</t>
  </si>
  <si>
    <t>06/19/14 10:24:44.0</t>
  </si>
  <si>
    <t>06/19/14 10:24:55.0</t>
  </si>
  <si>
    <t>06/19/14 10:28:23.5</t>
  </si>
  <si>
    <t>06/19/14 10:29:01.0</t>
  </si>
  <si>
    <t>06/19/14 10:34:11.0</t>
  </si>
  <si>
    <t>06/19/14 10:34:24.5</t>
  </si>
  <si>
    <t>06/19/14 10:39:53.5</t>
  </si>
  <si>
    <t>06/19/14 10:41:07.0</t>
  </si>
  <si>
    <t>06/19/14 10:46:01.5</t>
  </si>
  <si>
    <t>06/19/14 10:46:33.5</t>
  </si>
  <si>
    <t>06/19/14 10:52:53.5</t>
  </si>
  <si>
    <t>06/19/14 10:53:15.0</t>
  </si>
  <si>
    <t>06/19/14 10:57:50.0</t>
  </si>
  <si>
    <t>06/19/14 10:58:00.0</t>
  </si>
  <si>
    <t>06/19/14 11:01:38.0</t>
  </si>
  <si>
    <t>06/19/14 11:01:58.5</t>
  </si>
  <si>
    <t>06/19/14 11:11:42.5</t>
  </si>
  <si>
    <t>06/19/14 11:16:38.0</t>
  </si>
  <si>
    <t>06/19/14 11:20:20.5</t>
  </si>
  <si>
    <t>06/19/14 11:20:32.0</t>
  </si>
  <si>
    <t>06/19/14 11:26:45.5</t>
  </si>
  <si>
    <t>06/19/14 11:27:28.5</t>
  </si>
  <si>
    <t>06/19/14 11:28:48.0</t>
  </si>
  <si>
    <t>06/19/14 11:29:00.0</t>
  </si>
  <si>
    <t>06/19/14 11:32:20.5</t>
  </si>
  <si>
    <t>06/19/14 11:32:29.5</t>
  </si>
  <si>
    <t>06/19/14 11:34:07.0</t>
  </si>
  <si>
    <t>06/19/14 11:34:17.0</t>
  </si>
  <si>
    <t>06/19/14 11:35:42.5</t>
  </si>
  <si>
    <t>06/19/14 11:35:52.0</t>
  </si>
  <si>
    <t>06/19/14 11:37:44.5</t>
  </si>
  <si>
    <t>06/19/14 11:38:37.0</t>
  </si>
  <si>
    <t>06/19/14 11:50:08.5</t>
  </si>
  <si>
    <t>06/19/14 11:50:18.5</t>
  </si>
  <si>
    <t>06/19/14 11:51:38.0</t>
  </si>
  <si>
    <t>06/19/14 11:51:47.5</t>
  </si>
  <si>
    <t>06/19/14 11:52:45.0</t>
  </si>
  <si>
    <t>06/19/14 11:52:52.5</t>
  </si>
  <si>
    <t>06/19/14 11:54:53.5</t>
  </si>
  <si>
    <t>06/19/14 11:56:40.0</t>
  </si>
  <si>
    <t>06/19/14 12:05:29.5</t>
  </si>
  <si>
    <t>06/19/14 12:07:45.0</t>
  </si>
  <si>
    <t>06/19/14 12:21:01.5</t>
  </si>
  <si>
    <t>06/19/14 12:21:18.5</t>
  </si>
  <si>
    <t>06/19/14 12:35:24.0</t>
  </si>
  <si>
    <t>06/19/14 12:35:32.5</t>
  </si>
  <si>
    <t>06/19/14 12:39:05.5</t>
  </si>
  <si>
    <t>06/19/14 12:39:13.5</t>
  </si>
  <si>
    <t>06/19/14 12:40:38.5</t>
  </si>
  <si>
    <t>06/19/14 12:40:54.5</t>
  </si>
  <si>
    <t>06/19/14 12:56:10.0</t>
  </si>
  <si>
    <t>06/19/14 12:56:19.5</t>
  </si>
  <si>
    <t>06/19/14 12:59:04.0</t>
  </si>
  <si>
    <t>06/19/14 13:01:42.0</t>
  </si>
  <si>
    <t>06/19/14 13:04:31.5</t>
  </si>
  <si>
    <t>06/19/14 13:04:43.5</t>
  </si>
  <si>
    <t>06/19/14 13:06:55.0</t>
  </si>
  <si>
    <t>06/19/14 13:07:15.0</t>
  </si>
  <si>
    <t>06/19/14 13:08:59.5</t>
  </si>
  <si>
    <t>06/19/14 13:09:13.0</t>
  </si>
  <si>
    <t>06/19/14 13:22:50.0</t>
  </si>
  <si>
    <t>06/19/14 13:22:59.0</t>
  </si>
  <si>
    <t>06/19/14 13:25:03.0</t>
  </si>
  <si>
    <t>06/19/14 13:39:25.0</t>
  </si>
  <si>
    <t>06/19/14 13:45:55.0</t>
  </si>
  <si>
    <t>06/19/14 13:46:04.0</t>
  </si>
  <si>
    <t>06/19/14 13:55:22.0</t>
  </si>
  <si>
    <t>06/19/14 13:58:48.0</t>
  </si>
  <si>
    <t>06/19/14 14:02:57.5</t>
  </si>
  <si>
    <t>06/19/14 14:03:14.5</t>
  </si>
  <si>
    <t>06/19/14 14:05:20.5</t>
  </si>
  <si>
    <t>06/19/14 14:05:30.0</t>
  </si>
  <si>
    <t>06/19/14 14:10:23.0</t>
  </si>
  <si>
    <t>06/19/14 14:10:37.5</t>
  </si>
  <si>
    <t>06/19/14 14:17:14.0</t>
  </si>
  <si>
    <t>06/19/14 14:17:46.5</t>
  </si>
  <si>
    <t>06/19/14 14:21:22.0</t>
  </si>
  <si>
    <t>06/19/14 14:21:39.5</t>
  </si>
  <si>
    <t>06/19/14 14:25:13.0</t>
  </si>
  <si>
    <t>06/19/14 14:25:21.5</t>
  </si>
  <si>
    <t>06/19/14 14:26:28.5</t>
  </si>
  <si>
    <t>06/19/14 14:26:37.0</t>
  </si>
  <si>
    <t>06/19/14 14:29:41.0</t>
  </si>
  <si>
    <t>06/19/14 14:29:53.5</t>
  </si>
  <si>
    <t>06/19/14 14:34:52.5</t>
  </si>
  <si>
    <t>06/19/14 14:35:10.0</t>
  </si>
  <si>
    <t>06/19/14 14:36:34.5</t>
  </si>
  <si>
    <t>06/19/14 14:36:47.0</t>
  </si>
  <si>
    <t>06/19/14 14:38:59.5</t>
  </si>
  <si>
    <t>06/19/14 14:40:12.0</t>
  </si>
  <si>
    <t>06/19/14 14:45:17.5</t>
  </si>
  <si>
    <t>06/19/14 14:45:22.0</t>
  </si>
  <si>
    <t>06/19/14 14:46:10.0</t>
  </si>
  <si>
    <t>06/19/14 14:46:17.0</t>
  </si>
  <si>
    <t>06/19/14 14:50:52.5</t>
  </si>
  <si>
    <t>06/19/14 14:50:57.5</t>
  </si>
  <si>
    <t>06/19/14 14:53:21.5</t>
  </si>
  <si>
    <t>06/19/14 14:53:31.0</t>
  </si>
  <si>
    <t>06/19/14 14:55:11.5</t>
  </si>
  <si>
    <t>06/19/14 14:55:20.0</t>
  </si>
  <si>
    <t>06/19/14 14:57:48.0</t>
  </si>
  <si>
    <t>06/19/14 14:58:29.0</t>
  </si>
  <si>
    <t>06/19/14 15:02:25.0</t>
  </si>
  <si>
    <t>06/19/14 15:03:20.5</t>
  </si>
  <si>
    <t>06/19/14 15:08:29.0</t>
  </si>
  <si>
    <t>06/19/14 15:08:50.0</t>
  </si>
  <si>
    <t>06/19/14 15:15:10.0</t>
  </si>
  <si>
    <t>06/19/14 15:15:16.0</t>
  </si>
  <si>
    <t>06/19/14 15:17:25.0</t>
  </si>
  <si>
    <t>06/19/14 15:17:38.5</t>
  </si>
  <si>
    <t>06/19/14 15:20:11.5</t>
  </si>
  <si>
    <t>06/19/14 15:20:20.5</t>
  </si>
  <si>
    <t>06/19/14 15:22:40.0</t>
  </si>
  <si>
    <t>06/19/14 15:22:56.0</t>
  </si>
  <si>
    <t>06/19/14 15:28:13.0</t>
  </si>
  <si>
    <t>06/19/14 15:28:23.0</t>
  </si>
  <si>
    <t>06/19/14 15:34:34.5</t>
  </si>
  <si>
    <t>06/19/14 15:34:57.0</t>
  </si>
  <si>
    <t>06/19/14 15:41:14.5</t>
  </si>
  <si>
    <t>06/19/14 15:41:45.5</t>
  </si>
  <si>
    <t>06/19/14 15:46:04.0</t>
  </si>
  <si>
    <t>06/19/14 15:46:44.0</t>
  </si>
  <si>
    <t>06/19/14 15:53:21.0</t>
  </si>
  <si>
    <t>06/19/14 15:53:34.0</t>
  </si>
  <si>
    <t>06/19/14 15:55:30.0</t>
  </si>
  <si>
    <t>06/19/14 15:57:13.5</t>
  </si>
  <si>
    <t>06/19/14 16:06:58.0</t>
  </si>
  <si>
    <t>06/19/14 16:07:10.5</t>
  </si>
  <si>
    <t>06/19/14 16:11:03.0</t>
  </si>
  <si>
    <t>06/19/14 16:11:16.0</t>
  </si>
  <si>
    <t>06/19/14 16:17:06.0</t>
  </si>
  <si>
    <t>06/19/14 16:17:18.0</t>
  </si>
  <si>
    <t>06/19/14 16:21:45.5</t>
  </si>
  <si>
    <t>06/19/14 16:21:56.5</t>
  </si>
  <si>
    <t>06/19/14 16:25:26.5</t>
  </si>
  <si>
    <t>06/19/14 16:26:10.5</t>
  </si>
  <si>
    <t>06/19/14 16:38:08.0</t>
  </si>
  <si>
    <t>06/19/14 16:39:09.0</t>
  </si>
  <si>
    <t>06/19/14 16:44:20.5</t>
  </si>
  <si>
    <t>06/19/14 16:45:03.5</t>
  </si>
  <si>
    <t>06/19/14 16:53:15.5</t>
  </si>
  <si>
    <t>06/19/14 16:53:34.5</t>
  </si>
  <si>
    <t>06/19/14 16:56:07.5</t>
  </si>
  <si>
    <t>06/19/14 16:56:21.5</t>
  </si>
  <si>
    <t>06/19/14 16:59:47.0</t>
  </si>
  <si>
    <t>06/19/14 17:01:04.0</t>
  </si>
  <si>
    <t>06/19/14 17:04:42.5</t>
  </si>
  <si>
    <t>06/19/14 17:05:03.0</t>
  </si>
  <si>
    <t>06/19/14 17:10:13.0</t>
  </si>
  <si>
    <t>06/19/14 17:10:18.0</t>
  </si>
  <si>
    <t>06/19/14 17:12:25.0</t>
  </si>
  <si>
    <t>06/19/14 17:12:31.5</t>
  </si>
  <si>
    <t>06/19/14 17:18:37.5</t>
  </si>
  <si>
    <t>06/19/14 17:19:32.5</t>
  </si>
  <si>
    <t>06/19/14 17:26:23.5</t>
  </si>
  <si>
    <t>06/19/14 17:27:30.0</t>
  </si>
  <si>
    <t>06/19/14 17:36:02.5</t>
  </si>
  <si>
    <t>06/19/14 17:36:21.5</t>
  </si>
  <si>
    <t>06/19/14 17:43:29.5</t>
  </si>
  <si>
    <t>06/19/14 17:43:41.5</t>
  </si>
  <si>
    <t>06/19/14 17:49:40.5</t>
  </si>
  <si>
    <t>06/19/14 17:49:59.5</t>
  </si>
  <si>
    <t>06/19/14 17:56:41.5</t>
  </si>
  <si>
    <t>06/19/14 17:57:31.0</t>
  </si>
  <si>
    <t>06/19/14 18:06:33.5</t>
  </si>
  <si>
    <t>06/19/14 18:06:41.5</t>
  </si>
  <si>
    <t>06/19/14 18:09:02.0</t>
  </si>
  <si>
    <t>06/19/14 18:09:32.0</t>
  </si>
  <si>
    <t>06/19/14 18:13:17.5</t>
  </si>
  <si>
    <t>06/19/14 18:13:43.5</t>
  </si>
  <si>
    <t>06/19/14 18:20:45.0</t>
  </si>
  <si>
    <t>06/19/14 18:21:17.0</t>
  </si>
  <si>
    <t>06/19/14 18:37:26.0</t>
  </si>
  <si>
    <t>06/19/14 18:38:45.0</t>
  </si>
  <si>
    <t>06/19/14 18:58:25.5</t>
  </si>
  <si>
    <t>06/19/14 19:00:33.0</t>
  </si>
  <si>
    <t>06/19/14 19:30:18.5</t>
  </si>
  <si>
    <t>06/19/14 19:37:27.5</t>
  </si>
  <si>
    <t>06/19/14 21:32:59.5</t>
  </si>
  <si>
    <t>06/19/14 21:35:24.0</t>
  </si>
  <si>
    <t>06/19/14 22:23:03.0</t>
  </si>
  <si>
    <t>06/19/14 22:23:15.5</t>
  </si>
  <si>
    <t>06/19/14 23:02:10.0</t>
  </si>
  <si>
    <t>06/19/14 23:02:22.0</t>
  </si>
  <si>
    <t>06/19/14 23:07:22.5</t>
  </si>
  <si>
    <t>06/19/14 23:07:36.5</t>
  </si>
  <si>
    <t>06/19/14 23:18:45.0</t>
  </si>
  <si>
    <t>06/19/14 23:22:55.0</t>
  </si>
  <si>
    <t>06/19/14 23:24:33.5</t>
  </si>
  <si>
    <t>06/19/14 23:24:47.0</t>
  </si>
  <si>
    <t>06/19/14 23:27:53.0</t>
  </si>
  <si>
    <t>06/19/14 23:28:11.5</t>
  </si>
  <si>
    <t>06/19/14 23:36:54.0</t>
  </si>
  <si>
    <t>06/19/14 23:37:07.5</t>
  </si>
  <si>
    <t>06/20/14 02:01:20.0</t>
  </si>
  <si>
    <t>06/20/14 02:01:37.5</t>
  </si>
  <si>
    <t>06/20/14 02:13:47.5</t>
  </si>
  <si>
    <t>06/20/14 02:14:04.0</t>
  </si>
  <si>
    <t>06/20/14 02:15:59.5</t>
  </si>
  <si>
    <t>06/20/14 02:16:12.5</t>
  </si>
  <si>
    <t>06/20/14 06:17:43.0</t>
  </si>
  <si>
    <t>06/20/14 06:53:48.0</t>
  </si>
  <si>
    <t>06/20/14 08:23:50.5</t>
  </si>
  <si>
    <t>06/20/14 08:24:06.5</t>
  </si>
  <si>
    <t>06/20/14 08:34:26.0</t>
  </si>
  <si>
    <t>06/20/14 08:34:44.0</t>
  </si>
  <si>
    <t>06/20/14 08:41:30.5</t>
  </si>
  <si>
    <t>06/20/14 08:41:45.5</t>
  </si>
  <si>
    <t>06/20/14 08:44:20.0</t>
  </si>
  <si>
    <t>06/20/14 08:44:37.5</t>
  </si>
  <si>
    <t>06/20/14 08:47:15.5</t>
  </si>
  <si>
    <t>06/20/14 08:47:28.0</t>
  </si>
  <si>
    <t>06/20/14 09:05:14.0</t>
  </si>
  <si>
    <t>06/20/14 09:14:46.0</t>
  </si>
  <si>
    <t>06/20/14 09:22:01.0</t>
  </si>
  <si>
    <t>06/20/14 09:22:19.0</t>
  </si>
  <si>
    <t>06/20/14 09:28:45.0</t>
  </si>
  <si>
    <t>06/20/14 09:29:10.5</t>
  </si>
  <si>
    <t>06/20/14 09:33:01.0</t>
  </si>
  <si>
    <t>06/20/14 09:33:15.0</t>
  </si>
  <si>
    <t>06/20/14 09:43:23.0</t>
  </si>
  <si>
    <t>06/20/14 09:47:18.0</t>
  </si>
  <si>
    <t>06/20/14 09:54:19.0</t>
  </si>
  <si>
    <t>06/20/14 09:54:32.0</t>
  </si>
  <si>
    <t>06/20/14 09:58:20.0</t>
  </si>
  <si>
    <t>06/20/14 10:00:14.5</t>
  </si>
  <si>
    <t>06/20/14 10:17:36.5</t>
  </si>
  <si>
    <t>06/20/14 10:19:04.5</t>
  </si>
  <si>
    <t>06/20/14 10:23:58.0</t>
  </si>
  <si>
    <t>06/20/14 10:24:20.0</t>
  </si>
  <si>
    <t>06/20/14 10:33:08.0</t>
  </si>
  <si>
    <t>06/20/14 10:33:20.0</t>
  </si>
  <si>
    <t>06/20/14 10:38:15.0</t>
  </si>
  <si>
    <t>06/20/14 10:38:42.5</t>
  </si>
  <si>
    <t>06/20/14 10:50:02.5</t>
  </si>
  <si>
    <t>06/20/14 10:50:28.5</t>
  </si>
  <si>
    <t>06/20/14 10:54:25.0</t>
  </si>
  <si>
    <t>06/20/14 10:54:39.0</t>
  </si>
  <si>
    <t>06/20/14 10:56:29.5</t>
  </si>
  <si>
    <t>06/20/14 10:56:40.5</t>
  </si>
  <si>
    <t>06/20/14 11:01:10.0</t>
  </si>
  <si>
    <t>06/20/14 11:01:45.5</t>
  </si>
  <si>
    <t>06/20/14 11:09:21.5</t>
  </si>
  <si>
    <t>06/20/14 11:10:31.0</t>
  </si>
  <si>
    <t>06/20/14 11:14:18.5</t>
  </si>
  <si>
    <t>06/20/14 11:14:56.5</t>
  </si>
  <si>
    <t>06/20/14 11:20:05.0</t>
  </si>
  <si>
    <t>06/20/14 11:20:16.5</t>
  </si>
  <si>
    <t>06/20/14 11:25:10.0</t>
  </si>
  <si>
    <t>06/20/14 11:25:26.5</t>
  </si>
  <si>
    <t>06/20/14 11:29:07.0</t>
  </si>
  <si>
    <t>06/20/14 11:29:48.0</t>
  </si>
  <si>
    <t>06/20/14 11:34:20.5</t>
  </si>
  <si>
    <t>06/20/14 11:34:29.0</t>
  </si>
  <si>
    <t>06/20/14 11:35:50.0</t>
  </si>
  <si>
    <t>06/20/14 11:35:58.0</t>
  </si>
  <si>
    <t>06/20/14 11:41:26.5</t>
  </si>
  <si>
    <t>06/20/14 11:41:44.5</t>
  </si>
  <si>
    <t>06/20/14 11:43:52.5</t>
  </si>
  <si>
    <t>06/20/14 11:44:02.0</t>
  </si>
  <si>
    <t>06/20/14 11:48:45.5</t>
  </si>
  <si>
    <t>06/20/14 11:49:22.0</t>
  </si>
  <si>
    <t>06/20/14 11:52:56.0</t>
  </si>
  <si>
    <t>06/20/14 11:53:07.0</t>
  </si>
  <si>
    <t>06/20/14 11:55:02.0</t>
  </si>
  <si>
    <t>06/20/14 11:55:08.5</t>
  </si>
  <si>
    <t>06/20/14 11:57:20.5</t>
  </si>
  <si>
    <t>06/20/14 11:57:31.5</t>
  </si>
  <si>
    <t>06/20/14 11:59:36.0</t>
  </si>
  <si>
    <t>06/20/14 11:59:50.5</t>
  </si>
  <si>
    <t>06/20/14 12:02:17.0</t>
  </si>
  <si>
    <t>06/20/14 12:02:24.0</t>
  </si>
  <si>
    <t>06/20/14 12:03:36.5</t>
  </si>
  <si>
    <t>06/20/14 12:04:28.5</t>
  </si>
  <si>
    <t>06/20/14 12:09:12.5</t>
  </si>
  <si>
    <t>06/20/14 12:09:25.5</t>
  </si>
  <si>
    <t>06/20/14 12:11:46.0</t>
  </si>
  <si>
    <t>06/20/14 12:11:53.5</t>
  </si>
  <si>
    <t>06/20/14 12:14:32.5</t>
  </si>
  <si>
    <t>06/20/14 12:14:41.5</t>
  </si>
  <si>
    <t>06/20/14 12:17:34.5</t>
  </si>
  <si>
    <t>06/20/14 12:17:43.0</t>
  </si>
  <si>
    <t>06/20/14 12:21:37.0</t>
  </si>
  <si>
    <t>06/20/14 12:21:50.0</t>
  </si>
  <si>
    <t>06/20/14 12:24:39.5</t>
  </si>
  <si>
    <t>06/20/14 12:24:48.0</t>
  </si>
  <si>
    <t>06/20/14 12:26:00.5</t>
  </si>
  <si>
    <t>06/20/14 12:26:18.0</t>
  </si>
  <si>
    <t>06/20/14 12:28:26.0</t>
  </si>
  <si>
    <t>06/20/14 12:28:35.5</t>
  </si>
  <si>
    <t>06/20/14 12:29:51.0</t>
  </si>
  <si>
    <t>06/20/14 12:30:17.0</t>
  </si>
  <si>
    <t>06/20/14 12:33:54.0</t>
  </si>
  <si>
    <t>06/20/14 12:34:11.0</t>
  </si>
  <si>
    <t>06/20/14 12:35:33.0</t>
  </si>
  <si>
    <t>06/20/14 12:35:40.0</t>
  </si>
  <si>
    <t>06/20/14 12:38:06.0</t>
  </si>
  <si>
    <t>06/20/14 12:38:13.5</t>
  </si>
  <si>
    <t>06/20/14 12:40:47.5</t>
  </si>
  <si>
    <t>06/20/14 12:41:01.5</t>
  </si>
  <si>
    <t>06/20/14 12:45:01.5</t>
  </si>
  <si>
    <t>06/20/14 12:45:10.5</t>
  </si>
  <si>
    <t>06/20/14 12:46:45.5</t>
  </si>
  <si>
    <t>06/20/14 12:46:56.0</t>
  </si>
  <si>
    <t>06/20/14 12:48:54.5</t>
  </si>
  <si>
    <t>06/20/14 12:49:01.0</t>
  </si>
  <si>
    <t>06/20/14 12:52:16.0</t>
  </si>
  <si>
    <t>06/20/14 12:52:24.5</t>
  </si>
  <si>
    <t>06/20/14 12:54:34.5</t>
  </si>
  <si>
    <t>06/20/14 12:54:44.0</t>
  </si>
  <si>
    <t>06/20/14 12:57:09.5</t>
  </si>
  <si>
    <t>06/20/14 12:57:17.5</t>
  </si>
  <si>
    <t>06/20/14 12:58:34.0</t>
  </si>
  <si>
    <t>06/20/14 12:58:50.0</t>
  </si>
  <si>
    <t>06/20/14 13:02:38.5</t>
  </si>
  <si>
    <t>06/20/14 13:02:47.5</t>
  </si>
  <si>
    <t>06/20/14 13:06:16.5</t>
  </si>
  <si>
    <t>06/20/14 13:06:33.5</t>
  </si>
  <si>
    <t>06/20/14 13:13:10.0</t>
  </si>
  <si>
    <t>06/20/14 13:13:24.5</t>
  </si>
  <si>
    <t>06/20/14 13:17:38.0</t>
  </si>
  <si>
    <t>06/20/14 13:17:46.5</t>
  </si>
  <si>
    <t>06/20/14 13:21:35.0</t>
  </si>
  <si>
    <t>06/20/14 13:21:52.5</t>
  </si>
  <si>
    <t>06/20/14 13:26:07.0</t>
  </si>
  <si>
    <t>06/20/14 13:26:45.0</t>
  </si>
  <si>
    <t>06/20/14 13:29:11.0</t>
  </si>
  <si>
    <t>06/20/14 13:29:19.5</t>
  </si>
  <si>
    <t>06/20/14 13:30:47.0</t>
  </si>
  <si>
    <t>06/20/14 13:33:31.5</t>
  </si>
  <si>
    <t>06/20/14 13:38:29.0</t>
  </si>
  <si>
    <t>06/20/14 13:41:00.5</t>
  </si>
  <si>
    <t>06/20/14 13:57:50.0</t>
  </si>
  <si>
    <t>06/20/14 14:00:31.5</t>
  </si>
  <si>
    <t>06/20/14 14:04:00.0</t>
  </si>
  <si>
    <t>06/20/14 14:04:08.0</t>
  </si>
  <si>
    <t>06/20/14 14:05:46.5</t>
  </si>
  <si>
    <t>06/20/14 14:06:02.0</t>
  </si>
  <si>
    <t>06/20/14 14:11:42.5</t>
  </si>
  <si>
    <t>06/20/14 14:12:01.5</t>
  </si>
  <si>
    <t>06/20/14 14:39:06.5</t>
  </si>
  <si>
    <t>06/20/14 14:39:24.0</t>
  </si>
  <si>
    <t>06/20/14 14:41:42.0</t>
  </si>
  <si>
    <t>06/20/14 14:41:52.0</t>
  </si>
  <si>
    <t>06/20/14 14:49:32.5</t>
  </si>
  <si>
    <t>06/20/14 14:51:48.5</t>
  </si>
  <si>
    <t>06/20/14 14:58:23.0</t>
  </si>
  <si>
    <t>06/20/14 14:58:40.0</t>
  </si>
  <si>
    <t>06/20/14 15:01:59.5</t>
  </si>
  <si>
    <t>06/20/14 15:02:12.0</t>
  </si>
  <si>
    <t>06/20/14 15:05:18.0</t>
  </si>
  <si>
    <t>06/20/14 15:05:30.0</t>
  </si>
  <si>
    <t>06/20/14 15:08:07.0</t>
  </si>
  <si>
    <t>06/20/14 15:08:30.0</t>
  </si>
  <si>
    <t>06/20/14 15:13:47.0</t>
  </si>
  <si>
    <t>06/20/14 15:14:01.5</t>
  </si>
  <si>
    <t>06/20/14 15:15:43.5</t>
  </si>
  <si>
    <t>06/20/14 15:15:53.0</t>
  </si>
  <si>
    <t>06/20/14 15:17:16.5</t>
  </si>
  <si>
    <t>06/20/14 15:17:23.0</t>
  </si>
  <si>
    <t>06/20/14 15:19:33.0</t>
  </si>
  <si>
    <t>06/20/14 15:19:37.0</t>
  </si>
  <si>
    <t>06/20/14 15:21:45.0</t>
  </si>
  <si>
    <t>06/20/14 15:21:57.5</t>
  </si>
  <si>
    <t>06/20/14 15:25:31.5</t>
  </si>
  <si>
    <t>06/20/14 15:25:42.5</t>
  </si>
  <si>
    <t>06/20/14 15:29:16.5</t>
  </si>
  <si>
    <t>06/20/14 15:29:29.0</t>
  </si>
  <si>
    <t>06/20/14 15:32:16.0</t>
  </si>
  <si>
    <t>06/20/14 15:32:21.5</t>
  </si>
  <si>
    <t>06/20/14 15:34:57.0</t>
  </si>
  <si>
    <t>06/20/14 15:35:03.5</t>
  </si>
  <si>
    <t>06/20/14 15:36:08.5</t>
  </si>
  <si>
    <t>06/20/14 15:36:20.0</t>
  </si>
  <si>
    <t>06/20/14 15:39:56.0</t>
  </si>
  <si>
    <t>06/20/14 15:41:09.5</t>
  </si>
  <si>
    <t>06/20/14 15:47:50.5</t>
  </si>
  <si>
    <t>06/20/14 15:48:09.0</t>
  </si>
  <si>
    <t>06/20/14 15:52:32.0</t>
  </si>
  <si>
    <t>06/20/14 15:52:54.5</t>
  </si>
  <si>
    <t>06/20/14 15:57:02.5</t>
  </si>
  <si>
    <t>06/20/14 15:57:09.0</t>
  </si>
  <si>
    <t>06/20/14 15:58:45.0</t>
  </si>
  <si>
    <t>06/20/14 15:58:57.0</t>
  </si>
  <si>
    <t>06/20/14 16:04:29.0</t>
  </si>
  <si>
    <t>06/20/14 16:04:41.5</t>
  </si>
  <si>
    <t>06/20/14 16:08:01.0</t>
  </si>
  <si>
    <t>06/20/14 16:08:15.5</t>
  </si>
  <si>
    <t>06/20/14 16:14:34.0</t>
  </si>
  <si>
    <t>06/20/14 16:14:51.5</t>
  </si>
  <si>
    <t>06/20/14 16:18:38.0</t>
  </si>
  <si>
    <t>06/20/14 16:18:46.0</t>
  </si>
  <si>
    <t>06/20/14 16:22:24.5</t>
  </si>
  <si>
    <t>06/20/14 16:22:52.5</t>
  </si>
  <si>
    <t>06/20/14 16:25:57.0</t>
  </si>
  <si>
    <t>06/20/14 16:26:28.0</t>
  </si>
  <si>
    <t>06/20/14 16:31:16.0</t>
  </si>
  <si>
    <t>06/20/14 16:31:42.0</t>
  </si>
  <si>
    <t>06/20/14 16:34:14.5</t>
  </si>
  <si>
    <t>06/20/14 16:34:44.0</t>
  </si>
  <si>
    <t>06/20/14 16:37:42.0</t>
  </si>
  <si>
    <t>06/20/14 16:37:49.5</t>
  </si>
  <si>
    <t>06/20/14 16:41:07.0</t>
  </si>
  <si>
    <t>06/20/14 16:41:17.0</t>
  </si>
  <si>
    <t>06/20/14 16:42:32.0</t>
  </si>
  <si>
    <t>06/20/14 16:42:36.0</t>
  </si>
  <si>
    <t>06/20/14 16:44:01.0</t>
  </si>
  <si>
    <t>06/20/14 16:44:10.5</t>
  </si>
  <si>
    <t>06/20/14 16:46:21.0</t>
  </si>
  <si>
    <t>06/20/14 16:46:29.0</t>
  </si>
  <si>
    <t>06/20/14 16:47:59.5</t>
  </si>
  <si>
    <t>06/20/14 16:48:04.0</t>
  </si>
  <si>
    <t>06/20/14 16:49:37.0</t>
  </si>
  <si>
    <t>06/20/14 16:49:41.0</t>
  </si>
  <si>
    <t>06/20/14 16:50:23.5</t>
  </si>
  <si>
    <t>06/20/14 16:50:31.0</t>
  </si>
  <si>
    <t>06/20/14 16:51:20.0</t>
  </si>
  <si>
    <t>06/20/14 16:51:25.5</t>
  </si>
  <si>
    <t>06/20/14 16:54:09.0</t>
  </si>
  <si>
    <t>06/20/14 16:54:38.5</t>
  </si>
  <si>
    <t>06/20/14 16:57:23.5</t>
  </si>
  <si>
    <t>06/20/14 16:57:39.5</t>
  </si>
  <si>
    <t>06/20/14 17:00:24.5</t>
  </si>
  <si>
    <t>06/20/14 17:00:30.5</t>
  </si>
  <si>
    <t>06/20/14 17:02:45.0</t>
  </si>
  <si>
    <t>06/20/14 17:02:49.5</t>
  </si>
  <si>
    <t>06/20/14 17:04:56.0</t>
  </si>
  <si>
    <t>06/20/14 17:05:06.0</t>
  </si>
  <si>
    <t>06/20/14 17:06:58.5</t>
  </si>
  <si>
    <t>06/20/14 17:07:07.5</t>
  </si>
  <si>
    <t>06/20/14 17:09:22.5</t>
  </si>
  <si>
    <t>06/20/14 17:09:56.5</t>
  </si>
  <si>
    <t>06/20/14 17:11:56.0</t>
  </si>
  <si>
    <t>06/20/14 17:12:32.0</t>
  </si>
  <si>
    <t>06/20/14 17:15:24.5</t>
  </si>
  <si>
    <t>06/20/14 17:15:48.0</t>
  </si>
  <si>
    <t>06/20/14 17:18:35.0</t>
  </si>
  <si>
    <t>06/20/14 17:18:43.5</t>
  </si>
  <si>
    <t>06/20/14 17:19:52.0</t>
  </si>
  <si>
    <t>06/20/14 17:19:59.5</t>
  </si>
  <si>
    <t>06/20/14 17:23:16.0</t>
  </si>
  <si>
    <t>06/20/14 17:23:49.5</t>
  </si>
  <si>
    <t>06/20/14 17:30:43.0</t>
  </si>
  <si>
    <t>06/20/14 17:30:55.0</t>
  </si>
  <si>
    <t>06/20/14 17:32:40.5</t>
  </si>
  <si>
    <t>06/20/14 17:32:50.0</t>
  </si>
  <si>
    <t>06/20/14 17:34:40.5</t>
  </si>
  <si>
    <t>06/20/14 17:34:52.0</t>
  </si>
  <si>
    <t>06/20/14 17:38:35.5</t>
  </si>
  <si>
    <t>06/20/14 17:38:43.5</t>
  </si>
  <si>
    <t>06/20/14 17:41:52.0</t>
  </si>
  <si>
    <t>06/20/14 17:42:04.0</t>
  </si>
  <si>
    <t>06/20/14 17:46:32.0</t>
  </si>
  <si>
    <t>06/20/14 17:46:43.0</t>
  </si>
  <si>
    <t>06/20/14 18:04:07.0</t>
  </si>
  <si>
    <t>06/20/14 18:04:19.0</t>
  </si>
  <si>
    <t>06/20/14 18:10:03.5</t>
  </si>
  <si>
    <t>06/20/14 18:10:20.0</t>
  </si>
  <si>
    <t>06/20/14 18:16:10.5</t>
  </si>
  <si>
    <t>06/20/14 18:16:25.5</t>
  </si>
  <si>
    <t>06/20/14 18:18:19.5</t>
  </si>
  <si>
    <t>06/20/14 18:19:49.0</t>
  </si>
  <si>
    <t>06/20/14 18:21:06.0</t>
  </si>
  <si>
    <t>06/20/14 18:21:12.5</t>
  </si>
  <si>
    <t>06/20/14 18:22:52.5</t>
  </si>
  <si>
    <t>06/20/14 18:23:04.5</t>
  </si>
  <si>
    <t>06/20/14 18:41:12.5</t>
  </si>
  <si>
    <t>06/20/14 18:41:22.5</t>
  </si>
  <si>
    <t>06/20/14 18:46:08.0</t>
  </si>
  <si>
    <t>06/20/14 18:46:37.5</t>
  </si>
  <si>
    <t>06/20/14 18:52:39.0</t>
  </si>
  <si>
    <t>06/20/14 18:52:55.0</t>
  </si>
  <si>
    <t>06/20/14 19:22:10.0</t>
  </si>
  <si>
    <t>06/20/14 19:22:51.0</t>
  </si>
  <si>
    <t>06/20/14 21:51:35.5</t>
  </si>
  <si>
    <t>06/20/14 21:52:36.0</t>
  </si>
  <si>
    <t>06/20/14 21:59:17.5</t>
  </si>
  <si>
    <t>06/20/14 21:59:27.0</t>
  </si>
  <si>
    <t>06/20/14 22:08:44.0</t>
  </si>
  <si>
    <t>06/20/14 22:10:08.5</t>
  </si>
  <si>
    <t>06/20/14 22:47:28.5</t>
  </si>
  <si>
    <t>06/20/14 23:31:23.5</t>
  </si>
  <si>
    <t>06/21/14 05:50:16.5</t>
  </si>
  <si>
    <t>06/21/14 05:52:09.5</t>
  </si>
  <si>
    <t>06/21/14 06:52:24.0</t>
  </si>
  <si>
    <t>06/21/14 06:53:07.0</t>
  </si>
  <si>
    <t>06/21/14 07:21:54.5</t>
  </si>
  <si>
    <t>06/21/14 07:22:10.0</t>
  </si>
  <si>
    <t>06/21/14 07:54:16.5</t>
  </si>
  <si>
    <t>06/21/14 07:54:48.5</t>
  </si>
  <si>
    <t>06/21/14 08:16:49.5</t>
  </si>
  <si>
    <t>06/21/14 08:17:08.0</t>
  </si>
  <si>
    <t>06/21/14 08:20:24.0</t>
  </si>
  <si>
    <t>06/21/14 08:20:37.5</t>
  </si>
  <si>
    <t>06/21/14 08:30:17.0</t>
  </si>
  <si>
    <t>06/21/14 08:30:34.5</t>
  </si>
  <si>
    <t>06/21/14 08:35:07.0</t>
  </si>
  <si>
    <t>06/21/14 08:35:17.0</t>
  </si>
  <si>
    <t>06/21/14 08:43:36.0</t>
  </si>
  <si>
    <t>06/21/14 08:43:54.0</t>
  </si>
  <si>
    <t>06/21/14 08:55:47.5</t>
  </si>
  <si>
    <t>06/21/14 08:59:53.5</t>
  </si>
  <si>
    <t>06/21/14 09:10:06.0</t>
  </si>
  <si>
    <t>06/21/14 09:12:11.0</t>
  </si>
  <si>
    <t>06/21/14 09:22:22.5</t>
  </si>
  <si>
    <t>06/21/14 09:22:46.5</t>
  </si>
  <si>
    <t>06/21/14 09:32:42.5</t>
  </si>
  <si>
    <t>06/21/14 09:34:31.0</t>
  </si>
  <si>
    <t>06/21/14 09:37:56.5</t>
  </si>
  <si>
    <t>06/21/14 09:38:26.5</t>
  </si>
  <si>
    <t>06/21/14 09:44:26.0</t>
  </si>
  <si>
    <t>06/21/14 09:45:02.5</t>
  </si>
  <si>
    <t>06/21/14 09:50:58.0</t>
  </si>
  <si>
    <t>06/21/14 09:51:10.0</t>
  </si>
  <si>
    <t>06/21/14 09:55:53.5</t>
  </si>
  <si>
    <t>06/21/14 09:56:23.0</t>
  </si>
  <si>
    <t>06/21/14 10:00:58.0</t>
  </si>
  <si>
    <t>06/21/14 10:01:08.5</t>
  </si>
  <si>
    <t>06/21/14 10:04:53.0</t>
  </si>
  <si>
    <t>06/21/14 10:05:15.0</t>
  </si>
  <si>
    <t>06/21/14 10:11:11.5</t>
  </si>
  <si>
    <t>06/21/14 10:11:49.5</t>
  </si>
  <si>
    <t>06/21/14 10:16:18.5</t>
  </si>
  <si>
    <t>06/21/14 10:16:44.0</t>
  </si>
  <si>
    <t>06/21/14 10:23:39.5</t>
  </si>
  <si>
    <t>06/21/14 10:23:57.0</t>
  </si>
  <si>
    <t>06/21/14 10:26:43.0</t>
  </si>
  <si>
    <t>06/21/14 10:26:56.5</t>
  </si>
  <si>
    <t>06/21/14 10:33:40.5</t>
  </si>
  <si>
    <t>06/21/14 10:33:52.0</t>
  </si>
  <si>
    <t>06/21/14 10:36:43.5</t>
  </si>
  <si>
    <t>06/21/14 10:36:55.5</t>
  </si>
  <si>
    <t>06/21/14 10:43:55.0</t>
  </si>
  <si>
    <t>06/21/14 10:44:34.0</t>
  </si>
  <si>
    <t>06/21/14 10:48:04.5</t>
  </si>
  <si>
    <t>06/21/14 10:48:21.5</t>
  </si>
  <si>
    <t>06/21/14 10:52:56.5</t>
  </si>
  <si>
    <t>06/21/14 10:53:14.5</t>
  </si>
  <si>
    <t>06/21/14 10:55:28.0</t>
  </si>
  <si>
    <t>06/21/14 10:56:01.0</t>
  </si>
  <si>
    <t>06/21/14 11:01:20.0</t>
  </si>
  <si>
    <t>06/21/14 11:01:47.0</t>
  </si>
  <si>
    <t>06/21/14 11:05:46.5</t>
  </si>
  <si>
    <t>06/21/14 11:06:01.5</t>
  </si>
  <si>
    <t>06/21/14 11:09:04.0</t>
  </si>
  <si>
    <t>06/21/14 11:09:14.0</t>
  </si>
  <si>
    <t>06/21/14 11:11:10.5</t>
  </si>
  <si>
    <t>06/21/14 11:11:21.0</t>
  </si>
  <si>
    <t>06/21/14 11:14:19.0</t>
  </si>
  <si>
    <t>06/21/14 11:14:42.5</t>
  </si>
  <si>
    <t>06/21/14 11:19:24.0</t>
  </si>
  <si>
    <t>06/21/14 11:20:13.0</t>
  </si>
  <si>
    <t>06/21/14 11:23:03.5</t>
  </si>
  <si>
    <t>06/21/14 11:23:18.5</t>
  </si>
  <si>
    <t>06/21/14 11:25:37.0</t>
  </si>
  <si>
    <t>06/21/14 11:25:58.5</t>
  </si>
  <si>
    <t>06/21/14 11:27:30.0</t>
  </si>
  <si>
    <t>06/21/14 11:27:38.0</t>
  </si>
  <si>
    <t>06/21/14 11:31:29.5</t>
  </si>
  <si>
    <t>06/21/14 11:31:37.0</t>
  </si>
  <si>
    <t>06/21/14 11:34:09.5</t>
  </si>
  <si>
    <t>06/21/14 11:34:17.5</t>
  </si>
  <si>
    <t>06/21/14 11:38:09.5</t>
  </si>
  <si>
    <t>06/21/14 11:38:29.0</t>
  </si>
  <si>
    <t>06/21/14 11:41:29.0</t>
  </si>
  <si>
    <t>06/21/14 11:42:14.0</t>
  </si>
  <si>
    <t>06/21/14 11:43:33.0</t>
  </si>
  <si>
    <t>06/21/14 11:43:42.5</t>
  </si>
  <si>
    <t>06/21/14 11:48:25.5</t>
  </si>
  <si>
    <t>06/21/14 11:48:34.5</t>
  </si>
  <si>
    <t>06/21/14 11:50:52.5</t>
  </si>
  <si>
    <t>06/21/14 11:51:00.5</t>
  </si>
  <si>
    <t>06/21/14 11:52:18.0</t>
  </si>
  <si>
    <t>06/21/14 11:52:31.5</t>
  </si>
  <si>
    <t>06/21/14 11:55:28.5</t>
  </si>
  <si>
    <t>06/21/14 11:55:37.5</t>
  </si>
  <si>
    <t>06/21/14 11:58:40.5</t>
  </si>
  <si>
    <t>06/21/14 11:59:26.5</t>
  </si>
  <si>
    <t>06/21/14 12:01:39.5</t>
  </si>
  <si>
    <t>06/21/14 12:01:48.0</t>
  </si>
  <si>
    <t>06/21/14 12:04:04.0</t>
  </si>
  <si>
    <t>06/21/14 12:04:15.5</t>
  </si>
  <si>
    <t>06/21/14 12:07:04.0</t>
  </si>
  <si>
    <t>06/21/14 12:07:13.0</t>
  </si>
  <si>
    <t>06/21/14 12:08:23.0</t>
  </si>
  <si>
    <t>06/21/14 12:08:36.0</t>
  </si>
  <si>
    <t>06/21/14 12:10:24.0</t>
  </si>
  <si>
    <t>06/21/14 12:10:36.0</t>
  </si>
  <si>
    <t>06/21/14 12:14:03.0</t>
  </si>
  <si>
    <t>06/21/14 12:14:19.0</t>
  </si>
  <si>
    <t>06/21/14 12:18:44.0</t>
  </si>
  <si>
    <t>06/21/14 12:19:01.0</t>
  </si>
  <si>
    <t>06/21/14 12:21:05.5</t>
  </si>
  <si>
    <t>06/21/14 12:21:23.0</t>
  </si>
  <si>
    <t>06/21/14 12:25:10.0</t>
  </si>
  <si>
    <t>06/21/14 12:25:45.5</t>
  </si>
  <si>
    <t>06/21/14 12:27:43.5</t>
  </si>
  <si>
    <t>06/21/14 12:27:54.0</t>
  </si>
  <si>
    <t>06/21/14 12:31:25.5</t>
  </si>
  <si>
    <t>06/21/14 12:31:39.5</t>
  </si>
  <si>
    <t>06/21/14 12:34:07.0</t>
  </si>
  <si>
    <t>06/21/14 12:34:17.0</t>
  </si>
  <si>
    <t>06/21/14 12:37:50.0</t>
  </si>
  <si>
    <t>06/21/14 12:38:02.5</t>
  </si>
  <si>
    <t>06/21/14 12:41:48.5</t>
  </si>
  <si>
    <t>06/21/14 12:42:07.5</t>
  </si>
  <si>
    <t>06/21/14 12:45:21.0</t>
  </si>
  <si>
    <t>06/21/14 12:45:40.5</t>
  </si>
  <si>
    <t>06/21/14 12:48:46.0</t>
  </si>
  <si>
    <t>06/21/14 12:49:10.5</t>
  </si>
  <si>
    <t>06/21/14 12:52:02.5</t>
  </si>
  <si>
    <t>06/21/14 12:52:15.5</t>
  </si>
  <si>
    <t>06/21/14 12:55:20.0</t>
  </si>
  <si>
    <t>06/21/14 12:55:35.5</t>
  </si>
  <si>
    <t>06/21/14 12:57:33.5</t>
  </si>
  <si>
    <t>06/21/14 12:57:48.0</t>
  </si>
  <si>
    <t>06/21/14 12:59:28.5</t>
  </si>
  <si>
    <t>06/21/14 12:59:39.5</t>
  </si>
  <si>
    <t>06/21/14 13:02:03.0</t>
  </si>
  <si>
    <t>06/21/14 13:02:14.5</t>
  </si>
  <si>
    <t>06/21/14 13:05:34.5</t>
  </si>
  <si>
    <t>06/21/14 13:05:45.0</t>
  </si>
  <si>
    <t>06/21/14 13:09:30.5</t>
  </si>
  <si>
    <t>06/21/14 13:09:42.0</t>
  </si>
  <si>
    <t>06/21/14 13:12:25.0</t>
  </si>
  <si>
    <t>06/21/14 13:13:16.5</t>
  </si>
  <si>
    <t>06/21/14 13:17:47.0</t>
  </si>
  <si>
    <t>06/21/14 13:18:41.0</t>
  </si>
  <si>
    <t>06/21/14 13:20:10.0</t>
  </si>
  <si>
    <t>06/21/14 13:20:25.5</t>
  </si>
  <si>
    <t>06/21/14 13:21:22.5</t>
  </si>
  <si>
    <t>06/21/14 13:21:33.0</t>
  </si>
  <si>
    <t>06/21/14 13:23:20.0</t>
  </si>
  <si>
    <t>06/21/14 13:23:29.5</t>
  </si>
  <si>
    <t>06/21/14 13:24:51.0</t>
  </si>
  <si>
    <t>06/21/14 13:25:12.5</t>
  </si>
  <si>
    <t>06/21/14 13:27:47.5</t>
  </si>
  <si>
    <t>06/21/14 13:28:35.0</t>
  </si>
  <si>
    <t>06/21/14 13:32:16.0</t>
  </si>
  <si>
    <t>06/21/14 13:32:33.5</t>
  </si>
  <si>
    <t>06/21/14 13:35:35.0</t>
  </si>
  <si>
    <t>06/21/14 13:35:43.0</t>
  </si>
  <si>
    <t>06/21/14 13:38:43.0</t>
  </si>
  <si>
    <t>06/21/14 13:40:34.5</t>
  </si>
  <si>
    <t>06/21/14 13:50:13.0</t>
  </si>
  <si>
    <t>06/21/14 13:55:01.5</t>
  </si>
  <si>
    <t>06/21/14 13:59:59.0</t>
  </si>
  <si>
    <t>06/21/14 14:01:29.5</t>
  </si>
  <si>
    <t>06/21/14 14:04:19.5</t>
  </si>
  <si>
    <t>06/21/14 14:04:28.5</t>
  </si>
  <si>
    <t>06/21/14 14:06:28.5</t>
  </si>
  <si>
    <t>06/21/14 14:07:20.0</t>
  </si>
  <si>
    <t>06/21/14 14:14:50.5</t>
  </si>
  <si>
    <t>06/21/14 14:14:57.5</t>
  </si>
  <si>
    <t>06/21/14 14:19:24.5</t>
  </si>
  <si>
    <t>06/21/14 14:19:30.0</t>
  </si>
  <si>
    <t>06/21/14 14:21:59.0</t>
  </si>
  <si>
    <t>06/21/14 14:22:25.5</t>
  </si>
  <si>
    <t>06/21/14 14:24:16.5</t>
  </si>
  <si>
    <t>06/21/14 14:24:50.5</t>
  </si>
  <si>
    <t>06/21/14 14:35:16.5</t>
  </si>
  <si>
    <t>06/21/14 14:35:27.5</t>
  </si>
  <si>
    <t>06/21/14 14:41:51.0</t>
  </si>
  <si>
    <t>06/21/14 14:42:00.5</t>
  </si>
  <si>
    <t>06/21/14 14:48:41.5</t>
  </si>
  <si>
    <t>06/21/14 14:50:04.5</t>
  </si>
  <si>
    <t>06/21/14 14:53:32.0</t>
  </si>
  <si>
    <t>06/21/14 14:53:54.5</t>
  </si>
  <si>
    <t>06/21/14 14:59:05.5</t>
  </si>
  <si>
    <t>06/21/14 15:00:04.5</t>
  </si>
  <si>
    <t>06/21/14 15:02:32.0</t>
  </si>
  <si>
    <t>06/21/14 15:02:42.0</t>
  </si>
  <si>
    <t>06/21/14 15:03:25.0</t>
  </si>
  <si>
    <t>06/21/14 15:03:29.5</t>
  </si>
  <si>
    <t>06/21/14 15:04:16.5</t>
  </si>
  <si>
    <t>06/21/14 15:04:22.0</t>
  </si>
  <si>
    <t>06/21/14 15:05:23.5</t>
  </si>
  <si>
    <t>06/21/14 15:05:35.0</t>
  </si>
  <si>
    <t>06/21/14 15:07:10.5</t>
  </si>
  <si>
    <t>06/21/14 15:07:23.0</t>
  </si>
  <si>
    <t>06/21/14 15:08:49.0</t>
  </si>
  <si>
    <t>06/21/14 15:08:59.0</t>
  </si>
  <si>
    <t>06/21/14 15:11:02.5</t>
  </si>
  <si>
    <t>06/21/14 15:11:14.0</t>
  </si>
  <si>
    <t>06/21/14 15:15:05.5</t>
  </si>
  <si>
    <t>06/21/14 15:15:15.5</t>
  </si>
  <si>
    <t>06/21/14 15:17:21.5</t>
  </si>
  <si>
    <t>06/21/14 15:18:20.5</t>
  </si>
  <si>
    <t>06/21/14 15:24:05.5</t>
  </si>
  <si>
    <t>06/21/14 15:24:47.0</t>
  </si>
  <si>
    <t>06/21/14 15:25:50.5</t>
  </si>
  <si>
    <t>06/21/14 15:25:57.0</t>
  </si>
  <si>
    <t>06/21/14 15:29:46.0</t>
  </si>
  <si>
    <t>06/21/14 15:30:01.5</t>
  </si>
  <si>
    <t>06/21/14 15:32:33.0</t>
  </si>
  <si>
    <t>06/21/14 15:32:43.0</t>
  </si>
  <si>
    <t>06/21/14 15:36:12.0</t>
  </si>
  <si>
    <t>06/21/14 15:36:30.0</t>
  </si>
  <si>
    <t>06/21/14 15:44:05.0</t>
  </si>
  <si>
    <t>06/21/14 15:44:30.5</t>
  </si>
  <si>
    <t>06/21/14 15:47:59.5</t>
  </si>
  <si>
    <t>06/21/14 15:48:06.0</t>
  </si>
  <si>
    <t>06/21/14 15:49:10.5</t>
  </si>
  <si>
    <t>06/21/14 15:49:17.5</t>
  </si>
  <si>
    <t>06/21/14 15:51:49.0</t>
  </si>
  <si>
    <t>06/21/14 15:51:57.5</t>
  </si>
  <si>
    <t>06/21/14 15:59:31.0</t>
  </si>
  <si>
    <t>06/21/14 16:02:00.5</t>
  </si>
  <si>
    <t>06/21/14 16:11:14.5</t>
  </si>
  <si>
    <t>06/21/14 16:11:23.5</t>
  </si>
  <si>
    <t>06/21/14 16:16:19.5</t>
  </si>
  <si>
    <t>06/21/14 16:16:33.5</t>
  </si>
  <si>
    <t>06/21/14 16:18:06.5</t>
  </si>
  <si>
    <t>06/21/14 16:18:15.0</t>
  </si>
  <si>
    <t>06/21/14 16:25:46.0</t>
  </si>
  <si>
    <t>06/21/14 16:25:55.5</t>
  </si>
  <si>
    <t>06/21/14 16:27:48.5</t>
  </si>
  <si>
    <t>06/21/14 16:28:03.0</t>
  </si>
  <si>
    <t>06/21/14 16:31:44.0</t>
  </si>
  <si>
    <t>06/21/14 16:31:56.5</t>
  </si>
  <si>
    <t>06/21/14 16:36:13.5</t>
  </si>
  <si>
    <t>06/21/14 16:36:19.0</t>
  </si>
  <si>
    <t>06/21/14 16:38:21.0</t>
  </si>
  <si>
    <t>06/21/14 16:38:34.5</t>
  </si>
  <si>
    <t>06/21/14 16:46:06.0</t>
  </si>
  <si>
    <t>06/21/14 16:47:27.5</t>
  </si>
  <si>
    <t>06/21/14 16:54:08.0</t>
  </si>
  <si>
    <t>06/21/14 16:54:29.0</t>
  </si>
  <si>
    <t>06/21/14 17:03:36.5</t>
  </si>
  <si>
    <t>06/21/14 17:03:57.5</t>
  </si>
  <si>
    <t>06/21/14 17:16:10.5</t>
  </si>
  <si>
    <t>06/21/14 17:16:21.5</t>
  </si>
  <si>
    <t>06/21/14 17:23:03.5</t>
  </si>
  <si>
    <t>06/21/14 17:23:46.5</t>
  </si>
  <si>
    <t>06/21/14 17:29:55.0</t>
  </si>
  <si>
    <t>06/21/14 17:30:05.0</t>
  </si>
  <si>
    <t>06/21/14 17:38:45.0</t>
  </si>
  <si>
    <t>06/21/14 17:39:42.0</t>
  </si>
  <si>
    <t>06/21/14 17:58:42.0</t>
  </si>
  <si>
    <t>06/21/14 17:58:54.5</t>
  </si>
  <si>
    <t>06/21/14 18:06:56.5</t>
  </si>
  <si>
    <t>06/21/14 18:08:20.5</t>
  </si>
  <si>
    <t>06/21/14 18:11:09.0</t>
  </si>
  <si>
    <t>06/21/14 18:11:37.5</t>
  </si>
  <si>
    <t>06/21/14 18:15:02.0</t>
  </si>
  <si>
    <t>06/21/14 18:15:09.0</t>
  </si>
  <si>
    <t>06/21/14 18:17:18.0</t>
  </si>
  <si>
    <t>06/21/14 18:17:26.0</t>
  </si>
  <si>
    <t>06/21/14 18:18:34.0</t>
  </si>
  <si>
    <t>06/21/14 18:18:47.5</t>
  </si>
  <si>
    <t>06/21/14 18:21:10.5</t>
  </si>
  <si>
    <t>06/21/14 18:21:19.0</t>
  </si>
  <si>
    <t>06/21/14 18:23:18.0</t>
  </si>
  <si>
    <t>06/21/14 18:24:59.0</t>
  </si>
  <si>
    <t>06/21/14 18:28:13.0</t>
  </si>
  <si>
    <t>06/21/14 18:28:18.5</t>
  </si>
  <si>
    <t>06/21/14 18:30:53.0</t>
  </si>
  <si>
    <t>06/21/14 18:31:15.5</t>
  </si>
  <si>
    <t>06/21/14 18:33:53.5</t>
  </si>
  <si>
    <t>06/21/14 18:34:09.5</t>
  </si>
  <si>
    <t>06/21/14 18:36:12.5</t>
  </si>
  <si>
    <t>06/21/14 18:36:21.5</t>
  </si>
  <si>
    <t>06/21/14 18:37:40.0</t>
  </si>
  <si>
    <t>06/21/14 18:37:48.0</t>
  </si>
  <si>
    <t>06/21/14 18:39:53.0</t>
  </si>
  <si>
    <t>06/21/14 18:39:59.0</t>
  </si>
  <si>
    <t>06/21/14 18:41:09.5</t>
  </si>
  <si>
    <t>06/21/14 18:41:18.0</t>
  </si>
  <si>
    <t>06/21/14 18:44:00.5</t>
  </si>
  <si>
    <t>06/21/14 18:44:37.5</t>
  </si>
  <si>
    <t>06/21/14 18:46:34.5</t>
  </si>
  <si>
    <t>06/21/14 18:46:43.5</t>
  </si>
  <si>
    <t>06/21/14 18:50:39.5</t>
  </si>
  <si>
    <t>06/21/14 18:50:56.0</t>
  </si>
  <si>
    <t>06/21/14 18:54:44.5</t>
  </si>
  <si>
    <t>06/21/14 18:55:21.5</t>
  </si>
  <si>
    <t>06/21/14 19:03:45.5</t>
  </si>
  <si>
    <t>06/21/14 19:04:45.5</t>
  </si>
  <si>
    <t>06/21/14 19:08:02.0</t>
  </si>
  <si>
    <t>06/21/14 19:08:52.0</t>
  </si>
  <si>
    <t>06/21/14 19:30:50.5</t>
  </si>
  <si>
    <t>06/21/14 19:32:45.5</t>
  </si>
  <si>
    <t>06/21/14 20:09:41.0</t>
  </si>
  <si>
    <t>06/21/14 20:09:59.0</t>
  </si>
  <si>
    <t>06/22/14 08:14:08.0</t>
  </si>
  <si>
    <t>06/22/14 08:24:35.0</t>
  </si>
  <si>
    <t>06/22/14 08:44:32.0</t>
  </si>
  <si>
    <t>06/22/14 08:45:33.5</t>
  </si>
  <si>
    <t>06/22/14 09:08:35.5</t>
  </si>
  <si>
    <t>06/22/14 09:08:55.0</t>
  </si>
  <si>
    <t>06/22/14 09:26:43.0</t>
  </si>
  <si>
    <t>06/22/14 09:27:10.0</t>
  </si>
  <si>
    <t>06/22/14 09:35:16.5</t>
  </si>
  <si>
    <t>06/22/14 09:35:30.5</t>
  </si>
  <si>
    <t>06/22/14 09:42:14.0</t>
  </si>
  <si>
    <t>06/22/14 09:42:25.0</t>
  </si>
  <si>
    <t>06/22/14 09:49:41.0</t>
  </si>
  <si>
    <t>06/22/14 09:50:06.5</t>
  </si>
  <si>
    <t>06/22/14 09:55:54.5</t>
  </si>
  <si>
    <t>06/22/14 09:56:07.0</t>
  </si>
  <si>
    <t>06/22/14 10:02:18.0</t>
  </si>
  <si>
    <t>06/22/14 10:02:32.0</t>
  </si>
  <si>
    <t>06/22/14 10:08:24.5</t>
  </si>
  <si>
    <t>06/22/14 10:08:50.0</t>
  </si>
  <si>
    <t>06/22/14 10:15:12.0</t>
  </si>
  <si>
    <t>06/22/14 10:15:32.5</t>
  </si>
  <si>
    <t>06/22/14 10:23:03.0</t>
  </si>
  <si>
    <t>06/22/14 10:23:16.0</t>
  </si>
  <si>
    <t>06/22/14 10:29:36.0</t>
  </si>
  <si>
    <t>06/22/14 10:29:46.0</t>
  </si>
  <si>
    <t>06/22/14 10:35:14.0</t>
  </si>
  <si>
    <t>06/22/14 10:35:22.5</t>
  </si>
  <si>
    <t>06/22/14 10:38:33.5</t>
  </si>
  <si>
    <t>06/22/14 10:38:43.0</t>
  </si>
  <si>
    <t>06/22/14 10:41:30.5</t>
  </si>
  <si>
    <t>06/22/14 10:41:43.5</t>
  </si>
  <si>
    <t>06/22/14 10:44:11.0</t>
  </si>
  <si>
    <t>06/22/14 10:44:46.0</t>
  </si>
  <si>
    <t>06/22/14 10:49:44.5</t>
  </si>
  <si>
    <t>06/22/14 10:50:47.0</t>
  </si>
  <si>
    <t>06/22/14 10:54:08.5</t>
  </si>
  <si>
    <t>06/22/14 10:55:05.0</t>
  </si>
  <si>
    <t>06/22/14 11:02:29.5</t>
  </si>
  <si>
    <t>06/22/14 11:02:36.5</t>
  </si>
  <si>
    <t>06/22/14 11:04:09.5</t>
  </si>
  <si>
    <t>06/22/14 11:04:26.0</t>
  </si>
  <si>
    <t>06/22/14 11:09:30.5</t>
  </si>
  <si>
    <t>06/22/14 11:09:51.0</t>
  </si>
  <si>
    <t>06/22/14 11:13:48.0</t>
  </si>
  <si>
    <t>06/22/14 11:13:55.0</t>
  </si>
  <si>
    <t>06/22/14 11:15:58.5</t>
  </si>
  <si>
    <t>06/22/14 11:16:07.0</t>
  </si>
  <si>
    <t>06/22/14 11:17:08.5</t>
  </si>
  <si>
    <t>06/22/14 11:17:22.0</t>
  </si>
  <si>
    <t>06/22/14 11:18:29.5</t>
  </si>
  <si>
    <t>06/22/14 11:18:42.5</t>
  </si>
  <si>
    <t>06/22/14 11:20:31.5</t>
  </si>
  <si>
    <t>06/22/14 11:20:39.0</t>
  </si>
  <si>
    <t>06/22/14 11:23:34.5</t>
  </si>
  <si>
    <t>06/22/14 11:23:47.0</t>
  </si>
  <si>
    <t>06/22/14 11:28:14.0</t>
  </si>
  <si>
    <t>06/22/14 11:28:49.0</t>
  </si>
  <si>
    <t>06/22/14 11:31:35.0</t>
  </si>
  <si>
    <t>06/22/14 11:31:54.5</t>
  </si>
  <si>
    <t>06/22/14 11:35:34.0</t>
  </si>
  <si>
    <t>06/22/14 11:35:52.0</t>
  </si>
  <si>
    <t>06/22/14 11:38:31.5</t>
  </si>
  <si>
    <t>06/22/14 11:38:40.5</t>
  </si>
  <si>
    <t>06/22/14 11:40:24.5</t>
  </si>
  <si>
    <t>06/22/14 11:40:33.0</t>
  </si>
  <si>
    <t>06/22/14 11:42:39.5</t>
  </si>
  <si>
    <t>06/22/14 11:42:49.5</t>
  </si>
  <si>
    <t>06/22/14 11:44:35.5</t>
  </si>
  <si>
    <t>06/22/14 11:44:48.5</t>
  </si>
  <si>
    <t>06/22/14 11:47:50.0</t>
  </si>
  <si>
    <t>06/22/14 11:48:03.0</t>
  </si>
  <si>
    <t>06/22/14 11:50:24.5</t>
  </si>
  <si>
    <t>06/22/14 11:50:35.0</t>
  </si>
  <si>
    <t>06/22/14 11:52:04.5</t>
  </si>
  <si>
    <t>06/22/14 11:52:11.5</t>
  </si>
  <si>
    <t>06/22/14 11:53:54.0</t>
  </si>
  <si>
    <t>06/22/14 11:54:23.5</t>
  </si>
  <si>
    <t>06/22/14 11:58:02.5</t>
  </si>
  <si>
    <t>06/22/14 11:58:22.5</t>
  </si>
  <si>
    <t>06/22/14 11:59:44.5</t>
  </si>
  <si>
    <t>06/22/14 12:00:10.0</t>
  </si>
  <si>
    <t>06/22/14 12:01:13.5</t>
  </si>
  <si>
    <t>06/22/14 12:01:23.0</t>
  </si>
  <si>
    <t>06/22/14 12:02:52.0</t>
  </si>
  <si>
    <t>06/22/14 12:02:57.5</t>
  </si>
  <si>
    <t>06/22/14 12:04:00.0</t>
  </si>
  <si>
    <t>06/22/14 12:04:12.5</t>
  </si>
  <si>
    <t>06/22/14 12:05:35.5</t>
  </si>
  <si>
    <t>06/22/14 12:05:42.5</t>
  </si>
  <si>
    <t>06/22/14 12:09:07.0</t>
  </si>
  <si>
    <t>06/22/14 12:09:13.0</t>
  </si>
  <si>
    <t>06/22/14 12:11:12.5</t>
  </si>
  <si>
    <t>06/22/14 12:11:38.5</t>
  </si>
  <si>
    <t>06/22/14 12:13:16.0</t>
  </si>
  <si>
    <t>06/22/14 12:13:28.0</t>
  </si>
  <si>
    <t>06/22/14 12:14:39.5</t>
  </si>
  <si>
    <t>06/22/14 12:14:44.0</t>
  </si>
  <si>
    <t>06/22/14 12:17:33.5</t>
  </si>
  <si>
    <t>06/22/14 12:17:42.5</t>
  </si>
  <si>
    <t>06/22/14 12:19:42.0</t>
  </si>
  <si>
    <t>06/22/14 12:19:49.5</t>
  </si>
  <si>
    <t>06/22/14 12:21:18.5</t>
  </si>
  <si>
    <t>06/22/14 12:21:29.5</t>
  </si>
  <si>
    <t>06/22/14 12:22:48.5</t>
  </si>
  <si>
    <t>06/22/14 12:22:54.0</t>
  </si>
  <si>
    <t>06/22/14 12:24:23.0</t>
  </si>
  <si>
    <t>06/22/14 12:25:32.0</t>
  </si>
  <si>
    <t>06/22/14 12:27:59.0</t>
  </si>
  <si>
    <t>06/22/14 12:28:06.5</t>
  </si>
  <si>
    <t>06/22/14 12:29:18.5</t>
  </si>
  <si>
    <t>06/22/14 12:29:29.0</t>
  </si>
  <si>
    <t>06/22/14 12:31:16.5</t>
  </si>
  <si>
    <t>06/22/14 12:31:25.5</t>
  </si>
  <si>
    <t>06/22/14 12:32:45.0</t>
  </si>
  <si>
    <t>06/22/14 12:33:24.0</t>
  </si>
  <si>
    <t>06/22/14 12:37:14.5</t>
  </si>
  <si>
    <t>06/22/14 12:37:22.0</t>
  </si>
  <si>
    <t>06/22/14 12:39:33.0</t>
  </si>
  <si>
    <t>06/22/14 12:39:39.0</t>
  </si>
  <si>
    <t>06/22/14 12:41:12.0</t>
  </si>
  <si>
    <t>06/22/14 12:41:17.5</t>
  </si>
  <si>
    <t>06/22/14 12:43:02.5</t>
  </si>
  <si>
    <t>06/22/14 12:43:24.5</t>
  </si>
  <si>
    <t>06/22/14 12:47:02.5</t>
  </si>
  <si>
    <t>06/22/14 12:47:08.5</t>
  </si>
  <si>
    <t>06/22/14 12:47:57.0</t>
  </si>
  <si>
    <t>06/22/14 12:48:01.5</t>
  </si>
  <si>
    <t>06/22/14 12:48:42.5</t>
  </si>
  <si>
    <t>06/22/14 12:48:50.5</t>
  </si>
  <si>
    <t>06/22/14 12:51:00.5</t>
  </si>
  <si>
    <t>06/22/14 12:51:17.5</t>
  </si>
  <si>
    <t>06/22/14 12:52:46.0</t>
  </si>
  <si>
    <t>06/22/14 12:52:50.5</t>
  </si>
  <si>
    <t>06/22/14 12:53:57.0</t>
  </si>
  <si>
    <t>06/22/14 12:54:05.0</t>
  </si>
  <si>
    <t>06/22/14 12:55:20.5</t>
  </si>
  <si>
    <t>06/22/14 12:55:29.0</t>
  </si>
  <si>
    <t>06/22/14 12:57:10.5</t>
  </si>
  <si>
    <t>06/22/14 12:57:17.0</t>
  </si>
  <si>
    <t>06/22/14 12:58:47.5</t>
  </si>
  <si>
    <t>06/22/14 12:58:54.0</t>
  </si>
  <si>
    <t>06/22/14 13:00:24.5</t>
  </si>
  <si>
    <t>06/22/14 13:00:34.5</t>
  </si>
  <si>
    <t>06/22/14 13:02:13.5</t>
  </si>
  <si>
    <t>06/22/14 13:02:28.5</t>
  </si>
  <si>
    <t>06/22/14 13:03:39.5</t>
  </si>
  <si>
    <t>06/22/14 13:03:47.5</t>
  </si>
  <si>
    <t>06/22/14 13:05:26.0</t>
  </si>
  <si>
    <t>06/22/14 13:05:34.5</t>
  </si>
  <si>
    <t>06/22/14 13:06:43.0</t>
  </si>
  <si>
    <t>06/22/14 13:06:50.5</t>
  </si>
  <si>
    <t>06/22/14 13:08:52.5</t>
  </si>
  <si>
    <t>06/22/14 13:09:03.0</t>
  </si>
  <si>
    <t>06/22/14 13:11:59.0</t>
  </si>
  <si>
    <t>06/22/14 13:12:09.5</t>
  </si>
  <si>
    <t>06/22/14 13:13:39.0</t>
  </si>
  <si>
    <t>06/22/14 13:13:46.0</t>
  </si>
  <si>
    <t>06/22/14 13:15:16.5</t>
  </si>
  <si>
    <t>06/22/14 13:15:23.0</t>
  </si>
  <si>
    <t>06/22/14 13:16:42.0</t>
  </si>
  <si>
    <t>06/22/14 13:17:03.0</t>
  </si>
  <si>
    <t>06/22/14 13:18:09.5</t>
  </si>
  <si>
    <t>06/22/14 13:18:21.5</t>
  </si>
  <si>
    <t>06/22/14 13:19:24.0</t>
  </si>
  <si>
    <t>06/22/14 13:19:29.5</t>
  </si>
  <si>
    <t>06/22/14 13:20:15.0</t>
  </si>
  <si>
    <t>06/22/14 13:20:24.0</t>
  </si>
  <si>
    <t>06/22/14 13:21:50.0</t>
  </si>
  <si>
    <t>06/22/14 13:22:21.5</t>
  </si>
  <si>
    <t>06/22/14 13:23:01.0</t>
  </si>
  <si>
    <t>06/22/14 13:23:09.0</t>
  </si>
  <si>
    <t>06/22/14 13:24:04.0</t>
  </si>
  <si>
    <t>06/22/14 13:24:07.5</t>
  </si>
  <si>
    <t>06/22/14 13:25:11.5</t>
  </si>
  <si>
    <t>06/22/14 13:25:16.0</t>
  </si>
  <si>
    <t>06/22/14 13:25:55.5</t>
  </si>
  <si>
    <t>06/22/14 13:26:02.5</t>
  </si>
  <si>
    <t>06/22/14 13:28:02.0</t>
  </si>
  <si>
    <t>06/22/14 13:28:09.5</t>
  </si>
  <si>
    <t>06/22/14 13:29:42.0</t>
  </si>
  <si>
    <t>06/22/14 13:29:49.0</t>
  </si>
  <si>
    <t>06/22/14 13:31:06.0</t>
  </si>
  <si>
    <t>06/22/14 13:31:12.5</t>
  </si>
  <si>
    <t>06/22/14 13:32:44.0</t>
  </si>
  <si>
    <t>06/22/14 13:32:58.0</t>
  </si>
  <si>
    <t>06/22/14 13:34:49.5</t>
  </si>
  <si>
    <t>06/22/14 13:34:56.5</t>
  </si>
  <si>
    <t>06/22/14 13:35:48.0</t>
  </si>
  <si>
    <t>06/22/14 13:35:57.0</t>
  </si>
  <si>
    <t>06/22/14 13:38:28.5</t>
  </si>
  <si>
    <t>06/22/14 13:38:36.0</t>
  </si>
  <si>
    <t>06/22/14 13:40:21.0</t>
  </si>
  <si>
    <t>06/22/14 13:40:29.0</t>
  </si>
  <si>
    <t>06/22/14 13:41:46.5</t>
  </si>
  <si>
    <t>06/22/14 13:41:52.0</t>
  </si>
  <si>
    <t>06/22/14 13:43:43.0</t>
  </si>
  <si>
    <t>06/22/14 13:43:56.5</t>
  </si>
  <si>
    <t>06/22/14 13:45:12.5</t>
  </si>
  <si>
    <t>06/22/14 13:45:19.0</t>
  </si>
  <si>
    <t>06/22/14 13:46:07.5</t>
  </si>
  <si>
    <t>06/22/14 13:46:14.0</t>
  </si>
  <si>
    <t>06/22/14 13:47:56.0</t>
  </si>
  <si>
    <t>06/22/14 13:48:08.5</t>
  </si>
  <si>
    <t>06/22/14 13:49:40.0</t>
  </si>
  <si>
    <t>06/22/14 13:49:52.0</t>
  </si>
  <si>
    <t>06/22/14 13:51:04.5</t>
  </si>
  <si>
    <t>06/22/14 13:51:15.5</t>
  </si>
  <si>
    <t>06/22/14 13:52:26.0</t>
  </si>
  <si>
    <t>06/22/14 13:52:35.5</t>
  </si>
  <si>
    <t>06/22/14 13:53:25.0</t>
  </si>
  <si>
    <t>06/22/14 13:53:28.5</t>
  </si>
  <si>
    <t>06/22/14 13:54:21.0</t>
  </si>
  <si>
    <t>06/22/14 13:54:30.5</t>
  </si>
  <si>
    <t>06/22/14 13:56:18.0</t>
  </si>
  <si>
    <t>06/22/14 13:56:34.0</t>
  </si>
  <si>
    <t>06/22/14 13:57:49.5</t>
  </si>
  <si>
    <t>06/22/14 13:58:04.0</t>
  </si>
  <si>
    <t>06/22/14 14:00:20.0</t>
  </si>
  <si>
    <t>06/22/14 14:00:24.5</t>
  </si>
  <si>
    <t>06/22/14 14:01:00.0</t>
  </si>
  <si>
    <t>06/22/14 14:01:04.5</t>
  </si>
  <si>
    <t>06/22/14 14:01:50.0</t>
  </si>
  <si>
    <t>06/22/14 14:01:55.5</t>
  </si>
  <si>
    <t>06/22/14 14:02:51.0</t>
  </si>
  <si>
    <t>06/22/14 14:02:57.0</t>
  </si>
  <si>
    <t>06/22/14 14:04:00.5</t>
  </si>
  <si>
    <t>06/22/14 14:04:07.0</t>
  </si>
  <si>
    <t>06/22/14 14:05:41.0</t>
  </si>
  <si>
    <t>06/22/14 14:05:53.5</t>
  </si>
  <si>
    <t>06/22/14 14:07:08.5</t>
  </si>
  <si>
    <t>06/22/14 14:07:21.0</t>
  </si>
  <si>
    <t>06/22/14 14:08:47.0</t>
  </si>
  <si>
    <t>06/22/14 14:09:15.0</t>
  </si>
  <si>
    <t>06/22/14 14:10:56.0</t>
  </si>
  <si>
    <t>06/22/14 14:11:02.0</t>
  </si>
  <si>
    <t>06/22/14 14:11:49.5</t>
  </si>
  <si>
    <t>06/22/14 14:11:54.0</t>
  </si>
  <si>
    <t>06/22/14 14:12:27.5</t>
  </si>
  <si>
    <t>06/22/14 14:12:30.5</t>
  </si>
  <si>
    <t>06/22/14 14:13:11.5</t>
  </si>
  <si>
    <t>06/22/14 14:13:18.5</t>
  </si>
  <si>
    <t>06/22/14 14:14:24.5</t>
  </si>
  <si>
    <t>06/22/14 14:14:29.0</t>
  </si>
  <si>
    <t>06/22/14 14:15:22.0</t>
  </si>
  <si>
    <t>06/22/14 14:15:27.5</t>
  </si>
  <si>
    <t>06/22/14 14:17:00.5</t>
  </si>
  <si>
    <t>06/22/14 14:17:06.0</t>
  </si>
  <si>
    <t>06/22/14 14:18:39.0</t>
  </si>
  <si>
    <t>06/22/14 14:18:43.0</t>
  </si>
  <si>
    <t>06/22/14 14:19:30.5</t>
  </si>
  <si>
    <t>06/22/14 14:19:39.0</t>
  </si>
  <si>
    <t>06/22/14 14:21:19.5</t>
  </si>
  <si>
    <t>06/22/14 14:21:29.5</t>
  </si>
  <si>
    <t>06/22/14 14:22:36.0</t>
  </si>
  <si>
    <t>06/22/14 14:22:45.0</t>
  </si>
  <si>
    <t>06/22/14 14:24:05.5</t>
  </si>
  <si>
    <t>06/22/14 14:24:15.5</t>
  </si>
  <si>
    <t>06/22/14 14:26:16.5</t>
  </si>
  <si>
    <t>06/22/14 14:26:23.0</t>
  </si>
  <si>
    <t>06/22/14 14:27:43.0</t>
  </si>
  <si>
    <t>06/22/14 14:27:50.5</t>
  </si>
  <si>
    <t>06/22/14 14:29:46.5</t>
  </si>
  <si>
    <t>06/22/14 14:29:52.5</t>
  </si>
  <si>
    <t>06/22/14 14:30:32.0</t>
  </si>
  <si>
    <t>06/22/14 14:30:41.0</t>
  </si>
  <si>
    <t>06/22/14 14:31:37.0</t>
  </si>
  <si>
    <t>06/22/14 14:31:43.5</t>
  </si>
  <si>
    <t>06/22/14 14:32:27.5</t>
  </si>
  <si>
    <t>06/22/14 14:32:34.5</t>
  </si>
  <si>
    <t>06/22/14 14:33:26.0</t>
  </si>
  <si>
    <t>06/22/14 14:33:31.0</t>
  </si>
  <si>
    <t>06/22/14 14:34:35.5</t>
  </si>
  <si>
    <t>06/22/14 14:34:49.5</t>
  </si>
  <si>
    <t>06/22/14 14:36:08.0</t>
  </si>
  <si>
    <t>06/22/14 14:36:19.5</t>
  </si>
  <si>
    <t>06/22/14 14:37:30.0</t>
  </si>
  <si>
    <t>06/22/14 14:37:34.5</t>
  </si>
  <si>
    <t>06/22/14 14:38:46.5</t>
  </si>
  <si>
    <t>06/22/14 14:38:55.0</t>
  </si>
  <si>
    <t>06/22/14 14:39:56.5</t>
  </si>
  <si>
    <t>06/22/14 14:40:07.5</t>
  </si>
  <si>
    <t>06/22/14 14:41:35.5</t>
  </si>
  <si>
    <t>06/22/14 14:41:39.5</t>
  </si>
  <si>
    <t>06/22/14 14:42:35.5</t>
  </si>
  <si>
    <t>06/22/14 14:42:43.0</t>
  </si>
  <si>
    <t>06/22/14 14:43:54.0</t>
  </si>
  <si>
    <t>06/22/14 14:44:08.0</t>
  </si>
  <si>
    <t>06/22/14 14:45:43.0</t>
  </si>
  <si>
    <t>06/22/14 14:45:55.5</t>
  </si>
  <si>
    <t>06/22/14 14:47:21.0</t>
  </si>
  <si>
    <t>06/22/14 14:47:27.0</t>
  </si>
  <si>
    <t>06/22/14 14:49:23.5</t>
  </si>
  <si>
    <t>06/22/14 14:49:30.0</t>
  </si>
  <si>
    <t>06/22/14 14:51:39.0</t>
  </si>
  <si>
    <t>06/22/14 14:51:44.5</t>
  </si>
  <si>
    <t>06/22/14 14:52:49.0</t>
  </si>
  <si>
    <t>06/22/14 14:52:56.5</t>
  </si>
  <si>
    <t>06/22/14 14:53:50.0</t>
  </si>
  <si>
    <t>06/22/14 14:54:02.0</t>
  </si>
  <si>
    <t>06/22/14 14:56:09.0</t>
  </si>
  <si>
    <t>06/22/14 14:56:18.5</t>
  </si>
  <si>
    <t>06/22/14 14:57:42.5</t>
  </si>
  <si>
    <t>06/22/14 14:57:49.5</t>
  </si>
  <si>
    <t>06/22/14 14:58:52.0</t>
  </si>
  <si>
    <t>06/22/14 14:58:56.5</t>
  </si>
  <si>
    <t>06/22/14 15:00:01.5</t>
  </si>
  <si>
    <t>06/22/14 15:00:06.5</t>
  </si>
  <si>
    <t>06/22/14 15:01:12.5</t>
  </si>
  <si>
    <t>06/22/14 15:01:20.0</t>
  </si>
  <si>
    <t>06/22/14 15:03:52.0</t>
  </si>
  <si>
    <t>06/22/14 15:04:01.0</t>
  </si>
  <si>
    <t>06/22/14 15:04:58.0</t>
  </si>
  <si>
    <t>06/22/14 15:05:08.5</t>
  </si>
  <si>
    <t>06/22/14 15:06:12.0</t>
  </si>
  <si>
    <t>06/22/14 15:06:18.0</t>
  </si>
  <si>
    <t>06/22/14 15:08:17.0</t>
  </si>
  <si>
    <t>06/22/14 15:08:36.0</t>
  </si>
  <si>
    <t>06/22/14 15:09:54.0</t>
  </si>
  <si>
    <t>06/22/14 15:10:02.5</t>
  </si>
  <si>
    <t>06/22/14 15:11:02.5</t>
  </si>
  <si>
    <t>06/22/14 15:11:11.5</t>
  </si>
  <si>
    <t>06/22/14 15:11:52.0</t>
  </si>
  <si>
    <t>06/22/14 15:11:58.5</t>
  </si>
  <si>
    <t>06/22/14 15:13:54.5</t>
  </si>
  <si>
    <t>06/22/14 15:14:08.0</t>
  </si>
  <si>
    <t>06/22/14 15:15:48.0</t>
  </si>
  <si>
    <t>06/22/14 15:16:03.0</t>
  </si>
  <si>
    <t>06/22/14 15:17:34.5</t>
  </si>
  <si>
    <t>06/22/14 15:17:39.5</t>
  </si>
  <si>
    <t>06/22/14 15:18:12.0</t>
  </si>
  <si>
    <t>06/22/14 15:18:16.0</t>
  </si>
  <si>
    <t>06/22/14 15:19:11.0</t>
  </si>
  <si>
    <t>06/22/14 15:19:22.5</t>
  </si>
  <si>
    <t>06/22/14 15:20:44.0</t>
  </si>
  <si>
    <t>06/22/14 15:20:50.0</t>
  </si>
  <si>
    <t>06/22/14 15:21:23.5</t>
  </si>
  <si>
    <t>06/22/14 15:21:29.0</t>
  </si>
  <si>
    <t>06/22/14 15:22:15.0</t>
  </si>
  <si>
    <t>06/22/14 15:22:20.0</t>
  </si>
  <si>
    <t>06/22/14 15:23:20.0</t>
  </si>
  <si>
    <t>06/22/14 15:23:25.0</t>
  </si>
  <si>
    <t>06/22/14 15:24:24.5</t>
  </si>
  <si>
    <t>06/22/14 15:24:39.0</t>
  </si>
  <si>
    <t>06/22/14 15:26:15.5</t>
  </si>
  <si>
    <t>06/22/14 15:26:21.0</t>
  </si>
  <si>
    <t>06/22/14 15:27:37.0</t>
  </si>
  <si>
    <t>06/22/14 15:27:45.5</t>
  </si>
  <si>
    <t>06/22/14 15:29:37.0</t>
  </si>
  <si>
    <t>06/22/14 15:29:43.5</t>
  </si>
  <si>
    <t>06/22/14 15:30:20.5</t>
  </si>
  <si>
    <t>06/22/14 15:30:25.5</t>
  </si>
  <si>
    <t>06/22/14 15:31:06.0</t>
  </si>
  <si>
    <t>06/22/14 15:31:12.0</t>
  </si>
  <si>
    <t>06/22/14 15:32:48.5</t>
  </si>
  <si>
    <t>06/22/14 15:32:55.0</t>
  </si>
  <si>
    <t>06/22/14 15:34:07.0</t>
  </si>
  <si>
    <t>06/22/14 15:34:14.0</t>
  </si>
  <si>
    <t>06/22/14 15:36:33.5</t>
  </si>
  <si>
    <t>06/22/14 15:36:42.5</t>
  </si>
  <si>
    <t>06/22/14 15:37:40.5</t>
  </si>
  <si>
    <t>06/22/14 15:37:44.5</t>
  </si>
  <si>
    <t>06/22/14 15:38:39.5</t>
  </si>
  <si>
    <t>06/22/14 15:38:48.0</t>
  </si>
  <si>
    <t>06/22/14 15:40:16.5</t>
  </si>
  <si>
    <t>06/22/14 15:40:20.5</t>
  </si>
  <si>
    <t>06/22/14 15:43:33.0</t>
  </si>
  <si>
    <t>06/22/14 15:43:47.5</t>
  </si>
  <si>
    <t>06/22/14 15:45:13.5</t>
  </si>
  <si>
    <t>06/22/14 15:45:18.0</t>
  </si>
  <si>
    <t>06/22/14 15:46:26.0</t>
  </si>
  <si>
    <t>06/22/14 15:46:44.0</t>
  </si>
  <si>
    <t>06/22/14 15:48:23.0</t>
  </si>
  <si>
    <t>06/22/14 15:48:30.5</t>
  </si>
  <si>
    <t>06/22/14 15:49:31.0</t>
  </si>
  <si>
    <t>06/22/14 15:49:36.5</t>
  </si>
  <si>
    <t>06/22/14 15:50:21.0</t>
  </si>
  <si>
    <t>06/22/14 15:50:32.0</t>
  </si>
  <si>
    <t>06/22/14 15:52:07.5</t>
  </si>
  <si>
    <t>06/22/14 15:52:15.0</t>
  </si>
  <si>
    <t>06/22/14 15:53:32.5</t>
  </si>
  <si>
    <t>06/22/14 15:53:42.5</t>
  </si>
  <si>
    <t>06/22/14 15:55:20.5</t>
  </si>
  <si>
    <t>06/22/14 15:55:25.0</t>
  </si>
  <si>
    <t>06/22/14 15:56:15.0</t>
  </si>
  <si>
    <t>06/22/14 15:56:22.5</t>
  </si>
  <si>
    <t>06/22/14 15:57:17.5</t>
  </si>
  <si>
    <t>06/22/14 15:57:30.0</t>
  </si>
  <si>
    <t>06/22/14 15:58:52.5</t>
  </si>
  <si>
    <t>06/22/14 15:59:10.0</t>
  </si>
  <si>
    <t>06/22/14 16:00:28.0</t>
  </si>
  <si>
    <t>06/22/14 16:00:40.0</t>
  </si>
  <si>
    <t>06/22/14 16:01:44.5</t>
  </si>
  <si>
    <t>06/22/14 16:01:49.5</t>
  </si>
  <si>
    <t>06/22/14 16:02:36.5</t>
  </si>
  <si>
    <t>06/22/14 16:02:49.0</t>
  </si>
  <si>
    <t>06/22/14 16:04:41.5</t>
  </si>
  <si>
    <t>06/22/14 16:04:47.5</t>
  </si>
  <si>
    <t>06/22/14 16:06:37.0</t>
  </si>
  <si>
    <t>06/22/14 16:06:50.5</t>
  </si>
  <si>
    <t>06/22/14 16:08:16.5</t>
  </si>
  <si>
    <t>06/22/14 16:08:30.5</t>
  </si>
  <si>
    <t>06/22/14 16:10:30.5</t>
  </si>
  <si>
    <t>06/22/14 16:10:48.0</t>
  </si>
  <si>
    <t>06/22/14 16:11:55.5</t>
  </si>
  <si>
    <t>06/22/14 16:12:01.5</t>
  </si>
  <si>
    <t>06/22/14 16:13:08.5</t>
  </si>
  <si>
    <t>06/22/14 16:13:12.0</t>
  </si>
  <si>
    <t>06/22/14 16:14:06.5</t>
  </si>
  <si>
    <t>06/22/14 16:14:17.5</t>
  </si>
  <si>
    <t>06/22/14 16:16:01.0</t>
  </si>
  <si>
    <t>06/22/14 16:16:10.0</t>
  </si>
  <si>
    <t>06/22/14 16:17:45.5</t>
  </si>
  <si>
    <t>06/22/14 16:18:21.0</t>
  </si>
  <si>
    <t>06/22/14 16:19:20.5</t>
  </si>
  <si>
    <t>06/22/14 16:19:26.0</t>
  </si>
  <si>
    <t>06/22/14 16:20:31.5</t>
  </si>
  <si>
    <t>06/22/14 16:20:36.0</t>
  </si>
  <si>
    <t>06/22/14 16:21:13.0</t>
  </si>
  <si>
    <t>06/22/14 16:21:21.0</t>
  </si>
  <si>
    <t>06/22/14 16:22:32.0</t>
  </si>
  <si>
    <t>06/22/14 16:22:47.0</t>
  </si>
  <si>
    <t>06/22/14 16:23:52.5</t>
  </si>
  <si>
    <t>06/22/14 16:23:57.5</t>
  </si>
  <si>
    <t>06/22/14 16:25:19.5</t>
  </si>
  <si>
    <t>06/22/14 16:25:35.0</t>
  </si>
  <si>
    <t>06/22/14 16:26:27.5</t>
  </si>
  <si>
    <t>06/22/14 16:26:30.5</t>
  </si>
  <si>
    <t>06/22/14 16:27:26.5</t>
  </si>
  <si>
    <t>06/22/14 16:27:38.0</t>
  </si>
  <si>
    <t>06/22/14 16:29:23.0</t>
  </si>
  <si>
    <t>06/22/14 16:29:28.5</t>
  </si>
  <si>
    <t>06/22/14 16:30:18.0</t>
  </si>
  <si>
    <t>06/22/14 16:30:24.5</t>
  </si>
  <si>
    <t>06/22/14 16:32:07.0</t>
  </si>
  <si>
    <t>06/22/14 16:32:13.0</t>
  </si>
  <si>
    <t>06/22/14 16:35:30.0</t>
  </si>
  <si>
    <t>06/22/14 16:35:43.0</t>
  </si>
  <si>
    <t>06/22/14 16:37:40.0</t>
  </si>
  <si>
    <t>06/22/14 16:37:53.0</t>
  </si>
  <si>
    <t>06/22/14 16:38:53.0</t>
  </si>
  <si>
    <t>06/22/14 16:39:04.0</t>
  </si>
  <si>
    <t>06/22/14 16:40:11.0</t>
  </si>
  <si>
    <t>06/22/14 16:40:16.5</t>
  </si>
  <si>
    <t>06/22/14 16:41:14.5</t>
  </si>
  <si>
    <t>06/22/14 16:41:18.5</t>
  </si>
  <si>
    <t>06/22/14 16:43:44.5</t>
  </si>
  <si>
    <t>06/22/14 16:44:04.5</t>
  </si>
  <si>
    <t>06/22/14 16:44:51.5</t>
  </si>
  <si>
    <t>06/22/14 16:45:00.5</t>
  </si>
  <si>
    <t>06/22/14 16:45:45.0</t>
  </si>
  <si>
    <t>06/22/14 16:45:50.0</t>
  </si>
  <si>
    <t>06/22/14 16:48:06.5</t>
  </si>
  <si>
    <t>06/22/14 16:48:15.5</t>
  </si>
  <si>
    <t>06/22/14 16:48:55.0</t>
  </si>
  <si>
    <t>06/22/14 16:48:59.0</t>
  </si>
  <si>
    <t>06/22/14 16:50:16.5</t>
  </si>
  <si>
    <t>06/22/14 16:50:22.5</t>
  </si>
  <si>
    <t>06/22/14 16:52:17.0</t>
  </si>
  <si>
    <t>06/22/14 16:52:24.0</t>
  </si>
  <si>
    <t>06/22/14 16:53:42.0</t>
  </si>
  <si>
    <t>06/22/14 16:53:48.0</t>
  </si>
  <si>
    <t>06/22/14 16:54:43.5</t>
  </si>
  <si>
    <t>06/22/14 16:54:48.5</t>
  </si>
  <si>
    <t>06/22/14 16:55:42.5</t>
  </si>
  <si>
    <t>06/22/14 16:55:50.5</t>
  </si>
  <si>
    <t>06/22/14 16:56:51.5</t>
  </si>
  <si>
    <t>06/22/14 16:57:03.0</t>
  </si>
  <si>
    <t>06/22/14 17:00:00.0</t>
  </si>
  <si>
    <t>06/22/14 17:00:59.0</t>
  </si>
  <si>
    <t>06/22/14 17:03:11.5</t>
  </si>
  <si>
    <t>06/22/14 17:03:37.5</t>
  </si>
  <si>
    <t>06/22/14 17:06:51.0</t>
  </si>
  <si>
    <t>06/22/14 17:07:00.0</t>
  </si>
  <si>
    <t>06/22/14 17:09:41.0</t>
  </si>
  <si>
    <t>06/22/14 17:09:51.5</t>
  </si>
  <si>
    <t>06/22/14 17:10:55.5</t>
  </si>
  <si>
    <t>06/22/14 17:11:04.5</t>
  </si>
  <si>
    <t>06/22/14 17:12:37.0</t>
  </si>
  <si>
    <t>06/22/14 17:12:43.0</t>
  </si>
  <si>
    <t>06/22/14 17:14:12.5</t>
  </si>
  <si>
    <t>06/22/14 17:14:21.0</t>
  </si>
  <si>
    <t>06/22/14 17:16:24.5</t>
  </si>
  <si>
    <t>06/22/14 17:16:31.5</t>
  </si>
  <si>
    <t>06/22/14 17:17:35.0</t>
  </si>
  <si>
    <t>06/22/14 17:17:42.5</t>
  </si>
  <si>
    <t>06/22/14 17:20:33.5</t>
  </si>
  <si>
    <t>06/22/14 17:20:44.0</t>
  </si>
  <si>
    <t>06/22/14 17:22:37.0</t>
  </si>
  <si>
    <t>06/22/14 17:22:49.0</t>
  </si>
  <si>
    <t>06/22/14 17:23:40.0</t>
  </si>
  <si>
    <t>06/22/14 17:23:46.0</t>
  </si>
  <si>
    <t>06/22/14 17:26:17.0</t>
  </si>
  <si>
    <t>06/22/14 17:26:29.0</t>
  </si>
  <si>
    <t>06/22/14 17:28:19.5</t>
  </si>
  <si>
    <t>06/22/14 17:28:33.5</t>
  </si>
  <si>
    <t>06/22/14 17:30:34.0</t>
  </si>
  <si>
    <t>06/22/14 17:30:55.0</t>
  </si>
  <si>
    <t>06/22/14 17:32:25.0</t>
  </si>
  <si>
    <t>06/22/14 17:32:32.5</t>
  </si>
  <si>
    <t>06/22/14 17:34:33.5</t>
  </si>
  <si>
    <t>06/22/14 17:34:46.0</t>
  </si>
  <si>
    <t>06/22/14 17:35:33.5</t>
  </si>
  <si>
    <t>06/22/14 17:35:47.5</t>
  </si>
  <si>
    <t>06/22/14 17:37:16.0</t>
  </si>
  <si>
    <t>06/22/14 17:37:43.5</t>
  </si>
  <si>
    <t>06/22/14 17:39:57.5</t>
  </si>
  <si>
    <t>06/22/14 17:40:11.5</t>
  </si>
  <si>
    <t>06/22/14 17:41:36.5</t>
  </si>
  <si>
    <t>06/22/14 17:41:48.0</t>
  </si>
  <si>
    <t>06/22/14 17:43:15.5</t>
  </si>
  <si>
    <t>06/22/14 17:43:25.0</t>
  </si>
  <si>
    <t>06/22/14 17:44:27.0</t>
  </si>
  <si>
    <t>06/22/14 17:44:35.0</t>
  </si>
  <si>
    <t>06/22/14 17:45:41.5</t>
  </si>
  <si>
    <t>06/22/14 17:45:49.0</t>
  </si>
  <si>
    <t>06/22/14 17:46:35.5</t>
  </si>
  <si>
    <t>06/22/14 17:46:43.0</t>
  </si>
  <si>
    <t>06/22/14 17:49:01.0</t>
  </si>
  <si>
    <t>06/22/14 17:49:09.0</t>
  </si>
  <si>
    <t>06/22/14 17:50:50.0</t>
  </si>
  <si>
    <t>06/22/14 17:50:56.5</t>
  </si>
  <si>
    <t>06/22/14 17:52:29.0</t>
  </si>
  <si>
    <t>06/22/14 17:52:35.5</t>
  </si>
  <si>
    <t>06/22/14 17:53:37.0</t>
  </si>
  <si>
    <t>06/22/14 17:53:44.0</t>
  </si>
  <si>
    <t>06/22/14 17:54:43.0</t>
  </si>
  <si>
    <t>06/22/14 17:54:52.0</t>
  </si>
  <si>
    <t>06/22/14 17:56:54.5</t>
  </si>
  <si>
    <t>06/22/14 17:57:05.5</t>
  </si>
  <si>
    <t>06/22/14 17:59:53.5</t>
  </si>
  <si>
    <t>06/22/14 18:00:16.0</t>
  </si>
  <si>
    <t>06/22/14 18:01:22.5</t>
  </si>
  <si>
    <t>06/22/14 18:01:35.0</t>
  </si>
  <si>
    <t>06/22/14 18:02:48.0</t>
  </si>
  <si>
    <t>06/22/14 18:03:01.5</t>
  </si>
  <si>
    <t>06/22/14 18:04:36.5</t>
  </si>
  <si>
    <t>06/22/14 18:04:44.0</t>
  </si>
  <si>
    <t>06/22/14 18:05:38.0</t>
  </si>
  <si>
    <t>06/22/14 18:05:49.5</t>
  </si>
  <si>
    <t>06/22/14 18:06:40.5</t>
  </si>
  <si>
    <t>06/22/14 18:06:44.0</t>
  </si>
  <si>
    <t>06/22/14 18:07:18.5</t>
  </si>
  <si>
    <t>06/22/14 18:07:23.0</t>
  </si>
  <si>
    <t>06/22/14 18:08:05.0</t>
  </si>
  <si>
    <t>06/22/14 18:08:08.5</t>
  </si>
  <si>
    <t>06/22/14 18:08:54.0</t>
  </si>
  <si>
    <t>06/22/14 18:09:01.0</t>
  </si>
  <si>
    <t>06/22/14 18:10:11.5</t>
  </si>
  <si>
    <t>06/22/14 18:10:25.0</t>
  </si>
  <si>
    <t>06/22/14 18:11:39.5</t>
  </si>
  <si>
    <t>06/22/14 18:11:48.5</t>
  </si>
  <si>
    <t>06/22/14 18:13:05.5</t>
  </si>
  <si>
    <t>06/22/14 18:13:09.5</t>
  </si>
  <si>
    <t>06/22/14 18:14:04.5</t>
  </si>
  <si>
    <t>06/22/14 18:14:12.5</t>
  </si>
  <si>
    <t>06/22/14 18:17:31.5</t>
  </si>
  <si>
    <t>06/22/14 18:17:39.0</t>
  </si>
  <si>
    <t>06/22/14 18:19:13.0</t>
  </si>
  <si>
    <t>06/22/14 18:19:20.5</t>
  </si>
  <si>
    <t>06/22/14 18:21:04.0</t>
  </si>
  <si>
    <t>06/22/14 18:21:13.5</t>
  </si>
  <si>
    <t>06/22/14 18:22:33.0</t>
  </si>
  <si>
    <t>06/22/14 18:22:46.0</t>
  </si>
  <si>
    <t>06/22/14 18:24:39.0</t>
  </si>
  <si>
    <t>06/22/14 18:24:47.0</t>
  </si>
  <si>
    <t>06/22/14 18:25:55.5</t>
  </si>
  <si>
    <t>06/22/14 18:25:59.0</t>
  </si>
  <si>
    <t>06/22/14 18:27:36.5</t>
  </si>
  <si>
    <t>06/22/14 18:27:44.0</t>
  </si>
  <si>
    <t>06/22/14 18:30:23.0</t>
  </si>
  <si>
    <t>06/22/14 18:30:28.0</t>
  </si>
  <si>
    <t>06/22/14 18:33:25.5</t>
  </si>
  <si>
    <t>06/22/14 18:34:03.0</t>
  </si>
  <si>
    <t>06/22/14 18:35:42.0</t>
  </si>
  <si>
    <t>06/22/14 18:35:49.5</t>
  </si>
  <si>
    <t>06/22/14 18:37:07.0</t>
  </si>
  <si>
    <t>06/22/14 18:37:17.5</t>
  </si>
  <si>
    <t>06/22/14 18:39:53.5</t>
  </si>
  <si>
    <t>06/22/14 18:40:02.0</t>
  </si>
  <si>
    <t>06/22/14 18:41:52.0</t>
  </si>
  <si>
    <t>06/22/14 18:42:13.5</t>
  </si>
  <si>
    <t>06/22/14 18:43:17.5</t>
  </si>
  <si>
    <t>06/22/14 18:43:32.5</t>
  </si>
  <si>
    <t>06/22/14 18:45:06.5</t>
  </si>
  <si>
    <t>06/22/14 18:45:18.5</t>
  </si>
  <si>
    <t>06/22/14 18:47:00.0</t>
  </si>
  <si>
    <t>06/22/14 18:47:12.0</t>
  </si>
  <si>
    <t>06/22/14 18:48:34.5</t>
  </si>
  <si>
    <t>06/22/14 18:48:42.5</t>
  </si>
  <si>
    <t>06/22/14 18:51:54.0</t>
  </si>
  <si>
    <t>06/22/14 18:52:00.0</t>
  </si>
  <si>
    <t>06/22/14 18:53:03.5</t>
  </si>
  <si>
    <t>06/22/14 18:53:09.5</t>
  </si>
  <si>
    <t>06/22/14 18:55:12.5</t>
  </si>
  <si>
    <t>06/22/14 18:55:25.5</t>
  </si>
  <si>
    <t>06/22/14 18:56:47.0</t>
  </si>
  <si>
    <t>06/22/14 18:56:51.5</t>
  </si>
  <si>
    <t>06/22/14 18:57:39.0</t>
  </si>
  <si>
    <t>06/22/14 18:57:52.5</t>
  </si>
  <si>
    <t>06/22/14 18:59:16.0</t>
  </si>
  <si>
    <t>06/22/14 18:59:24.5</t>
  </si>
  <si>
    <t>06/22/14 19:00:47.0</t>
  </si>
  <si>
    <t>06/22/14 19:00:51.0</t>
  </si>
  <si>
    <t>06/22/14 19:02:30.0</t>
  </si>
  <si>
    <t>06/22/14 19:02:37.0</t>
  </si>
  <si>
    <t>06/22/14 19:04:42.0</t>
  </si>
  <si>
    <t>06/22/14 19:04:48.5</t>
  </si>
  <si>
    <t>06/22/14 19:06:23.5</t>
  </si>
  <si>
    <t>06/22/14 19:06:29.5</t>
  </si>
  <si>
    <t>06/22/14 19:08:42.0</t>
  </si>
  <si>
    <t>06/22/14 19:09:18.0</t>
  </si>
  <si>
    <t>06/22/14 19:10:59.5</t>
  </si>
  <si>
    <t>06/22/14 19:11:12.0</t>
  </si>
  <si>
    <t>06/22/14 19:12:45.5</t>
  </si>
  <si>
    <t>06/22/14 19:12:51.5</t>
  </si>
  <si>
    <t>06/22/14 19:14:13.5</t>
  </si>
  <si>
    <t>06/22/14 19:14:22.5</t>
  </si>
  <si>
    <t>06/22/14 19:15:47.5</t>
  </si>
  <si>
    <t>06/22/14 19:15:56.0</t>
  </si>
  <si>
    <t>06/22/14 19:18:07.0</t>
  </si>
  <si>
    <t>06/22/14 19:18:13.0</t>
  </si>
  <si>
    <t>06/22/14 19:19:41.0</t>
  </si>
  <si>
    <t>06/22/14 19:19:48.5</t>
  </si>
  <si>
    <t>06/22/14 19:20:58.5</t>
  </si>
  <si>
    <t>06/22/14 19:21:06.5</t>
  </si>
  <si>
    <t>06/22/14 19:22:29.5</t>
  </si>
  <si>
    <t>06/22/14 19:22:42.5</t>
  </si>
  <si>
    <t>06/22/14 19:26:21.5</t>
  </si>
  <si>
    <t>06/22/14 19:27:25.5</t>
  </si>
  <si>
    <t>06/22/14 19:31:50.5</t>
  </si>
  <si>
    <t>06/22/14 19:32:10.0</t>
  </si>
  <si>
    <t>06/22/14 19:37:23.0</t>
  </si>
  <si>
    <t>06/22/14 19:37:44.0</t>
  </si>
  <si>
    <t>06/22/14 19:39:20.0</t>
  </si>
  <si>
    <t>06/22/14 19:39:24.5</t>
  </si>
  <si>
    <t>06/22/14 19:40:56.0</t>
  </si>
  <si>
    <t>06/22/14 19:41:19.0</t>
  </si>
  <si>
    <t>06/22/14 19:43:51.5</t>
  </si>
  <si>
    <t>06/22/14 19:44:25.0</t>
  </si>
  <si>
    <t>06/22/14 19:47:32.0</t>
  </si>
  <si>
    <t>06/22/14 19:47:47.0</t>
  </si>
  <si>
    <t>06/22/14 19:54:26.5</t>
  </si>
  <si>
    <t>06/22/14 19:54:37.5</t>
  </si>
  <si>
    <t>06/22/14 19:58:42.0</t>
  </si>
  <si>
    <t>06/22/14 19:58:57.0</t>
  </si>
  <si>
    <t>06/22/14 20:02:36.0</t>
  </si>
  <si>
    <t>06/22/14 20:02:51.5</t>
  </si>
  <si>
    <t>06/22/14 20:09:08.5</t>
  </si>
  <si>
    <t>06/22/14 20:09:26.0</t>
  </si>
  <si>
    <t>06/22/14 20:12:44.0</t>
  </si>
  <si>
    <t>06/22/14 20:13:59.0</t>
  </si>
  <si>
    <t>06/22/14 20:18:56.0</t>
  </si>
  <si>
    <t>06/22/14 20:19:05.0</t>
  </si>
  <si>
    <t>06/22/14 20:30:12.0</t>
  </si>
  <si>
    <t>06/22/14 20:42:14.5</t>
  </si>
  <si>
    <t>06/22/14 21:14:29.0</t>
  </si>
  <si>
    <t>06/22/14 21:14:35.5</t>
  </si>
  <si>
    <t>06/22/14 21:16:45.5</t>
  </si>
  <si>
    <t>06/22/14 21:18:50.5</t>
  </si>
  <si>
    <t>06/22/14 21:27:58.5</t>
  </si>
  <si>
    <t>06/22/14 21:30:04.5</t>
  </si>
  <si>
    <t>06/23/14 00:14:47.5</t>
  </si>
  <si>
    <t>06/23/14 00:55:03.0</t>
  </si>
  <si>
    <t>06/23/14 02:15:46.0</t>
  </si>
  <si>
    <t>06/23/14 02:50:39.5</t>
  </si>
  <si>
    <t>06/23/14 06:56:05.5</t>
  </si>
  <si>
    <t>06/23/14 06:57:19.0</t>
  </si>
  <si>
    <t>06/23/14 07:37:38.0</t>
  </si>
  <si>
    <t>06/23/14 07:37:57.0</t>
  </si>
  <si>
    <t>06/23/14 08:01:45.0</t>
  </si>
  <si>
    <t>06/23/14 08:02:00.5</t>
  </si>
  <si>
    <t>06/23/14 08:16:24.5</t>
  </si>
  <si>
    <t>06/23/14 08:16:40.5</t>
  </si>
  <si>
    <t>06/23/14 08:27:34.0</t>
  </si>
  <si>
    <t>06/23/14 08:27:51.5</t>
  </si>
  <si>
    <t>06/23/14 08:40:25.0</t>
  </si>
  <si>
    <t>06/23/14 08:40:46.5</t>
  </si>
  <si>
    <t>06/23/14 08:57:35.0</t>
  </si>
  <si>
    <t>06/23/14 08:57:55.5</t>
  </si>
  <si>
    <t>06/23/14 09:06:06.5</t>
  </si>
  <si>
    <t>06/23/14 09:07:38.5</t>
  </si>
  <si>
    <t>06/23/14 09:15:29.5</t>
  </si>
  <si>
    <t>06/23/14 09:15:46.0</t>
  </si>
  <si>
    <t>06/23/14 09:21:21.0</t>
  </si>
  <si>
    <t>06/23/14 09:21:31.5</t>
  </si>
  <si>
    <t>06/23/14 09:30:36.0</t>
  </si>
  <si>
    <t>06/23/14 09:35:23.5</t>
  </si>
  <si>
    <t>06/23/14 09:39:17.0</t>
  </si>
  <si>
    <t>06/23/14 09:39:25.0</t>
  </si>
  <si>
    <t>06/23/14 09:45:17.0</t>
  </si>
  <si>
    <t>06/23/14 09:45:29.5</t>
  </si>
  <si>
    <t>06/23/14 09:48:25.0</t>
  </si>
  <si>
    <t>06/23/14 09:48:35.0</t>
  </si>
  <si>
    <t>06/23/14 09:52:01.5</t>
  </si>
  <si>
    <t>06/23/14 09:52:50.5</t>
  </si>
  <si>
    <t>06/23/14 09:58:21.0</t>
  </si>
  <si>
    <t>06/23/14 09:58:30.0</t>
  </si>
  <si>
    <t>06/23/14 10:04:04.0</t>
  </si>
  <si>
    <t>06/23/14 10:04:36.5</t>
  </si>
  <si>
    <t>06/23/14 10:07:54.0</t>
  </si>
  <si>
    <t>06/23/14 10:08:08.0</t>
  </si>
  <si>
    <t>06/23/14 10:10:28.5</t>
  </si>
  <si>
    <t>06/23/14 10:10:38.0</t>
  </si>
  <si>
    <t>06/23/14 10:14:08.0</t>
  </si>
  <si>
    <t>06/23/14 10:14:16.0</t>
  </si>
  <si>
    <t>06/23/14 10:17:34.5</t>
  </si>
  <si>
    <t>06/23/14 10:17:53.5</t>
  </si>
  <si>
    <t>06/23/14 10:21:45.0</t>
  </si>
  <si>
    <t>06/23/14 10:23:08.5</t>
  </si>
  <si>
    <t>06/23/14 10:27:45.0</t>
  </si>
  <si>
    <t>06/23/14 10:28:59.5</t>
  </si>
  <si>
    <t>06/23/14 10:33:55.5</t>
  </si>
  <si>
    <t>06/23/14 10:34:08.0</t>
  </si>
  <si>
    <t>06/23/14 10:37:39.0</t>
  </si>
  <si>
    <t>06/23/14 10:38:34.0</t>
  </si>
  <si>
    <t>06/23/14 10:42:44.5</t>
  </si>
  <si>
    <t>06/23/14 10:43:26.0</t>
  </si>
  <si>
    <t>06/23/14 10:47:07.5</t>
  </si>
  <si>
    <t>06/23/14 10:47:22.0</t>
  </si>
  <si>
    <t>06/23/14 10:58:43.0</t>
  </si>
  <si>
    <t>06/23/14 10:59:45.0</t>
  </si>
  <si>
    <t>06/23/14 11:07:01.5</t>
  </si>
  <si>
    <t>06/23/14 11:07:08.5</t>
  </si>
  <si>
    <t>06/23/14 11:08:04.5</t>
  </si>
  <si>
    <t>06/23/14 11:08:11.5</t>
  </si>
  <si>
    <t>06/23/14 11:09:49.0</t>
  </si>
  <si>
    <t>06/23/14 11:10:02.5</t>
  </si>
  <si>
    <t>06/23/14 11:11:10.0</t>
  </si>
  <si>
    <t>06/23/14 11:11:16.5</t>
  </si>
  <si>
    <t>06/23/14 11:13:49.0</t>
  </si>
  <si>
    <t>06/23/14 11:13:58.5</t>
  </si>
  <si>
    <t>06/23/14 11:16:04.5</t>
  </si>
  <si>
    <t>06/23/14 11:16:09.0</t>
  </si>
  <si>
    <t>06/23/14 11:17:11.0</t>
  </si>
  <si>
    <t>06/23/14 11:17:20.0</t>
  </si>
  <si>
    <t>06/23/14 11:19:26.0</t>
  </si>
  <si>
    <t>06/23/14 11:19:35.5</t>
  </si>
  <si>
    <t>06/23/14 11:24:33.5</t>
  </si>
  <si>
    <t>06/23/14 11:25:16.5</t>
  </si>
  <si>
    <t>06/23/14 11:28:04.0</t>
  </si>
  <si>
    <t>06/23/14 11:28:18.5</t>
  </si>
  <si>
    <t>06/23/14 11:29:13.5</t>
  </si>
  <si>
    <t>06/23/14 11:29:28.5</t>
  </si>
  <si>
    <t>06/23/14 11:31:11.5</t>
  </si>
  <si>
    <t>06/23/14 11:31:16.0</t>
  </si>
  <si>
    <t>06/23/14 11:31:46.5</t>
  </si>
  <si>
    <t>06/23/14 11:31:50.5</t>
  </si>
  <si>
    <t>06/23/14 11:33:13.5</t>
  </si>
  <si>
    <t>06/23/14 11:33:26.0</t>
  </si>
  <si>
    <t>06/23/14 11:36:22.5</t>
  </si>
  <si>
    <t>06/23/14 11:36:54.0</t>
  </si>
  <si>
    <t>06/23/14 11:39:13.5</t>
  </si>
  <si>
    <t>06/23/14 11:39:35.0</t>
  </si>
  <si>
    <t>06/23/14 11:41:57.5</t>
  </si>
  <si>
    <t>06/23/14 11:42:04.5</t>
  </si>
  <si>
    <t>06/23/14 11:43:30.0</t>
  </si>
  <si>
    <t>06/23/14 11:43:34.5</t>
  </si>
  <si>
    <t>06/23/14 11:45:00.0</t>
  </si>
  <si>
    <t>06/23/14 11:45:37.5</t>
  </si>
  <si>
    <t>06/23/14 11:47:16.0</t>
  </si>
  <si>
    <t>06/23/14 11:47:26.5</t>
  </si>
  <si>
    <t>06/23/14 11:49:40.0</t>
  </si>
  <si>
    <t>06/23/14 11:50:11.0</t>
  </si>
  <si>
    <t>06/23/14 11:51:11.5</t>
  </si>
  <si>
    <t>06/23/14 11:51:17.5</t>
  </si>
  <si>
    <t>06/23/14 11:53:58.5</t>
  </si>
  <si>
    <t>06/23/14 11:54:14.0</t>
  </si>
  <si>
    <t>06/23/14 11:57:36.5</t>
  </si>
  <si>
    <t>06/23/14 11:57:58.0</t>
  </si>
  <si>
    <t>06/23/14 12:03:48.5</t>
  </si>
  <si>
    <t>06/23/14 12:04:11.0</t>
  </si>
  <si>
    <t>06/23/14 12:11:10.5</t>
  </si>
  <si>
    <t>06/23/14 12:11:56.0</t>
  </si>
  <si>
    <t>06/23/14 12:22:09.5</t>
  </si>
  <si>
    <t>06/23/14 12:23:25.5</t>
  </si>
  <si>
    <t>06/23/14 12:27:46.5</t>
  </si>
  <si>
    <t>06/23/14 12:28:36.5</t>
  </si>
  <si>
    <t>06/23/14 12:30:51.0</t>
  </si>
  <si>
    <t>06/23/14 12:31:09.5</t>
  </si>
  <si>
    <t>06/23/14 12:33:39.5</t>
  </si>
  <si>
    <t>06/23/14 12:33:58.0</t>
  </si>
  <si>
    <t>06/23/14 12:37:48.5</t>
  </si>
  <si>
    <t>06/23/14 12:38:16.0</t>
  </si>
  <si>
    <t>06/23/14 12:40:58.5</t>
  </si>
  <si>
    <t>06/23/14 12:41:20.0</t>
  </si>
  <si>
    <t>06/23/14 12:45:11.0</t>
  </si>
  <si>
    <t>06/23/14 12:45:21.5</t>
  </si>
  <si>
    <t>06/23/14 12:46:48.0</t>
  </si>
  <si>
    <t>06/23/14 12:46:57.5</t>
  </si>
  <si>
    <t>06/23/14 12:48:08.5</t>
  </si>
  <si>
    <t>06/23/14 12:48:18.0</t>
  </si>
  <si>
    <t>06/23/14 12:50:13.5</t>
  </si>
  <si>
    <t>06/23/14 12:50:26.5</t>
  </si>
  <si>
    <t>06/23/14 12:54:18.5</t>
  </si>
  <si>
    <t>06/23/14 12:54:32.0</t>
  </si>
  <si>
    <t>06/23/14 12:56:37.0</t>
  </si>
  <si>
    <t>06/23/14 12:56:51.5</t>
  </si>
  <si>
    <t>06/23/14 12:58:38.0</t>
  </si>
  <si>
    <t>06/23/14 12:58:45.5</t>
  </si>
  <si>
    <t>06/23/14 13:00:58.0</t>
  </si>
  <si>
    <t>06/23/14 13:01:10.0</t>
  </si>
  <si>
    <t>06/23/14 13:02:27.5</t>
  </si>
  <si>
    <t>06/23/14 13:02:33.5</t>
  </si>
  <si>
    <t>06/23/14 13:04:37.0</t>
  </si>
  <si>
    <t>06/23/14 13:04:47.5</t>
  </si>
  <si>
    <t>06/23/14 13:05:44.0</t>
  </si>
  <si>
    <t>06/23/14 13:06:04.5</t>
  </si>
  <si>
    <t>06/23/14 13:07:28.5</t>
  </si>
  <si>
    <t>06/23/14 13:07:33.5</t>
  </si>
  <si>
    <t>06/23/14 13:09:05.5</t>
  </si>
  <si>
    <t>06/23/14 13:09:27.5</t>
  </si>
  <si>
    <t>06/23/14 13:11:14.0</t>
  </si>
  <si>
    <t>06/23/14 13:11:27.0</t>
  </si>
  <si>
    <t>06/23/14 13:13:12.5</t>
  </si>
  <si>
    <t>06/23/14 13:13:36.5</t>
  </si>
  <si>
    <t>06/23/14 13:15:32.0</t>
  </si>
  <si>
    <t>06/23/14 13:15:42.0</t>
  </si>
  <si>
    <t>06/23/14 13:16:51.5</t>
  </si>
  <si>
    <t>06/23/14 13:17:01.5</t>
  </si>
  <si>
    <t>06/23/14 13:17:49.5</t>
  </si>
  <si>
    <t>06/23/14 13:17:53.0</t>
  </si>
  <si>
    <t>06/23/14 13:19:18.5</t>
  </si>
  <si>
    <t>06/23/14 13:19:24.5</t>
  </si>
  <si>
    <t>06/23/14 13:20:33.5</t>
  </si>
  <si>
    <t>06/23/14 13:20:37.0</t>
  </si>
  <si>
    <t>06/23/14 13:21:49.0</t>
  </si>
  <si>
    <t>06/23/14 13:22:14.5</t>
  </si>
  <si>
    <t>06/23/14 13:23:20.5</t>
  </si>
  <si>
    <t>06/23/14 13:23:33.5</t>
  </si>
  <si>
    <t>06/23/14 13:24:49.5</t>
  </si>
  <si>
    <t>06/23/14 13:24:56.0</t>
  </si>
  <si>
    <t>06/23/14 13:25:48.5</t>
  </si>
  <si>
    <t>06/23/14 13:25:53.0</t>
  </si>
  <si>
    <t>06/23/14 13:26:54.0</t>
  </si>
  <si>
    <t>06/23/14 13:27:01.0</t>
  </si>
  <si>
    <t>06/23/14 13:28:26.0</t>
  </si>
  <si>
    <t>06/23/14 13:28:35.0</t>
  </si>
  <si>
    <t>06/23/14 13:30:12.0</t>
  </si>
  <si>
    <t>06/23/14 13:30:20.5</t>
  </si>
  <si>
    <t>06/23/14 13:31:06.0</t>
  </si>
  <si>
    <t>06/23/14 13:31:18.5</t>
  </si>
  <si>
    <t>06/23/14 13:32:48.0</t>
  </si>
  <si>
    <t>06/23/14 13:32:54.0</t>
  </si>
  <si>
    <t>06/23/14 13:33:48.5</t>
  </si>
  <si>
    <t>06/23/14 13:34:00.0</t>
  </si>
  <si>
    <t>06/23/14 13:35:10.0</t>
  </si>
  <si>
    <t>06/23/14 13:35:18.0</t>
  </si>
  <si>
    <t>06/23/14 13:36:56.5</t>
  </si>
  <si>
    <t>06/23/14 13:37:03.5</t>
  </si>
  <si>
    <t>06/23/14 13:37:46.0</t>
  </si>
  <si>
    <t>06/23/14 13:37:50.5</t>
  </si>
  <si>
    <t>06/23/14 13:39:12.0</t>
  </si>
  <si>
    <t>06/23/14 13:39:20.0</t>
  </si>
  <si>
    <t>06/23/14 13:40:56.5</t>
  </si>
  <si>
    <t>06/23/14 13:41:03.5</t>
  </si>
  <si>
    <t>06/23/14 13:42:11.5</t>
  </si>
  <si>
    <t>06/23/14 13:42:17.5</t>
  </si>
  <si>
    <t>06/23/14 13:43:29.5</t>
  </si>
  <si>
    <t>06/23/14 13:43:33.5</t>
  </si>
  <si>
    <t>06/23/14 13:45:08.5</t>
  </si>
  <si>
    <t>06/23/14 13:45:25.5</t>
  </si>
  <si>
    <t>06/23/14 13:48:41.5</t>
  </si>
  <si>
    <t>06/23/14 13:48:47.5</t>
  </si>
  <si>
    <t>06/23/14 13:49:37.0</t>
  </si>
  <si>
    <t>06/23/14 13:49:44.0</t>
  </si>
  <si>
    <t>06/23/14 13:51:15.5</t>
  </si>
  <si>
    <t>06/23/14 13:51:30.0</t>
  </si>
  <si>
    <t>06/23/14 13:53:37.5</t>
  </si>
  <si>
    <t>06/23/14 13:53:50.0</t>
  </si>
  <si>
    <t>06/23/14 13:55:01.5</t>
  </si>
  <si>
    <t>06/23/14 13:55:07.5</t>
  </si>
  <si>
    <t>06/23/14 13:56:39.5</t>
  </si>
  <si>
    <t>06/23/14 13:56:46.0</t>
  </si>
  <si>
    <t>06/23/14 13:58:44.0</t>
  </si>
  <si>
    <t>06/23/14 13:58:58.5</t>
  </si>
  <si>
    <t>06/23/14 14:00:16.5</t>
  </si>
  <si>
    <t>06/23/14 14:00:21.5</t>
  </si>
  <si>
    <t>06/23/14 14:01:01.5</t>
  </si>
  <si>
    <t>06/23/14 14:01:06.5</t>
  </si>
  <si>
    <t>06/23/14 14:02:20.0</t>
  </si>
  <si>
    <t>06/23/14 14:02:35.0</t>
  </si>
  <si>
    <t>06/23/14 14:03:59.5</t>
  </si>
  <si>
    <t>06/23/14 14:04:15.0</t>
  </si>
  <si>
    <t>06/23/14 14:05:21.5</t>
  </si>
  <si>
    <t>06/23/14 14:05:26.5</t>
  </si>
  <si>
    <t>06/23/14 14:06:20.5</t>
  </si>
  <si>
    <t>06/23/14 14:06:29.0</t>
  </si>
  <si>
    <t>06/23/14 14:08:00.5</t>
  </si>
  <si>
    <t>06/23/14 14:08:52.5</t>
  </si>
  <si>
    <t>06/23/14 14:10:03.5</t>
  </si>
  <si>
    <t>06/23/14 14:10:14.5</t>
  </si>
  <si>
    <t>06/23/14 14:11:38.0</t>
  </si>
  <si>
    <t>06/23/14 14:11:47.5</t>
  </si>
  <si>
    <t>06/23/14 14:12:55.0</t>
  </si>
  <si>
    <t>06/23/14 14:12:59.5</t>
  </si>
  <si>
    <t>06/23/14 14:13:58.5</t>
  </si>
  <si>
    <t>06/23/14 14:14:04.5</t>
  </si>
  <si>
    <t>06/23/14 14:15:09.5</t>
  </si>
  <si>
    <t>06/23/14 14:15:32.5</t>
  </si>
  <si>
    <t>06/23/14 14:16:41.0</t>
  </si>
  <si>
    <t>06/23/14 14:16:46.0</t>
  </si>
  <si>
    <t>06/23/14 14:18:37.5</t>
  </si>
  <si>
    <t>06/23/14 14:18:47.0</t>
  </si>
  <si>
    <t>06/23/14 14:20:47.0</t>
  </si>
  <si>
    <t>06/23/14 14:21:11.5</t>
  </si>
  <si>
    <t>06/23/14 14:21:56.5</t>
  </si>
  <si>
    <t>06/23/14 14:22:00.5</t>
  </si>
  <si>
    <t>06/23/14 14:22:44.5</t>
  </si>
  <si>
    <t>06/23/14 14:22:58.0</t>
  </si>
  <si>
    <t>06/23/14 14:24:20.0</t>
  </si>
  <si>
    <t>06/23/14 14:24:25.5</t>
  </si>
  <si>
    <t>06/23/14 14:25:29.5</t>
  </si>
  <si>
    <t>06/23/14 14:25:41.0</t>
  </si>
  <si>
    <t>06/23/14 14:27:55.5</t>
  </si>
  <si>
    <t>06/23/14 14:28:08.0</t>
  </si>
  <si>
    <t>06/23/14 14:29:24.5</t>
  </si>
  <si>
    <t>06/23/14 14:29:40.5</t>
  </si>
  <si>
    <t>06/23/14 14:32:55.0</t>
  </si>
  <si>
    <t>06/23/14 14:33:17.5</t>
  </si>
  <si>
    <t>06/23/14 14:36:27.0</t>
  </si>
  <si>
    <t>06/23/14 14:36:39.0</t>
  </si>
  <si>
    <t>06/23/14 14:38:22.0</t>
  </si>
  <si>
    <t>06/23/14 14:38:31.0</t>
  </si>
  <si>
    <t>06/23/14 14:39:59.0</t>
  </si>
  <si>
    <t>06/23/14 14:40:02.5</t>
  </si>
  <si>
    <t>06/23/14 14:40:45.5</t>
  </si>
  <si>
    <t>06/23/14 14:40:58.5</t>
  </si>
  <si>
    <t>06/23/14 14:41:56.0</t>
  </si>
  <si>
    <t>06/23/14 14:42:02.5</t>
  </si>
  <si>
    <t>06/23/14 14:43:17.5</t>
  </si>
  <si>
    <t>06/23/14 14:43:32.0</t>
  </si>
  <si>
    <t>06/23/14 14:44:33.5</t>
  </si>
  <si>
    <t>06/23/14 14:44:39.0</t>
  </si>
  <si>
    <t>06/23/14 14:45:30.5</t>
  </si>
  <si>
    <t>06/23/14 14:45:35.0</t>
  </si>
  <si>
    <t>06/23/14 14:46:50.0</t>
  </si>
  <si>
    <t>06/23/14 14:46:56.5</t>
  </si>
  <si>
    <t>06/23/14 14:47:33.5</t>
  </si>
  <si>
    <t>06/23/14 14:47:37.5</t>
  </si>
  <si>
    <t>06/23/14 14:49:30.5</t>
  </si>
  <si>
    <t>06/23/14 14:49:37.0</t>
  </si>
  <si>
    <t>06/23/14 14:50:23.5</t>
  </si>
  <si>
    <t>06/23/14 14:50:26.5</t>
  </si>
  <si>
    <t>06/23/14 14:51:16.5</t>
  </si>
  <si>
    <t>06/23/14 14:51:22.0</t>
  </si>
  <si>
    <t>06/23/14 14:52:22.5</t>
  </si>
  <si>
    <t>06/23/14 14:52:33.0</t>
  </si>
  <si>
    <t>06/23/14 14:53:39.0</t>
  </si>
  <si>
    <t>06/23/14 14:53:46.5</t>
  </si>
  <si>
    <t>06/23/14 14:55:09.0</t>
  </si>
  <si>
    <t>06/23/14 14:55:22.5</t>
  </si>
  <si>
    <t>06/23/14 14:57:17.5</t>
  </si>
  <si>
    <t>06/23/14 14:57:27.0</t>
  </si>
  <si>
    <t>06/23/14 14:58:22.0</t>
  </si>
  <si>
    <t>06/23/14 14:58:34.0</t>
  </si>
  <si>
    <t>06/23/14 14:59:11.0</t>
  </si>
  <si>
    <t>06/23/14 14:59:18.5</t>
  </si>
  <si>
    <t>06/23/14 15:00:34.0</t>
  </si>
  <si>
    <t>06/23/14 15:00:41.5</t>
  </si>
  <si>
    <t>06/23/14 15:02:21.0</t>
  </si>
  <si>
    <t>06/23/14 15:02:34.0</t>
  </si>
  <si>
    <t>06/23/14 15:03:49.5</t>
  </si>
  <si>
    <t>06/23/14 15:04:01.0</t>
  </si>
  <si>
    <t>06/23/14 15:05:09.5</t>
  </si>
  <si>
    <t>06/23/14 15:05:16.5</t>
  </si>
  <si>
    <t>06/23/14 15:06:06.5</t>
  </si>
  <si>
    <t>06/23/14 15:06:12.5</t>
  </si>
  <si>
    <t>06/23/14 15:07:46.5</t>
  </si>
  <si>
    <t>06/23/14 15:07:55.5</t>
  </si>
  <si>
    <t>06/23/14 15:08:36.0</t>
  </si>
  <si>
    <t>06/23/14 15:08:41.5</t>
  </si>
  <si>
    <t>06/23/14 15:09:31.0</t>
  </si>
  <si>
    <t>06/23/14 15:09:38.5</t>
  </si>
  <si>
    <t>06/23/14 15:10:42.5</t>
  </si>
  <si>
    <t>06/23/14 15:10:47.5</t>
  </si>
  <si>
    <t>06/23/14 15:11:38.0</t>
  </si>
  <si>
    <t>06/23/14 15:11:45.5</t>
  </si>
  <si>
    <t>06/23/14 15:12:47.5</t>
  </si>
  <si>
    <t>06/23/14 15:12:54.5</t>
  </si>
  <si>
    <t>06/23/14 15:13:42.0</t>
  </si>
  <si>
    <t>06/23/14 15:13:47.5</t>
  </si>
  <si>
    <t>06/23/14 15:14:59.0</t>
  </si>
  <si>
    <t>06/23/14 15:15:06.5</t>
  </si>
  <si>
    <t>06/23/14 15:16:25.5</t>
  </si>
  <si>
    <t>06/23/14 15:16:36.0</t>
  </si>
  <si>
    <t>06/23/14 15:17:30.0</t>
  </si>
  <si>
    <t>06/23/14 15:17:36.0</t>
  </si>
  <si>
    <t>06/23/14 15:18:48.0</t>
  </si>
  <si>
    <t>06/23/14 15:18:54.0</t>
  </si>
  <si>
    <t>06/23/14 15:19:49.0</t>
  </si>
  <si>
    <t>06/23/14 15:20:00.5</t>
  </si>
  <si>
    <t>06/23/14 15:21:31.0</t>
  </si>
  <si>
    <t>06/23/14 15:21:37.5</t>
  </si>
  <si>
    <t>06/23/14 15:22:47.5</t>
  </si>
  <si>
    <t>06/23/14 15:22:57.5</t>
  </si>
  <si>
    <t>06/23/14 15:24:41.5</t>
  </si>
  <si>
    <t>06/23/14 15:25:05.0</t>
  </si>
  <si>
    <t>06/23/14 15:26:22.0</t>
  </si>
  <si>
    <t>06/23/14 15:26:25.5</t>
  </si>
  <si>
    <t>06/23/14 15:28:12.0</t>
  </si>
  <si>
    <t>06/23/14 15:28:26.0</t>
  </si>
  <si>
    <t>06/23/14 15:30:20.5</t>
  </si>
  <si>
    <t>06/23/14 15:30:27.0</t>
  </si>
  <si>
    <t>06/23/14 15:31:14.5</t>
  </si>
  <si>
    <t>06/23/14 15:31:20.5</t>
  </si>
  <si>
    <t>06/23/14 15:32:25.5</t>
  </si>
  <si>
    <t>06/23/14 15:32:29.5</t>
  </si>
  <si>
    <t>06/23/14 15:33:38.5</t>
  </si>
  <si>
    <t>06/23/14 15:33:44.0</t>
  </si>
  <si>
    <t>06/23/14 15:35:49.5</t>
  </si>
  <si>
    <t>06/23/14 15:35:58.5</t>
  </si>
  <si>
    <t>06/23/14 15:37:44.0</t>
  </si>
  <si>
    <t>06/23/14 15:37:52.5</t>
  </si>
  <si>
    <t>06/23/14 15:38:54.0</t>
  </si>
  <si>
    <t>06/23/14 15:39:01.5</t>
  </si>
  <si>
    <t>06/23/14 15:40:06.0</t>
  </si>
  <si>
    <t>06/23/14 15:41:17.5</t>
  </si>
  <si>
    <t>06/23/14 15:42:28.5</t>
  </si>
  <si>
    <t>06/23/14 15:42:33.0</t>
  </si>
  <si>
    <t>06/23/14 15:43:19.0</t>
  </si>
  <si>
    <t>06/23/14 15:43:22.5</t>
  </si>
  <si>
    <t>06/23/14 15:44:56.0</t>
  </si>
  <si>
    <t>06/23/14 15:45:01.0</t>
  </si>
  <si>
    <t>06/23/14 15:45:57.0</t>
  </si>
  <si>
    <t>06/23/14 15:46:04.0</t>
  </si>
  <si>
    <t>06/23/14 15:48:11.5</t>
  </si>
  <si>
    <t>06/23/14 15:48:19.0</t>
  </si>
  <si>
    <t>06/23/14 15:49:37.0</t>
  </si>
  <si>
    <t>06/23/14 15:49:43.0</t>
  </si>
  <si>
    <t>06/23/14 15:50:56.0</t>
  </si>
  <si>
    <t>06/23/14 15:51:17.0</t>
  </si>
  <si>
    <t>06/23/14 15:53:59.0</t>
  </si>
  <si>
    <t>06/23/14 15:54:07.0</t>
  </si>
  <si>
    <t>06/23/14 15:56:30.0</t>
  </si>
  <si>
    <t>06/23/14 15:56:49.0</t>
  </si>
  <si>
    <t>06/23/14 15:58:32.5</t>
  </si>
  <si>
    <t>06/23/14 15:58:39.0</t>
  </si>
  <si>
    <t>06/23/14 16:01:36.0</t>
  </si>
  <si>
    <t>06/23/14 16:01:45.0</t>
  </si>
  <si>
    <t>06/23/14 16:03:06.0</t>
  </si>
  <si>
    <t>06/23/14 16:03:14.0</t>
  </si>
  <si>
    <t>06/23/14 16:04:26.0</t>
  </si>
  <si>
    <t>06/23/14 16:04:40.5</t>
  </si>
  <si>
    <t>06/23/14 16:05:33.0</t>
  </si>
  <si>
    <t>06/23/14 16:05:42.0</t>
  </si>
  <si>
    <t>06/23/14 16:07:01.5</t>
  </si>
  <si>
    <t>06/23/14 16:07:08.5</t>
  </si>
  <si>
    <t>06/23/14 16:08:46.0</t>
  </si>
  <si>
    <t>06/23/14 16:08:59.0</t>
  </si>
  <si>
    <t>06/23/14 16:10:56.0</t>
  </si>
  <si>
    <t>06/23/14 16:11:08.0</t>
  </si>
  <si>
    <t>06/23/14 16:12:32.0</t>
  </si>
  <si>
    <t>06/23/14 16:12:40.5</t>
  </si>
  <si>
    <t>06/23/14 16:13:49.0</t>
  </si>
  <si>
    <t>06/23/14 16:13:55.0</t>
  </si>
  <si>
    <t>06/23/14 16:15:26.5</t>
  </si>
  <si>
    <t>06/23/14 16:15:37.0</t>
  </si>
  <si>
    <t>06/23/14 16:18:13.0</t>
  </si>
  <si>
    <t>06/23/14 16:18:39.0</t>
  </si>
  <si>
    <t>06/23/14 16:22:11.0</t>
  </si>
  <si>
    <t>06/23/14 16:22:27.0</t>
  </si>
  <si>
    <t>06/23/14 16:26:11.0</t>
  </si>
  <si>
    <t>06/23/14 16:26:19.0</t>
  </si>
  <si>
    <t>06/23/14 16:28:00.5</t>
  </si>
  <si>
    <t>06/23/14 16:28:24.0</t>
  </si>
  <si>
    <t>06/23/14 16:31:54.0</t>
  </si>
  <si>
    <t>06/23/14 16:32:33.0</t>
  </si>
  <si>
    <t>06/23/14 16:34:04.0</t>
  </si>
  <si>
    <t>06/23/14 16:34:10.0</t>
  </si>
  <si>
    <t>06/23/14 16:35:38.5</t>
  </si>
  <si>
    <t>06/23/14 16:35:47.0</t>
  </si>
  <si>
    <t>06/23/14 16:37:38.0</t>
  </si>
  <si>
    <t>06/23/14 16:38:03.5</t>
  </si>
  <si>
    <t>06/23/14 16:39:13.5</t>
  </si>
  <si>
    <t>06/23/14 16:40:42.5</t>
  </si>
  <si>
    <t>06/23/14 16:44:45.0</t>
  </si>
  <si>
    <t>06/23/14 16:44:51.0</t>
  </si>
  <si>
    <t>06/23/14 16:46:12.5</t>
  </si>
  <si>
    <t>06/23/14 16:46:20.0</t>
  </si>
  <si>
    <t>06/23/14 16:48:23.5</t>
  </si>
  <si>
    <t>06/23/14 16:48:31.5</t>
  </si>
  <si>
    <t>06/23/14 16:50:59.5</t>
  </si>
  <si>
    <t>06/23/14 16:51:13.5</t>
  </si>
  <si>
    <t>06/23/14 16:56:21.0</t>
  </si>
  <si>
    <t>06/23/14 16:57:10.0</t>
  </si>
  <si>
    <t>06/23/14 17:00:05.0</t>
  </si>
  <si>
    <t>06/23/14 17:00:12.5</t>
  </si>
  <si>
    <t>06/23/14 17:01:24.5</t>
  </si>
  <si>
    <t>06/23/14 17:01:30.0</t>
  </si>
  <si>
    <t>06/23/14 17:03:10.5</t>
  </si>
  <si>
    <t>06/23/14 17:03:18.0</t>
  </si>
  <si>
    <t>06/23/14 17:06:19.0</t>
  </si>
  <si>
    <t>06/23/14 17:06:30.5</t>
  </si>
  <si>
    <t>06/23/14 17:07:47.5</t>
  </si>
  <si>
    <t>06/23/14 17:07:51.5</t>
  </si>
  <si>
    <t>06/23/14 17:08:39.5</t>
  </si>
  <si>
    <t>06/23/14 17:08:45.5</t>
  </si>
  <si>
    <t>06/23/14 17:09:35.5</t>
  </si>
  <si>
    <t>06/23/14 17:09:49.0</t>
  </si>
  <si>
    <t>06/23/14 17:15:25.0</t>
  </si>
  <si>
    <t>06/23/14 17:15:49.5</t>
  </si>
  <si>
    <t>06/23/14 17:19:22.5</t>
  </si>
  <si>
    <t>06/23/14 17:20:18.5</t>
  </si>
  <si>
    <t>06/23/14 17:22:51.5</t>
  </si>
  <si>
    <t>06/23/14 17:23:26.0</t>
  </si>
  <si>
    <t>06/23/14 17:26:54.0</t>
  </si>
  <si>
    <t>06/23/14 17:27:04.0</t>
  </si>
  <si>
    <t>06/23/14 17:29:02.0</t>
  </si>
  <si>
    <t>06/23/14 17:29:25.0</t>
  </si>
  <si>
    <t>06/23/14 17:31:58.5</t>
  </si>
  <si>
    <t>06/23/14 17:32:06.0</t>
  </si>
  <si>
    <t>06/23/14 17:34:25.5</t>
  </si>
  <si>
    <t>06/23/14 17:34:36.5</t>
  </si>
  <si>
    <t>06/23/14 17:36:35.0</t>
  </si>
  <si>
    <t>06/23/14 17:36:51.0</t>
  </si>
  <si>
    <t>06/23/14 17:38:26.5</t>
  </si>
  <si>
    <t>06/23/14 17:38:37.0</t>
  </si>
  <si>
    <t>06/23/14 17:40:31.0</t>
  </si>
  <si>
    <t>06/23/14 17:40:37.5</t>
  </si>
  <si>
    <t>06/23/14 17:42:05.0</t>
  </si>
  <si>
    <t>06/23/14 17:42:18.0</t>
  </si>
  <si>
    <t>06/23/14 17:44:03.0</t>
  </si>
  <si>
    <t>06/23/14 17:44:10.5</t>
  </si>
  <si>
    <t>06/23/14 17:46:09.0</t>
  </si>
  <si>
    <t>06/23/14 17:46:21.5</t>
  </si>
  <si>
    <t>06/23/14 17:47:43.0</t>
  </si>
  <si>
    <t>06/23/14 17:47:50.5</t>
  </si>
  <si>
    <t>06/23/14 17:49:54.5</t>
  </si>
  <si>
    <t>06/23/14 17:51:07.5</t>
  </si>
  <si>
    <t>06/23/14 17:53:53.0</t>
  </si>
  <si>
    <t>06/23/14 17:54:04.5</t>
  </si>
  <si>
    <t>06/23/14 17:57:43.5</t>
  </si>
  <si>
    <t>06/23/14 17:57:56.5</t>
  </si>
  <si>
    <t>06/23/14 18:05:29.0</t>
  </si>
  <si>
    <t>06/23/14 18:05:47.0</t>
  </si>
  <si>
    <t>06/23/14 18:08:02.0</t>
  </si>
  <si>
    <t>06/23/14 18:08:06.5</t>
  </si>
  <si>
    <t>06/23/14 18:09:54.5</t>
  </si>
  <si>
    <t>06/23/14 18:10:00.5</t>
  </si>
  <si>
    <t>06/23/14 18:11:37.5</t>
  </si>
  <si>
    <t>06/23/14 18:11:51.0</t>
  </si>
  <si>
    <t>06/23/14 18:14:04.5</t>
  </si>
  <si>
    <t>06/23/14 18:14:15.0</t>
  </si>
  <si>
    <t>06/23/14 18:16:54.0</t>
  </si>
  <si>
    <t>06/23/14 18:16:59.5</t>
  </si>
  <si>
    <t>06/23/14 18:17:58.0</t>
  </si>
  <si>
    <t>06/23/14 18:18:08.5</t>
  </si>
  <si>
    <t>06/23/14 18:21:51.5</t>
  </si>
  <si>
    <t>06/23/14 18:21:56.5</t>
  </si>
  <si>
    <t>06/23/14 18:28:12.5</t>
  </si>
  <si>
    <t>06/23/14 18:28:26.5</t>
  </si>
  <si>
    <t>06/23/14 18:32:42.5</t>
  </si>
  <si>
    <t>06/23/14 18:32:57.5</t>
  </si>
  <si>
    <t>06/23/14 18:35:53.0</t>
  </si>
  <si>
    <t>06/23/14 18:36:17.0</t>
  </si>
  <si>
    <t>06/23/14 18:39:18.0</t>
  </si>
  <si>
    <t>06/23/14 18:39:26.5</t>
  </si>
  <si>
    <t>06/23/14 18:40:32.0</t>
  </si>
  <si>
    <t>06/23/14 18:41:13.5</t>
  </si>
  <si>
    <t>06/23/14 18:45:07.0</t>
  </si>
  <si>
    <t>06/23/14 18:45:27.5</t>
  </si>
  <si>
    <t>06/23/14 18:49:28.0</t>
  </si>
  <si>
    <t>06/23/14 18:49:46.5</t>
  </si>
  <si>
    <t>06/23/14 18:51:28.0</t>
  </si>
  <si>
    <t>06/23/14 18:51:40.5</t>
  </si>
  <si>
    <t>06/23/14 18:54:07.5</t>
  </si>
  <si>
    <t>06/23/14 18:54:16.5</t>
  </si>
  <si>
    <t>06/23/14 18:56:52.0</t>
  </si>
  <si>
    <t>06/23/14 18:57:09.0</t>
  </si>
  <si>
    <t>06/23/14 19:01:37.5</t>
  </si>
  <si>
    <t>06/23/14 19:01:43.5</t>
  </si>
  <si>
    <t>06/23/14 19:06:43.5</t>
  </si>
  <si>
    <t>06/23/14 19:07:11.0</t>
  </si>
  <si>
    <t>06/23/14 19:24:27.0</t>
  </si>
  <si>
    <t>06/23/14 19:27:07.0</t>
  </si>
  <si>
    <t>06/23/14 19:29:31.0</t>
  </si>
  <si>
    <t>06/23/14 19:30:25.5</t>
  </si>
  <si>
    <t>06/23/14 19:37:54.5</t>
  </si>
  <si>
    <t>06/23/14 19:38:00.5</t>
  </si>
  <si>
    <t>06/23/14 19:39:23.0</t>
  </si>
  <si>
    <t>06/23/14 19:39:34.0</t>
  </si>
  <si>
    <t>06/23/14 19:42:30.5</t>
  </si>
  <si>
    <t>06/23/14 19:42:49.0</t>
  </si>
  <si>
    <t>06/23/14 19:57:18.5</t>
  </si>
  <si>
    <t>06/23/14 20:00:17.0</t>
  </si>
  <si>
    <t>06/23/14 20:17:00.0</t>
  </si>
  <si>
    <t>06/23/14 20:18:17.0</t>
  </si>
  <si>
    <t>06/23/14 20:23:09.5</t>
  </si>
  <si>
    <t>06/23/14 20:23:41.5</t>
  </si>
  <si>
    <t>06/23/14 20:32:14.5</t>
  </si>
  <si>
    <t>06/23/14 20:32:46.0</t>
  </si>
  <si>
    <t>06/23/14 20:37:32.0</t>
  </si>
  <si>
    <t>06/23/14 20:37:47.5</t>
  </si>
  <si>
    <t>06/23/14 20:38:22.5</t>
  </si>
  <si>
    <t>06/23/14 20:38:33.5</t>
  </si>
  <si>
    <t>06/23/14 20:40:59.0</t>
  </si>
  <si>
    <t>06/23/14 20:41:12.0</t>
  </si>
  <si>
    <t>06/23/14 20:45:40.0</t>
  </si>
  <si>
    <t>06/23/14 20:47:53.0</t>
  </si>
  <si>
    <t>06/23/14 20:49:08.0</t>
  </si>
  <si>
    <t>06/23/14 20:49:23.5</t>
  </si>
  <si>
    <t>06/23/14 20:53:11.5</t>
  </si>
  <si>
    <t>06/23/14 20:53:17.0</t>
  </si>
  <si>
    <t>06/23/14 20:54:39.5</t>
  </si>
  <si>
    <t>06/23/14 20:54:48.0</t>
  </si>
  <si>
    <t>06/23/14 20:57:19.5</t>
  </si>
  <si>
    <t>06/23/14 20:57:28.0</t>
  </si>
  <si>
    <t>06/23/14 20:58:46.0</t>
  </si>
  <si>
    <t>06/23/14 20:58:54.0</t>
  </si>
  <si>
    <t>06/23/14 21:03:08.5</t>
  </si>
  <si>
    <t>06/23/14 21:03:17.0</t>
  </si>
  <si>
    <t>06/23/14 21:04:04.0</t>
  </si>
  <si>
    <t>06/23/14 21:04:09.0</t>
  </si>
  <si>
    <t>06/23/14 21:07:28.0</t>
  </si>
  <si>
    <t>06/23/14 21:07:32.0</t>
  </si>
  <si>
    <t>06/23/14 21:08:33.0</t>
  </si>
  <si>
    <t>06/23/14 21:08:41.0</t>
  </si>
  <si>
    <t>06/23/14 21:09:37.0</t>
  </si>
  <si>
    <t>06/23/14 21:09:42.0</t>
  </si>
  <si>
    <t>06/23/14 21:11:01.5</t>
  </si>
  <si>
    <t>06/23/14 21:11:19.0</t>
  </si>
  <si>
    <t>06/23/14 21:14:44.0</t>
  </si>
  <si>
    <t>06/23/14 21:15:33.5</t>
  </si>
  <si>
    <t>06/23/14 21:20:19.5</t>
  </si>
  <si>
    <t>06/23/14 21:20:23.5</t>
  </si>
  <si>
    <t>06/23/14 21:21:03.5</t>
  </si>
  <si>
    <t>06/23/14 21:21:12.5</t>
  </si>
  <si>
    <t>06/23/14 21:24:01.5</t>
  </si>
  <si>
    <t>06/23/14 21:24:31.5</t>
  </si>
  <si>
    <t>06/23/14 21:28:39.0</t>
  </si>
  <si>
    <t>06/23/14 21:28:56.0</t>
  </si>
  <si>
    <t>06/23/14 21:31:14.0</t>
  </si>
  <si>
    <t>06/23/14 21:31:17.0</t>
  </si>
  <si>
    <t>06/23/14 21:31:49.5</t>
  </si>
  <si>
    <t>06/23/14 21:31:54.0</t>
  </si>
  <si>
    <t>06/23/14 21:33:20.0</t>
  </si>
  <si>
    <t>06/23/14 21:33:24.5</t>
  </si>
  <si>
    <t>06/23/14 21:35:23.0</t>
  </si>
  <si>
    <t>06/23/14 21:35:28.5</t>
  </si>
  <si>
    <t>06/23/14 21:37:12.0</t>
  </si>
  <si>
    <t>06/23/14 21:37:16.5</t>
  </si>
  <si>
    <t>06/23/14 21:39:43.0</t>
  </si>
  <si>
    <t>06/23/14 21:40:14.0</t>
  </si>
  <si>
    <t>06/23/14 21:41:31.0</t>
  </si>
  <si>
    <t>06/23/14 21:41:38.0</t>
  </si>
  <si>
    <t>06/23/14 21:42:59.0</t>
  </si>
  <si>
    <t>06/23/14 21:43:12.5</t>
  </si>
  <si>
    <t>06/23/14 21:46:46.0</t>
  </si>
  <si>
    <t>06/23/14 21:46:50.0</t>
  </si>
  <si>
    <t>06/23/14 21:49:59.0</t>
  </si>
  <si>
    <t>06/23/14 21:50:12.0</t>
  </si>
  <si>
    <t>06/23/14 21:52:09.0</t>
  </si>
  <si>
    <t>06/23/14 21:52:16.5</t>
  </si>
  <si>
    <t>06/23/14 21:55:06.0</t>
  </si>
  <si>
    <t>06/23/14 21:55:19.5</t>
  </si>
  <si>
    <t>06/23/14 21:56:56.0</t>
  </si>
  <si>
    <t>06/23/14 21:57:06.0</t>
  </si>
  <si>
    <t>06/23/14 22:02:47.0</t>
  </si>
  <si>
    <t>06/23/14 22:02:52.5</t>
  </si>
  <si>
    <t>06/23/14 22:04:23.0</t>
  </si>
  <si>
    <t>06/23/14 22:04:29.0</t>
  </si>
  <si>
    <t>06/23/14 22:06:08.5</t>
  </si>
  <si>
    <t>06/23/14 22:06:29.5</t>
  </si>
  <si>
    <t>06/23/14 22:12:49.0</t>
  </si>
  <si>
    <t>06/23/14 22:13:08.5</t>
  </si>
  <si>
    <t>06/23/14 22:27:45.5</t>
  </si>
  <si>
    <t>06/23/14 22:28:52.5</t>
  </si>
  <si>
    <t>06/23/14 22:32:56.0</t>
  </si>
  <si>
    <t>06/23/14 22:33:13.5</t>
  </si>
  <si>
    <t>06/23/14 22:35:55.5</t>
  </si>
  <si>
    <t>06/23/14 22:36:06.0</t>
  </si>
  <si>
    <t>06/23/14 22:38:19.0</t>
  </si>
  <si>
    <t>06/23/14 22:38:35.0</t>
  </si>
  <si>
    <t>06/23/14 22:40:12.5</t>
  </si>
  <si>
    <t>06/23/14 22:40:26.0</t>
  </si>
  <si>
    <t>06/23/14 22:46:07.5</t>
  </si>
  <si>
    <t>06/23/14 22:46:22.5</t>
  </si>
  <si>
    <t>06/23/14 22:48:49.5</t>
  </si>
  <si>
    <t>06/23/14 22:49:10.0</t>
  </si>
  <si>
    <t>06/23/14 23:59:22.0</t>
  </si>
  <si>
    <t>06/24/14 00:06:01.0</t>
  </si>
  <si>
    <t>06/24/14 00:14:35.0</t>
  </si>
  <si>
    <t>06/24/14 00:15:08.5</t>
  </si>
  <si>
    <t>06/24/14 00:16:54.5</t>
  </si>
  <si>
    <t>06/24/14 00:17:01.0</t>
  </si>
  <si>
    <t>06/24/14 00:18:00.5</t>
  </si>
  <si>
    <t>06/24/14 00:18:13.0</t>
  </si>
  <si>
    <t>06/24/14 00:19:28.5</t>
  </si>
  <si>
    <t>06/24/14 00:19:33.5</t>
  </si>
  <si>
    <t>06/24/14 00:20:36.0</t>
  </si>
  <si>
    <t>06/24/14 00:20:45.5</t>
  </si>
  <si>
    <t>06/24/14 00:22:31.5</t>
  </si>
  <si>
    <t>06/24/14 00:22:35.5</t>
  </si>
  <si>
    <t>06/24/14 00:23:15.5</t>
  </si>
  <si>
    <t>06/24/14 00:23:28.0</t>
  </si>
  <si>
    <t>06/24/14 00:26:10.5</t>
  </si>
  <si>
    <t>06/24/14 00:26:20.0</t>
  </si>
  <si>
    <t>06/24/14 00:29:21.5</t>
  </si>
  <si>
    <t>06/24/14 00:29:41.0</t>
  </si>
  <si>
    <t>06/24/14 00:32:09.0</t>
  </si>
  <si>
    <t>06/24/14 00:32:24.5</t>
  </si>
  <si>
    <t>06/24/14 01:07:11.5</t>
  </si>
  <si>
    <t>06/24/14 01:30:13.0</t>
  </si>
  <si>
    <t>06/24/14 04:06:43.0</t>
  </si>
  <si>
    <t>06/24/14 04:08:02.0</t>
  </si>
  <si>
    <t>06/24/14 04:56:39.5</t>
  </si>
  <si>
    <t>06/24/14 04:56:50.5</t>
  </si>
  <si>
    <t>06/24/14 04:58:04.5</t>
  </si>
  <si>
    <t>06/24/14 04:58:14.0</t>
  </si>
  <si>
    <t>06/24/14 05:00:16.5</t>
  </si>
  <si>
    <t>06/24/14 05:00:26.5</t>
  </si>
  <si>
    <t>06/24/14 05:04:49.0</t>
  </si>
  <si>
    <t>06/24/14 05:04:59.0</t>
  </si>
  <si>
    <t>06/24/14 06:24:59.0</t>
  </si>
  <si>
    <t>06/24/14 06:36:06.0</t>
  </si>
  <si>
    <t>06/24/14 07:48:35.5</t>
  </si>
  <si>
    <t>06/24/14 07:49:16.0</t>
  </si>
  <si>
    <t>06/24/14 09:11:26.5</t>
  </si>
  <si>
    <t>06/24/14 09:19:06.0</t>
  </si>
  <si>
    <t>06/24/14 09:31:35.0</t>
  </si>
  <si>
    <t>06/24/14 09:32:36.0</t>
  </si>
  <si>
    <t>06/24/14 09:41:48.0</t>
  </si>
  <si>
    <t>06/24/14 09:42:20.0</t>
  </si>
  <si>
    <t>06/24/14 10:01:06.5</t>
  </si>
  <si>
    <t>06/24/14 10:01:22.0</t>
  </si>
  <si>
    <t>06/24/14 10:12:54.0</t>
  </si>
  <si>
    <t>06/24/14 10:16:12.0</t>
  </si>
  <si>
    <t>06/24/14 10:20:55.5</t>
  </si>
  <si>
    <t>06/24/14 10:21:06.5</t>
  </si>
  <si>
    <t>06/24/14 10:25:02.5</t>
  </si>
  <si>
    <t>06/24/14 10:25:27.0</t>
  </si>
  <si>
    <t>06/24/14 10:35:38.5</t>
  </si>
  <si>
    <t>06/24/14 10:36:01.0</t>
  </si>
  <si>
    <t>06/24/14 10:47:32.5</t>
  </si>
  <si>
    <t>06/24/14 10:52:02.0</t>
  </si>
  <si>
    <t>06/24/14 10:58:02.0</t>
  </si>
  <si>
    <t>06/24/14 10:58:20.0</t>
  </si>
  <si>
    <t>06/24/14 11:04:58.0</t>
  </si>
  <si>
    <t>06/24/14 11:05:14.0</t>
  </si>
  <si>
    <t>06/24/14 11:12:28.0</t>
  </si>
  <si>
    <t>06/24/14 11:15:14.0</t>
  </si>
  <si>
    <t>06/24/14 11:18:11.0</t>
  </si>
  <si>
    <t>06/24/14 11:18:32.5</t>
  </si>
  <si>
    <t>06/24/14 11:29:53.5</t>
  </si>
  <si>
    <t>06/24/14 11:31:18.0</t>
  </si>
  <si>
    <t>06/24/14 11:34:25.5</t>
  </si>
  <si>
    <t>06/24/14 11:34:35.5</t>
  </si>
  <si>
    <t>06/24/14 11:41:13.5</t>
  </si>
  <si>
    <t>06/24/14 11:42:53.0</t>
  </si>
  <si>
    <t>06/24/14 11:51:17.5</t>
  </si>
  <si>
    <t>06/24/14 11:51:33.0</t>
  </si>
  <si>
    <t>06/24/14 12:08:19.0</t>
  </si>
  <si>
    <t>06/24/14 12:16:43.5</t>
  </si>
  <si>
    <t>06/24/14 12:26:45.5</t>
  </si>
  <si>
    <t>06/24/14 12:27:12.5</t>
  </si>
  <si>
    <t>06/24/14 12:31:39.0</t>
  </si>
  <si>
    <t>06/24/14 12:31:50.5</t>
  </si>
  <si>
    <t>06/24/14 12:35:30.0</t>
  </si>
  <si>
    <t>06/24/14 12:36:48.0</t>
  </si>
  <si>
    <t>06/24/14 12:41:54.0</t>
  </si>
  <si>
    <t>06/24/14 12:42:17.5</t>
  </si>
  <si>
    <t>06/24/14 12:52:39.0</t>
  </si>
  <si>
    <t>06/24/14 12:52:48.5</t>
  </si>
  <si>
    <t>06/24/14 13:10:39.5</t>
  </si>
  <si>
    <t>06/24/14 13:10:52.5</t>
  </si>
  <si>
    <t>06/24/14 13:13:39.0</t>
  </si>
  <si>
    <t>06/24/14 13:13:52.0</t>
  </si>
  <si>
    <t>06/24/14 13:17:58.0</t>
  </si>
  <si>
    <t>06/24/14 13:18:24.0</t>
  </si>
  <si>
    <t>06/24/14 13:37:04.5</t>
  </si>
  <si>
    <t>06/24/14 13:38:02.5</t>
  </si>
  <si>
    <t>06/24/14 13:39:32.0</t>
  </si>
  <si>
    <t>06/24/14 13:39:41.5</t>
  </si>
  <si>
    <t>06/24/14 13:41:19.0</t>
  </si>
  <si>
    <t>06/24/14 13:41:30.0</t>
  </si>
  <si>
    <t>06/24/14 13:43:01.5</t>
  </si>
  <si>
    <t>06/24/14 13:43:10.0</t>
  </si>
  <si>
    <t>06/24/14 13:45:39.0</t>
  </si>
  <si>
    <t>06/24/14 13:45:57.0</t>
  </si>
  <si>
    <t>06/24/14 13:51:04.5</t>
  </si>
  <si>
    <t>06/24/14 13:51:17.0</t>
  </si>
  <si>
    <t>06/24/14 13:54:55.0</t>
  </si>
  <si>
    <t>06/24/14 13:55:03.5</t>
  </si>
  <si>
    <t>06/24/14 13:58:09.5</t>
  </si>
  <si>
    <t>06/24/14 13:58:35.5</t>
  </si>
  <si>
    <t>06/24/14 14:14:03.0</t>
  </si>
  <si>
    <t>06/24/14 14:14:11.0</t>
  </si>
  <si>
    <t>06/24/14 14:15:50.5</t>
  </si>
  <si>
    <t>06/24/14 14:16:14.0</t>
  </si>
  <si>
    <t>06/24/14 14:18:14.5</t>
  </si>
  <si>
    <t>06/24/14 14:18:26.5</t>
  </si>
  <si>
    <t>06/24/14 14:22:27.0</t>
  </si>
  <si>
    <t>06/24/14 14:22:49.5</t>
  </si>
  <si>
    <t>06/24/14 14:28:06.5</t>
  </si>
  <si>
    <t>06/24/14 14:28:30.0</t>
  </si>
  <si>
    <t>06/24/14 14:36:25.5</t>
  </si>
  <si>
    <t>06/24/14 14:36:38.5</t>
  </si>
  <si>
    <t>06/24/14 14:38:56.5</t>
  </si>
  <si>
    <t>06/24/14 14:39:06.5</t>
  </si>
  <si>
    <t>06/24/14 14:49:01.5</t>
  </si>
  <si>
    <t>06/24/14 14:49:28.5</t>
  </si>
  <si>
    <t>06/24/14 15:03:26.5</t>
  </si>
  <si>
    <t>06/24/14 15:03:38.5</t>
  </si>
  <si>
    <t>06/24/14 15:46:14.0</t>
  </si>
  <si>
    <t>06/24/14 15:59:32.5</t>
  </si>
  <si>
    <t>06/24/14 16:06:01.0</t>
  </si>
  <si>
    <t>06/24/14 16:06:15.5</t>
  </si>
  <si>
    <t>06/24/14 16:09:43.0</t>
  </si>
  <si>
    <t>06/24/14 16:09:58.0</t>
  </si>
  <si>
    <t>06/24/14 16:39:08.0</t>
  </si>
  <si>
    <t>06/24/14 16:39:53.5</t>
  </si>
  <si>
    <t>06/24/14 16:40:47.0</t>
  </si>
  <si>
    <t>06/24/14 16:40:52.5</t>
  </si>
  <si>
    <t>06/24/14 16:42:09.5</t>
  </si>
  <si>
    <t>06/24/14 16:42:15.0</t>
  </si>
  <si>
    <t>06/24/14 16:44:10.5</t>
  </si>
  <si>
    <t>06/24/14 16:44:16.5</t>
  </si>
  <si>
    <t>06/24/14 16:46:08.0</t>
  </si>
  <si>
    <t>06/24/14 16:46:24.5</t>
  </si>
  <si>
    <t>06/24/14 16:51:23.0</t>
  </si>
  <si>
    <t>06/24/14 16:51:34.0</t>
  </si>
  <si>
    <t>06/24/14 16:52:39.0</t>
  </si>
  <si>
    <t>06/24/14 16:52:45.5</t>
  </si>
  <si>
    <t>06/24/14 16:54:49.5</t>
  </si>
  <si>
    <t>06/24/14 16:54:56.5</t>
  </si>
  <si>
    <t>06/24/14 16:57:01.5</t>
  </si>
  <si>
    <t>06/24/14 16:57:23.5</t>
  </si>
  <si>
    <t>06/24/14 16:59:00.5</t>
  </si>
  <si>
    <t>06/24/14 16:59:08.5</t>
  </si>
  <si>
    <t>06/24/14 17:00:08.5</t>
  </si>
  <si>
    <t>06/24/14 17:00:17.5</t>
  </si>
  <si>
    <t>06/24/14 17:02:42.0</t>
  </si>
  <si>
    <t>06/24/14 17:02:47.5</t>
  </si>
  <si>
    <t>06/24/14 17:05:19.0</t>
  </si>
  <si>
    <t>06/24/14 17:05:32.0</t>
  </si>
  <si>
    <t>06/24/14 17:07:24.5</t>
  </si>
  <si>
    <t>06/24/14 17:07:31.5</t>
  </si>
  <si>
    <t>06/24/14 17:08:54.5</t>
  </si>
  <si>
    <t>06/24/14 17:09:05.0</t>
  </si>
  <si>
    <t>06/24/14 17:10:36.5</t>
  </si>
  <si>
    <t>06/24/14 17:10:43.5</t>
  </si>
  <si>
    <t>06/24/14 17:11:35.0</t>
  </si>
  <si>
    <t>06/24/14 17:11:41.5</t>
  </si>
  <si>
    <t>06/24/14 17:13:00.5</t>
  </si>
  <si>
    <t>06/24/14 17:13:07.5</t>
  </si>
  <si>
    <t>06/24/14 17:15:55.5</t>
  </si>
  <si>
    <t>06/24/14 17:16:51.0</t>
  </si>
  <si>
    <t>06/24/14 17:17:56.5</t>
  </si>
  <si>
    <t>06/24/14 17:18:02.0</t>
  </si>
  <si>
    <t>06/24/14 17:19:04.5</t>
  </si>
  <si>
    <t>06/24/14 17:19:20.0</t>
  </si>
  <si>
    <t>06/24/14 17:20:36.0</t>
  </si>
  <si>
    <t>06/24/14 17:20:48.0</t>
  </si>
  <si>
    <t>06/24/14 17:22:18.5</t>
  </si>
  <si>
    <t>06/24/14 17:22:27.5</t>
  </si>
  <si>
    <t>06/24/14 17:26:22.0</t>
  </si>
  <si>
    <t>06/24/14 17:26:43.5</t>
  </si>
  <si>
    <t>06/24/14 17:29:10.0</t>
  </si>
  <si>
    <t>06/24/14 17:29:44.5</t>
  </si>
  <si>
    <t>06/24/14 17:31:25.0</t>
  </si>
  <si>
    <t>06/24/14 17:31:34.0</t>
  </si>
  <si>
    <t>06/24/14 17:32:47.0</t>
  </si>
  <si>
    <t>06/24/14 17:32:55.5</t>
  </si>
  <si>
    <t>06/24/14 17:34:22.0</t>
  </si>
  <si>
    <t>06/24/14 17:34:43.5</t>
  </si>
  <si>
    <t>06/24/14 17:35:49.0</t>
  </si>
  <si>
    <t>06/24/14 17:35:57.0</t>
  </si>
  <si>
    <t>06/24/14 17:38:27.5</t>
  </si>
  <si>
    <t>06/24/14 17:38:42.0</t>
  </si>
  <si>
    <t>06/24/14 17:39:21.5</t>
  </si>
  <si>
    <t>06/24/14 17:39:27.0</t>
  </si>
  <si>
    <t>06/24/14 17:41:32.5</t>
  </si>
  <si>
    <t>06/24/14 17:41:42.5</t>
  </si>
  <si>
    <t>06/24/14 17:43:29.0</t>
  </si>
  <si>
    <t>06/24/14 17:43:39.0</t>
  </si>
  <si>
    <t>06/24/14 17:45:07.0</t>
  </si>
  <si>
    <t>06/24/14 17:45:13.0</t>
  </si>
  <si>
    <t>06/24/14 17:46:12.0</t>
  </si>
  <si>
    <t>06/24/14 17:46:18.5</t>
  </si>
  <si>
    <t>06/24/14 17:48:54.5</t>
  </si>
  <si>
    <t>06/24/14 17:49:03.5</t>
  </si>
  <si>
    <t>06/24/14 17:51:54.0</t>
  </si>
  <si>
    <t>06/24/14 17:52:13.0</t>
  </si>
  <si>
    <t>06/24/14 17:54:26.5</t>
  </si>
  <si>
    <t>06/24/14 17:54:31.0</t>
  </si>
  <si>
    <t>06/24/14 17:55:39.0</t>
  </si>
  <si>
    <t>06/24/14 17:55:51.0</t>
  </si>
  <si>
    <t>06/24/14 17:57:38.0</t>
  </si>
  <si>
    <t>06/24/14 17:57:44.0</t>
  </si>
  <si>
    <t>06/24/14 17:59:01.5</t>
  </si>
  <si>
    <t>06/24/14 17:59:09.5</t>
  </si>
  <si>
    <t>06/24/14 18:01:03.0</t>
  </si>
  <si>
    <t>06/24/14 18:01:14.0</t>
  </si>
  <si>
    <t>06/24/14 18:02:47.5</t>
  </si>
  <si>
    <t>06/24/14 18:02:56.5</t>
  </si>
  <si>
    <t>06/24/14 18:04:44.5</t>
  </si>
  <si>
    <t>06/24/14 18:05:03.5</t>
  </si>
  <si>
    <t>06/24/14 18:07:02.5</t>
  </si>
  <si>
    <t>06/24/14 18:07:25.5</t>
  </si>
  <si>
    <t>06/24/14 18:09:47.0</t>
  </si>
  <si>
    <t>06/24/14 18:10:01.5</t>
  </si>
  <si>
    <t>06/24/14 18:11:39.5</t>
  </si>
  <si>
    <t>06/24/14 18:11:53.5</t>
  </si>
  <si>
    <t>06/24/14 18:14:02.5</t>
  </si>
  <si>
    <t>06/24/14 18:14:08.0</t>
  </si>
  <si>
    <t>06/24/14 18:15:29.0</t>
  </si>
  <si>
    <t>06/24/14 18:15:40.0</t>
  </si>
  <si>
    <t>06/24/14 18:17:13.0</t>
  </si>
  <si>
    <t>06/24/14 18:17:28.0</t>
  </si>
  <si>
    <t>06/24/14 18:20:13.5</t>
  </si>
  <si>
    <t>06/24/14 18:20:23.5</t>
  </si>
  <si>
    <t>06/24/14 18:22:03.0</t>
  </si>
  <si>
    <t>06/24/14 18:22:09.5</t>
  </si>
  <si>
    <t>06/24/14 18:24:06.5</t>
  </si>
  <si>
    <t>06/24/14 18:24:18.0</t>
  </si>
  <si>
    <t>06/24/14 18:25:46.5</t>
  </si>
  <si>
    <t>06/24/14 18:26:10.5</t>
  </si>
  <si>
    <t>06/24/14 18:28:30.5</t>
  </si>
  <si>
    <t>06/24/14 18:28:56.0</t>
  </si>
  <si>
    <t>06/24/14 18:30:41.5</t>
  </si>
  <si>
    <t>06/24/14 18:30:58.5</t>
  </si>
  <si>
    <t>06/24/14 18:33:37.5</t>
  </si>
  <si>
    <t>06/24/14 18:33:50.0</t>
  </si>
  <si>
    <t>06/24/14 18:37:05.5</t>
  </si>
  <si>
    <t>06/24/14 18:37:39.5</t>
  </si>
  <si>
    <t>06/24/14 18:39:07.5</t>
  </si>
  <si>
    <t>06/24/14 18:39:18.5</t>
  </si>
  <si>
    <t>06/24/14 18:40:42.0</t>
  </si>
  <si>
    <t>06/24/14 18:40:50.5</t>
  </si>
  <si>
    <t>06/24/14 18:41:54.5</t>
  </si>
  <si>
    <t>06/24/14 18:42:05.5</t>
  </si>
  <si>
    <t>06/24/14 18:43:22.0</t>
  </si>
  <si>
    <t>06/24/14 18:44:02.5</t>
  </si>
  <si>
    <t>06/24/14 18:45:40.5</t>
  </si>
  <si>
    <t>06/24/14 18:45:52.5</t>
  </si>
  <si>
    <t>06/24/14 18:48:19.0</t>
  </si>
  <si>
    <t>06/24/14 18:48:33.5</t>
  </si>
  <si>
    <t>06/24/14 18:51:12.0</t>
  </si>
  <si>
    <t>06/24/14 18:51:18.5</t>
  </si>
  <si>
    <t>06/24/14 18:52:21.0</t>
  </si>
  <si>
    <t>06/24/14 18:52:27.0</t>
  </si>
  <si>
    <t>06/24/14 18:54:13.0</t>
  </si>
  <si>
    <t>06/24/14 18:54:18.5</t>
  </si>
  <si>
    <t>06/24/14 18:55:40.0</t>
  </si>
  <si>
    <t>06/24/14 18:55:49.0</t>
  </si>
  <si>
    <t>06/24/14 18:57:52.0</t>
  </si>
  <si>
    <t>06/24/14 18:58:37.0</t>
  </si>
  <si>
    <t>06/24/14 19:02:32.0</t>
  </si>
  <si>
    <t>06/24/14 19:02:50.0</t>
  </si>
  <si>
    <t>06/24/14 19:04:16.5</t>
  </si>
  <si>
    <t>06/24/14 19:04:23.5</t>
  </si>
  <si>
    <t>06/24/14 19:05:59.0</t>
  </si>
  <si>
    <t>06/24/14 19:06:05.5</t>
  </si>
  <si>
    <t>06/24/14 19:07:27.5</t>
  </si>
  <si>
    <t>06/24/14 19:08:13.5</t>
  </si>
  <si>
    <t>06/24/14 19:10:21.5</t>
  </si>
  <si>
    <t>06/24/14 19:10:45.0</t>
  </si>
  <si>
    <t>06/24/14 19:14:52.5</t>
  </si>
  <si>
    <t>06/24/14 19:15:04.0</t>
  </si>
  <si>
    <t>06/24/14 19:16:31.0</t>
  </si>
  <si>
    <t>06/24/14 19:16:40.0</t>
  </si>
  <si>
    <t>06/24/14 19:17:36.0</t>
  </si>
  <si>
    <t>06/24/14 19:17:41.0</t>
  </si>
  <si>
    <t>06/24/14 19:21:03.0</t>
  </si>
  <si>
    <t>06/24/14 19:21:21.0</t>
  </si>
  <si>
    <t>06/24/14 19:26:33.0</t>
  </si>
  <si>
    <t>06/24/14 19:27:41.0</t>
  </si>
  <si>
    <t>06/24/14 19:29:20.0</t>
  </si>
  <si>
    <t>06/24/14 19:29:28.0</t>
  </si>
  <si>
    <t>06/24/14 19:30:59.0</t>
  </si>
  <si>
    <t>06/24/14 19:32:16.0</t>
  </si>
  <si>
    <t>06/24/14 19:34:32.5</t>
  </si>
  <si>
    <t>06/24/14 19:34:40.0</t>
  </si>
  <si>
    <t>06/24/14 19:36:14.0</t>
  </si>
  <si>
    <t>06/24/14 19:36:28.0</t>
  </si>
  <si>
    <t>06/24/14 19:38:26.0</t>
  </si>
  <si>
    <t>06/24/14 19:38:44.0</t>
  </si>
  <si>
    <t>06/24/14 19:41:08.5</t>
  </si>
  <si>
    <t>06/24/14 19:41:16.0</t>
  </si>
  <si>
    <t>06/24/14 19:43:49.0</t>
  </si>
  <si>
    <t>06/24/14 19:43:58.5</t>
  </si>
  <si>
    <t>06/24/14 19:46:33.0</t>
  </si>
  <si>
    <t>06/24/14 19:46:59.0</t>
  </si>
  <si>
    <t>06/24/14 19:52:35.5</t>
  </si>
  <si>
    <t>06/24/14 19:53:39.0</t>
  </si>
  <si>
    <t>06/24/14 19:57:10.0</t>
  </si>
  <si>
    <t>06/24/14 19:57:21.0</t>
  </si>
  <si>
    <t>06/24/14 19:59:26.0</t>
  </si>
  <si>
    <t>06/24/14 19:59:36.0</t>
  </si>
  <si>
    <t>06/24/14 20:04:10.5</t>
  </si>
  <si>
    <t>06/24/14 20:04:19.5</t>
  </si>
  <si>
    <t>06/24/14 20:05:56.0</t>
  </si>
  <si>
    <t>06/24/14 20:06:11.0</t>
  </si>
  <si>
    <t>06/24/14 20:08:58.5</t>
  </si>
  <si>
    <t>06/24/14 20:09:11.5</t>
  </si>
  <si>
    <t>06/24/14 20:12:29.5</t>
  </si>
  <si>
    <t>06/24/14 20:12:42.5</t>
  </si>
  <si>
    <t>06/24/14 20:15:47.5</t>
  </si>
  <si>
    <t>06/24/14 20:16:08.0</t>
  </si>
  <si>
    <t>06/24/14 20:17:28.0</t>
  </si>
  <si>
    <t>06/24/14 20:17:38.5</t>
  </si>
  <si>
    <t>06/24/14 20:19:16.5</t>
  </si>
  <si>
    <t>06/24/14 20:19:24.0</t>
  </si>
  <si>
    <t>06/24/14 20:20:27.0</t>
  </si>
  <si>
    <t>06/24/14 20:20:42.0</t>
  </si>
  <si>
    <t>06/24/14 20:23:32.5</t>
  </si>
  <si>
    <t>06/24/14 20:23:43.0</t>
  </si>
  <si>
    <t>06/24/14 20:25:37.0</t>
  </si>
  <si>
    <t>06/24/14 20:25:43.0</t>
  </si>
  <si>
    <t>06/24/14 20:26:56.0</t>
  </si>
  <si>
    <t>06/24/14 20:27:06.0</t>
  </si>
  <si>
    <t>06/24/14 20:28:48.0</t>
  </si>
  <si>
    <t>06/24/14 20:28:54.5</t>
  </si>
  <si>
    <t>06/24/14 20:31:56.5</t>
  </si>
  <si>
    <t>06/24/14 20:32:04.5</t>
  </si>
  <si>
    <t>06/24/14 20:33:20.5</t>
  </si>
  <si>
    <t>06/24/14 20:33:26.5</t>
  </si>
  <si>
    <t>06/24/14 20:37:23.0</t>
  </si>
  <si>
    <t>06/24/14 20:37:35.5</t>
  </si>
  <si>
    <t>06/24/14 20:40:24.0</t>
  </si>
  <si>
    <t>06/24/14 20:40:35.0</t>
  </si>
  <si>
    <t>06/24/14 20:42:51.0</t>
  </si>
  <si>
    <t>06/24/14 20:43:05.5</t>
  </si>
  <si>
    <t>06/24/14 20:47:08.0</t>
  </si>
  <si>
    <t>06/24/14 20:47:17.5</t>
  </si>
  <si>
    <t>06/24/14 20:55:17.5</t>
  </si>
  <si>
    <t>06/24/14 20:55:22.5</t>
  </si>
  <si>
    <t>06/24/14 21:01:33.5</t>
  </si>
  <si>
    <t>06/24/14 21:03:08.0</t>
  </si>
  <si>
    <t>06/24/14 21:08:02.0</t>
  </si>
  <si>
    <t>06/24/14 21:08:43.0</t>
  </si>
  <si>
    <t>06/24/14 21:12:17.5</t>
  </si>
  <si>
    <t>06/24/14 21:12:31.0</t>
  </si>
  <si>
    <t>06/24/14 21:16:14.5</t>
  </si>
  <si>
    <t>06/24/14 21:16:24.5</t>
  </si>
  <si>
    <t>06/24/14 21:19:13.0</t>
  </si>
  <si>
    <t>06/24/14 21:19:28.5</t>
  </si>
  <si>
    <t>06/24/14 21:21:42.5</t>
  </si>
  <si>
    <t>06/24/14 21:21:52.5</t>
  </si>
  <si>
    <t>06/24/14 21:23:55.5</t>
  </si>
  <si>
    <t>06/24/14 21:24:01.5</t>
  </si>
  <si>
    <t>06/24/14 21:25:17.5</t>
  </si>
  <si>
    <t>06/24/14 21:25:28.5</t>
  </si>
  <si>
    <t>06/24/14 21:28:04.5</t>
  </si>
  <si>
    <t>06/24/14 21:28:12.0</t>
  </si>
  <si>
    <t>06/24/14 21:37:28.5</t>
  </si>
  <si>
    <t>06/24/14 21:37:44.5</t>
  </si>
  <si>
    <t>06/24/14 21:40:40.5</t>
  </si>
  <si>
    <t>06/24/14 21:42:00.0</t>
  </si>
  <si>
    <t>06/24/14 21:44:21.0</t>
  </si>
  <si>
    <t>06/24/14 21:44:30.5</t>
  </si>
  <si>
    <t>06/24/14 21:50:03.0</t>
  </si>
  <si>
    <t>06/24/14 21:50:38.5</t>
  </si>
  <si>
    <t>06/24/14 21:54:28.0</t>
  </si>
  <si>
    <t>06/24/14 21:54:39.5</t>
  </si>
  <si>
    <t>06/24/14 21:57:31.5</t>
  </si>
  <si>
    <t>06/24/14 21:57:59.0</t>
  </si>
  <si>
    <t>06/24/14 22:00:53.0</t>
  </si>
  <si>
    <t>06/24/14 22:01:01.5</t>
  </si>
  <si>
    <t>06/24/14 22:01:50.5</t>
  </si>
  <si>
    <t>06/24/14 22:01:57.0</t>
  </si>
  <si>
    <t>06/24/14 22:03:06.0</t>
  </si>
  <si>
    <t>06/24/14 22:03:13.5</t>
  </si>
  <si>
    <t>06/24/14 22:09:01.0</t>
  </si>
  <si>
    <t>06/24/14 22:09:10.0</t>
  </si>
  <si>
    <t>06/24/14 22:30:47.0</t>
  </si>
  <si>
    <t>06/24/14 22:31:00.0</t>
  </si>
  <si>
    <t>06/24/14 23:16:01.5</t>
  </si>
  <si>
    <t>06/24/14 23:17:05.5</t>
  </si>
  <si>
    <t>06/24/14 23:20:42.5</t>
  </si>
  <si>
    <t>06/24/14 23:21:02.0</t>
  </si>
  <si>
    <t>06/24/14 23:26:21.0</t>
  </si>
  <si>
    <t>06/24/14 23:26:35.5</t>
  </si>
  <si>
    <t>06/24/14 23:38:12.0</t>
  </si>
  <si>
    <t>06/24/14 23:38:29.0</t>
  </si>
  <si>
    <t>06/25/14 00:05:43.5</t>
  </si>
  <si>
    <t>06/25/14 00:06:00.0</t>
  </si>
  <si>
    <t>06/25/14 00:08:31.5</t>
  </si>
  <si>
    <t>06/25/14 00:08:45.5</t>
  </si>
  <si>
    <t>06/25/14 00:23:10.0</t>
  </si>
  <si>
    <t>06/25/14 00:23:23.0</t>
  </si>
  <si>
    <t>06/25/14 00:47:27.5</t>
  </si>
  <si>
    <t>06/25/14 00:47:36.0</t>
  </si>
  <si>
    <t>06/25/14 00:48:49.0</t>
  </si>
  <si>
    <t>06/25/14 00:48:56.5</t>
  </si>
  <si>
    <t>06/25/14 00:50:49.0</t>
  </si>
  <si>
    <t>06/25/14 00:50:58.0</t>
  </si>
  <si>
    <t>06/25/14 00:52:26.5</t>
  </si>
  <si>
    <t>06/25/14 00:52:34.5</t>
  </si>
  <si>
    <t>06/25/14 00:53:55.0</t>
  </si>
  <si>
    <t>06/25/14 00:54:04.5</t>
  </si>
  <si>
    <t>06/25/14 00:56:41.5</t>
  </si>
  <si>
    <t>06/25/14 01:15:10.5</t>
  </si>
  <si>
    <t>06/25/14 01:57:00.5</t>
  </si>
  <si>
    <t>06/25/14 01:57:19.0</t>
  </si>
  <si>
    <t>06/25/14 02:17:30.5</t>
  </si>
  <si>
    <t>06/25/14 02:19:38.5</t>
  </si>
  <si>
    <t>06/25/14 02:27:04.0</t>
  </si>
  <si>
    <t>06/25/14 02:27:19.5</t>
  </si>
  <si>
    <t>06/25/14 02:33:03.0</t>
  </si>
  <si>
    <t>06/25/14 02:33:24.5</t>
  </si>
  <si>
    <t>06/25/14 02:55:55.0</t>
  </si>
  <si>
    <t>06/25/14 02:57:09.0</t>
  </si>
  <si>
    <t>06/25/14 03:44:51.5</t>
  </si>
  <si>
    <t>06/25/14 03:45:15.0</t>
  </si>
  <si>
    <t>06/25/14 04:02:36.5</t>
  </si>
  <si>
    <t>06/25/14 04:02:51.0</t>
  </si>
  <si>
    <t>06/25/14 04:06:30.5</t>
  </si>
  <si>
    <t>06/25/14 04:07:27.0</t>
  </si>
  <si>
    <t>06/25/14 04:17:29.0</t>
  </si>
  <si>
    <t>06/25/14 04:17:43.0</t>
  </si>
  <si>
    <t>06/25/14 04:19:03.0</t>
  </si>
  <si>
    <t>06/25/14 04:19:14.5</t>
  </si>
  <si>
    <t>06/25/14 04:21:59.0</t>
  </si>
  <si>
    <t>06/25/14 04:23:19.5</t>
  </si>
  <si>
    <t>06/25/14 04:28:19.5</t>
  </si>
  <si>
    <t>06/25/14 04:34:34.0</t>
  </si>
  <si>
    <t>06/25/14 08:40:05.0</t>
  </si>
  <si>
    <t>06/25/14 08:45:24.5</t>
  </si>
  <si>
    <t>06/25/14 08:56:05.5</t>
  </si>
  <si>
    <t>06/25/14 08:56:25.5</t>
  </si>
  <si>
    <t>06/25/14 11:24:32.5</t>
  </si>
  <si>
    <t>06/25/14 11:52:49.5</t>
  </si>
  <si>
    <t>06/25/14 12:03:17.5</t>
  </si>
  <si>
    <t>06/25/14 12:03:46.5</t>
  </si>
  <si>
    <t>06/25/14 12:22:09.0</t>
  </si>
  <si>
    <t>06/25/14 12:23:02.0</t>
  </si>
  <si>
    <t>06/25/14 12:34:54.0</t>
  </si>
  <si>
    <t>06/25/14 12:35:08.5</t>
  </si>
  <si>
    <t>06/25/14 12:38:34.5</t>
  </si>
  <si>
    <t>06/25/14 12:39:10.5</t>
  </si>
  <si>
    <t>06/25/14 13:03:21.0</t>
  </si>
  <si>
    <t>06/25/14 13:03:28.5</t>
  </si>
  <si>
    <t>06/25/14 13:12:49.5</t>
  </si>
  <si>
    <t>06/25/14 13:13:12.5</t>
  </si>
  <si>
    <t>06/25/14 13:20:33.0</t>
  </si>
  <si>
    <t>06/25/14 13:20:48.5</t>
  </si>
  <si>
    <t>06/25/14 13:24:12.5</t>
  </si>
  <si>
    <t>06/25/14 13:26:25.0</t>
  </si>
  <si>
    <t>06/25/14 13:29:59.5</t>
  </si>
  <si>
    <t>06/25/14 13:30:12.0</t>
  </si>
  <si>
    <t>06/25/14 13:36:45.0</t>
  </si>
  <si>
    <t>06/25/14 13:37:54.0</t>
  </si>
  <si>
    <t>06/25/14 13:50:58.5</t>
  </si>
  <si>
    <t>06/25/14 13:51:11.5</t>
  </si>
  <si>
    <t>06/25/14 14:16:39.5</t>
  </si>
  <si>
    <t>06/25/14 14:17:06.5</t>
  </si>
  <si>
    <t>06/25/14 14:26:35.0</t>
  </si>
  <si>
    <t>06/25/14 14:26:56.0</t>
  </si>
  <si>
    <t>06/25/14 14:29:27.5</t>
  </si>
  <si>
    <t>06/25/14 14:29:42.5</t>
  </si>
  <si>
    <t>06/25/14 14:36:10.5</t>
  </si>
  <si>
    <t>06/25/14 14:36:31.0</t>
  </si>
  <si>
    <t>06/25/14 14:39:22.5</t>
  </si>
  <si>
    <t>06/25/14 14:39:51.5</t>
  </si>
  <si>
    <t>06/25/14 14:48:20.0</t>
  </si>
  <si>
    <t>06/25/14 14:49:35.0</t>
  </si>
  <si>
    <t>06/25/14 15:22:07.0</t>
  </si>
  <si>
    <t>06/25/14 15:22:26.5</t>
  </si>
  <si>
    <t>06/25/14 15:34:58.0</t>
  </si>
  <si>
    <t>06/25/14 15:35:12.5</t>
  </si>
  <si>
    <t>06/25/14 15:43:00.0</t>
  </si>
  <si>
    <t>06/25/14 15:44:54.0</t>
  </si>
  <si>
    <t>06/25/14 15:49:59.0</t>
  </si>
  <si>
    <t>06/25/14 15:50:29.0</t>
  </si>
  <si>
    <t>06/25/14 16:22:51.5</t>
  </si>
  <si>
    <t>06/25/14 16:23:47.0</t>
  </si>
  <si>
    <t>06/25/14 16:44:42.0</t>
  </si>
  <si>
    <t>06/25/14 16:45:10.5</t>
  </si>
  <si>
    <t>06/25/14 16:56:48.5</t>
  </si>
  <si>
    <t>06/25/14 16:57:56.0</t>
  </si>
  <si>
    <t>06/25/14 17:22:10.0</t>
  </si>
  <si>
    <t>06/25/14 17:22:44.5</t>
  </si>
  <si>
    <t>06/25/14 17:30:25.0</t>
  </si>
  <si>
    <t>06/25/14 17:32:07.5</t>
  </si>
  <si>
    <t>06/25/14 17:36:25.5</t>
  </si>
  <si>
    <t>06/25/14 17:37:51.0</t>
  </si>
  <si>
    <t>06/25/14 17:46:21.5</t>
  </si>
  <si>
    <t>06/25/14 17:46:33.5</t>
  </si>
  <si>
    <t>06/25/14 18:05:44.5</t>
  </si>
  <si>
    <t>06/25/14 18:05:58.0</t>
  </si>
  <si>
    <t>06/25/14 18:48:48.5</t>
  </si>
  <si>
    <t>06/25/14 18:50:55.0</t>
  </si>
  <si>
    <t>06/25/14 22:28:20.5</t>
  </si>
  <si>
    <t>06/25/14 22:28:30.5</t>
  </si>
  <si>
    <t>06/25/14 22:38:17.5</t>
  </si>
  <si>
    <t>06/25/14 22:38:40.0</t>
  </si>
  <si>
    <t>06/25/14 22:48:49.5</t>
  </si>
  <si>
    <t>06/25/14 22:52:27.5</t>
  </si>
  <si>
    <t>06/25/14 22:59:18.5</t>
  </si>
  <si>
    <t>06/26/14 03:50:12.0</t>
  </si>
  <si>
    <t>06/26/14 04:59:50.0</t>
  </si>
  <si>
    <t>06/26/14 05:27:34.0</t>
  </si>
  <si>
    <t>06/26/14 05:46:26.5</t>
  </si>
  <si>
    <t>06/26/14 05:52:41.0</t>
  </si>
  <si>
    <t>06/26/14 06:17:18.0</t>
  </si>
  <si>
    <t>06/26/14 06:19:14.5</t>
  </si>
  <si>
    <t>06/26/14 06:25:00.0</t>
  </si>
  <si>
    <t>06/26/14 06:25:16.5</t>
  </si>
  <si>
    <t>06/26/14 06:38:48.0</t>
  </si>
  <si>
    <t>06/26/14 06:39:19.5</t>
  </si>
  <si>
    <t>06/26/14 07:00:21.0</t>
  </si>
  <si>
    <t>06/26/14 07:18:01.5</t>
  </si>
  <si>
    <t>06/26/14 07:42:09.5</t>
  </si>
  <si>
    <t>06/26/14 07:42:26.0</t>
  </si>
  <si>
    <t>06/26/14 08:09:37.5</t>
  </si>
  <si>
    <t>06/26/14 08:31:59.0</t>
  </si>
  <si>
    <t>06/26/14 08:48:19.0</t>
  </si>
  <si>
    <t>06/26/14 08:48:39.0</t>
  </si>
  <si>
    <t>06/26/14 08:58:25.5</t>
  </si>
  <si>
    <t>06/26/14 08:59:16.5</t>
  </si>
  <si>
    <t>06/26/14 09:26:26.5</t>
  </si>
  <si>
    <t>06/26/14 09:36:31.0</t>
  </si>
  <si>
    <t>06/26/14 10:03:49.0</t>
  </si>
  <si>
    <t>06/26/14 10:04:00.5</t>
  </si>
  <si>
    <t>06/26/14 10:09:45.5</t>
  </si>
  <si>
    <t>06/26/14 10:10:01.5</t>
  </si>
  <si>
    <t>06/26/14 10:14:34.5</t>
  </si>
  <si>
    <t>06/26/14 10:15:06.0</t>
  </si>
  <si>
    <t>06/26/14 10:19:13.5</t>
  </si>
  <si>
    <t>06/26/14 10:19:29.0</t>
  </si>
  <si>
    <t>06/26/14 10:21:27.0</t>
  </si>
  <si>
    <t>06/26/14 10:21:41.5</t>
  </si>
  <si>
    <t>06/26/14 10:24:21.0</t>
  </si>
  <si>
    <t>06/26/14 10:24:33.0</t>
  </si>
  <si>
    <t>06/26/14 10:26:13.0</t>
  </si>
  <si>
    <t>06/26/14 10:26:34.0</t>
  </si>
  <si>
    <t>06/26/14 10:31:08.0</t>
  </si>
  <si>
    <t>06/26/14 10:31:20.0</t>
  </si>
  <si>
    <t>06/26/14 10:34:08.5</t>
  </si>
  <si>
    <t>06/26/14 10:34:23.0</t>
  </si>
  <si>
    <t>06/26/14 10:39:37.0</t>
  </si>
  <si>
    <t>06/26/14 10:40:01.0</t>
  </si>
  <si>
    <t>06/26/14 10:48:03.5</t>
  </si>
  <si>
    <t>06/26/14 10:51:45.0</t>
  </si>
  <si>
    <t>06/26/14 10:54:57.5</t>
  </si>
  <si>
    <t>06/26/14 10:57:55.5</t>
  </si>
  <si>
    <t>06/26/14 11:06:01.5</t>
  </si>
  <si>
    <t>06/26/14 11:06:12.0</t>
  </si>
  <si>
    <t>06/26/14 11:09:13.5</t>
  </si>
  <si>
    <t>06/26/14 11:10:03.0</t>
  </si>
  <si>
    <t>06/26/14 11:14:35.5</t>
  </si>
  <si>
    <t>06/26/14 11:16:21.0</t>
  </si>
  <si>
    <t>06/26/14 11:21:35.0</t>
  </si>
  <si>
    <t>06/26/14 11:21:41.5</t>
  </si>
  <si>
    <t>06/26/14 11:23:15.0</t>
  </si>
  <si>
    <t>06/26/14 11:23:25.5</t>
  </si>
  <si>
    <t>06/26/14 11:25:46.5</t>
  </si>
  <si>
    <t>06/26/14 11:29:57.5</t>
  </si>
  <si>
    <t>06/26/14 11:36:06.5</t>
  </si>
  <si>
    <t>06/26/14 11:36:14.0</t>
  </si>
  <si>
    <t>06/26/14 11:39:58.5</t>
  </si>
  <si>
    <t>06/26/14 11:40:24.5</t>
  </si>
  <si>
    <t>06/26/14 11:53:28.5</t>
  </si>
  <si>
    <t>06/26/14 11:54:04.0</t>
  </si>
  <si>
    <t>06/26/14 11:59:02.0</t>
  </si>
  <si>
    <t>06/26/14 11:59:09.0</t>
  </si>
  <si>
    <t>06/26/14 12:01:44.5</t>
  </si>
  <si>
    <t>06/26/14 12:01:57.0</t>
  </si>
  <si>
    <t>06/26/14 12:10:23.5</t>
  </si>
  <si>
    <t>06/26/14 12:10:56.5</t>
  </si>
  <si>
    <t>06/26/14 12:13:44.0</t>
  </si>
  <si>
    <t>06/26/14 12:14:15.0</t>
  </si>
  <si>
    <t>06/26/14 12:19:49.0</t>
  </si>
  <si>
    <t>06/26/14 12:20:00.0</t>
  </si>
  <si>
    <t>06/26/14 12:22:06.0</t>
  </si>
  <si>
    <t>06/26/14 12:22:11.5</t>
  </si>
  <si>
    <t>06/26/14 12:23:27.5</t>
  </si>
  <si>
    <t>06/26/14 12:23:59.0</t>
  </si>
  <si>
    <t>06/26/14 12:27:32.5</t>
  </si>
  <si>
    <t>06/26/14 12:27:47.5</t>
  </si>
  <si>
    <t>06/26/14 12:34:04.5</t>
  </si>
  <si>
    <t>06/26/14 12:34:26.5</t>
  </si>
  <si>
    <t>06/26/14 12:37:10.5</t>
  </si>
  <si>
    <t>06/26/14 12:37:26.0</t>
  </si>
  <si>
    <t>06/26/14 12:39:44.0</t>
  </si>
  <si>
    <t>06/26/14 12:39:51.0</t>
  </si>
  <si>
    <t>06/26/14 12:42:56.5</t>
  </si>
  <si>
    <t>06/26/14 12:43:02.5</t>
  </si>
  <si>
    <t>06/26/14 12:47:24.0</t>
  </si>
  <si>
    <t>06/26/14 12:48:11.0</t>
  </si>
  <si>
    <t>06/26/14 12:51:48.0</t>
  </si>
  <si>
    <t>06/26/14 12:52:00.0</t>
  </si>
  <si>
    <t>06/26/14 12:54:15.5</t>
  </si>
  <si>
    <t>06/26/14 12:54:24.5</t>
  </si>
  <si>
    <t>06/26/14 12:57:11.0</t>
  </si>
  <si>
    <t>06/26/14 12:57:21.0</t>
  </si>
  <si>
    <t>06/26/14 13:00:51.0</t>
  </si>
  <si>
    <t>06/26/14 13:01:02.5</t>
  </si>
  <si>
    <t>06/26/14 13:04:34.0</t>
  </si>
  <si>
    <t>06/26/14 13:04:43.0</t>
  </si>
  <si>
    <t>06/26/14 13:06:04.0</t>
  </si>
  <si>
    <t>06/26/14 13:06:14.5</t>
  </si>
  <si>
    <t>06/26/14 13:09:25.5</t>
  </si>
  <si>
    <t>06/26/14 13:09:40.5</t>
  </si>
  <si>
    <t>06/26/14 13:13:37.0</t>
  </si>
  <si>
    <t>06/26/14 13:14:03.5</t>
  </si>
  <si>
    <t>06/26/14 13:17:35.0</t>
  </si>
  <si>
    <t>06/26/14 13:19:17.0</t>
  </si>
  <si>
    <t>06/26/14 13:21:51.0</t>
  </si>
  <si>
    <t>06/26/14 13:23:12.0</t>
  </si>
  <si>
    <t>06/26/14 13:24:59.5</t>
  </si>
  <si>
    <t>06/26/14 13:25:16.0</t>
  </si>
  <si>
    <t>06/26/14 13:28:04.5</t>
  </si>
  <si>
    <t>06/26/14 13:28:27.0</t>
  </si>
  <si>
    <t>06/26/14 13:30:48.0</t>
  </si>
  <si>
    <t>06/26/14 13:31:05.5</t>
  </si>
  <si>
    <t>06/26/14 13:33:04.5</t>
  </si>
  <si>
    <t>06/26/14 13:33:23.0</t>
  </si>
  <si>
    <t>06/26/14 13:37:35.0</t>
  </si>
  <si>
    <t>06/26/14 13:38:15.5</t>
  </si>
  <si>
    <t>06/26/14 13:40:07.0</t>
  </si>
  <si>
    <t>06/26/14 13:40:26.5</t>
  </si>
  <si>
    <t>06/26/14 13:43:28.0</t>
  </si>
  <si>
    <t>06/26/14 13:43:37.0</t>
  </si>
  <si>
    <t>06/26/14 13:45:34.0</t>
  </si>
  <si>
    <t>06/26/14 13:45:45.5</t>
  </si>
  <si>
    <t>06/26/14 13:49:44.5</t>
  </si>
  <si>
    <t>06/26/14 13:50:40.5</t>
  </si>
  <si>
    <t>06/26/14 13:52:44.5</t>
  </si>
  <si>
    <t>06/26/14 13:52:53.0</t>
  </si>
  <si>
    <t>06/26/14 13:54:36.5</t>
  </si>
  <si>
    <t>06/26/14 13:54:43.0</t>
  </si>
  <si>
    <t>06/26/14 13:58:03.0</t>
  </si>
  <si>
    <t>06/26/14 13:58:20.0</t>
  </si>
  <si>
    <t>06/26/14 14:02:50.5</t>
  </si>
  <si>
    <t>06/26/14 14:03:23.0</t>
  </si>
  <si>
    <t>06/26/14 14:08:13.0</t>
  </si>
  <si>
    <t>06/26/14 14:08:38.0</t>
  </si>
  <si>
    <t>06/26/14 14:13:39.5</t>
  </si>
  <si>
    <t>06/26/14 14:14:46.5</t>
  </si>
  <si>
    <t>06/26/14 14:16:27.5</t>
  </si>
  <si>
    <t>06/26/14 14:16:38.5</t>
  </si>
  <si>
    <t>06/26/14 14:21:24.0</t>
  </si>
  <si>
    <t>06/26/14 14:22:29.0</t>
  </si>
  <si>
    <t>06/26/14 14:24:01.5</t>
  </si>
  <si>
    <t>06/26/14 14:24:12.5</t>
  </si>
  <si>
    <t>06/26/14 14:28:00.0</t>
  </si>
  <si>
    <t>06/26/14 14:28:15.0</t>
  </si>
  <si>
    <t>06/26/14 14:31:30.5</t>
  </si>
  <si>
    <t>06/26/14 14:31:44.5</t>
  </si>
  <si>
    <t>06/26/14 14:35:10.0</t>
  </si>
  <si>
    <t>06/26/14 14:35:19.5</t>
  </si>
  <si>
    <t>06/26/14 14:38:37.5</t>
  </si>
  <si>
    <t>06/26/14 14:39:10.5</t>
  </si>
  <si>
    <t>06/26/14 14:42:16.0</t>
  </si>
  <si>
    <t>06/26/14 14:42:51.0</t>
  </si>
  <si>
    <t>06/26/14 14:45:05.0</t>
  </si>
  <si>
    <t>06/26/14 14:45:16.5</t>
  </si>
  <si>
    <t>06/26/14 14:47:35.5</t>
  </si>
  <si>
    <t>06/26/14 14:47:43.5</t>
  </si>
  <si>
    <t>06/26/14 14:48:54.5</t>
  </si>
  <si>
    <t>06/26/14 14:49:00.5</t>
  </si>
  <si>
    <t>06/26/14 14:50:15.0</t>
  </si>
  <si>
    <t>06/26/14 14:50:27.0</t>
  </si>
  <si>
    <t>06/26/14 14:53:09.5</t>
  </si>
  <si>
    <t>06/26/14 14:53:20.5</t>
  </si>
  <si>
    <t>06/26/14 14:54:23.5</t>
  </si>
  <si>
    <t>06/26/14 14:54:31.5</t>
  </si>
  <si>
    <t>06/26/14 14:57:25.0</t>
  </si>
  <si>
    <t>06/26/14 14:57:34.0</t>
  </si>
  <si>
    <t>06/26/14 14:58:45.0</t>
  </si>
  <si>
    <t>06/26/14 14:58:52.5</t>
  </si>
  <si>
    <t>06/26/14 15:00:19.0</t>
  </si>
  <si>
    <t>06/26/14 15:00:26.0</t>
  </si>
  <si>
    <t>06/26/14 15:01:48.0</t>
  </si>
  <si>
    <t>06/26/14 15:01:53.0</t>
  </si>
  <si>
    <t>06/26/14 15:05:33.5</t>
  </si>
  <si>
    <t>06/26/14 15:05:40.0</t>
  </si>
  <si>
    <t>06/26/14 15:09:47.0</t>
  </si>
  <si>
    <t>06/26/14 15:10:09.0</t>
  </si>
  <si>
    <t>06/26/14 15:11:49.5</t>
  </si>
  <si>
    <t>06/26/14 15:12:01.5</t>
  </si>
  <si>
    <t>06/26/14 15:13:55.5</t>
  </si>
  <si>
    <t>06/26/14 15:14:08.0</t>
  </si>
  <si>
    <t>06/26/14 15:15:54.0</t>
  </si>
  <si>
    <t>06/26/14 15:16:08.0</t>
  </si>
  <si>
    <t>06/26/14 15:19:04.0</t>
  </si>
  <si>
    <t>06/26/14 15:19:09.0</t>
  </si>
  <si>
    <t>06/26/14 15:21:37.0</t>
  </si>
  <si>
    <t>06/26/14 15:21:53.0</t>
  </si>
  <si>
    <t>06/26/14 15:24:05.5</t>
  </si>
  <si>
    <t>06/26/14 15:24:12.5</t>
  </si>
  <si>
    <t>06/26/14 15:27:30.5</t>
  </si>
  <si>
    <t>06/26/14 15:27:36.0</t>
  </si>
  <si>
    <t>06/26/14 15:30:27.0</t>
  </si>
  <si>
    <t>06/26/14 15:30:37.5</t>
  </si>
  <si>
    <t>06/26/14 15:34:18.5</t>
  </si>
  <si>
    <t>06/26/14 15:34:27.0</t>
  </si>
  <si>
    <t>06/26/14 15:37:06.0</t>
  </si>
  <si>
    <t>06/26/14 15:37:16.5</t>
  </si>
  <si>
    <t>06/26/14 15:38:37.0</t>
  </si>
  <si>
    <t>06/26/14 15:38:46.0</t>
  </si>
  <si>
    <t>06/26/14 15:41:18.0</t>
  </si>
  <si>
    <t>06/26/14 15:41:29.0</t>
  </si>
  <si>
    <t>06/26/14 15:43:53.0</t>
  </si>
  <si>
    <t>06/26/14 15:44:06.0</t>
  </si>
  <si>
    <t>06/26/14 15:46:16.5</t>
  </si>
  <si>
    <t>06/26/14 15:46:24.5</t>
  </si>
  <si>
    <t>06/26/14 15:51:26.5</t>
  </si>
  <si>
    <t>06/26/14 15:51:34.0</t>
  </si>
  <si>
    <t>06/26/14 15:52:32.5</t>
  </si>
  <si>
    <t>06/26/14 15:52:42.0</t>
  </si>
  <si>
    <t>06/26/14 15:55:27.0</t>
  </si>
  <si>
    <t>06/26/14 15:55:46.0</t>
  </si>
  <si>
    <t>06/26/14 16:00:57.5</t>
  </si>
  <si>
    <t>06/26/14 16:01:07.5</t>
  </si>
  <si>
    <t>06/26/14 16:03:46.0</t>
  </si>
  <si>
    <t>06/26/14 16:04:02.0</t>
  </si>
  <si>
    <t>06/26/14 16:05:26.0</t>
  </si>
  <si>
    <t>06/26/14 16:05:40.0</t>
  </si>
  <si>
    <t>06/26/14 16:09:32.5</t>
  </si>
  <si>
    <t>06/26/14 16:09:44.0</t>
  </si>
  <si>
    <t>06/26/14 16:14:05.0</t>
  </si>
  <si>
    <t>06/26/14 16:14:31.0</t>
  </si>
  <si>
    <t>06/26/14 16:16:55.5</t>
  </si>
  <si>
    <t>06/26/14 16:17:04.0</t>
  </si>
  <si>
    <t>06/26/14 16:19:30.5</t>
  </si>
  <si>
    <t>06/26/14 16:19:39.5</t>
  </si>
  <si>
    <t>06/26/14 16:21:40.0</t>
  </si>
  <si>
    <t>06/26/14 16:22:07.0</t>
  </si>
  <si>
    <t>06/26/14 16:23:41.5</t>
  </si>
  <si>
    <t>06/26/14 16:23:59.5</t>
  </si>
  <si>
    <t>06/26/14 16:25:34.0</t>
  </si>
  <si>
    <t>06/26/14 16:25:54.0</t>
  </si>
  <si>
    <t>06/26/14 16:28:08.0</t>
  </si>
  <si>
    <t>06/26/14 16:28:14.5</t>
  </si>
  <si>
    <t>06/26/14 16:29:39.5</t>
  </si>
  <si>
    <t>06/26/14 16:30:08.0</t>
  </si>
  <si>
    <t>06/26/14 16:32:28.5</t>
  </si>
  <si>
    <t>06/26/14 16:32:39.0</t>
  </si>
  <si>
    <t>06/26/14 16:36:19.0</t>
  </si>
  <si>
    <t>06/26/14 16:36:28.5</t>
  </si>
  <si>
    <t>06/26/14 16:39:50.0</t>
  </si>
  <si>
    <t>06/26/14 16:39:57.0</t>
  </si>
  <si>
    <t>06/26/14 16:42:56.5</t>
  </si>
  <si>
    <t>06/26/14 16:43:02.5</t>
  </si>
  <si>
    <t>06/26/14 16:44:37.5</t>
  </si>
  <si>
    <t>06/26/14 16:44:50.5</t>
  </si>
  <si>
    <t>06/26/14 16:48:18.0</t>
  </si>
  <si>
    <t>06/26/14 16:48:36.5</t>
  </si>
  <si>
    <t>06/26/14 16:52:58.5</t>
  </si>
  <si>
    <t>06/26/14 16:53:13.5</t>
  </si>
  <si>
    <t>06/26/14 16:56:22.5</t>
  </si>
  <si>
    <t>06/26/14 16:56:35.5</t>
  </si>
  <si>
    <t>06/26/14 17:01:47.0</t>
  </si>
  <si>
    <t>06/26/14 17:03:22.5</t>
  </si>
  <si>
    <t>06/26/14 17:07:51.5</t>
  </si>
  <si>
    <t>06/26/14 17:08:04.0</t>
  </si>
  <si>
    <t>06/26/14 17:13:49.5</t>
  </si>
  <si>
    <t>06/26/14 17:15:32.0</t>
  </si>
  <si>
    <t>06/26/14 17:18:05.5</t>
  </si>
  <si>
    <t>06/26/14 17:18:15.0</t>
  </si>
  <si>
    <t>06/26/14 17:24:40.5</t>
  </si>
  <si>
    <t>06/26/14 17:25:29.5</t>
  </si>
  <si>
    <t>06/26/14 17:30:48.0</t>
  </si>
  <si>
    <t>06/26/14 17:31:02.5</t>
  </si>
  <si>
    <t>06/26/14 17:33:53.5</t>
  </si>
  <si>
    <t>06/26/14 17:34:07.0</t>
  </si>
  <si>
    <t>06/26/14 17:35:11.5</t>
  </si>
  <si>
    <t>06/26/14 17:35:23.0</t>
  </si>
  <si>
    <t>06/26/14 17:36:49.5</t>
  </si>
  <si>
    <t>06/26/14 17:37:44.5</t>
  </si>
  <si>
    <t>06/26/14 17:43:15.0</t>
  </si>
  <si>
    <t>06/26/14 17:43:34.5</t>
  </si>
  <si>
    <t>06/26/14 17:45:48.5</t>
  </si>
  <si>
    <t>06/26/14 17:45:56.0</t>
  </si>
  <si>
    <t>06/26/14 17:47:20.0</t>
  </si>
  <si>
    <t>06/26/14 17:47:29.0</t>
  </si>
  <si>
    <t>06/26/14 17:49:21.5</t>
  </si>
  <si>
    <t>06/26/14 17:49:28.0</t>
  </si>
  <si>
    <t>06/26/14 17:51:13.5</t>
  </si>
  <si>
    <t>06/26/14 17:51:21.0</t>
  </si>
  <si>
    <t>06/26/14 17:53:49.0</t>
  </si>
  <si>
    <t>06/26/14 17:54:05.0</t>
  </si>
  <si>
    <t>06/26/14 17:57:34.0</t>
  </si>
  <si>
    <t>06/26/14 17:58:52.0</t>
  </si>
  <si>
    <t>06/26/14 18:02:36.5</t>
  </si>
  <si>
    <t>06/26/14 18:03:09.0</t>
  </si>
  <si>
    <t>06/26/14 18:09:09.0</t>
  </si>
  <si>
    <t>06/26/14 18:09:20.5</t>
  </si>
  <si>
    <t>06/26/14 18:13:46.5</t>
  </si>
  <si>
    <t>06/26/14 18:14:28.5</t>
  </si>
  <si>
    <t>06/26/14 18:16:05.5</t>
  </si>
  <si>
    <t>06/26/14 18:17:16.5</t>
  </si>
  <si>
    <t>06/26/14 18:27:07.0</t>
  </si>
  <si>
    <t>06/26/14 18:27:13.5</t>
  </si>
  <si>
    <t>06/26/14 18:30:52.0</t>
  </si>
  <si>
    <t>06/26/14 18:31:03.5</t>
  </si>
  <si>
    <t>06/26/14 18:33:37.5</t>
  </si>
  <si>
    <t>06/26/14 18:33:44.0</t>
  </si>
  <si>
    <t>06/26/14 18:40:08.5</t>
  </si>
  <si>
    <t>06/26/14 18:40:19.0</t>
  </si>
  <si>
    <t>06/26/14 18:55:30.0</t>
  </si>
  <si>
    <t>06/26/14 18:55:44.5</t>
  </si>
  <si>
    <t>06/26/14 19:07:32.0</t>
  </si>
  <si>
    <t>06/26/14 19:07:46.5</t>
  </si>
  <si>
    <t>06/26/14 19:13:51.5</t>
  </si>
  <si>
    <t>06/26/14 19:14:30.5</t>
  </si>
  <si>
    <t>06/26/14 19:26:27.5</t>
  </si>
  <si>
    <t>06/26/14 19:26:57.0</t>
  </si>
  <si>
    <t>06/26/14 19:30:14.5</t>
  </si>
  <si>
    <t>06/26/14 19:31:33.0</t>
  </si>
  <si>
    <t>06/26/14 19:41:32.0</t>
  </si>
  <si>
    <t>06/26/14 19:42:07.0</t>
  </si>
  <si>
    <t>06/26/14 19:59:10.5</t>
  </si>
  <si>
    <t>06/26/14 20:00:42.0</t>
  </si>
  <si>
    <t>06/26/14 20:11:44.5</t>
  </si>
  <si>
    <t>06/26/14 20:12:42.0</t>
  </si>
  <si>
    <t>06/27/14 06:44:00.5</t>
  </si>
  <si>
    <t>06/27/14 06:44:12.5</t>
  </si>
  <si>
    <t>06/27/14 06:47:15.0</t>
  </si>
  <si>
    <t>06/27/14 06:52:40.0</t>
  </si>
  <si>
    <t>06/27/14 08:55:39.5</t>
  </si>
  <si>
    <t>06/27/14 08:57:33.0</t>
  </si>
  <si>
    <t>06/27/14 09:03:40.5</t>
  </si>
  <si>
    <t>06/27/14 09:03:50.5</t>
  </si>
  <si>
    <t>06/27/14 09:07:12.5</t>
  </si>
  <si>
    <t>06/27/14 09:08:24.0</t>
  </si>
  <si>
    <t>06/27/14 09:18:10.0</t>
  </si>
  <si>
    <t>06/27/14 09:18:41.5</t>
  </si>
  <si>
    <t>06/27/14 09:23:18.0</t>
  </si>
  <si>
    <t>06/27/14 09:23:35.5</t>
  </si>
  <si>
    <t>06/27/14 09:25:39.5</t>
  </si>
  <si>
    <t>06/27/14 09:25:57.5</t>
  </si>
  <si>
    <t>06/27/14 09:28:06.5</t>
  </si>
  <si>
    <t>06/27/14 09:28:37.0</t>
  </si>
  <si>
    <t>06/27/14 09:33:11.0</t>
  </si>
  <si>
    <t>06/27/14 09:33:22.0</t>
  </si>
  <si>
    <t>06/27/14 09:34:55.5</t>
  </si>
  <si>
    <t>06/27/14 09:35:09.0</t>
  </si>
  <si>
    <t>06/27/14 09:37:23.5</t>
  </si>
  <si>
    <t>06/27/14 09:37:37.0</t>
  </si>
  <si>
    <t>06/27/14 09:45:12.5</t>
  </si>
  <si>
    <t>06/27/14 09:45:24.5</t>
  </si>
  <si>
    <t>06/27/14 09:55:39.5</t>
  </si>
  <si>
    <t>06/27/14 09:55:47.5</t>
  </si>
  <si>
    <t>06/27/14 09:57:34.5</t>
  </si>
  <si>
    <t>06/27/14 09:57:43.5</t>
  </si>
  <si>
    <t>06/27/14 10:00:40.0</t>
  </si>
  <si>
    <t>06/27/14 10:01:11.5</t>
  </si>
  <si>
    <t>06/27/14 10:07:20.5</t>
  </si>
  <si>
    <t>06/27/14 10:07:35.5</t>
  </si>
  <si>
    <t>06/27/14 10:11:05.0</t>
  </si>
  <si>
    <t>06/27/14 10:11:13.0</t>
  </si>
  <si>
    <t>06/27/14 10:12:39.5</t>
  </si>
  <si>
    <t>06/27/14 10:12:53.5</t>
  </si>
  <si>
    <t>06/27/14 10:19:40.5</t>
  </si>
  <si>
    <t>06/27/14 10:19:54.0</t>
  </si>
  <si>
    <t>06/27/14 10:23:18.0</t>
  </si>
  <si>
    <t>06/27/14 10:23:35.0</t>
  </si>
  <si>
    <t>06/27/14 10:26:30.5</t>
  </si>
  <si>
    <t>06/27/14 10:26:47.0</t>
  </si>
  <si>
    <t>06/27/14 10:33:23.5</t>
  </si>
  <si>
    <t>06/27/14 10:33:58.0</t>
  </si>
  <si>
    <t>06/27/14 10:38:52.5</t>
  </si>
  <si>
    <t>06/27/14 10:40:39.0</t>
  </si>
  <si>
    <t>06/27/14 10:49:49.5</t>
  </si>
  <si>
    <t>06/27/14 10:50:02.0</t>
  </si>
  <si>
    <t>06/27/14 11:04:38.0</t>
  </si>
  <si>
    <t>06/27/14 11:04:47.5</t>
  </si>
  <si>
    <t>06/27/14 11:09:07.5</t>
  </si>
  <si>
    <t>06/27/14 11:11:15.5</t>
  </si>
  <si>
    <t>06/27/14 11:16:47.5</t>
  </si>
  <si>
    <t>06/27/14 11:16:59.5</t>
  </si>
  <si>
    <t>06/27/14 11:18:53.0</t>
  </si>
  <si>
    <t>06/27/14 11:19:06.5</t>
  </si>
  <si>
    <t>06/27/14 11:22:28.0</t>
  </si>
  <si>
    <t>06/27/14 11:23:14.0</t>
  </si>
  <si>
    <t>06/27/14 11:27:07.0</t>
  </si>
  <si>
    <t>06/27/14 11:27:28.5</t>
  </si>
  <si>
    <t>06/27/14 11:37:15.5</t>
  </si>
  <si>
    <t>06/27/14 11:39:27.5</t>
  </si>
  <si>
    <t>06/27/14 11:46:41.0</t>
  </si>
  <si>
    <t>06/27/14 11:46:59.0</t>
  </si>
  <si>
    <t>06/27/14 11:52:22.5</t>
  </si>
  <si>
    <t>06/27/14 11:52:32.0</t>
  </si>
  <si>
    <t>06/27/14 11:58:19.5</t>
  </si>
  <si>
    <t>06/27/14 11:58:31.5</t>
  </si>
  <si>
    <t>06/27/14 12:02:54.5</t>
  </si>
  <si>
    <t>06/27/14 12:03:03.5</t>
  </si>
  <si>
    <t>06/27/14 12:04:24.5</t>
  </si>
  <si>
    <t>06/27/14 12:04:36.0</t>
  </si>
  <si>
    <t>06/27/14 12:09:26.5</t>
  </si>
  <si>
    <t>06/27/14 12:09:49.0</t>
  </si>
  <si>
    <t>06/27/14 12:16:27.0</t>
  </si>
  <si>
    <t>06/27/14 12:18:59.0</t>
  </si>
  <si>
    <t>06/27/14 12:26:34.5</t>
  </si>
  <si>
    <t>06/27/14 12:26:45.0</t>
  </si>
  <si>
    <t>06/27/14 12:28:13.5</t>
  </si>
  <si>
    <t>06/27/14 12:28:23.0</t>
  </si>
  <si>
    <t>06/27/14 12:29:48.0</t>
  </si>
  <si>
    <t>06/27/14 12:30:01.0</t>
  </si>
  <si>
    <t>06/27/14 12:43:13.5</t>
  </si>
  <si>
    <t>06/27/14 12:43:26.0</t>
  </si>
  <si>
    <t>06/27/14 12:45:35.5</t>
  </si>
  <si>
    <t>06/27/14 12:45:44.5</t>
  </si>
  <si>
    <t>06/27/14 12:49:04.0</t>
  </si>
  <si>
    <t>06/27/14 12:49:27.0</t>
  </si>
  <si>
    <t>06/27/14 12:51:51.5</t>
  </si>
  <si>
    <t>06/27/14 12:52:02.0</t>
  </si>
  <si>
    <t>06/27/14 12:53:10.0</t>
  </si>
  <si>
    <t>06/27/14 12:53:18.0</t>
  </si>
  <si>
    <t>06/27/14 12:54:46.5</t>
  </si>
  <si>
    <t>06/27/14 12:54:57.5</t>
  </si>
  <si>
    <t>06/27/14 12:56:59.0</t>
  </si>
  <si>
    <t>06/27/14 12:57:29.5</t>
  </si>
  <si>
    <t>06/27/14 13:04:33.5</t>
  </si>
  <si>
    <t>06/27/14 13:05:22.5</t>
  </si>
  <si>
    <t>06/27/14 13:11:26.0</t>
  </si>
  <si>
    <t>06/27/14 13:11:45.0</t>
  </si>
  <si>
    <t>06/27/14 13:14:07.0</t>
  </si>
  <si>
    <t>06/27/14 13:14:23.5</t>
  </si>
  <si>
    <t>06/27/14 13:18:59.0</t>
  </si>
  <si>
    <t>06/27/14 13:20:27.0</t>
  </si>
  <si>
    <t>06/27/14 13:25:14.0</t>
  </si>
  <si>
    <t>06/27/14 13:26:23.5</t>
  </si>
  <si>
    <t>06/27/14 13:30:43.5</t>
  </si>
  <si>
    <t>06/27/14 13:31:48.0</t>
  </si>
  <si>
    <t>06/27/14 13:35:20.0</t>
  </si>
  <si>
    <t>06/27/14 13:35:39.0</t>
  </si>
  <si>
    <t>06/27/14 13:38:31.5</t>
  </si>
  <si>
    <t>06/27/14 13:38:49.0</t>
  </si>
  <si>
    <t>06/27/14 13:48:47.0</t>
  </si>
  <si>
    <t>06/27/14 13:49:05.5</t>
  </si>
  <si>
    <t>06/27/14 13:52:12.5</t>
  </si>
  <si>
    <t>06/27/14 13:52:37.5</t>
  </si>
  <si>
    <t>06/27/14 13:59:05.5</t>
  </si>
  <si>
    <t>06/27/14 13:59:16.0</t>
  </si>
  <si>
    <t>06/27/14 14:06:36.5</t>
  </si>
  <si>
    <t>06/27/14 14:07:01.0</t>
  </si>
  <si>
    <t>06/27/14 14:11:52.5</t>
  </si>
  <si>
    <t>06/27/14 14:12:02.5</t>
  </si>
  <si>
    <t>06/27/14 14:14:42.0</t>
  </si>
  <si>
    <t>06/27/14 14:14:50.0</t>
  </si>
  <si>
    <t>06/27/14 14:16:56.0</t>
  </si>
  <si>
    <t>06/27/14 14:17:06.0</t>
  </si>
  <si>
    <t>06/27/14 14:22:28.5</t>
  </si>
  <si>
    <t>06/27/14 14:26:35.5</t>
  </si>
  <si>
    <t>06/27/14 14:31:13.5</t>
  </si>
  <si>
    <t>06/27/14 14:31:34.5</t>
  </si>
  <si>
    <t>06/27/14 14:33:33.0</t>
  </si>
  <si>
    <t>06/27/14 14:33:41.5</t>
  </si>
  <si>
    <t>06/27/14 14:35:17.5</t>
  </si>
  <si>
    <t>06/27/14 14:35:45.5</t>
  </si>
  <si>
    <t>06/27/14 14:38:38.5</t>
  </si>
  <si>
    <t>06/27/14 14:38:45.0</t>
  </si>
  <si>
    <t>06/27/14 14:40:15.0</t>
  </si>
  <si>
    <t>06/27/14 14:40:30.0</t>
  </si>
  <si>
    <t>06/27/14 14:42:48.5</t>
  </si>
  <si>
    <t>06/27/14 14:43:02.0</t>
  </si>
  <si>
    <t>06/27/14 14:46:34.5</t>
  </si>
  <si>
    <t>06/27/14 14:47:36.0</t>
  </si>
  <si>
    <t>06/27/14 14:50:51.5</t>
  </si>
  <si>
    <t>06/27/14 14:51:03.5</t>
  </si>
  <si>
    <t>06/27/14 14:56:45.0</t>
  </si>
  <si>
    <t>06/27/14 14:56:50.5</t>
  </si>
  <si>
    <t>06/27/14 14:59:48.0</t>
  </si>
  <si>
    <t>06/27/14 15:00:02.5</t>
  </si>
  <si>
    <t>06/27/14 15:05:17.5</t>
  </si>
  <si>
    <t>06/27/14 15:05:37.5</t>
  </si>
  <si>
    <t>06/27/14 15:09:08.5</t>
  </si>
  <si>
    <t>06/27/14 15:09:18.0</t>
  </si>
  <si>
    <t>06/27/14 15:10:28.5</t>
  </si>
  <si>
    <t>06/27/14 15:10:40.0</t>
  </si>
  <si>
    <t>06/27/14 15:13:40.5</t>
  </si>
  <si>
    <t>06/27/14 15:14:17.5</t>
  </si>
  <si>
    <t>06/27/14 15:18:28.5</t>
  </si>
  <si>
    <t>06/27/14 15:18:37.5</t>
  </si>
  <si>
    <t>06/27/14 15:25:17.5</t>
  </si>
  <si>
    <t>06/27/14 15:25:37.5</t>
  </si>
  <si>
    <t>06/27/14 15:28:53.5</t>
  </si>
  <si>
    <t>06/27/14 15:29:00.5</t>
  </si>
  <si>
    <t>06/27/14 15:30:41.5</t>
  </si>
  <si>
    <t>06/27/14 15:30:48.0</t>
  </si>
  <si>
    <t>06/27/14 15:34:38.5</t>
  </si>
  <si>
    <t>06/27/14 15:34:51.0</t>
  </si>
  <si>
    <t>06/27/14 15:38:54.5</t>
  </si>
  <si>
    <t>06/27/14 15:39:08.5</t>
  </si>
  <si>
    <t>06/27/14 15:48:17.0</t>
  </si>
  <si>
    <t>06/27/14 15:48:38.5</t>
  </si>
  <si>
    <t>06/27/14 15:51:46.5</t>
  </si>
  <si>
    <t>06/27/14 15:51:58.5</t>
  </si>
  <si>
    <t>06/27/14 15:56:14.0</t>
  </si>
  <si>
    <t>06/27/14 15:56:28.0</t>
  </si>
  <si>
    <t>06/27/14 16:01:15.0</t>
  </si>
  <si>
    <t>06/27/14 16:01:31.5</t>
  </si>
  <si>
    <t>06/27/14 16:05:06.5</t>
  </si>
  <si>
    <t>06/27/14 16:05:34.5</t>
  </si>
  <si>
    <t>06/27/14 16:08:18.5</t>
  </si>
  <si>
    <t>06/27/14 16:08:29.0</t>
  </si>
  <si>
    <t>06/27/14 16:11:09.0</t>
  </si>
  <si>
    <t>06/27/14 16:11:18.5</t>
  </si>
  <si>
    <t>06/27/14 16:13:16.5</t>
  </si>
  <si>
    <t>06/27/14 16:13:27.0</t>
  </si>
  <si>
    <t>06/27/14 16:15:42.0</t>
  </si>
  <si>
    <t>06/27/14 16:15:51.0</t>
  </si>
  <si>
    <t>06/27/14 16:17:06.5</t>
  </si>
  <si>
    <t>06/27/14 16:17:18.0</t>
  </si>
  <si>
    <t>06/27/14 16:20:19.0</t>
  </si>
  <si>
    <t>06/27/14 16:20:26.5</t>
  </si>
  <si>
    <t>06/27/14 16:27:43.0</t>
  </si>
  <si>
    <t>06/27/14 16:27:50.0</t>
  </si>
  <si>
    <t>06/27/14 16:40:46.5</t>
  </si>
  <si>
    <t>06/27/14 16:40:58.0</t>
  </si>
  <si>
    <t>06/27/14 16:44:18.0</t>
  </si>
  <si>
    <t>06/27/14 16:44:30.5</t>
  </si>
  <si>
    <t>06/27/14 16:51:51.5</t>
  </si>
  <si>
    <t>06/27/14 16:52:06.0</t>
  </si>
  <si>
    <t>06/27/14 16:55:04.5</t>
  </si>
  <si>
    <t>06/27/14 16:55:12.5</t>
  </si>
  <si>
    <t>06/27/14 16:57:20.5</t>
  </si>
  <si>
    <t>06/27/14 16:57:29.5</t>
  </si>
  <si>
    <t>06/27/14 16:58:55.0</t>
  </si>
  <si>
    <t>06/27/14 16:59:30.0</t>
  </si>
  <si>
    <t>06/27/14 17:01:18.0</t>
  </si>
  <si>
    <t>06/27/14 17:01:35.0</t>
  </si>
  <si>
    <t>06/27/14 17:05:23.0</t>
  </si>
  <si>
    <t>06/27/14 17:05:52.0</t>
  </si>
  <si>
    <t>06/27/14 17:13:48.0</t>
  </si>
  <si>
    <t>06/27/14 17:19:45.5</t>
  </si>
  <si>
    <t>06/27/14 17:24:20.0</t>
  </si>
  <si>
    <t>06/27/14 17:24:33.5</t>
  </si>
  <si>
    <t>06/27/14 17:29:37.0</t>
  </si>
  <si>
    <t>06/27/14 17:29:58.5</t>
  </si>
  <si>
    <t>06/27/14 17:34:41.0</t>
  </si>
  <si>
    <t>06/27/14 17:35:04.0</t>
  </si>
  <si>
    <t>06/27/14 17:37:03.0</t>
  </si>
  <si>
    <t>06/27/14 17:39:36.5</t>
  </si>
  <si>
    <t>06/27/14 17:43:30.5</t>
  </si>
  <si>
    <t>06/27/14 17:45:02.0</t>
  </si>
  <si>
    <t>06/27/14 17:48:41.0</t>
  </si>
  <si>
    <t>06/27/14 17:50:00.5</t>
  </si>
  <si>
    <t>06/27/14 17:54:45.0</t>
  </si>
  <si>
    <t>06/27/14 17:54:55.5</t>
  </si>
  <si>
    <t>06/27/14 17:57:21.0</t>
  </si>
  <si>
    <t>06/27/14 17:57:27.0</t>
  </si>
  <si>
    <t>06/27/14 17:59:00.0</t>
  </si>
  <si>
    <t>06/27/14 17:59:09.0</t>
  </si>
  <si>
    <t>06/27/14 18:04:14.5</t>
  </si>
  <si>
    <t>06/27/14 18:04:25.5</t>
  </si>
  <si>
    <t>06/27/14 18:07:25.5</t>
  </si>
  <si>
    <t>06/27/14 18:07:37.0</t>
  </si>
  <si>
    <t>06/27/14 18:10:42.5</t>
  </si>
  <si>
    <t>06/27/14 18:11:02.5</t>
  </si>
  <si>
    <t>06/27/14 18:14:34.0</t>
  </si>
  <si>
    <t>06/27/14 18:14:47.5</t>
  </si>
  <si>
    <t>06/27/14 18:21:18.0</t>
  </si>
  <si>
    <t>06/27/14 18:21:24.5</t>
  </si>
  <si>
    <t>06/27/14 18:23:56.0</t>
  </si>
  <si>
    <t>06/27/14 18:24:23.5</t>
  </si>
  <si>
    <t>06/27/14 18:28:38.5</t>
  </si>
  <si>
    <t>06/27/14 18:28:51.0</t>
  </si>
  <si>
    <t>06/27/14 18:31:53.5</t>
  </si>
  <si>
    <t>06/27/14 18:32:07.5</t>
  </si>
  <si>
    <t>06/27/14 18:38:35.5</t>
  </si>
  <si>
    <t>06/27/14 18:38:46.5</t>
  </si>
  <si>
    <t>06/27/14 18:41:29.0</t>
  </si>
  <si>
    <t>06/27/14 18:41:42.5</t>
  </si>
  <si>
    <t>06/27/14 18:59:53.5</t>
  </si>
  <si>
    <t>06/27/14 19:04:08.0</t>
  </si>
  <si>
    <t>06/27/14 19:10:28.0</t>
  </si>
  <si>
    <t>06/27/14 19:10:38.5</t>
  </si>
  <si>
    <t>06/28/14 07:31:34.0</t>
  </si>
  <si>
    <t>06/28/14 07:34:37.5</t>
  </si>
  <si>
    <t>06/28/14 08:32:32.5</t>
  </si>
  <si>
    <t>06/28/14 08:34:32.5</t>
  </si>
  <si>
    <t>06/28/14 09:02:39.0</t>
  </si>
  <si>
    <t>06/28/14 09:03:05.5</t>
  </si>
  <si>
    <t>06/28/14 09:11:35.5</t>
  </si>
  <si>
    <t>06/28/14 09:12:21.5</t>
  </si>
  <si>
    <t>06/28/14 09:18:57.0</t>
  </si>
  <si>
    <t>06/28/14 09:19:57.5</t>
  </si>
  <si>
    <t>06/28/14 09:35:02.0</t>
  </si>
  <si>
    <t>06/28/14 09:38:21.0</t>
  </si>
  <si>
    <t>06/28/14 09:55:27.5</t>
  </si>
  <si>
    <t>06/28/14 09:55:39.0</t>
  </si>
  <si>
    <t>06/28/14 10:02:07.5</t>
  </si>
  <si>
    <t>06/28/14 10:05:05.5</t>
  </si>
  <si>
    <t>06/28/14 10:21:14.5</t>
  </si>
  <si>
    <t>06/28/14 10:22:18.5</t>
  </si>
  <si>
    <t>06/28/14 10:27:59.0</t>
  </si>
  <si>
    <t>06/28/14 10:28:09.0</t>
  </si>
  <si>
    <t>06/28/14 10:30:27.5</t>
  </si>
  <si>
    <t>06/28/14 10:30:38.0</t>
  </si>
  <si>
    <t>06/28/14 10:34:47.5</t>
  </si>
  <si>
    <t>06/28/14 10:35:38.0</t>
  </si>
  <si>
    <t>06/28/14 10:47:56.5</t>
  </si>
  <si>
    <t>06/28/14 10:48:21.5</t>
  </si>
  <si>
    <t>06/28/14 10:52:06.0</t>
  </si>
  <si>
    <t>06/28/14 10:52:23.5</t>
  </si>
  <si>
    <t>06/28/14 10:54:47.0</t>
  </si>
  <si>
    <t>06/28/14 10:55:25.5</t>
  </si>
  <si>
    <t>06/28/14 11:05:14.5</t>
  </si>
  <si>
    <t>06/28/14 11:06:20.0</t>
  </si>
  <si>
    <t>06/28/14 11:09:38.0</t>
  </si>
  <si>
    <t>06/28/14 11:09:47.5</t>
  </si>
  <si>
    <t>06/28/14 11:13:09.5</t>
  </si>
  <si>
    <t>06/28/14 11:13:27.5</t>
  </si>
  <si>
    <t>06/28/14 11:15:28.0</t>
  </si>
  <si>
    <t>06/28/14 11:17:11.0</t>
  </si>
  <si>
    <t>06/28/14 11:23:42.0</t>
  </si>
  <si>
    <t>06/28/14 11:23:53.5</t>
  </si>
  <si>
    <t>06/28/14 11:25:44.0</t>
  </si>
  <si>
    <t>06/28/14 11:25:55.0</t>
  </si>
  <si>
    <t>06/28/14 11:28:46.5</t>
  </si>
  <si>
    <t>06/28/14 11:29:06.0</t>
  </si>
  <si>
    <t>06/28/14 11:37:55.0</t>
  </si>
  <si>
    <t>06/28/14 11:39:18.0</t>
  </si>
  <si>
    <t>06/28/14 11:41:31.5</t>
  </si>
  <si>
    <t>06/28/14 11:41:41.0</t>
  </si>
  <si>
    <t>06/28/14 11:51:50.5</t>
  </si>
  <si>
    <t>06/28/14 11:54:57.0</t>
  </si>
  <si>
    <t>06/28/14 11:57:48.0</t>
  </si>
  <si>
    <t>06/28/14 11:57:59.5</t>
  </si>
  <si>
    <t>06/28/14 12:00:59.0</t>
  </si>
  <si>
    <t>06/28/14 12:01:27.5</t>
  </si>
  <si>
    <t>06/28/14 12:10:58.5</t>
  </si>
  <si>
    <t>06/28/14 12:12:48.0</t>
  </si>
  <si>
    <t>06/28/14 12:15:24.5</t>
  </si>
  <si>
    <t>06/28/14 12:15:33.5</t>
  </si>
  <si>
    <t>06/28/14 12:17:38.0</t>
  </si>
  <si>
    <t>06/28/14 12:17:55.0</t>
  </si>
  <si>
    <t>06/28/14 12:21:29.0</t>
  </si>
  <si>
    <t>06/28/14 12:21:38.0</t>
  </si>
  <si>
    <t>06/28/14 12:23:09.5</t>
  </si>
  <si>
    <t>06/28/14 12:23:27.0</t>
  </si>
  <si>
    <t>06/28/14 12:26:59.0</t>
  </si>
  <si>
    <t>06/28/14 12:27:46.0</t>
  </si>
  <si>
    <t>06/28/14 12:31:05.5</t>
  </si>
  <si>
    <t>06/28/14 12:31:16.0</t>
  </si>
  <si>
    <t>06/28/14 12:37:38.5</t>
  </si>
  <si>
    <t>06/28/14 12:37:55.0</t>
  </si>
  <si>
    <t>06/28/14 12:42:49.5</t>
  </si>
  <si>
    <t>06/28/14 12:42:58.5</t>
  </si>
  <si>
    <t>06/28/14 12:44:50.5</t>
  </si>
  <si>
    <t>06/28/14 12:45:01.0</t>
  </si>
  <si>
    <t>06/28/14 12:46:11.0</t>
  </si>
  <si>
    <t>06/28/14 12:46:17.5</t>
  </si>
  <si>
    <t>06/28/14 12:47:12.0</t>
  </si>
  <si>
    <t>06/28/14 12:47:22.0</t>
  </si>
  <si>
    <t>06/28/14 12:51:09.5</t>
  </si>
  <si>
    <t>06/28/14 12:51:52.0</t>
  </si>
  <si>
    <t>06/28/14 12:56:53.5</t>
  </si>
  <si>
    <t>06/28/14 12:57:25.0</t>
  </si>
  <si>
    <t>06/28/14 13:04:23.0</t>
  </si>
  <si>
    <t>06/28/14 13:04:37.0</t>
  </si>
  <si>
    <t>06/28/14 13:09:07.0</t>
  </si>
  <si>
    <t>06/28/14 13:11:12.0</t>
  </si>
  <si>
    <t>06/28/14 13:15:23.5</t>
  </si>
  <si>
    <t>06/28/14 13:15:33.5</t>
  </si>
  <si>
    <t>06/28/14 13:18:01.0</t>
  </si>
  <si>
    <t>06/28/14 13:18:09.0</t>
  </si>
  <si>
    <t>06/28/14 13:23:10.5</t>
  </si>
  <si>
    <t>06/28/14 13:23:29.0</t>
  </si>
  <si>
    <t>06/28/14 13:27:56.0</t>
  </si>
  <si>
    <t>06/28/14 13:28:12.5</t>
  </si>
  <si>
    <t>06/28/14 13:31:30.0</t>
  </si>
  <si>
    <t>06/28/14 13:33:14.5</t>
  </si>
  <si>
    <t>06/28/14 13:39:08.5</t>
  </si>
  <si>
    <t>06/28/14 13:39:16.5</t>
  </si>
  <si>
    <t>06/28/14 13:41:37.0</t>
  </si>
  <si>
    <t>06/28/14 13:41:51.0</t>
  </si>
  <si>
    <t>06/28/14 13:43:28.0</t>
  </si>
  <si>
    <t>06/28/14 13:43:38.0</t>
  </si>
  <si>
    <t>06/28/14 13:45:08.5</t>
  </si>
  <si>
    <t>06/28/14 13:45:16.5</t>
  </si>
  <si>
    <t>06/28/14 13:57:49.5</t>
  </si>
  <si>
    <t>06/28/14 13:58:27.5</t>
  </si>
  <si>
    <t>06/28/14 14:06:44.0</t>
  </si>
  <si>
    <t>06/28/14 14:09:19.5</t>
  </si>
  <si>
    <t>06/28/14 14:19:31.0</t>
  </si>
  <si>
    <t>06/28/14 14:19:42.5</t>
  </si>
  <si>
    <t>06/28/14 14:27:54.5</t>
  </si>
  <si>
    <t>06/28/14 14:29:10.0</t>
  </si>
  <si>
    <t>06/28/14 14:33:36.5</t>
  </si>
  <si>
    <t>06/28/14 14:34:22.0</t>
  </si>
  <si>
    <t>06/28/14 14:37:29.0</t>
  </si>
  <si>
    <t>06/28/14 14:37:45.5</t>
  </si>
  <si>
    <t>06/28/14 14:44:14.5</t>
  </si>
  <si>
    <t>06/28/14 14:45:37.5</t>
  </si>
  <si>
    <t>06/28/14 14:54:45.5</t>
  </si>
  <si>
    <t>06/28/14 14:55:00.5</t>
  </si>
  <si>
    <t>06/28/14 15:06:19.5</t>
  </si>
  <si>
    <t>06/28/14 15:06:51.0</t>
  </si>
  <si>
    <t>06/28/14 15:09:26.0</t>
  </si>
  <si>
    <t>06/28/14 15:09:32.5</t>
  </si>
  <si>
    <t>06/28/14 15:12:21.0</t>
  </si>
  <si>
    <t>06/28/14 15:12:28.5</t>
  </si>
  <si>
    <t>06/28/14 15:14:11.0</t>
  </si>
  <si>
    <t>06/28/14 15:14:28.0</t>
  </si>
  <si>
    <t>06/28/14 15:18:19.0</t>
  </si>
  <si>
    <t>06/28/14 15:18:27.5</t>
  </si>
  <si>
    <t>06/28/14 15:23:27.0</t>
  </si>
  <si>
    <t>06/28/14 15:24:01.5</t>
  </si>
  <si>
    <t>06/28/14 15:29:54.5</t>
  </si>
  <si>
    <t>06/28/14 15:30:15.0</t>
  </si>
  <si>
    <t>06/28/14 15:32:54.0</t>
  </si>
  <si>
    <t>06/28/14 15:33:00.0</t>
  </si>
  <si>
    <t>06/28/14 15:34:15.0</t>
  </si>
  <si>
    <t>06/28/14 15:34:24.0</t>
  </si>
  <si>
    <t>06/28/14 15:36:54.0</t>
  </si>
  <si>
    <t>06/28/14 15:37:59.5</t>
  </si>
  <si>
    <t>06/28/14 15:39:31.0</t>
  </si>
  <si>
    <t>06/28/14 15:39:45.0</t>
  </si>
  <si>
    <t>06/28/14 15:41:12.5</t>
  </si>
  <si>
    <t>06/28/14 15:41:18.5</t>
  </si>
  <si>
    <t>06/28/14 15:42:27.5</t>
  </si>
  <si>
    <t>06/28/14 15:42:35.0</t>
  </si>
  <si>
    <t>06/28/14 15:44:08.5</t>
  </si>
  <si>
    <t>06/28/14 15:44:29.0</t>
  </si>
  <si>
    <t>06/28/14 15:47:30.0</t>
  </si>
  <si>
    <t>06/28/14 15:47:38.5</t>
  </si>
  <si>
    <t>06/28/14 15:49:29.0</t>
  </si>
  <si>
    <t>06/28/14 15:49:43.0</t>
  </si>
  <si>
    <t>06/28/14 15:50:57.0</t>
  </si>
  <si>
    <t>06/28/14 15:51:13.0</t>
  </si>
  <si>
    <t>06/28/14 15:53:59.5</t>
  </si>
  <si>
    <t>06/28/14 15:54:38.0</t>
  </si>
  <si>
    <t>06/28/14 15:58:41.5</t>
  </si>
  <si>
    <t>06/28/14 15:58:45.0</t>
  </si>
  <si>
    <t>06/28/14 15:59:41.5</t>
  </si>
  <si>
    <t>06/28/14 15:59:54.0</t>
  </si>
  <si>
    <t>06/28/14 16:01:21.5</t>
  </si>
  <si>
    <t>06/28/14 16:01:35.0</t>
  </si>
  <si>
    <t>06/28/14 16:03:19.5</t>
  </si>
  <si>
    <t>06/28/14 16:03:25.0</t>
  </si>
  <si>
    <t>06/28/14 16:05:11.0</t>
  </si>
  <si>
    <t>06/28/14 16:05:40.0</t>
  </si>
  <si>
    <t>06/28/14 16:06:37.0</t>
  </si>
  <si>
    <t>06/28/14 16:06:44.0</t>
  </si>
  <si>
    <t>06/28/14 16:11:29.0</t>
  </si>
  <si>
    <t>06/28/14 16:11:34.5</t>
  </si>
  <si>
    <t>06/28/14 16:14:29.5</t>
  </si>
  <si>
    <t>06/28/14 16:14:56.5</t>
  </si>
  <si>
    <t>06/28/14 16:18:04.0</t>
  </si>
  <si>
    <t>06/28/14 16:18:15.0</t>
  </si>
  <si>
    <t>06/28/14 16:20:29.0</t>
  </si>
  <si>
    <t>06/28/14 16:20:53.5</t>
  </si>
  <si>
    <t>06/28/14 16:21:59.0</t>
  </si>
  <si>
    <t>06/28/14 16:22:06.0</t>
  </si>
  <si>
    <t>06/28/14 16:22:50.0</t>
  </si>
  <si>
    <t>06/28/14 16:22:57.0</t>
  </si>
  <si>
    <t>06/28/14 16:25:03.0</t>
  </si>
  <si>
    <t>06/28/14 16:25:10.0</t>
  </si>
  <si>
    <t>06/28/14 16:28:35.5</t>
  </si>
  <si>
    <t>06/28/14 16:28:43.0</t>
  </si>
  <si>
    <t>06/28/14 16:31:39.0</t>
  </si>
  <si>
    <t>06/28/14 16:31:49.5</t>
  </si>
  <si>
    <t>06/28/14 16:33:03.0</t>
  </si>
  <si>
    <t>06/28/14 16:34:02.0</t>
  </si>
  <si>
    <t>06/28/14 16:35:23.0</t>
  </si>
  <si>
    <t>06/28/14 16:35:50.5</t>
  </si>
  <si>
    <t>06/28/14 16:37:04.5</t>
  </si>
  <si>
    <t>06/28/14 16:37:09.5</t>
  </si>
  <si>
    <t>06/28/14 16:38:55.0</t>
  </si>
  <si>
    <t>06/28/14 16:39:36.0</t>
  </si>
  <si>
    <t>06/28/14 16:41:17.5</t>
  </si>
  <si>
    <t>06/28/14 16:41:28.0</t>
  </si>
  <si>
    <t>06/28/14 16:43:53.5</t>
  </si>
  <si>
    <t>06/28/14 16:44:20.5</t>
  </si>
  <si>
    <t>06/28/14 16:49:56.0</t>
  </si>
  <si>
    <t>06/28/14 16:50:11.0</t>
  </si>
  <si>
    <t>06/28/14 16:51:55.0</t>
  </si>
  <si>
    <t>06/28/14 16:52:10.0</t>
  </si>
  <si>
    <t>06/28/14 16:55:20.5</t>
  </si>
  <si>
    <t>06/28/14 16:55:58.5</t>
  </si>
  <si>
    <t>06/28/14 16:57:31.0</t>
  </si>
  <si>
    <t>06/28/14 16:58:03.0</t>
  </si>
  <si>
    <t>06/28/14 17:00:25.5</t>
  </si>
  <si>
    <t>06/28/14 17:01:10.0</t>
  </si>
  <si>
    <t>06/28/14 17:03:08.5</t>
  </si>
  <si>
    <t>06/28/14 17:03:17.0</t>
  </si>
  <si>
    <t>06/28/14 17:05:54.0</t>
  </si>
  <si>
    <t>06/28/14 17:06:15.5</t>
  </si>
  <si>
    <t>06/28/14 17:08:22.0</t>
  </si>
  <si>
    <t>06/28/14 17:08:27.0</t>
  </si>
  <si>
    <t>06/28/14 17:09:22.0</t>
  </si>
  <si>
    <t>06/28/14 17:09:28.5</t>
  </si>
  <si>
    <t>06/28/14 17:10:21.5</t>
  </si>
  <si>
    <t>06/28/14 17:10:30.0</t>
  </si>
  <si>
    <t>06/28/14 17:12:28.5</t>
  </si>
  <si>
    <t>06/28/14 17:12:40.5</t>
  </si>
  <si>
    <t>06/28/14 17:15:21.5</t>
  </si>
  <si>
    <t>06/28/14 17:15:27.5</t>
  </si>
  <si>
    <t>06/28/14 17:16:38.5</t>
  </si>
  <si>
    <t>06/28/14 17:16:48.5</t>
  </si>
  <si>
    <t>06/28/14 17:18:12.0</t>
  </si>
  <si>
    <t>06/28/14 17:18:20.5</t>
  </si>
  <si>
    <t>06/28/14 17:20:19.0</t>
  </si>
  <si>
    <t>06/28/14 17:20:27.5</t>
  </si>
  <si>
    <t>06/28/14 17:23:57.0</t>
  </si>
  <si>
    <t>06/28/14 17:24:17.0</t>
  </si>
  <si>
    <t>06/28/14 17:25:51.0</t>
  </si>
  <si>
    <t>06/28/14 17:26:05.5</t>
  </si>
  <si>
    <t>06/28/14 17:28:25.5</t>
  </si>
  <si>
    <t>06/28/14 17:28:35.5</t>
  </si>
  <si>
    <t>06/28/14 17:29:45.0</t>
  </si>
  <si>
    <t>06/28/14 17:29:51.5</t>
  </si>
  <si>
    <t>06/28/14 17:32:12.5</t>
  </si>
  <si>
    <t>06/28/14 17:32:21.5</t>
  </si>
  <si>
    <t>06/28/14 17:34:06.0</t>
  </si>
  <si>
    <t>06/28/14 17:34:15.0</t>
  </si>
  <si>
    <t>06/28/14 17:35:15.5</t>
  </si>
  <si>
    <t>06/28/14 17:35:20.0</t>
  </si>
  <si>
    <t>06/28/14 17:37:33.5</t>
  </si>
  <si>
    <t>06/28/14 17:37:40.0</t>
  </si>
  <si>
    <t>06/28/14 17:39:50.5</t>
  </si>
  <si>
    <t>06/28/14 17:40:00.5</t>
  </si>
  <si>
    <t>06/28/14 17:41:32.5</t>
  </si>
  <si>
    <t>06/28/14 17:41:38.0</t>
  </si>
  <si>
    <t>06/28/14 17:42:45.0</t>
  </si>
  <si>
    <t>06/28/14 17:43:03.5</t>
  </si>
  <si>
    <t>06/28/14 17:45:44.0</t>
  </si>
  <si>
    <t>06/28/14 17:45:55.0</t>
  </si>
  <si>
    <t>06/28/14 17:48:09.0</t>
  </si>
  <si>
    <t>06/28/14 17:48:21.5</t>
  </si>
  <si>
    <t>06/28/14 17:50:46.0</t>
  </si>
  <si>
    <t>06/28/14 17:50:58.5</t>
  </si>
  <si>
    <t>06/28/14 17:52:42.0</t>
  </si>
  <si>
    <t>06/28/14 17:52:55.0</t>
  </si>
  <si>
    <t>06/28/14 17:53:55.0</t>
  </si>
  <si>
    <t>06/28/14 17:54:11.0</t>
  </si>
  <si>
    <t>06/28/14 17:56:34.5</t>
  </si>
  <si>
    <t>06/28/14 17:56:48.5</t>
  </si>
  <si>
    <t>06/28/14 17:57:33.5</t>
  </si>
  <si>
    <t>06/28/14 17:57:41.5</t>
  </si>
  <si>
    <t>06/28/14 17:58:59.0</t>
  </si>
  <si>
    <t>06/28/14 17:59:08.5</t>
  </si>
  <si>
    <t>06/28/14 18:00:59.0</t>
  </si>
  <si>
    <t>06/28/14 18:01:03.5</t>
  </si>
  <si>
    <t>06/28/14 18:02:18.5</t>
  </si>
  <si>
    <t>06/28/14 18:02:25.0</t>
  </si>
  <si>
    <t>06/28/14 18:05:39.0</t>
  </si>
  <si>
    <t>06/28/14 18:05:46.0</t>
  </si>
  <si>
    <t>06/28/14 18:09:44.0</t>
  </si>
  <si>
    <t>06/28/14 18:10:34.0</t>
  </si>
  <si>
    <t>06/28/14 18:13:34.5</t>
  </si>
  <si>
    <t>06/28/14 18:13:53.5</t>
  </si>
  <si>
    <t>06/28/14 18:16:07.0</t>
  </si>
  <si>
    <t>06/28/14 18:16:26.5</t>
  </si>
  <si>
    <t>06/28/14 18:19:07.0</t>
  </si>
  <si>
    <t>06/28/14 18:19:33.5</t>
  </si>
  <si>
    <t>06/28/14 18:21:20.5</t>
  </si>
  <si>
    <t>06/28/14 18:21:30.5</t>
  </si>
  <si>
    <t>06/28/14 18:23:30.5</t>
  </si>
  <si>
    <t>06/28/14 18:23:36.5</t>
  </si>
  <si>
    <t>06/28/14 18:24:49.5</t>
  </si>
  <si>
    <t>06/28/14 18:24:58.0</t>
  </si>
  <si>
    <t>06/28/14 18:27:08.5</t>
  </si>
  <si>
    <t>06/28/14 18:27:16.5</t>
  </si>
  <si>
    <t>06/28/14 18:29:13.0</t>
  </si>
  <si>
    <t>06/28/14 18:32:21.5</t>
  </si>
  <si>
    <t>06/28/14 18:42:20.0</t>
  </si>
  <si>
    <t>06/28/14 18:42:34.0</t>
  </si>
  <si>
    <t>06/28/14 18:46:43.0</t>
  </si>
  <si>
    <t>06/28/14 18:46:53.5</t>
  </si>
  <si>
    <t>06/28/14 18:50:43.0</t>
  </si>
  <si>
    <t>06/28/14 18:50:51.0</t>
  </si>
  <si>
    <t>06/28/14 18:57:48.5</t>
  </si>
  <si>
    <t>06/28/14 18:57:56.0</t>
  </si>
  <si>
    <t>06/28/14 18:59:14.5</t>
  </si>
  <si>
    <t>06/28/14 18:59:22.5</t>
  </si>
  <si>
    <t>06/28/14 19:03:40.0</t>
  </si>
  <si>
    <t>06/28/14 19:03:47.0</t>
  </si>
  <si>
    <t>06/28/14 19:12:03.0</t>
  </si>
  <si>
    <t>06/28/14 19:12:26.0</t>
  </si>
  <si>
    <t>06/28/14 19:15:18.0</t>
  </si>
  <si>
    <t>06/28/14 19:15:24.5</t>
  </si>
  <si>
    <t>06/28/14 19:17:08.0</t>
  </si>
  <si>
    <t>06/28/14 19:17:17.0</t>
  </si>
  <si>
    <t>06/28/14 19:23:06.0</t>
  </si>
  <si>
    <t>06/28/14 19:23:14.5</t>
  </si>
  <si>
    <t>06/28/14 19:28:05.0</t>
  </si>
  <si>
    <t>06/28/14 19:28:39.0</t>
  </si>
  <si>
    <t>06/28/14 19:34:01.5</t>
  </si>
  <si>
    <t>06/28/14 19:34:41.0</t>
  </si>
  <si>
    <t>06/28/14 19:45:32.0</t>
  </si>
  <si>
    <t>06/28/14 19:45:53.5</t>
  </si>
  <si>
    <t>06/28/14 19:56:29.5</t>
  </si>
  <si>
    <t>06/28/14 20:00:21.0</t>
  </si>
  <si>
    <t>06/29/14 00:44:35.5</t>
  </si>
  <si>
    <t>06/29/14 00:45:39.5</t>
  </si>
  <si>
    <t>06/29/14 02:14:20.5</t>
  </si>
  <si>
    <t>06/29/14 02:44:23.5</t>
  </si>
  <si>
    <t>06/29/14 03:53:12.5</t>
  </si>
  <si>
    <t>06/29/14 04:13:48.5</t>
  </si>
  <si>
    <t>06/29/14 05:31:27.5</t>
  </si>
  <si>
    <t>06/29/14 05:36:02.0</t>
  </si>
  <si>
    <t>06/29/14 06:03:37.0</t>
  </si>
  <si>
    <t>06/29/14 06:03:45.5</t>
  </si>
  <si>
    <t>06/29/14 06:10:15.5</t>
  </si>
  <si>
    <t>06/29/14 06:48:45.5</t>
  </si>
  <si>
    <t>06/29/14 07:21:07.5</t>
  </si>
  <si>
    <t>06/29/14 07:22:47.0</t>
  </si>
  <si>
    <t>06/29/14 07:40:21.0</t>
  </si>
  <si>
    <t>06/29/14 07:42:09.5</t>
  </si>
  <si>
    <t>06/29/14 07:49:59.0</t>
  </si>
  <si>
    <t>06/29/14 07:50:18.0</t>
  </si>
  <si>
    <t>06/29/14 07:56:02.0</t>
  </si>
  <si>
    <t>06/29/14 07:56:07.0</t>
  </si>
  <si>
    <t>06/29/14 07:58:46.5</t>
  </si>
  <si>
    <t>06/29/14 07:58:55.0</t>
  </si>
  <si>
    <t>06/29/14 08:01:01.5</t>
  </si>
  <si>
    <t>06/29/14 08:01:18.0</t>
  </si>
  <si>
    <t>06/29/14 08:07:25.5</t>
  </si>
  <si>
    <t>06/29/14 08:07:41.5</t>
  </si>
  <si>
    <t>06/29/14 08:14:34.0</t>
  </si>
  <si>
    <t>06/29/14 08:15:31.5</t>
  </si>
  <si>
    <t>06/29/14 08:17:07.0</t>
  </si>
  <si>
    <t>06/29/14 08:17:52.0</t>
  </si>
  <si>
    <t>06/29/14 08:21:12.0</t>
  </si>
  <si>
    <t>06/29/14 08:21:19.5</t>
  </si>
  <si>
    <t>06/29/14 08:23:29.0</t>
  </si>
  <si>
    <t>06/29/14 08:23:39.5</t>
  </si>
  <si>
    <t>06/29/14 08:26:37.0</t>
  </si>
  <si>
    <t>06/29/14 08:28:38.5</t>
  </si>
  <si>
    <t>06/29/14 08:32:04.0</t>
  </si>
  <si>
    <t>06/29/14 08:32:46.5</t>
  </si>
  <si>
    <t>06/29/14 08:34:42.5</t>
  </si>
  <si>
    <t>06/29/14 08:34:49.0</t>
  </si>
  <si>
    <t>06/29/14 08:36:29.5</t>
  </si>
  <si>
    <t>06/29/14 08:36:37.0</t>
  </si>
  <si>
    <t>06/29/14 08:40:29.0</t>
  </si>
  <si>
    <t>06/29/14 08:40:51.5</t>
  </si>
  <si>
    <t>06/29/14 08:45:00.5</t>
  </si>
  <si>
    <t>06/29/14 08:45:36.5</t>
  </si>
  <si>
    <t>06/29/14 08:48:06.0</t>
  </si>
  <si>
    <t>06/29/14 08:49:32.5</t>
  </si>
  <si>
    <t>06/29/14 08:51:36.5</t>
  </si>
  <si>
    <t>06/29/14 08:51:44.5</t>
  </si>
  <si>
    <t>06/29/14 08:54:16.0</t>
  </si>
  <si>
    <t>06/29/14 08:54:27.0</t>
  </si>
  <si>
    <t>06/29/14 08:56:41.5</t>
  </si>
  <si>
    <t>06/29/14 08:57:00.5</t>
  </si>
  <si>
    <t>06/29/14 09:00:10.5</t>
  </si>
  <si>
    <t>06/29/14 09:00:25.0</t>
  </si>
  <si>
    <t>06/29/14 09:03:32.0</t>
  </si>
  <si>
    <t>06/29/14 09:03:41.0</t>
  </si>
  <si>
    <t>06/29/14 09:04:36.0</t>
  </si>
  <si>
    <t>06/29/14 09:04:51.5</t>
  </si>
  <si>
    <t>06/29/14 09:10:00.5</t>
  </si>
  <si>
    <t>06/29/14 09:10:25.0</t>
  </si>
  <si>
    <t>06/29/14 09:13:29.0</t>
  </si>
  <si>
    <t>06/29/14 09:13:57.5</t>
  </si>
  <si>
    <t>06/29/14 09:18:13.0</t>
  </si>
  <si>
    <t>06/29/14 09:18:26.0</t>
  </si>
  <si>
    <t>06/29/14 09:22:48.0</t>
  </si>
  <si>
    <t>06/29/14 09:23:05.5</t>
  </si>
  <si>
    <t>06/29/14 09:26:03.5</t>
  </si>
  <si>
    <t>06/29/14 09:26:15.0</t>
  </si>
  <si>
    <t>06/29/14 09:30:29.5</t>
  </si>
  <si>
    <t>06/29/14 09:31:20.0</t>
  </si>
  <si>
    <t>06/29/14 09:34:59.5</t>
  </si>
  <si>
    <t>06/29/14 09:35:46.0</t>
  </si>
  <si>
    <t>06/29/14 09:37:29.0</t>
  </si>
  <si>
    <t>06/29/14 09:37:36.0</t>
  </si>
  <si>
    <t>06/29/14 09:42:06.5</t>
  </si>
  <si>
    <t>06/29/14 09:42:12.5</t>
  </si>
  <si>
    <t>06/29/14 09:44:26.0</t>
  </si>
  <si>
    <t>06/29/14 09:45:12.5</t>
  </si>
  <si>
    <t>06/29/14 09:46:24.0</t>
  </si>
  <si>
    <t>06/29/14 09:46:31.5</t>
  </si>
  <si>
    <t>06/29/14 09:47:26.5</t>
  </si>
  <si>
    <t>06/29/14 09:47:33.0</t>
  </si>
  <si>
    <t>06/29/14 09:49:15.5</t>
  </si>
  <si>
    <t>06/29/14 09:49:22.0</t>
  </si>
  <si>
    <t>06/29/14 09:52:20.0</t>
  </si>
  <si>
    <t>06/29/14 09:52:37.5</t>
  </si>
  <si>
    <t>06/29/14 09:54:04.0</t>
  </si>
  <si>
    <t>06/29/14 09:54:14.5</t>
  </si>
  <si>
    <t>06/29/14 09:56:06.0</t>
  </si>
  <si>
    <t>06/29/14 09:56:25.0</t>
  </si>
  <si>
    <t>06/29/14 09:57:49.0</t>
  </si>
  <si>
    <t>06/29/14 09:58:02.0</t>
  </si>
  <si>
    <t>06/29/14 09:59:57.0</t>
  </si>
  <si>
    <t>06/29/14 10:00:09.5</t>
  </si>
  <si>
    <t>06/29/14 10:03:28.5</t>
  </si>
  <si>
    <t>06/29/14 10:03:48.5</t>
  </si>
  <si>
    <t>06/29/14 10:05:54.5</t>
  </si>
  <si>
    <t>06/29/14 10:06:06.0</t>
  </si>
  <si>
    <t>06/29/14 10:07:44.0</t>
  </si>
  <si>
    <t>06/29/14 10:07:56.5</t>
  </si>
  <si>
    <t>06/29/14 10:09:18.5</t>
  </si>
  <si>
    <t>06/29/14 10:09:25.0</t>
  </si>
  <si>
    <t>06/29/14 10:11:00.0</t>
  </si>
  <si>
    <t>06/29/14 10:11:24.0</t>
  </si>
  <si>
    <t>06/29/14 10:13:40.0</t>
  </si>
  <si>
    <t>06/29/14 10:13:50.0</t>
  </si>
  <si>
    <t>06/29/14 10:15:11.0</t>
  </si>
  <si>
    <t>06/29/14 10:15:28.0</t>
  </si>
  <si>
    <t>06/29/14 10:16:22.0</t>
  </si>
  <si>
    <t>06/29/14 10:16:28.5</t>
  </si>
  <si>
    <t>06/29/14 10:17:55.5</t>
  </si>
  <si>
    <t>06/29/14 10:18:03.0</t>
  </si>
  <si>
    <t>06/29/14 10:19:12.0</t>
  </si>
  <si>
    <t>06/29/14 10:19:18.5</t>
  </si>
  <si>
    <t>06/29/14 10:20:33.5</t>
  </si>
  <si>
    <t>06/29/14 10:20:39.5</t>
  </si>
  <si>
    <t>06/29/14 10:21:47.0</t>
  </si>
  <si>
    <t>06/29/14 10:21:54.5</t>
  </si>
  <si>
    <t>06/29/14 10:23:02.0</t>
  </si>
  <si>
    <t>06/29/14 10:23:09.0</t>
  </si>
  <si>
    <t>06/29/14 10:23:53.5</t>
  </si>
  <si>
    <t>06/29/14 10:23:59.5</t>
  </si>
  <si>
    <t>06/29/14 10:25:06.0</t>
  </si>
  <si>
    <t>06/29/14 10:25:14.0</t>
  </si>
  <si>
    <t>06/29/14 10:26:07.0</t>
  </si>
  <si>
    <t>06/29/14 10:26:16.5</t>
  </si>
  <si>
    <t>06/29/14 10:27:22.0</t>
  </si>
  <si>
    <t>06/29/14 10:27:32.5</t>
  </si>
  <si>
    <t>06/29/14 10:28:31.5</t>
  </si>
  <si>
    <t>06/29/14 10:28:36.0</t>
  </si>
  <si>
    <t>06/29/14 10:29:58.0</t>
  </si>
  <si>
    <t>06/29/14 10:30:09.0</t>
  </si>
  <si>
    <t>06/29/14 10:31:30.5</t>
  </si>
  <si>
    <t>06/29/14 10:31:53.0</t>
  </si>
  <si>
    <t>06/29/14 10:33:37.0</t>
  </si>
  <si>
    <t>06/29/14 10:33:42.0</t>
  </si>
  <si>
    <t>06/29/14 10:34:46.0</t>
  </si>
  <si>
    <t>06/29/14 10:34:52.0</t>
  </si>
  <si>
    <t>06/29/14 10:35:51.5</t>
  </si>
  <si>
    <t>06/29/14 10:35:59.5</t>
  </si>
  <si>
    <t>06/29/14 10:37:08.0</t>
  </si>
  <si>
    <t>06/29/14 10:37:13.0</t>
  </si>
  <si>
    <t>06/29/14 10:38:17.0</t>
  </si>
  <si>
    <t>06/29/14 10:38:23.5</t>
  </si>
  <si>
    <t>06/29/14 10:39:55.0</t>
  </si>
  <si>
    <t>06/29/14 10:40:03.5</t>
  </si>
  <si>
    <t>06/29/14 10:42:03.0</t>
  </si>
  <si>
    <t>06/29/14 10:42:18.5</t>
  </si>
  <si>
    <t>06/29/14 10:44:27.0</t>
  </si>
  <si>
    <t>06/29/14 10:44:31.5</t>
  </si>
  <si>
    <t>06/29/14 10:45:37.0</t>
  </si>
  <si>
    <t>06/29/14 10:45:46.5</t>
  </si>
  <si>
    <t>06/29/14 10:46:45.5</t>
  </si>
  <si>
    <t>06/29/14 10:46:51.5</t>
  </si>
  <si>
    <t>06/29/14 10:49:05.0</t>
  </si>
  <si>
    <t>06/29/14 10:49:17.5</t>
  </si>
  <si>
    <t>06/29/14 10:51:13.0</t>
  </si>
  <si>
    <t>06/29/14 10:51:19.5</t>
  </si>
  <si>
    <t>06/29/14 10:52:13.0</t>
  </si>
  <si>
    <t>06/29/14 10:52:20.5</t>
  </si>
  <si>
    <t>06/29/14 10:54:23.5</t>
  </si>
  <si>
    <t>06/29/14 10:54:33.0</t>
  </si>
  <si>
    <t>06/29/14 10:55:36.0</t>
  </si>
  <si>
    <t>06/29/14 10:55:54.0</t>
  </si>
  <si>
    <t>06/29/14 10:58:15.5</t>
  </si>
  <si>
    <t>06/29/14 10:58:22.5</t>
  </si>
  <si>
    <t>06/29/14 10:59:43.5</t>
  </si>
  <si>
    <t>06/29/14 10:59:53.5</t>
  </si>
  <si>
    <t>06/29/14 11:01:53.5</t>
  </si>
  <si>
    <t>06/29/14 11:02:07.0</t>
  </si>
  <si>
    <t>06/29/14 11:03:08.5</t>
  </si>
  <si>
    <t>06/29/14 11:03:14.5</t>
  </si>
  <si>
    <t>06/29/14 11:04:36.0</t>
  </si>
  <si>
    <t>06/29/14 11:04:43.5</t>
  </si>
  <si>
    <t>06/29/14 11:06:48.0</t>
  </si>
  <si>
    <t>06/29/14 11:06:53.5</t>
  </si>
  <si>
    <t>06/29/14 11:10:04.0</t>
  </si>
  <si>
    <t>06/29/14 11:11:20.5</t>
  </si>
  <si>
    <t>06/29/14 11:12:06.5</t>
  </si>
  <si>
    <t>06/29/14 11:12:12.5</t>
  </si>
  <si>
    <t>06/29/14 11:14:51.0</t>
  </si>
  <si>
    <t>06/29/14 11:14:56.5</t>
  </si>
  <si>
    <t>06/29/14 11:16:15.0</t>
  </si>
  <si>
    <t>06/29/14 11:16:21.0</t>
  </si>
  <si>
    <t>06/29/14 11:18:01.0</t>
  </si>
  <si>
    <t>06/29/14 11:18:10.5</t>
  </si>
  <si>
    <t>06/29/14 11:20:16.5</t>
  </si>
  <si>
    <t>06/29/14 11:20:21.5</t>
  </si>
  <si>
    <t>06/29/14 11:21:16.5</t>
  </si>
  <si>
    <t>06/29/14 11:21:41.0</t>
  </si>
  <si>
    <t>06/29/14 11:22:54.0</t>
  </si>
  <si>
    <t>06/29/14 11:23:04.0</t>
  </si>
  <si>
    <t>06/29/14 11:24:45.5</t>
  </si>
  <si>
    <t>06/29/14 11:24:54.5</t>
  </si>
  <si>
    <t>06/29/14 11:26:32.0</t>
  </si>
  <si>
    <t>06/29/14 11:26:41.5</t>
  </si>
  <si>
    <t>06/29/14 11:28:28.0</t>
  </si>
  <si>
    <t>06/29/14 11:28:39.5</t>
  </si>
  <si>
    <t>06/29/14 11:30:30.0</t>
  </si>
  <si>
    <t>06/29/14 11:30:41.0</t>
  </si>
  <si>
    <t>06/29/14 11:33:05.5</t>
  </si>
  <si>
    <t>06/29/14 11:33:11.0</t>
  </si>
  <si>
    <t>06/29/14 11:34:41.5</t>
  </si>
  <si>
    <t>06/29/14 11:34:52.0</t>
  </si>
  <si>
    <t>06/29/14 11:36:50.5</t>
  </si>
  <si>
    <t>06/29/14 11:37:07.5</t>
  </si>
  <si>
    <t>06/29/14 11:38:40.5</t>
  </si>
  <si>
    <t>06/29/14 11:38:48.5</t>
  </si>
  <si>
    <t>06/29/14 11:40:31.0</t>
  </si>
  <si>
    <t>06/29/14 11:40:56.0</t>
  </si>
  <si>
    <t>06/29/14 11:43:09.0</t>
  </si>
  <si>
    <t>06/29/14 11:43:16.0</t>
  </si>
  <si>
    <t>06/29/14 11:44:16.5</t>
  </si>
  <si>
    <t>06/29/14 11:44:26.5</t>
  </si>
  <si>
    <t>06/29/14 11:46:01.0</t>
  </si>
  <si>
    <t>06/29/14 11:46:12.0</t>
  </si>
  <si>
    <t>06/29/14 11:48:08.0</t>
  </si>
  <si>
    <t>06/29/14 11:48:44.0</t>
  </si>
  <si>
    <t>06/29/14 11:50:41.0</t>
  </si>
  <si>
    <t>06/29/14 11:50:48.0</t>
  </si>
  <si>
    <t>06/29/14 11:52:13.0</t>
  </si>
  <si>
    <t>06/29/14 11:52:21.5</t>
  </si>
  <si>
    <t>06/29/14 11:54:10.5</t>
  </si>
  <si>
    <t>06/29/14 11:54:27.5</t>
  </si>
  <si>
    <t>06/29/14 11:57:05.0</t>
  </si>
  <si>
    <t>06/29/14 11:57:12.5</t>
  </si>
  <si>
    <t>06/29/14 11:58:15.5</t>
  </si>
  <si>
    <t>06/29/14 11:58:22.5</t>
  </si>
  <si>
    <t>06/29/14 12:00:55.0</t>
  </si>
  <si>
    <t>06/29/14 12:01:09.0</t>
  </si>
  <si>
    <t>06/29/14 12:03:26.0</t>
  </si>
  <si>
    <t>06/29/14 12:03:31.5</t>
  </si>
  <si>
    <t>06/29/14 12:04:24.0</t>
  </si>
  <si>
    <t>06/29/14 12:04:53.0</t>
  </si>
  <si>
    <t>06/29/14 12:07:15.5</t>
  </si>
  <si>
    <t>06/29/14 12:07:23.5</t>
  </si>
  <si>
    <t>06/29/14 12:08:58.5</t>
  </si>
  <si>
    <t>06/29/14 12:09:08.5</t>
  </si>
  <si>
    <t>06/29/14 12:11:10.5</t>
  </si>
  <si>
    <t>06/29/14 12:11:21.0</t>
  </si>
  <si>
    <t>06/29/14 12:12:45.0</t>
  </si>
  <si>
    <t>06/29/14 12:12:48.5</t>
  </si>
  <si>
    <t>06/29/14 12:13:51.5</t>
  </si>
  <si>
    <t>06/29/14 12:14:43.0</t>
  </si>
  <si>
    <t>06/29/14 12:15:32.5</t>
  </si>
  <si>
    <t>06/29/14 12:15:39.0</t>
  </si>
  <si>
    <t>06/29/14 12:17:28.0</t>
  </si>
  <si>
    <t>06/29/14 12:17:40.0</t>
  </si>
  <si>
    <t>06/29/14 12:19:23.0</t>
  </si>
  <si>
    <t>06/29/14 12:19:28.5</t>
  </si>
  <si>
    <t>06/29/14 12:21:09.5</t>
  </si>
  <si>
    <t>06/29/14 12:21:18.0</t>
  </si>
  <si>
    <t>06/29/14 12:23:09.5</t>
  </si>
  <si>
    <t>06/29/14 12:23:18.0</t>
  </si>
  <si>
    <t>06/29/14 12:27:11.5</t>
  </si>
  <si>
    <t>06/29/14 12:27:36.5</t>
  </si>
  <si>
    <t>06/29/14 12:30:13.0</t>
  </si>
  <si>
    <t>06/29/14 12:30:19.0</t>
  </si>
  <si>
    <t>06/29/14 12:34:16.0</t>
  </si>
  <si>
    <t>06/29/14 12:34:23.5</t>
  </si>
  <si>
    <t>06/29/14 12:36:19.0</t>
  </si>
  <si>
    <t>06/29/14 12:36:32.5</t>
  </si>
  <si>
    <t>06/29/14 12:39:49.5</t>
  </si>
  <si>
    <t>06/29/14 12:40:02.5</t>
  </si>
  <si>
    <t>06/29/14 12:42:30.0</t>
  </si>
  <si>
    <t>06/29/14 12:42:48.0</t>
  </si>
  <si>
    <t>06/29/14 12:46:26.0</t>
  </si>
  <si>
    <t>06/29/14 12:46:49.0</t>
  </si>
  <si>
    <t>06/29/14 12:59:09.5</t>
  </si>
  <si>
    <t>06/29/14 12:59:17.0</t>
  </si>
  <si>
    <t>06/29/14 13:06:12.5</t>
  </si>
  <si>
    <t>06/29/14 13:06:33.5</t>
  </si>
  <si>
    <t>06/29/14 13:07:49.5</t>
  </si>
  <si>
    <t>06/29/14 13:08:00.5</t>
  </si>
  <si>
    <t>06/29/14 13:13:33.5</t>
  </si>
  <si>
    <t>06/29/14 13:14:11.5</t>
  </si>
  <si>
    <t>06/29/14 13:17:43.5</t>
  </si>
  <si>
    <t>06/29/14 13:17:55.0</t>
  </si>
  <si>
    <t>06/29/14 13:22:56.0</t>
  </si>
  <si>
    <t>06/29/14 13:23:07.5</t>
  </si>
  <si>
    <t>06/29/14 13:25:10.0</t>
  </si>
  <si>
    <t>06/29/14 13:25:21.5</t>
  </si>
  <si>
    <t>06/29/14 13:30:15.0</t>
  </si>
  <si>
    <t>06/29/14 13:30:27.0</t>
  </si>
  <si>
    <t>06/29/14 13:31:49.5</t>
  </si>
  <si>
    <t>06/29/14 13:31:54.0</t>
  </si>
  <si>
    <t>06/29/14 13:32:49.0</t>
  </si>
  <si>
    <t>06/29/14 13:32:54.5</t>
  </si>
  <si>
    <t>06/29/14 13:34:21.5</t>
  </si>
  <si>
    <t>06/29/14 13:34:31.0</t>
  </si>
  <si>
    <t>06/29/14 13:36:08.0</t>
  </si>
  <si>
    <t>06/29/14 13:36:25.5</t>
  </si>
  <si>
    <t>06/29/14 13:37:59.5</t>
  </si>
  <si>
    <t>06/29/14 13:38:10.0</t>
  </si>
  <si>
    <t>06/29/14 13:39:07.0</t>
  </si>
  <si>
    <t>06/29/14 13:39:14.5</t>
  </si>
  <si>
    <t>06/29/14 13:40:23.0</t>
  </si>
  <si>
    <t>06/29/14 13:40:28.0</t>
  </si>
  <si>
    <t>06/29/14 13:41:38.0</t>
  </si>
  <si>
    <t>06/29/14 13:41:45.5</t>
  </si>
  <si>
    <t>06/29/14 13:45:03.5</t>
  </si>
  <si>
    <t>06/29/14 13:45:22.5</t>
  </si>
  <si>
    <t>06/29/14 13:46:55.5</t>
  </si>
  <si>
    <t>06/29/14 13:47:10.0</t>
  </si>
  <si>
    <t>06/29/14 13:48:16.0</t>
  </si>
  <si>
    <t>06/29/14 13:48:21.5</t>
  </si>
  <si>
    <t>06/29/14 13:50:30.5</t>
  </si>
  <si>
    <t>06/29/14 13:50:35.0</t>
  </si>
  <si>
    <t>06/29/14 13:51:41.0</t>
  </si>
  <si>
    <t>06/29/14 13:51:55.0</t>
  </si>
  <si>
    <t>06/29/14 13:53:28.0</t>
  </si>
  <si>
    <t>06/29/14 13:53:35.0</t>
  </si>
  <si>
    <t>06/29/14 13:54:59.5</t>
  </si>
  <si>
    <t>06/29/14 13:55:17.5</t>
  </si>
  <si>
    <t>06/29/14 13:57:42.0</t>
  </si>
  <si>
    <t>06/29/14 13:57:53.5</t>
  </si>
  <si>
    <t>06/29/14 14:00:17.5</t>
  </si>
  <si>
    <t>06/29/14 14:00:30.0</t>
  </si>
  <si>
    <t>06/29/14 14:02:38.5</t>
  </si>
  <si>
    <t>06/29/14 14:03:00.5</t>
  </si>
  <si>
    <t>06/29/14 14:06:41.0</t>
  </si>
  <si>
    <t>06/29/14 14:06:50.0</t>
  </si>
  <si>
    <t>06/29/14 14:09:38.5</t>
  </si>
  <si>
    <t>06/29/14 14:09:44.5</t>
  </si>
  <si>
    <t>06/29/14 14:10:40.5</t>
  </si>
  <si>
    <t>06/29/14 14:10:44.5</t>
  </si>
  <si>
    <t>06/29/14 14:11:34.5</t>
  </si>
  <si>
    <t>06/29/14 14:11:41.0</t>
  </si>
  <si>
    <t>06/29/14 14:12:32.5</t>
  </si>
  <si>
    <t>06/29/14 14:12:37.5</t>
  </si>
  <si>
    <t>06/29/14 14:14:10.0</t>
  </si>
  <si>
    <t>06/29/14 14:14:21.0</t>
  </si>
  <si>
    <t>06/29/14 14:16:34.0</t>
  </si>
  <si>
    <t>06/29/14 14:16:44.0</t>
  </si>
  <si>
    <t>06/29/14 14:20:44.0</t>
  </si>
  <si>
    <t>06/29/14 14:20:49.0</t>
  </si>
  <si>
    <t>06/29/14 14:22:18.0</t>
  </si>
  <si>
    <t>06/29/14 14:22:37.0</t>
  </si>
  <si>
    <t>06/29/14 14:25:32.5</t>
  </si>
  <si>
    <t>06/29/14 14:26:03.0</t>
  </si>
  <si>
    <t>06/29/14 14:29:18.5</t>
  </si>
  <si>
    <t>06/29/14 14:29:26.5</t>
  </si>
  <si>
    <t>06/29/14 14:31:37.0</t>
  </si>
  <si>
    <t>06/29/14 14:31:44.0</t>
  </si>
  <si>
    <t>06/29/14 14:33:01.0</t>
  </si>
  <si>
    <t>06/29/14 14:33:08.0</t>
  </si>
  <si>
    <t>06/29/14 14:38:14.5</t>
  </si>
  <si>
    <t>06/29/14 14:38:33.0</t>
  </si>
  <si>
    <t>06/29/14 14:42:02.0</t>
  </si>
  <si>
    <t>06/29/14 14:42:49.0</t>
  </si>
  <si>
    <t>06/29/14 14:50:55.5</t>
  </si>
  <si>
    <t>06/29/14 14:51:12.0</t>
  </si>
  <si>
    <t>06/29/14 14:58:05.0</t>
  </si>
  <si>
    <t>06/29/14 14:58:17.5</t>
  </si>
  <si>
    <t>06/29/14 15:06:35.5</t>
  </si>
  <si>
    <t>06/29/14 15:06:47.0</t>
  </si>
  <si>
    <t>06/29/14 15:09:16.5</t>
  </si>
  <si>
    <t>06/29/14 15:09:24.0</t>
  </si>
  <si>
    <t>06/29/14 15:11:22.5</t>
  </si>
  <si>
    <t>06/29/14 15:12:47.0</t>
  </si>
  <si>
    <t>06/29/14 15:18:03.5</t>
  </si>
  <si>
    <t>06/29/14 15:20:25.0</t>
  </si>
  <si>
    <t>06/29/14 15:24:33.5</t>
  </si>
  <si>
    <t>06/29/14 15:24:46.5</t>
  </si>
  <si>
    <t>06/29/14 15:34:01.0</t>
  </si>
  <si>
    <t>06/29/14 15:35:21.0</t>
  </si>
  <si>
    <t>06/29/14 15:39:46.5</t>
  </si>
  <si>
    <t>06/29/14 15:42:46.5</t>
  </si>
  <si>
    <t>06/29/14 15:46:54.0</t>
  </si>
  <si>
    <t>06/29/14 15:47:12.5</t>
  </si>
  <si>
    <t>06/29/14 15:56:16.0</t>
  </si>
  <si>
    <t>06/29/14 15:56:33.0</t>
  </si>
  <si>
    <t>06/29/14 16:03:23.5</t>
  </si>
  <si>
    <t>06/29/14 16:03:38.0</t>
  </si>
  <si>
    <t>06/29/14 16:09:02.5</t>
  </si>
  <si>
    <t>06/29/14 16:09:16.5</t>
  </si>
  <si>
    <t>06/29/14 16:11:16.0</t>
  </si>
  <si>
    <t>06/29/14 16:12:44.5</t>
  </si>
  <si>
    <t>06/29/14 16:17:01.5</t>
  </si>
  <si>
    <t>06/29/14 16:18:54.5</t>
  </si>
  <si>
    <t>06/29/14 16:26:02.5</t>
  </si>
  <si>
    <t>06/29/14 16:26:13.0</t>
  </si>
  <si>
    <t>06/29/14 16:29:23.0</t>
  </si>
  <si>
    <t>06/29/14 16:29:38.0</t>
  </si>
  <si>
    <t>06/29/14 16:55:30.0</t>
  </si>
  <si>
    <t>06/29/14 16:55:48.0</t>
  </si>
  <si>
    <t>06/29/14 17:00:56.0</t>
  </si>
  <si>
    <t>06/29/14 17:01:07.5</t>
  </si>
  <si>
    <t>06/29/14 17:33:02.5</t>
  </si>
  <si>
    <t>06/29/14 17:33:20.0</t>
  </si>
  <si>
    <t>06/29/14 17:43:12.5</t>
  </si>
  <si>
    <t>06/29/14 17:43:43.5</t>
  </si>
  <si>
    <t>06/29/14 17:48:23.5</t>
  </si>
  <si>
    <t>06/29/14 17:48:35.0</t>
  </si>
  <si>
    <t>06/29/14 17:56:48.5</t>
  </si>
  <si>
    <t>06/29/14 18:00:49.5</t>
  </si>
  <si>
    <t>06/29/14 18:02:00.5</t>
  </si>
  <si>
    <t>06/29/14 18:02:12.0</t>
  </si>
  <si>
    <t>06/29/14 18:06:25.5</t>
  </si>
  <si>
    <t>06/29/14 18:06:40.5</t>
  </si>
  <si>
    <t>06/29/14 18:11:01.5</t>
  </si>
  <si>
    <t>06/29/14 18:11:54.5</t>
  </si>
  <si>
    <t>06/29/14 18:18:04.5</t>
  </si>
  <si>
    <t>06/29/14 18:19:19.5</t>
  </si>
  <si>
    <t>06/29/14 18:20:33.0</t>
  </si>
  <si>
    <t>06/29/14 18:20:39.5</t>
  </si>
  <si>
    <t>06/29/14 18:30:54.0</t>
  </si>
  <si>
    <t>06/29/14 18:31:01.5</t>
  </si>
  <si>
    <t>06/29/14 22:17:41.0</t>
  </si>
  <si>
    <t>06/29/14 22:21:01.0</t>
  </si>
  <si>
    <t>06/29/14 22:25:16.5</t>
  </si>
  <si>
    <t>06/29/14 22:25:27.0</t>
  </si>
  <si>
    <t>06/29/14 22:28:49.5</t>
  </si>
  <si>
    <t>06/29/14 22:29:08.5</t>
  </si>
  <si>
    <t>06/29/14 22:30:29.5</t>
  </si>
  <si>
    <t>06/29/14 22:30:38.5</t>
  </si>
  <si>
    <t>06/29/14 22:31:20.0</t>
  </si>
  <si>
    <t>06/29/14 22:31:24.0</t>
  </si>
  <si>
    <t>06/29/14 22:31:58.0</t>
  </si>
  <si>
    <t>06/29/14 22:32:01.0</t>
  </si>
  <si>
    <t>06/29/14 22:33:00.5</t>
  </si>
  <si>
    <t>06/29/14 22:33:12.0</t>
  </si>
  <si>
    <t>06/29/14 22:34:28.0</t>
  </si>
  <si>
    <t>06/29/14 22:34:37.5</t>
  </si>
  <si>
    <t>06/29/14 22:35:35.0</t>
  </si>
  <si>
    <t>06/29/14 22:35:39.0</t>
  </si>
  <si>
    <t>06/29/14 22:36:07.0</t>
  </si>
  <si>
    <t>06/29/14 22:36:09.0</t>
  </si>
  <si>
    <t>06/29/14 22:36:29.0</t>
  </si>
  <si>
    <t>06/29/14 22:36:33.5</t>
  </si>
  <si>
    <t>06/29/14 22:37:18.0</t>
  </si>
  <si>
    <t>06/29/14 22:37:25.5</t>
  </si>
  <si>
    <t>06/29/14 22:40:15.0</t>
  </si>
  <si>
    <t>06/29/14 22:40:21.5</t>
  </si>
  <si>
    <t>06/29/14 22:42:54.0</t>
  </si>
  <si>
    <t>06/29/14 22:43:05.5</t>
  </si>
  <si>
    <t>06/29/14 22:44:37.0</t>
  </si>
  <si>
    <t>06/29/14 22:44:44.0</t>
  </si>
  <si>
    <t>06/29/14 22:50:09.5</t>
  </si>
  <si>
    <t>06/29/14 22:50:23.0</t>
  </si>
  <si>
    <t>06/29/14 22:59:37.0</t>
  </si>
  <si>
    <t>06/29/14 22:59:48.0</t>
  </si>
  <si>
    <t>06/29/14 23:50:54.0</t>
  </si>
  <si>
    <t>06/29/14 23:51:28.0</t>
  </si>
  <si>
    <t>06/30/14 00:13:11.5</t>
  </si>
  <si>
    <t>06/30/14 00:13:20.0</t>
  </si>
  <si>
    <t>06/30/14 00:25:38.0</t>
  </si>
  <si>
    <t>06/30/14 00:25:54.5</t>
  </si>
  <si>
    <t>06/30/14 00:28:38.5</t>
  </si>
  <si>
    <t>06/30/14 00:28:59.0</t>
  </si>
  <si>
    <t>06/30/14 00:30:40.0</t>
  </si>
  <si>
    <t>06/30/14 00:30:52.5</t>
  </si>
  <si>
    <t>06/30/14 00:33:15.5</t>
  </si>
  <si>
    <t>06/30/14 00:33:32.5</t>
  </si>
  <si>
    <t>06/30/14 00:53:20.5</t>
  </si>
  <si>
    <t>06/30/14 00:53:30.0</t>
  </si>
  <si>
    <t>06/30/14 00:55:34.0</t>
  </si>
  <si>
    <t>06/30/14 00:55:48.0</t>
  </si>
  <si>
    <t>06/30/14 01:21:02.5</t>
  </si>
  <si>
    <t>06/30/14 01:38:31.0</t>
  </si>
  <si>
    <t>06/30/14 02:00:30.0</t>
  </si>
  <si>
    <t>06/30/14 02:14:00.5</t>
  </si>
  <si>
    <t>06/30/14 04:15:57.5</t>
  </si>
  <si>
    <t>06/30/14 04:16:16.0</t>
  </si>
  <si>
    <t>06/30/14 04:17:51.0</t>
  </si>
  <si>
    <t>06/30/14 04:18:04.0</t>
  </si>
  <si>
    <t>06/30/14 04:19:59.5</t>
  </si>
  <si>
    <t>06/30/14 04:20:06.5</t>
  </si>
  <si>
    <t>06/30/14 04:21:30.5</t>
  </si>
  <si>
    <t>06/30/14 04:21:36.5</t>
  </si>
  <si>
    <t>06/30/14 04:23:43.5</t>
  </si>
  <si>
    <t>06/30/14 04:23:47.5</t>
  </si>
  <si>
    <t>06/30/14 04:25:17.5</t>
  </si>
  <si>
    <t>06/30/14 04:25:26.0</t>
  </si>
  <si>
    <t>06/30/14 04:27:21.0</t>
  </si>
  <si>
    <t>06/30/14 04:27:38.0</t>
  </si>
  <si>
    <t>06/30/14 04:29:02.5</t>
  </si>
  <si>
    <t>06/30/14 04:29:24.5</t>
  </si>
  <si>
    <t>06/30/14 04:31:10.0</t>
  </si>
  <si>
    <t>06/30/14 04:32:30.0</t>
  </si>
  <si>
    <t>06/30/14 04:33:16.5</t>
  </si>
  <si>
    <t>06/30/14 04:33:19.5</t>
  </si>
  <si>
    <t>06/30/14 04:33:53.0</t>
  </si>
  <si>
    <t>06/30/14 04:34:03.5</t>
  </si>
  <si>
    <t>06/30/14 04:35:42.5</t>
  </si>
  <si>
    <t>06/30/14 04:35:56.0</t>
  </si>
  <si>
    <t>06/30/14 04:38:37.5</t>
  </si>
  <si>
    <t>06/30/14 04:38:50.0</t>
  </si>
  <si>
    <t>06/30/14 04:40:07.0</t>
  </si>
  <si>
    <t>06/30/14 04:40:11.0</t>
  </si>
  <si>
    <t>06/30/14 04:41:25.0</t>
  </si>
  <si>
    <t>06/30/14 04:41:34.0</t>
  </si>
  <si>
    <t>06/30/14 04:42:40.5</t>
  </si>
  <si>
    <t>06/30/14 04:42:49.5</t>
  </si>
  <si>
    <t>06/30/14 04:44:57.0</t>
  </si>
  <si>
    <t>06/30/14 04:45:02.0</t>
  </si>
  <si>
    <t>06/30/14 04:47:15.5</t>
  </si>
  <si>
    <t>06/30/14 04:47:27.0</t>
  </si>
  <si>
    <t>06/30/14 04:49:23.5</t>
  </si>
  <si>
    <t>06/30/14 04:49:30.0</t>
  </si>
  <si>
    <t>06/30/14 04:52:23.0</t>
  </si>
  <si>
    <t>06/30/14 04:52:26.0</t>
  </si>
  <si>
    <t>06/30/14 04:54:47.5</t>
  </si>
  <si>
    <t>06/30/14 04:54:57.0</t>
  </si>
  <si>
    <t>06/30/14 04:55:59.0</t>
  </si>
  <si>
    <t>06/30/14 04:56:03.5</t>
  </si>
  <si>
    <t>06/30/14 04:57:21.5</t>
  </si>
  <si>
    <t>06/30/14 04:57:26.0</t>
  </si>
  <si>
    <t>06/30/14 04:58:34.0</t>
  </si>
  <si>
    <t>06/30/14 04:58:40.0</t>
  </si>
  <si>
    <t>06/30/14 04:59:48.0</t>
  </si>
  <si>
    <t>06/30/14 04:59:52.0</t>
  </si>
  <si>
    <t>06/30/14 05:03:06.5</t>
  </si>
  <si>
    <t>06/30/14 05:03:12.0</t>
  </si>
  <si>
    <t>06/30/14 05:04:52.5</t>
  </si>
  <si>
    <t>06/30/14 05:04:57.0</t>
  </si>
  <si>
    <t>06/30/14 05:06:20.0</t>
  </si>
  <si>
    <t>06/30/14 05:06:28.0</t>
  </si>
  <si>
    <t>06/30/14 05:07:41.5</t>
  </si>
  <si>
    <t>06/30/14 05:07:50.5</t>
  </si>
  <si>
    <t>06/30/14 05:09:34.5</t>
  </si>
  <si>
    <t>06/30/14 05:09:50.5</t>
  </si>
  <si>
    <t>06/30/14 05:11:37.0</t>
  </si>
  <si>
    <t>06/30/14 05:12:25.0</t>
  </si>
  <si>
    <t>06/30/14 05:12:53.0</t>
  </si>
  <si>
    <t>06/30/14 05:12:56.5</t>
  </si>
  <si>
    <t>06/30/14 05:15:22.5</t>
  </si>
  <si>
    <t>06/30/14 05:15:35.5</t>
  </si>
  <si>
    <t>06/30/14 05:16:16.0</t>
  </si>
  <si>
    <t>06/30/14 05:16:24.0</t>
  </si>
  <si>
    <t>06/30/14 05:18:03.5</t>
  </si>
  <si>
    <t>06/30/14 05:18:09.0</t>
  </si>
  <si>
    <t>06/30/14 05:20:00.5</t>
  </si>
  <si>
    <t>06/30/14 05:20:16.0</t>
  </si>
  <si>
    <t>06/30/14 05:21:56.0</t>
  </si>
  <si>
    <t>06/30/14 05:22:06.5</t>
  </si>
  <si>
    <t>06/30/14 05:24:10.0</t>
  </si>
  <si>
    <t>06/30/14 05:24:21.0</t>
  </si>
  <si>
    <t>06/30/14 05:26:06.5</t>
  </si>
  <si>
    <t>06/30/14 05:26:11.5</t>
  </si>
  <si>
    <t>06/30/14 05:26:41.0</t>
  </si>
  <si>
    <t>06/30/14 05:26:45.0</t>
  </si>
  <si>
    <t>06/30/14 05:28:09.0</t>
  </si>
  <si>
    <t>06/30/14 05:28:14.5</t>
  </si>
  <si>
    <t>06/30/14 05:34:18.5</t>
  </si>
  <si>
    <t>06/30/14 05:34:32.5</t>
  </si>
  <si>
    <t>06/30/14 05:37:40.0</t>
  </si>
  <si>
    <t>06/30/14 05:38:34.5</t>
  </si>
  <si>
    <t>06/30/14 05:40:16.5</t>
  </si>
  <si>
    <t>06/30/14 05:40:26.0</t>
  </si>
  <si>
    <t>06/30/14 05:43:34.5</t>
  </si>
  <si>
    <t>06/30/14 05:44:06.5</t>
  </si>
  <si>
    <t>06/30/14 05:51:05.0</t>
  </si>
  <si>
    <t>06/30/14 05:52:26.5</t>
  </si>
  <si>
    <t>06/30/14 05:56:05.0</t>
  </si>
  <si>
    <t>06/30/14 05:56:42.5</t>
  </si>
  <si>
    <t>06/30/14 06:03:31.0</t>
  </si>
  <si>
    <t>06/30/14 06:03:46.5</t>
  </si>
  <si>
    <t>06/30/14 06:06:04.0</t>
  </si>
  <si>
    <t>06/30/14 06:06:17.5</t>
  </si>
  <si>
    <t>06/30/14 06:09:04.5</t>
  </si>
  <si>
    <t>06/30/14 06:09:10.5</t>
  </si>
  <si>
    <t>06/30/14 06:30:54.0</t>
  </si>
  <si>
    <t>06/30/14 06:33:24.5</t>
  </si>
  <si>
    <t>06/30/14 06:47:15.5</t>
  </si>
  <si>
    <t>06/30/14 06:50:39.5</t>
  </si>
  <si>
    <t>06/30/14 06:53:17.0</t>
  </si>
  <si>
    <t>06/30/14 06:53:26.0</t>
  </si>
  <si>
    <t>06/30/14 06:54:55.0</t>
  </si>
  <si>
    <t>06/30/14 06:55:06.5</t>
  </si>
  <si>
    <t>06/30/14 06:56:34.5</t>
  </si>
  <si>
    <t>06/30/14 06:56:47.5</t>
  </si>
  <si>
    <t>06/30/14 06:58:12.0</t>
  </si>
  <si>
    <t>06/30/14 06:58:18.5</t>
  </si>
  <si>
    <t>06/30/14 06:59:41.5</t>
  </si>
  <si>
    <t>06/30/14 06:59:53.0</t>
  </si>
  <si>
    <t>06/30/14 07:01:47.5</t>
  </si>
  <si>
    <t>06/30/14 07:01:59.5</t>
  </si>
  <si>
    <t>06/30/14 07:05:04.0</t>
  </si>
  <si>
    <t>06/30/14 07:07:30.5</t>
  </si>
  <si>
    <t>06/30/14 07:14:40.5</t>
  </si>
  <si>
    <t>06/30/14 07:19:18.0</t>
  </si>
  <si>
    <t>06/30/14 07:43:16.5</t>
  </si>
  <si>
    <t>06/30/14 07:43:37.0</t>
  </si>
  <si>
    <t>06/30/14 07:52:55.0</t>
  </si>
  <si>
    <t>06/30/14 07:53:05.0</t>
  </si>
  <si>
    <t>06/30/14 07:54:29.5</t>
  </si>
  <si>
    <t>06/30/14 07:54:36.0</t>
  </si>
  <si>
    <t>06/30/14 07:55:48.0</t>
  </si>
  <si>
    <t>06/30/14 07:58:01.0</t>
  </si>
  <si>
    <t>06/30/14 08:09:39.5</t>
  </si>
  <si>
    <t>06/30/14 08:10:09.0</t>
  </si>
  <si>
    <t>06/30/14 08:22:25.0</t>
  </si>
  <si>
    <t>06/30/14 08:22:30.5</t>
  </si>
  <si>
    <t>06/30/14 08:24:08.5</t>
  </si>
  <si>
    <t>06/30/14 08:24:17.0</t>
  </si>
  <si>
    <t>06/30/14 08:27:17.5</t>
  </si>
  <si>
    <t>06/30/14 08:27:28.5</t>
  </si>
  <si>
    <t>06/30/14 08:32:50.5</t>
  </si>
  <si>
    <t>06/30/14 08:33:13.0</t>
  </si>
  <si>
    <t>06/30/14 10:50:17.0</t>
  </si>
  <si>
    <t>06/30/14 10:50:32.5</t>
  </si>
  <si>
    <t>06/30/14 10:53:57.0</t>
  </si>
  <si>
    <t>06/30/14 10:54:11.5</t>
  </si>
  <si>
    <t>06/30/14 11:06:33.5</t>
  </si>
  <si>
    <t>06/30/14 11:06:48.0</t>
  </si>
  <si>
    <t>06/30/14 11:17:38.0</t>
  </si>
  <si>
    <t>06/30/14 11:17:56.5</t>
  </si>
  <si>
    <t>06/30/14 11:29:56.0</t>
  </si>
  <si>
    <t>06/30/14 11:30:19.5</t>
  </si>
  <si>
    <t>06/30/14 11:38:51.5</t>
  </si>
  <si>
    <t>06/30/14 11:39:15.0</t>
  </si>
  <si>
    <t>06/30/14 11:52:14.5</t>
  </si>
  <si>
    <t>06/30/14 11:52:45.0</t>
  </si>
  <si>
    <t>06/30/14 12:14:40.5</t>
  </si>
  <si>
    <t>06/30/14 12:18:57.0</t>
  </si>
  <si>
    <t>06/30/14 12:34:58.5</t>
  </si>
  <si>
    <t>06/30/14 12:35:21.5</t>
  </si>
  <si>
    <t>06/30/14 12:50:13.5</t>
  </si>
  <si>
    <t>06/30/14 12:50:51.5</t>
  </si>
  <si>
    <t>06/30/14 13:01:31.5</t>
  </si>
  <si>
    <t>06/30/14 13:02:55.5</t>
  </si>
  <si>
    <t>06/30/14 13:05:46.5</t>
  </si>
  <si>
    <t>06/30/14 13:09:57.0</t>
  </si>
  <si>
    <t>06/30/14 13:14:53.5</t>
  </si>
  <si>
    <t>06/30/14 13:15:06.5</t>
  </si>
  <si>
    <t>06/30/14 13:24:36.0</t>
  </si>
  <si>
    <t>06/30/14 13:24:59.0</t>
  </si>
  <si>
    <t>06/30/14 13:31:15.5</t>
  </si>
  <si>
    <t>06/30/14 13:33:40.0</t>
  </si>
  <si>
    <t>06/30/14 13:43:02.0</t>
  </si>
  <si>
    <t>06/30/14 13:45:37.0</t>
  </si>
  <si>
    <t>06/30/14 13:51:12.0</t>
  </si>
  <si>
    <t>06/30/14 13:52:23.0</t>
  </si>
  <si>
    <t>06/30/14 14:01:04.5</t>
  </si>
  <si>
    <t>06/30/14 14:01:14.0</t>
  </si>
  <si>
    <t>06/30/14 14:08:02.0</t>
  </si>
  <si>
    <t>06/30/14 14:08:36.0</t>
  </si>
  <si>
    <t>06/30/14 14:17:00.5</t>
  </si>
  <si>
    <t>06/30/14 14:17:51.0</t>
  </si>
  <si>
    <t>06/30/14 14:23:57.5</t>
  </si>
  <si>
    <t>06/30/14 14:24:53.0</t>
  </si>
  <si>
    <t>06/30/14 14:29:39.5</t>
  </si>
  <si>
    <t>06/30/14 14:30:00.0</t>
  </si>
  <si>
    <t>06/30/14 14:42:06.5</t>
  </si>
  <si>
    <t>06/30/14 14:43:02.5</t>
  </si>
  <si>
    <t>06/30/14 14:49:43.5</t>
  </si>
  <si>
    <t>06/30/14 14:51:53.0</t>
  </si>
  <si>
    <t>06/30/14 14:54:23.5</t>
  </si>
  <si>
    <t>06/30/14 14:54:39.0</t>
  </si>
  <si>
    <t>06/30/14 15:09:38.5</t>
  </si>
  <si>
    <t>06/30/14 15:12:44.5</t>
  </si>
  <si>
    <t>06/30/14 15:19:55.5</t>
  </si>
  <si>
    <t>06/30/14 15:20:06.5</t>
  </si>
  <si>
    <t>06/30/14 15:25:18.5</t>
  </si>
  <si>
    <t>06/30/14 15:25:37.0</t>
  </si>
  <si>
    <t>06/30/14 15:38:46.5</t>
  </si>
  <si>
    <t>06/30/14 15:40:32.5</t>
  </si>
  <si>
    <t>06/30/14 15:54:50.0</t>
  </si>
  <si>
    <t>06/30/14 15:55:04.5</t>
  </si>
  <si>
    <t>06/30/14 15:58:33.5</t>
  </si>
  <si>
    <t>06/30/14 15:58:53.0</t>
  </si>
  <si>
    <t>06/30/14 16:01:04.5</t>
  </si>
  <si>
    <t>06/30/14 16:01:23.0</t>
  </si>
  <si>
    <t>06/30/14 16:11:18.5</t>
  </si>
  <si>
    <t>06/30/14 16:11:31.5</t>
  </si>
  <si>
    <t>06/30/14 16:15:33.0</t>
  </si>
  <si>
    <t>06/30/14 16:16:05.0</t>
  </si>
  <si>
    <t>06/30/14 16:19:33.0</t>
  </si>
  <si>
    <t>06/30/14 16:20:48.0</t>
  </si>
  <si>
    <t>06/30/14 16:24:11.0</t>
  </si>
  <si>
    <t>06/30/14 16:24:43.5</t>
  </si>
  <si>
    <t>06/30/14 16:26:27.5</t>
  </si>
  <si>
    <t>06/30/14 16:26:36.0</t>
  </si>
  <si>
    <t>06/30/14 16:31:13.0</t>
  </si>
  <si>
    <t>06/30/14 16:31:27.0</t>
  </si>
  <si>
    <t>06/30/14 16:36:05.5</t>
  </si>
  <si>
    <t>06/30/14 16:36:18.0</t>
  </si>
  <si>
    <t>06/30/14 16:44:15.0</t>
  </si>
  <si>
    <t>06/30/14 16:44:49.0</t>
  </si>
  <si>
    <t>06/30/14 16:48:42.0</t>
  </si>
  <si>
    <t>06/30/14 16:48:49.5</t>
  </si>
  <si>
    <t>06/30/14 16:53:33.0</t>
  </si>
  <si>
    <t>06/30/14 16:54:47.5</t>
  </si>
  <si>
    <t>06/30/14 17:08:49.0</t>
  </si>
  <si>
    <t>06/30/14 17:09:54.0</t>
  </si>
  <si>
    <t>06/30/14 17:12:23.0</t>
  </si>
  <si>
    <t>06/30/14 17:12:48.0</t>
  </si>
  <si>
    <t>06/30/14 17:19:12.5</t>
  </si>
  <si>
    <t>06/30/14 17:19:30.5</t>
  </si>
  <si>
    <t>06/30/14 17:31:45.0</t>
  </si>
  <si>
    <t>06/30/14 17:32:59.0</t>
  </si>
  <si>
    <t>06/30/14 17:37:25.5</t>
  </si>
  <si>
    <t>06/30/14 17:37:53.0</t>
  </si>
  <si>
    <t>06/30/14 17:44:22.0</t>
  </si>
  <si>
    <t>06/30/14 17:44:51.5</t>
  </si>
  <si>
    <t>06/30/14 17:54:17.5</t>
  </si>
  <si>
    <t>06/30/14 17:54:30.5</t>
  </si>
  <si>
    <t>06/30/14 17:58:25.5</t>
  </si>
  <si>
    <t>06/30/14 17:58:34.5</t>
  </si>
  <si>
    <t>06/30/14 18:03:27.0</t>
  </si>
  <si>
    <t>06/30/14 18:03:56.0</t>
  </si>
  <si>
    <t>06/30/14 18:17:02.0</t>
  </si>
  <si>
    <t>06/30/14 18:19:36.0</t>
  </si>
  <si>
    <t>06/30/14 18:28:55.5</t>
  </si>
  <si>
    <t>06/30/14 18:30:14.0</t>
  </si>
  <si>
    <t>06/30/14 18:37:03.0</t>
  </si>
  <si>
    <t>06/30/14 18:37:17.5</t>
  </si>
  <si>
    <t>06/30/14 18:41:28.5</t>
  </si>
  <si>
    <t>06/30/14 18:41:41.0</t>
  </si>
  <si>
    <t>06/30/14 18:44:24.0</t>
  </si>
  <si>
    <t>06/30/14 18:44:31.0</t>
  </si>
  <si>
    <t>06/30/14 18:54:15.5</t>
  </si>
  <si>
    <t>06/30/14 18:57:09.5</t>
  </si>
  <si>
    <t>06/30/14 19:15:57.5</t>
  </si>
  <si>
    <t>06/30/14 19:16:14.5</t>
  </si>
  <si>
    <t>06/30/14 19:26:30.0</t>
  </si>
  <si>
    <t>06/30/14 19:36:04.5</t>
  </si>
  <si>
    <t>06/30/14 19:52:28.5</t>
  </si>
  <si>
    <t>06/30/14 19:52:43.5</t>
  </si>
  <si>
    <t>07/13/14 08:54:50.5</t>
  </si>
  <si>
    <t>07/13/14 08:55:30.0</t>
  </si>
  <si>
    <t>07/13/14 10:04:04.5</t>
  </si>
  <si>
    <t>07/13/14 10:06:54.5</t>
  </si>
  <si>
    <t>07/13/14 10:44:08.0</t>
  </si>
  <si>
    <t>07/13/14 10:45:31.0</t>
  </si>
  <si>
    <t>07/13/14 11:01:06.5</t>
  </si>
  <si>
    <t>07/13/14 11:01:16.5</t>
  </si>
  <si>
    <t>07/13/14 11:02:51.0</t>
  </si>
  <si>
    <t>07/13/14 11:03:02.5</t>
  </si>
  <si>
    <t>07/13/14 11:05:31.5</t>
  </si>
  <si>
    <t>07/13/14 11:05:46.0</t>
  </si>
  <si>
    <t>07/13/14 11:13:22.0</t>
  </si>
  <si>
    <t>07/13/14 11:14:00.0</t>
  </si>
  <si>
    <t>07/13/14 11:37:17.5</t>
  </si>
  <si>
    <t>07/13/14 11:37:54.5</t>
  </si>
  <si>
    <t>07/13/14 11:54:44.5</t>
  </si>
  <si>
    <t>07/13/14 11:54:52.5</t>
  </si>
  <si>
    <t>07/13/14 11:57:17.5</t>
  </si>
  <si>
    <t>07/13/14 11:57:37.5</t>
  </si>
  <si>
    <t>07/13/14 12:01:02.5</t>
  </si>
  <si>
    <t>07/13/14 12:01:19.0</t>
  </si>
  <si>
    <t>07/13/14 12:11:39.5</t>
  </si>
  <si>
    <t>07/13/14 12:11:52.0</t>
  </si>
  <si>
    <t>07/13/14 12:14:10.5</t>
  </si>
  <si>
    <t>07/13/14 12:15:20.0</t>
  </si>
  <si>
    <t>07/13/14 12:20:21.0</t>
  </si>
  <si>
    <t>07/13/14 12:20:38.0</t>
  </si>
  <si>
    <t>07/13/14 12:24:23.0</t>
  </si>
  <si>
    <t>07/13/14 12:24:31.5</t>
  </si>
  <si>
    <t>07/13/14 12:26:11.0</t>
  </si>
  <si>
    <t>07/13/14 12:26:25.5</t>
  </si>
  <si>
    <t>07/13/14 12:32:53.5</t>
  </si>
  <si>
    <t>07/13/14 12:33:01.0</t>
  </si>
  <si>
    <t>07/13/14 12:34:58.0</t>
  </si>
  <si>
    <t>07/13/14 12:35:08.5</t>
  </si>
  <si>
    <t>07/13/14 12:39:47.5</t>
  </si>
  <si>
    <t>07/13/14 12:40:00.0</t>
  </si>
  <si>
    <t>07/13/14 12:42:25.0</t>
  </si>
  <si>
    <t>07/13/14 12:42:36.0</t>
  </si>
  <si>
    <t>07/13/14 12:45:25.5</t>
  </si>
  <si>
    <t>07/13/14 12:45:34.5</t>
  </si>
  <si>
    <t>07/13/14 12:48:02.5</t>
  </si>
  <si>
    <t>07/13/14 12:48:16.5</t>
  </si>
  <si>
    <t>07/13/14 12:58:17.5</t>
  </si>
  <si>
    <t>07/13/14 12:58:27.0</t>
  </si>
  <si>
    <t>07/13/14 13:12:40.5</t>
  </si>
  <si>
    <t>07/13/14 13:15:44.0</t>
  </si>
  <si>
    <t>07/13/14 13:26:14.5</t>
  </si>
  <si>
    <t>07/13/14 13:26:54.5</t>
  </si>
  <si>
    <t>07/13/14 13:28:42.5</t>
  </si>
  <si>
    <t>07/13/14 13:28:51.0</t>
  </si>
  <si>
    <t>07/13/14 13:31:36.5</t>
  </si>
  <si>
    <t>07/13/14 13:31:46.5</t>
  </si>
  <si>
    <t>07/13/14 13:41:01.5</t>
  </si>
  <si>
    <t>07/13/14 13:41:10.0</t>
  </si>
  <si>
    <t>07/13/14 13:44:32.5</t>
  </si>
  <si>
    <t>07/13/14 13:44:49.5</t>
  </si>
  <si>
    <t>07/13/14 13:50:10.0</t>
  </si>
  <si>
    <t>07/13/14 13:50:36.5</t>
  </si>
  <si>
    <t>07/13/14 13:54:46.5</t>
  </si>
  <si>
    <t>07/13/14 13:55:06.5</t>
  </si>
  <si>
    <t>07/13/14 14:03:18.0</t>
  </si>
  <si>
    <t>07/13/14 14:03:27.5</t>
  </si>
  <si>
    <t>07/13/14 14:04:48.5</t>
  </si>
  <si>
    <t>07/13/14 14:04:58.5</t>
  </si>
  <si>
    <t>07/13/14 14:06:06.0</t>
  </si>
  <si>
    <t>07/13/14 14:06:13.5</t>
  </si>
  <si>
    <t>07/13/14 14:07:51.0</t>
  </si>
  <si>
    <t>07/13/14 14:08:01.5</t>
  </si>
  <si>
    <t>07/13/14 14:09:18.5</t>
  </si>
  <si>
    <t>07/13/14 14:09:26.0</t>
  </si>
  <si>
    <t>07/13/14 14:10:08.5</t>
  </si>
  <si>
    <t>07/13/14 14:10:15.5</t>
  </si>
  <si>
    <t>07/13/14 14:11:32.0</t>
  </si>
  <si>
    <t>07/13/14 14:11:42.5</t>
  </si>
  <si>
    <t>07/13/14 14:17:08.0</t>
  </si>
  <si>
    <t>07/13/14 14:17:21.0</t>
  </si>
  <si>
    <t>07/13/14 14:38:19.5</t>
  </si>
  <si>
    <t>07/13/14 14:38:44.5</t>
  </si>
  <si>
    <t>07/13/14 15:01:48.5</t>
  </si>
  <si>
    <t>07/13/14 15:02:09.0</t>
  </si>
  <si>
    <t>07/13/14 15:22:52.5</t>
  </si>
  <si>
    <t>07/13/14 15:23:04.5</t>
  </si>
  <si>
    <t>07/13/14 15:39:07.0</t>
  </si>
  <si>
    <t>07/13/14 15:40:40.5</t>
  </si>
  <si>
    <t>07/13/14 15:55:40.0</t>
  </si>
  <si>
    <t>07/13/14 15:55:57.0</t>
  </si>
  <si>
    <t>07/13/14 16:00:15.0</t>
  </si>
  <si>
    <t>07/13/14 16:00:43.5</t>
  </si>
  <si>
    <t>07/13/14 16:11:24.0</t>
  </si>
  <si>
    <t>07/13/14 16:11:49.5</t>
  </si>
  <si>
    <t>07/13/14 16:18:55.0</t>
  </si>
  <si>
    <t>07/13/14 16:19:06.5</t>
  </si>
  <si>
    <t>07/13/14 16:20:31.5</t>
  </si>
  <si>
    <t>07/13/14 16:26:18.5</t>
  </si>
  <si>
    <t>07/13/14 16:42:12.0</t>
  </si>
  <si>
    <t>07/13/14 16:42:33.5</t>
  </si>
  <si>
    <t>07/13/14 16:48:42.0</t>
  </si>
  <si>
    <t>07/13/14 16:51:19.0</t>
  </si>
  <si>
    <t>07/13/14 17:02:42.5</t>
  </si>
  <si>
    <t>07/13/14 17:02:57.0</t>
  </si>
  <si>
    <t>07/13/14 17:06:31.0</t>
  </si>
  <si>
    <t>07/13/14 17:07:05.5</t>
  </si>
  <si>
    <t>07/13/14 17:11:50.0</t>
  </si>
  <si>
    <t>07/13/14 17:12:20.0</t>
  </si>
  <si>
    <t>07/13/14 17:20:06.0</t>
  </si>
  <si>
    <t>07/13/14 17:20:12.0</t>
  </si>
  <si>
    <t>07/13/14 17:27:29.0</t>
  </si>
  <si>
    <t>07/13/14 17:29:51.0</t>
  </si>
  <si>
    <t>07/13/14 17:32:29.0</t>
  </si>
  <si>
    <t>07/13/14 17:32:39.0</t>
  </si>
  <si>
    <t>07/13/14 17:55:05.0</t>
  </si>
  <si>
    <t>07/13/14 17:55:16.5</t>
  </si>
  <si>
    <t>07/13/14 18:02:02.5</t>
  </si>
  <si>
    <t>07/13/14 18:06:59.0</t>
  </si>
  <si>
    <t>07/13/14 18:36:42.5</t>
  </si>
  <si>
    <t>07/13/14 18:47:32.0</t>
  </si>
  <si>
    <t>07/13/14 19:25:29.5</t>
  </si>
  <si>
    <t>07/13/14 19:30:04.5</t>
  </si>
  <si>
    <t>07/13/14 20:33:20.0</t>
  </si>
  <si>
    <t>07/13/14 20:33:36.0</t>
  </si>
  <si>
    <t>07/14/14 07:09:48.5</t>
  </si>
  <si>
    <t>07/14/14 07:10:46.0</t>
  </si>
  <si>
    <t>07/14/14 07:21:50.0</t>
  </si>
  <si>
    <t>07/14/14 07:22:00.5</t>
  </si>
  <si>
    <t>07/14/14 07:29:41.5</t>
  </si>
  <si>
    <t>07/14/14 08:46:23.0</t>
  </si>
  <si>
    <t>07/14/14 09:05:40.5</t>
  </si>
  <si>
    <t>07/14/14 09:08:11.5</t>
  </si>
  <si>
    <t>07/14/14 09:43:56.5</t>
  </si>
  <si>
    <t>07/14/14 09:44:35.0</t>
  </si>
  <si>
    <t>07/14/14 09:59:05.5</t>
  </si>
  <si>
    <t>07/14/14 10:00:42.5</t>
  </si>
  <si>
    <t>07/14/14 10:19:21.0</t>
  </si>
  <si>
    <t>07/14/14 10:19:45.0</t>
  </si>
  <si>
    <t>07/14/14 10:21:55.5</t>
  </si>
  <si>
    <t>07/14/14 10:22:02.5</t>
  </si>
  <si>
    <t>07/14/14 10:25:54.5</t>
  </si>
  <si>
    <t>07/14/14 10:26:18.5</t>
  </si>
  <si>
    <t>07/14/14 10:43:23.0</t>
  </si>
  <si>
    <t>07/14/14 10:43:38.5</t>
  </si>
  <si>
    <t>07/14/14 10:44:54.5</t>
  </si>
  <si>
    <t>07/14/14 10:45:02.0</t>
  </si>
  <si>
    <t>07/14/14 10:46:17.0</t>
  </si>
  <si>
    <t>07/14/14 10:46:23.5</t>
  </si>
  <si>
    <t>07/14/14 10:57:32.0</t>
  </si>
  <si>
    <t>07/14/14 10:57:52.0</t>
  </si>
  <si>
    <t>07/14/14 11:00:25.0</t>
  </si>
  <si>
    <t>07/14/14 11:03:09.0</t>
  </si>
  <si>
    <t>07/14/14 11:22:40.5</t>
  </si>
  <si>
    <t>07/14/14 11:24:59.0</t>
  </si>
  <si>
    <t>07/14/14 11:31:02.5</t>
  </si>
  <si>
    <t>07/14/14 11:35:21.0</t>
  </si>
  <si>
    <t>07/14/14 11:40:38.5</t>
  </si>
  <si>
    <t>07/14/14 11:45:05.5</t>
  </si>
  <si>
    <t>07/14/14 11:58:31.5</t>
  </si>
  <si>
    <t>07/14/14 12:05:29.5</t>
  </si>
  <si>
    <t>07/14/14 12:13:18.0</t>
  </si>
  <si>
    <t>07/14/14 12:13:57.0</t>
  </si>
  <si>
    <t>07/14/14 12:19:07.0</t>
  </si>
  <si>
    <t>07/14/14 12:19:16.5</t>
  </si>
  <si>
    <t>07/14/14 12:21:32.5</t>
  </si>
  <si>
    <t>07/14/14 12:21:41.0</t>
  </si>
  <si>
    <t>07/14/14 12:24:36.0</t>
  </si>
  <si>
    <t>07/14/14 12:24:44.0</t>
  </si>
  <si>
    <t>07/14/14 12:26:13.5</t>
  </si>
  <si>
    <t>07/14/14 12:26:43.0</t>
  </si>
  <si>
    <t>07/14/14 12:32:54.5</t>
  </si>
  <si>
    <t>07/14/14 12:33:08.0</t>
  </si>
  <si>
    <t>07/14/14 12:49:08.0</t>
  </si>
  <si>
    <t>07/14/14 12:49:19.0</t>
  </si>
  <si>
    <t>07/14/14 12:54:55.0</t>
  </si>
  <si>
    <t>07/14/14 12:55:03.0</t>
  </si>
  <si>
    <t>07/14/14 12:56:41.0</t>
  </si>
  <si>
    <t>07/14/14 12:57:11.5</t>
  </si>
  <si>
    <t>07/14/14 13:02:49.0</t>
  </si>
  <si>
    <t>07/14/14 13:02:59.0</t>
  </si>
  <si>
    <t>07/14/14 13:09:41.5</t>
  </si>
  <si>
    <t>07/14/14 13:09:49.0</t>
  </si>
  <si>
    <t>07/14/14 13:14:20.0</t>
  </si>
  <si>
    <t>07/14/14 13:14:29.5</t>
  </si>
  <si>
    <t>07/14/14 13:17:45.5</t>
  </si>
  <si>
    <t>07/14/14 13:18:00.0</t>
  </si>
  <si>
    <t>07/14/14 13:22:50.0</t>
  </si>
  <si>
    <t>07/14/14 13:26:33.5</t>
  </si>
  <si>
    <t>07/14/14 13:37:23.5</t>
  </si>
  <si>
    <t>07/14/14 13:41:27.0</t>
  </si>
  <si>
    <t>07/14/14 13:46:23.0</t>
  </si>
  <si>
    <t>07/14/14 13:46:44.0</t>
  </si>
  <si>
    <t>07/14/14 13:50:59.5</t>
  </si>
  <si>
    <t>07/14/14 13:51:25.5</t>
  </si>
  <si>
    <t>07/14/14 13:57:50.5</t>
  </si>
  <si>
    <t>07/14/14 13:58:02.5</t>
  </si>
  <si>
    <t>07/14/14 13:59:13.5</t>
  </si>
  <si>
    <t>07/14/14 13:59:21.0</t>
  </si>
  <si>
    <t>07/14/14 14:02:00.0</t>
  </si>
  <si>
    <t>07/14/14 14:03:02.5</t>
  </si>
  <si>
    <t>07/14/14 14:09:54.5</t>
  </si>
  <si>
    <t>07/14/14 14:12:23.5</t>
  </si>
  <si>
    <t>07/14/14 14:22:26.5</t>
  </si>
  <si>
    <t>07/14/14 14:22:56.5</t>
  </si>
  <si>
    <t>07/14/14 14:26:54.5</t>
  </si>
  <si>
    <t>07/14/14 14:28:13.0</t>
  </si>
  <si>
    <t>07/14/14 14:39:31.0</t>
  </si>
  <si>
    <t>07/14/14 14:39:46.0</t>
  </si>
  <si>
    <t>07/14/14 14:45:23.5</t>
  </si>
  <si>
    <t>07/14/14 14:46:39.0</t>
  </si>
  <si>
    <t>07/14/14 14:53:14.0</t>
  </si>
  <si>
    <t>07/14/14 14:56:23.0</t>
  </si>
  <si>
    <t>07/14/14 15:04:35.5</t>
  </si>
  <si>
    <t>07/14/14 15:04:57.5</t>
  </si>
  <si>
    <t>07/14/14 15:06:47.0</t>
  </si>
  <si>
    <t>07/14/14 15:06:54.0</t>
  </si>
  <si>
    <t>07/14/14 15:07:33.0</t>
  </si>
  <si>
    <t>07/14/14 15:07:37.5</t>
  </si>
  <si>
    <t>07/14/14 15:08:30.5</t>
  </si>
  <si>
    <t>07/14/14 15:08:42.0</t>
  </si>
  <si>
    <t>07/14/14 15:10:16.0</t>
  </si>
  <si>
    <t>07/14/14 15:10:21.0</t>
  </si>
  <si>
    <t>07/14/14 15:13:03.0</t>
  </si>
  <si>
    <t>07/14/14 15:13:11.5</t>
  </si>
  <si>
    <t>07/14/14 15:15:11.0</t>
  </si>
  <si>
    <t>07/14/14 15:15:32.5</t>
  </si>
  <si>
    <t>07/14/14 15:18:42.5</t>
  </si>
  <si>
    <t>07/14/14 15:18:56.5</t>
  </si>
  <si>
    <t>07/14/14 15:21:30.5</t>
  </si>
  <si>
    <t>07/14/14 15:21:37.5</t>
  </si>
  <si>
    <t>07/14/14 15:23:48.0</t>
  </si>
  <si>
    <t>07/14/14 15:23:58.5</t>
  </si>
  <si>
    <t>07/14/14 15:29:29.5</t>
  </si>
  <si>
    <t>07/14/14 15:30:16.0</t>
  </si>
  <si>
    <t>07/14/14 15:31:27.5</t>
  </si>
  <si>
    <t>07/14/14 15:31:36.5</t>
  </si>
  <si>
    <t>07/14/14 15:52:00.0</t>
  </si>
  <si>
    <t>07/14/14 15:52:20.0</t>
  </si>
  <si>
    <t>07/14/14 15:56:17.0</t>
  </si>
  <si>
    <t>07/14/14 15:56:23.5</t>
  </si>
  <si>
    <t>07/14/14 15:59:03.5</t>
  </si>
  <si>
    <t>07/14/14 15:59:15.0</t>
  </si>
  <si>
    <t>07/14/14 16:07:54.5</t>
  </si>
  <si>
    <t>07/14/14 16:08:06.0</t>
  </si>
  <si>
    <t>07/14/14 16:10:15.5</t>
  </si>
  <si>
    <t>07/14/14 16:10:43.0</t>
  </si>
  <si>
    <t>07/14/14 16:15:01.0</t>
  </si>
  <si>
    <t>07/14/14 16:15:10.5</t>
  </si>
  <si>
    <t>07/14/14 16:16:14.5</t>
  </si>
  <si>
    <t>07/14/14 16:16:22.5</t>
  </si>
  <si>
    <t>07/14/14 16:18:30.5</t>
  </si>
  <si>
    <t>07/14/14 16:19:03.5</t>
  </si>
  <si>
    <t>07/14/14 16:24:19.5</t>
  </si>
  <si>
    <t>07/14/14 16:24:54.5</t>
  </si>
  <si>
    <t>07/14/14 16:31:58.5</t>
  </si>
  <si>
    <t>07/14/14 16:37:01.5</t>
  </si>
  <si>
    <t>07/14/14 17:39:33.0</t>
  </si>
  <si>
    <t>07/14/14 17:40:34.5</t>
  </si>
  <si>
    <t>07/14/14 18:16:30.0</t>
  </si>
  <si>
    <t>07/14/14 18:16:41.0</t>
  </si>
  <si>
    <t>07/14/14 19:20:57.0</t>
  </si>
  <si>
    <t>07/14/14 21:54:22.5</t>
  </si>
  <si>
    <t>07/15/14 07:31:20.5</t>
  </si>
  <si>
    <t>07/15/14 07:31:38.0</t>
  </si>
  <si>
    <t>07/15/14 07:34:22.0</t>
  </si>
  <si>
    <t>07/15/14 07:34:34.0</t>
  </si>
  <si>
    <t>07/15/14 09:13:15.0</t>
  </si>
  <si>
    <t>07/15/14 09:27:14.5</t>
  </si>
  <si>
    <t>07/15/14 09:33:24.5</t>
  </si>
  <si>
    <t>07/15/14 09:36:41.0</t>
  </si>
  <si>
    <t>07/15/14 10:00:10.5</t>
  </si>
  <si>
    <t>07/15/14 10:00:21.5</t>
  </si>
  <si>
    <t>07/15/14 10:11:56.0</t>
  </si>
  <si>
    <t>07/15/14 10:14:06.0</t>
  </si>
  <si>
    <t>07/15/14 10:28:13.0</t>
  </si>
  <si>
    <t>07/15/14 10:28:23.0</t>
  </si>
  <si>
    <t>07/15/14 10:30:40.0</t>
  </si>
  <si>
    <t>07/15/14 10:31:01.5</t>
  </si>
  <si>
    <t>07/15/14 10:34:36.0</t>
  </si>
  <si>
    <t>07/15/14 10:34:55.0</t>
  </si>
  <si>
    <t>07/15/14 10:39:03.5</t>
  </si>
  <si>
    <t>07/15/14 10:39:16.0</t>
  </si>
  <si>
    <t>07/15/14 10:41:43.0</t>
  </si>
  <si>
    <t>07/15/14 10:43:15.5</t>
  </si>
  <si>
    <t>07/15/14 10:49:14.5</t>
  </si>
  <si>
    <t>07/15/14 10:49:24.0</t>
  </si>
  <si>
    <t>07/15/14 10:51:51.0</t>
  </si>
  <si>
    <t>07/15/14 10:52:22.0</t>
  </si>
  <si>
    <t>07/15/14 10:55:08.5</t>
  </si>
  <si>
    <t>07/15/14 10:55:18.0</t>
  </si>
  <si>
    <t>07/15/14 10:56:35.0</t>
  </si>
  <si>
    <t>07/15/14 10:56:45.5</t>
  </si>
  <si>
    <t>07/15/14 11:07:27.5</t>
  </si>
  <si>
    <t>07/15/14 11:07:39.0</t>
  </si>
  <si>
    <t>07/15/14 11:15:34.0</t>
  </si>
  <si>
    <t>07/15/14 11:15:42.5</t>
  </si>
  <si>
    <t>07/15/14 11:19:04.0</t>
  </si>
  <si>
    <t>07/15/14 11:19:27.0</t>
  </si>
  <si>
    <t>07/15/14 11:22:47.0</t>
  </si>
  <si>
    <t>07/15/14 11:23:03.5</t>
  </si>
  <si>
    <t>07/15/14 11:28:59.5</t>
  </si>
  <si>
    <t>07/15/14 11:29:11.5</t>
  </si>
  <si>
    <t>07/15/14 11:30:48.5</t>
  </si>
  <si>
    <t>07/15/14 11:30:59.5</t>
  </si>
  <si>
    <t>07/15/14 11:35:48.0</t>
  </si>
  <si>
    <t>07/15/14 11:35:56.0</t>
  </si>
  <si>
    <t>07/15/14 11:37:06.0</t>
  </si>
  <si>
    <t>07/15/14 11:37:14.0</t>
  </si>
  <si>
    <t>07/15/14 11:39:55.5</t>
  </si>
  <si>
    <t>07/15/14 11:42:09.5</t>
  </si>
  <si>
    <t>07/15/14 11:49:54.0</t>
  </si>
  <si>
    <t>07/15/14 11:50:12.5</t>
  </si>
  <si>
    <t>07/15/14 11:53:47.0</t>
  </si>
  <si>
    <t>07/15/14 11:53:56.0</t>
  </si>
  <si>
    <t>07/15/14 11:54:52.5</t>
  </si>
  <si>
    <t>07/15/14 11:54:57.0</t>
  </si>
  <si>
    <t>07/15/14 11:56:11.5</t>
  </si>
  <si>
    <t>07/15/14 11:56:28.5</t>
  </si>
  <si>
    <t>07/15/14 12:01:06.5</t>
  </si>
  <si>
    <t>07/15/14 12:01:18.0</t>
  </si>
  <si>
    <t>07/15/14 12:03:37.0</t>
  </si>
  <si>
    <t>07/15/14 12:03:47.5</t>
  </si>
  <si>
    <t>07/15/14 12:05:41.5</t>
  </si>
  <si>
    <t>07/15/14 12:05:47.5</t>
  </si>
  <si>
    <t>07/15/14 12:07:12.0</t>
  </si>
  <si>
    <t>07/15/14 12:07:26.0</t>
  </si>
  <si>
    <t>07/15/14 12:09:41.0</t>
  </si>
  <si>
    <t>07/15/14 12:09:54.5</t>
  </si>
  <si>
    <t>07/15/14 12:13:51.5</t>
  </si>
  <si>
    <t>07/15/14 12:14:00.0</t>
  </si>
  <si>
    <t>07/15/14 12:14:58.0</t>
  </si>
  <si>
    <t>07/15/14 12:15:05.5</t>
  </si>
  <si>
    <t>07/15/14 12:19:16.0</t>
  </si>
  <si>
    <t>07/15/14 12:19:37.5</t>
  </si>
  <si>
    <t>07/15/14 12:21:00.5</t>
  </si>
  <si>
    <t>07/15/14 12:21:05.5</t>
  </si>
  <si>
    <t>07/15/14 12:21:56.5</t>
  </si>
  <si>
    <t>07/15/14 12:22:12.5</t>
  </si>
  <si>
    <t>07/15/14 12:25:36.5</t>
  </si>
  <si>
    <t>07/15/14 12:25:46.0</t>
  </si>
  <si>
    <t>07/15/14 12:27:57.5</t>
  </si>
  <si>
    <t>07/15/14 12:28:08.5</t>
  </si>
  <si>
    <t>07/15/14 12:29:46.0</t>
  </si>
  <si>
    <t>07/15/14 12:30:04.5</t>
  </si>
  <si>
    <t>07/15/14 12:32:05.0</t>
  </si>
  <si>
    <t>07/15/14 12:32:12.0</t>
  </si>
  <si>
    <t>07/15/14 12:35:25.0</t>
  </si>
  <si>
    <t>07/15/14 12:35:30.5</t>
  </si>
  <si>
    <t>07/15/14 12:36:33.5</t>
  </si>
  <si>
    <t>07/15/14 12:36:42.0</t>
  </si>
  <si>
    <t>07/15/14 12:40:18.5</t>
  </si>
  <si>
    <t>07/15/14 12:40:24.0</t>
  </si>
  <si>
    <t>07/15/14 12:41:59.5</t>
  </si>
  <si>
    <t>07/15/14 12:42:10.0</t>
  </si>
  <si>
    <t>07/15/14 12:44:28.5</t>
  </si>
  <si>
    <t>07/15/14 12:45:52.5</t>
  </si>
  <si>
    <t>07/15/14 12:47:15.0</t>
  </si>
  <si>
    <t>07/15/14 12:47:37.0</t>
  </si>
  <si>
    <t>07/15/14 12:50:31.0</t>
  </si>
  <si>
    <t>07/15/14 12:50:46.0</t>
  </si>
  <si>
    <t>07/15/14 12:51:50.0</t>
  </si>
  <si>
    <t>07/15/14 12:52:00.5</t>
  </si>
  <si>
    <t>07/15/14 12:54:09.5</t>
  </si>
  <si>
    <t>07/15/14 12:54:21.5</t>
  </si>
  <si>
    <t>07/15/14 12:55:29.5</t>
  </si>
  <si>
    <t>07/15/14 12:55:35.5</t>
  </si>
  <si>
    <t>07/15/14 12:56:32.0</t>
  </si>
  <si>
    <t>07/15/14 12:56:42.5</t>
  </si>
  <si>
    <t>07/15/14 12:57:36.5</t>
  </si>
  <si>
    <t>07/15/14 12:57:41.0</t>
  </si>
  <si>
    <t>07/15/14 13:00:09.0</t>
  </si>
  <si>
    <t>07/15/14 13:00:17.0</t>
  </si>
  <si>
    <t>07/15/14 13:04:45.5</t>
  </si>
  <si>
    <t>07/15/14 13:05:28.5</t>
  </si>
  <si>
    <t>07/15/14 13:09:48.0</t>
  </si>
  <si>
    <t>07/15/14 13:10:03.0</t>
  </si>
  <si>
    <t>07/15/14 13:11:41.5</t>
  </si>
  <si>
    <t>07/15/14 13:11:48.0</t>
  </si>
  <si>
    <t>07/15/14 13:12:57.0</t>
  </si>
  <si>
    <t>07/15/14 13:13:11.0</t>
  </si>
  <si>
    <t>07/15/14 13:14:10.0</t>
  </si>
  <si>
    <t>07/15/14 13:14:17.0</t>
  </si>
  <si>
    <t>07/15/14 13:15:54.0</t>
  </si>
  <si>
    <t>07/15/14 13:17:29.0</t>
  </si>
  <si>
    <t>07/15/14 13:19:18.0</t>
  </si>
  <si>
    <t>07/15/14 13:19:27.5</t>
  </si>
  <si>
    <t>07/15/14 13:22:14.0</t>
  </si>
  <si>
    <t>07/15/14 13:22:32.0</t>
  </si>
  <si>
    <t>07/15/14 13:28:30.0</t>
  </si>
  <si>
    <t>07/15/14 13:28:38.0</t>
  </si>
  <si>
    <t>07/15/14 13:34:32.5</t>
  </si>
  <si>
    <t>07/15/14 13:34:42.5</t>
  </si>
  <si>
    <t>07/15/14 13:37:33.0</t>
  </si>
  <si>
    <t>07/15/14 13:37:38.5</t>
  </si>
  <si>
    <t>07/15/14 13:39:42.5</t>
  </si>
  <si>
    <t>07/15/14 13:39:57.5</t>
  </si>
  <si>
    <t>07/15/14 13:40:49.0</t>
  </si>
  <si>
    <t>07/15/14 13:40:57.5</t>
  </si>
  <si>
    <t>07/15/14 13:42:23.0</t>
  </si>
  <si>
    <t>07/15/14 13:42:30.5</t>
  </si>
  <si>
    <t>07/15/14 13:43:26.0</t>
  </si>
  <si>
    <t>07/15/14 13:43:31.0</t>
  </si>
  <si>
    <t>07/15/14 13:44:18.5</t>
  </si>
  <si>
    <t>07/15/14 13:44:24.5</t>
  </si>
  <si>
    <t>07/15/14 13:45:06.0</t>
  </si>
  <si>
    <t>07/15/14 13:45:11.0</t>
  </si>
  <si>
    <t>07/15/14 13:45:51.5</t>
  </si>
  <si>
    <t>07/15/14 13:46:02.0</t>
  </si>
  <si>
    <t>07/15/14 13:47:25.0</t>
  </si>
  <si>
    <t>07/15/14 13:47:32.0</t>
  </si>
  <si>
    <t>07/15/14 13:48:59.5</t>
  </si>
  <si>
    <t>07/15/14 13:49:14.5</t>
  </si>
  <si>
    <t>07/15/14 13:50:38.5</t>
  </si>
  <si>
    <t>07/15/14 13:50:44.5</t>
  </si>
  <si>
    <t>07/15/14 13:51:48.0</t>
  </si>
  <si>
    <t>07/15/14 13:51:53.5</t>
  </si>
  <si>
    <t>07/15/14 13:52:19.5</t>
  </si>
  <si>
    <t>07/15/14 13:52:24.5</t>
  </si>
  <si>
    <t>07/15/14 13:53:00.0</t>
  </si>
  <si>
    <t>07/15/14 13:53:07.0</t>
  </si>
  <si>
    <t>07/15/14 13:54:52.5</t>
  </si>
  <si>
    <t>07/15/14 13:54:59.0</t>
  </si>
  <si>
    <t>07/15/14 13:56:43.5</t>
  </si>
  <si>
    <t>07/15/14 13:57:12.5</t>
  </si>
  <si>
    <t>07/15/14 13:59:56.0</t>
  </si>
  <si>
    <t>07/15/14 14:00:04.0</t>
  </si>
  <si>
    <t>07/15/14 14:02:10.0</t>
  </si>
  <si>
    <t>07/15/14 14:02:16.0</t>
  </si>
  <si>
    <t>07/15/14 14:03:04.0</t>
  </si>
  <si>
    <t>07/15/14 14:03:08.5</t>
  </si>
  <si>
    <t>07/15/14 14:04:16.0</t>
  </si>
  <si>
    <t>07/15/14 14:04:26.5</t>
  </si>
  <si>
    <t>07/15/14 14:05:23.5</t>
  </si>
  <si>
    <t>07/15/14 14:05:28.0</t>
  </si>
  <si>
    <t>07/15/14 14:06:13.0</t>
  </si>
  <si>
    <t>07/15/14 14:06:19.0</t>
  </si>
  <si>
    <t>07/15/14 14:07:45.0</t>
  </si>
  <si>
    <t>07/15/14 14:07:51.5</t>
  </si>
  <si>
    <t>07/15/14 14:08:40.5</t>
  </si>
  <si>
    <t>07/15/14 14:08:53.0</t>
  </si>
  <si>
    <t>07/15/14 14:10:10.0</t>
  </si>
  <si>
    <t>07/15/14 14:10:16.5</t>
  </si>
  <si>
    <t>07/15/14 14:11:23.0</t>
  </si>
  <si>
    <t>07/15/14 14:11:57.5</t>
  </si>
  <si>
    <t>07/15/14 14:13:02.5</t>
  </si>
  <si>
    <t>07/15/14 14:13:06.5</t>
  </si>
  <si>
    <t>07/15/14 14:14:07.0</t>
  </si>
  <si>
    <t>07/15/14 14:14:12.5</t>
  </si>
  <si>
    <t>07/15/14 14:15:06.0</t>
  </si>
  <si>
    <t>07/15/14 14:15:12.5</t>
  </si>
  <si>
    <t>07/15/14 14:15:48.0</t>
  </si>
  <si>
    <t>07/15/14 14:15:52.0</t>
  </si>
  <si>
    <t>07/15/14 14:18:24.5</t>
  </si>
  <si>
    <t>07/15/14 14:18:39.5</t>
  </si>
  <si>
    <t>07/15/14 14:20:07.5</t>
  </si>
  <si>
    <t>07/15/14 14:20:20.5</t>
  </si>
  <si>
    <t>07/15/14 14:22:49.5</t>
  </si>
  <si>
    <t>07/15/14 14:22:57.5</t>
  </si>
  <si>
    <t>07/15/14 14:24:16.5</t>
  </si>
  <si>
    <t>07/15/14 14:24:21.0</t>
  </si>
  <si>
    <t>07/15/14 14:25:24.5</t>
  </si>
  <si>
    <t>07/15/14 14:26:00.0</t>
  </si>
  <si>
    <t>07/15/14 14:27:59.5</t>
  </si>
  <si>
    <t>07/15/14 14:28:04.5</t>
  </si>
  <si>
    <t>07/15/14 14:29:11.5</t>
  </si>
  <si>
    <t>07/15/14 14:29:16.0</t>
  </si>
  <si>
    <t>07/15/14 14:30:25.5</t>
  </si>
  <si>
    <t>07/15/14 14:30:33.0</t>
  </si>
  <si>
    <t>07/15/14 14:32:21.0</t>
  </si>
  <si>
    <t>07/15/14 14:32:28.0</t>
  </si>
  <si>
    <t>07/15/14 14:33:53.5</t>
  </si>
  <si>
    <t>07/15/14 14:33:59.5</t>
  </si>
  <si>
    <t>07/15/14 14:34:57.0</t>
  </si>
  <si>
    <t>07/15/14 14:35:02.5</t>
  </si>
  <si>
    <t>07/15/14 14:36:02.5</t>
  </si>
  <si>
    <t>07/15/14 14:36:22.0</t>
  </si>
  <si>
    <t>07/15/14 14:37:54.0</t>
  </si>
  <si>
    <t>07/15/14 14:38:08.5</t>
  </si>
  <si>
    <t>07/15/14 14:40:31.5</t>
  </si>
  <si>
    <t>07/15/14 14:40:36.0</t>
  </si>
  <si>
    <t>07/15/14 14:41:17.0</t>
  </si>
  <si>
    <t>07/15/14 14:41:20.5</t>
  </si>
  <si>
    <t>07/15/14 14:42:05.5</t>
  </si>
  <si>
    <t>07/15/14 14:42:13.5</t>
  </si>
  <si>
    <t>07/15/14 14:47:42.5</t>
  </si>
  <si>
    <t>07/15/14 14:47:49.0</t>
  </si>
  <si>
    <t>07/15/14 14:49:51.0</t>
  </si>
  <si>
    <t>07/15/14 14:49:55.0</t>
  </si>
  <si>
    <t>07/15/14 14:50:45.0</t>
  </si>
  <si>
    <t>07/15/14 14:50:55.5</t>
  </si>
  <si>
    <t>07/15/14 14:52:30.0</t>
  </si>
  <si>
    <t>07/15/14 14:52:37.0</t>
  </si>
  <si>
    <t>07/15/14 14:53:27.0</t>
  </si>
  <si>
    <t>07/15/14 14:54:30.0</t>
  </si>
  <si>
    <t>07/15/14 14:55:27.0</t>
  </si>
  <si>
    <t>07/15/14 14:55:33.0</t>
  </si>
  <si>
    <t>07/15/14 14:57:49.0</t>
  </si>
  <si>
    <t>07/15/14 14:57:56.5</t>
  </si>
  <si>
    <t>07/15/14 14:59:34.5</t>
  </si>
  <si>
    <t>07/15/14 14:59:42.5</t>
  </si>
  <si>
    <t>07/15/14 15:00:35.0</t>
  </si>
  <si>
    <t>07/15/14 15:00:43.5</t>
  </si>
  <si>
    <t>07/15/14 15:02:16.5</t>
  </si>
  <si>
    <t>07/15/14 15:02:21.5</t>
  </si>
  <si>
    <t>07/15/14 15:03:54.5</t>
  </si>
  <si>
    <t>07/15/14 15:04:03.5</t>
  </si>
  <si>
    <t>07/15/14 15:06:04.0</t>
  </si>
  <si>
    <t>07/15/14 15:06:18.0</t>
  </si>
  <si>
    <t>07/15/14 15:06:56.5</t>
  </si>
  <si>
    <t>07/15/14 15:07:02.5</t>
  </si>
  <si>
    <t>07/15/14 15:07:57.5</t>
  </si>
  <si>
    <t>07/15/14 15:08:11.0</t>
  </si>
  <si>
    <t>07/15/14 15:10:18.0</t>
  </si>
  <si>
    <t>07/15/14 15:10:24.0</t>
  </si>
  <si>
    <t>07/15/14 15:11:28.0</t>
  </si>
  <si>
    <t>07/15/14 15:11:32.0</t>
  </si>
  <si>
    <t>07/15/14 15:12:52.5</t>
  </si>
  <si>
    <t>07/15/14 15:13:09.5</t>
  </si>
  <si>
    <t>07/15/14 15:15:56.5</t>
  </si>
  <si>
    <t>07/15/14 15:16:30.0</t>
  </si>
  <si>
    <t>07/15/14 15:18:07.5</t>
  </si>
  <si>
    <t>07/15/14 15:18:26.5</t>
  </si>
  <si>
    <t>07/15/14 15:20:41.0</t>
  </si>
  <si>
    <t>07/15/14 15:20:48.0</t>
  </si>
  <si>
    <t>07/15/14 15:21:47.5</t>
  </si>
  <si>
    <t>07/15/14 15:22:12.5</t>
  </si>
  <si>
    <t>07/15/14 15:25:03.5</t>
  </si>
  <si>
    <t>07/15/14 15:25:09.0</t>
  </si>
  <si>
    <t>07/15/14 15:27:48.0</t>
  </si>
  <si>
    <t>07/15/14 15:27:59.0</t>
  </si>
  <si>
    <t>07/15/14 15:31:58.0</t>
  </si>
  <si>
    <t>07/15/14 15:32:15.5</t>
  </si>
  <si>
    <t>07/15/14 15:34:21.5</t>
  </si>
  <si>
    <t>07/15/14 15:34:47.0</t>
  </si>
  <si>
    <t>07/15/14 15:36:14.5</t>
  </si>
  <si>
    <t>07/15/14 15:36:26.5</t>
  </si>
  <si>
    <t>07/15/14 15:39:06.5</t>
  </si>
  <si>
    <t>07/15/14 15:39:13.0</t>
  </si>
  <si>
    <t>07/15/14 15:41:29.0</t>
  </si>
  <si>
    <t>07/15/14 15:41:34.0</t>
  </si>
  <si>
    <t>07/15/14 15:43:02.0</t>
  </si>
  <si>
    <t>07/15/14 15:43:25.0</t>
  </si>
  <si>
    <t>07/15/14 15:45:23.5</t>
  </si>
  <si>
    <t>07/15/14 15:45:31.5</t>
  </si>
  <si>
    <t>07/15/14 15:48:25.0</t>
  </si>
  <si>
    <t>07/15/14 15:48:33.0</t>
  </si>
  <si>
    <t>07/15/14 15:49:36.0</t>
  </si>
  <si>
    <t>07/15/14 15:49:43.5</t>
  </si>
  <si>
    <t>07/15/14 15:50:39.0</t>
  </si>
  <si>
    <t>07/15/14 15:50:43.0</t>
  </si>
  <si>
    <t>07/15/14 15:51:17.0</t>
  </si>
  <si>
    <t>07/15/14 15:51:26.5</t>
  </si>
  <si>
    <t>07/15/14 15:52:39.5</t>
  </si>
  <si>
    <t>07/15/14 15:52:43.5</t>
  </si>
  <si>
    <t>07/15/14 15:53:31.5</t>
  </si>
  <si>
    <t>07/15/14 15:53:38.5</t>
  </si>
  <si>
    <t>07/15/14 15:54:40.0</t>
  </si>
  <si>
    <t>07/15/14 15:54:45.0</t>
  </si>
  <si>
    <t>07/15/14 15:57:46.0</t>
  </si>
  <si>
    <t>07/15/14 15:58:17.5</t>
  </si>
  <si>
    <t>07/15/14 15:58:53.5</t>
  </si>
  <si>
    <t>07/15/14 15:58:58.5</t>
  </si>
  <si>
    <t>07/15/14 15:59:50.0</t>
  </si>
  <si>
    <t>07/15/14 15:59:55.5</t>
  </si>
  <si>
    <t>07/15/14 16:01:43.5</t>
  </si>
  <si>
    <t>07/15/14 16:01:56.0</t>
  </si>
  <si>
    <t>07/15/14 16:03:23.5</t>
  </si>
  <si>
    <t>07/15/14 16:03:27.5</t>
  </si>
  <si>
    <t>07/15/14 16:04:25.0</t>
  </si>
  <si>
    <t>07/15/14 16:04:30.5</t>
  </si>
  <si>
    <t>07/15/14 16:06:40.5</t>
  </si>
  <si>
    <t>07/15/14 16:07:09.5</t>
  </si>
  <si>
    <t>07/15/14 16:10:25.5</t>
  </si>
  <si>
    <t>07/15/14 16:10:33.0</t>
  </si>
  <si>
    <t>07/15/14 16:18:33.0</t>
  </si>
  <si>
    <t>07/15/14 16:18:47.0</t>
  </si>
  <si>
    <t>07/15/14 16:20:16.0</t>
  </si>
  <si>
    <t>07/15/14 16:20:35.0</t>
  </si>
  <si>
    <t>07/15/14 16:22:19.5</t>
  </si>
  <si>
    <t>07/15/14 16:22:25.0</t>
  </si>
  <si>
    <t>07/15/14 16:24:47.0</t>
  </si>
  <si>
    <t>07/15/14 16:25:39.0</t>
  </si>
  <si>
    <t>07/15/14 16:27:58.5</t>
  </si>
  <si>
    <t>07/15/14 16:28:14.5</t>
  </si>
  <si>
    <t>07/15/14 16:33:54.0</t>
  </si>
  <si>
    <t>07/15/14 16:34:07.5</t>
  </si>
  <si>
    <t>07/15/14 16:38:08.0</t>
  </si>
  <si>
    <t>07/15/14 16:38:23.5</t>
  </si>
  <si>
    <t>07/15/14 16:40:57.5</t>
  </si>
  <si>
    <t>07/15/14 16:41:02.0</t>
  </si>
  <si>
    <t>07/15/14 16:41:43.5</t>
  </si>
  <si>
    <t>07/15/14 16:41:48.0</t>
  </si>
  <si>
    <t>07/15/14 16:45:45.5</t>
  </si>
  <si>
    <t>07/15/14 16:46:27.5</t>
  </si>
  <si>
    <t>07/15/14 16:50:13.0</t>
  </si>
  <si>
    <t>07/15/14 16:50:27.5</t>
  </si>
  <si>
    <t>07/15/14 16:55:18.0</t>
  </si>
  <si>
    <t>07/15/14 16:55:38.5</t>
  </si>
  <si>
    <t>07/15/14 16:58:38.5</t>
  </si>
  <si>
    <t>07/15/14 16:58:49.0</t>
  </si>
  <si>
    <t>07/15/14 17:00:47.0</t>
  </si>
  <si>
    <t>07/15/14 17:00:52.5</t>
  </si>
  <si>
    <t>07/15/14 17:01:36.5</t>
  </si>
  <si>
    <t>07/15/14 17:01:42.5</t>
  </si>
  <si>
    <t>07/15/14 17:05:33.0</t>
  </si>
  <si>
    <t>07/15/14 17:05:47.0</t>
  </si>
  <si>
    <t>07/15/14 17:08:20.0</t>
  </si>
  <si>
    <t>07/15/14 17:08:36.5</t>
  </si>
  <si>
    <t>07/15/14 17:09:41.0</t>
  </si>
  <si>
    <t>07/15/14 17:09:53.5</t>
  </si>
  <si>
    <t>07/15/14 17:15:24.5</t>
  </si>
  <si>
    <t>07/15/14 17:15:35.5</t>
  </si>
  <si>
    <t>07/15/14 17:19:20.5</t>
  </si>
  <si>
    <t>07/15/14 17:19:34.0</t>
  </si>
  <si>
    <t>07/15/14 17:22:37.0</t>
  </si>
  <si>
    <t>07/15/14 17:22:45.0</t>
  </si>
  <si>
    <t>07/15/14 17:24:52.0</t>
  </si>
  <si>
    <t>07/15/14 17:25:08.5</t>
  </si>
  <si>
    <t>07/15/14 17:26:04.5</t>
  </si>
  <si>
    <t>07/15/14 17:26:17.0</t>
  </si>
  <si>
    <t>07/15/14 17:31:55.5</t>
  </si>
  <si>
    <t>07/15/14 17:32:03.5</t>
  </si>
  <si>
    <t>07/15/14 17:33:02.0</t>
  </si>
  <si>
    <t>07/15/14 17:33:17.5</t>
  </si>
  <si>
    <t>07/15/14 17:39:31.5</t>
  </si>
  <si>
    <t>07/15/14 17:39:37.0</t>
  </si>
  <si>
    <t>07/15/14 17:50:58.5</t>
  </si>
  <si>
    <t>07/15/14 17:53:32.5</t>
  </si>
  <si>
    <t>07/15/14 18:04:48.0</t>
  </si>
  <si>
    <t>07/15/14 18:04:56.0</t>
  </si>
  <si>
    <t>07/15/14 18:09:23.5</t>
  </si>
  <si>
    <t>07/15/14 18:09:35.5</t>
  </si>
  <si>
    <t>07/15/14 18:11:08.5</t>
  </si>
  <si>
    <t>07/15/14 18:11:20.5</t>
  </si>
  <si>
    <t>07/15/14 18:22:16.0</t>
  </si>
  <si>
    <t>07/15/14 18:22:23.5</t>
  </si>
  <si>
    <t>07/15/14 18:27:43.5</t>
  </si>
  <si>
    <t>07/15/14 18:27:53.0</t>
  </si>
  <si>
    <t>07/15/14 18:33:10.5</t>
  </si>
  <si>
    <t>07/15/14 18:33:29.5</t>
  </si>
  <si>
    <t>07/15/14 18:41:15.0</t>
  </si>
  <si>
    <t>07/15/14 18:41:32.5</t>
  </si>
  <si>
    <t>07/15/14 18:42:30.0</t>
  </si>
  <si>
    <t>07/15/14 18:42:38.0</t>
  </si>
  <si>
    <t>07/15/14 18:49:11.0</t>
  </si>
  <si>
    <t>07/15/14 18:49:19.0</t>
  </si>
  <si>
    <t>07/15/14 18:51:12.0</t>
  </si>
  <si>
    <t>07/15/14 18:51:22.5</t>
  </si>
  <si>
    <t>07/15/14 19:04:05.0</t>
  </si>
  <si>
    <t>07/15/14 19:04:25.5</t>
  </si>
  <si>
    <t>07/15/14 19:22:43.5</t>
  </si>
  <si>
    <t>07/15/14 19:23:02.0</t>
  </si>
  <si>
    <t>07/16/14 07:58:22.5</t>
  </si>
  <si>
    <t>07/16/14 08:04:29.5</t>
  </si>
  <si>
    <t>07/16/14 08:33:53.5</t>
  </si>
  <si>
    <t>07/16/14 08:34:12.0</t>
  </si>
  <si>
    <t>07/16/14 09:05:33.0</t>
  </si>
  <si>
    <t>07/16/14 09:06:04.0</t>
  </si>
  <si>
    <t>07/16/14 09:13:10.5</t>
  </si>
  <si>
    <t>07/16/14 09:13:27.0</t>
  </si>
  <si>
    <t>07/16/14 09:20:24.0</t>
  </si>
  <si>
    <t>07/16/14 09:24:39.0</t>
  </si>
  <si>
    <t>07/16/14 09:45:54.5</t>
  </si>
  <si>
    <t>07/16/14 09:56:56.0</t>
  </si>
  <si>
    <t>07/16/14 10:10:05.5</t>
  </si>
  <si>
    <t>07/16/14 10:10:23.0</t>
  </si>
  <si>
    <t>07/16/14 10:37:01.0</t>
  </si>
  <si>
    <t>07/16/14 10:37:11.5</t>
  </si>
  <si>
    <t>07/16/14 10:41:29.5</t>
  </si>
  <si>
    <t>07/16/14 10:41:41.0</t>
  </si>
  <si>
    <t>07/16/14 10:45:10.5</t>
  </si>
  <si>
    <t>07/16/14 10:45:23.0</t>
  </si>
  <si>
    <t>07/16/14 10:48:26.0</t>
  </si>
  <si>
    <t>07/16/14 10:48:44.0</t>
  </si>
  <si>
    <t>07/16/14 10:54:48.5</t>
  </si>
  <si>
    <t>07/16/14 10:58:27.5</t>
  </si>
  <si>
    <t>07/16/14 11:02:15.0</t>
  </si>
  <si>
    <t>07/16/14 11:02:21.5</t>
  </si>
  <si>
    <t>07/16/14 11:12:02.5</t>
  </si>
  <si>
    <t>07/16/14 11:12:33.0</t>
  </si>
  <si>
    <t>07/16/14 11:18:42.0</t>
  </si>
  <si>
    <t>07/16/14 11:18:58.0</t>
  </si>
  <si>
    <t>07/16/14 11:22:30.5</t>
  </si>
  <si>
    <t>07/16/14 11:22:42.5</t>
  </si>
  <si>
    <t>07/16/14 11:24:44.5</t>
  </si>
  <si>
    <t>07/16/14 11:24:49.5</t>
  </si>
  <si>
    <t>07/16/14 11:27:46.0</t>
  </si>
  <si>
    <t>07/16/14 11:27:56.0</t>
  </si>
  <si>
    <t>07/16/14 11:34:17.5</t>
  </si>
  <si>
    <t>07/16/14 11:34:49.0</t>
  </si>
  <si>
    <t>07/16/14 11:37:21.0</t>
  </si>
  <si>
    <t>07/16/14 11:37:32.5</t>
  </si>
  <si>
    <t>07/16/14 11:50:06.0</t>
  </si>
  <si>
    <t>07/16/14 11:50:23.5</t>
  </si>
  <si>
    <t>07/16/14 11:52:58.0</t>
  </si>
  <si>
    <t>07/16/14 11:53:49.0</t>
  </si>
  <si>
    <t>07/16/14 11:56:16.5</t>
  </si>
  <si>
    <t>07/16/14 11:56:33.5</t>
  </si>
  <si>
    <t>07/16/14 11:59:46.0</t>
  </si>
  <si>
    <t>07/16/14 11:59:57.5</t>
  </si>
  <si>
    <t>07/16/14 12:01:03.5</t>
  </si>
  <si>
    <t>07/16/14 12:01:16.5</t>
  </si>
  <si>
    <t>07/16/14 12:03:50.5</t>
  </si>
  <si>
    <t>07/16/14 12:04:18.5</t>
  </si>
  <si>
    <t>07/16/14 12:09:44.5</t>
  </si>
  <si>
    <t>07/16/14 12:09:55.5</t>
  </si>
  <si>
    <t>07/16/14 12:11:40.0</t>
  </si>
  <si>
    <t>07/16/14 12:11:52.0</t>
  </si>
  <si>
    <t>07/16/14 12:12:46.5</t>
  </si>
  <si>
    <t>07/16/14 12:12:55.0</t>
  </si>
  <si>
    <t>07/16/14 12:15:34.0</t>
  </si>
  <si>
    <t>07/16/14 12:15:49.5</t>
  </si>
  <si>
    <t>07/16/14 12:17:05.0</t>
  </si>
  <si>
    <t>07/16/14 12:17:15.0</t>
  </si>
  <si>
    <t>07/16/14 12:20:23.0</t>
  </si>
  <si>
    <t>07/16/14 12:20:33.0</t>
  </si>
  <si>
    <t>07/16/14 12:21:25.5</t>
  </si>
  <si>
    <t>07/16/14 12:21:35.5</t>
  </si>
  <si>
    <t>07/16/14 12:22:27.0</t>
  </si>
  <si>
    <t>07/16/14 12:22:31.5</t>
  </si>
  <si>
    <t>07/16/14 12:23:14.0</t>
  </si>
  <si>
    <t>07/16/14 12:23:19.0</t>
  </si>
  <si>
    <t>07/16/14 12:23:59.0</t>
  </si>
  <si>
    <t>07/16/14 12:24:06.5</t>
  </si>
  <si>
    <t>07/16/14 12:25:18.0</t>
  </si>
  <si>
    <t>07/16/14 12:25:22.5</t>
  </si>
  <si>
    <t>07/16/14 12:26:23.0</t>
  </si>
  <si>
    <t>07/16/14 12:26:28.0</t>
  </si>
  <si>
    <t>07/16/14 12:28:02.0</t>
  </si>
  <si>
    <t>07/16/14 12:29:48.0</t>
  </si>
  <si>
    <t>07/16/14 12:33:06.0</t>
  </si>
  <si>
    <t>07/16/14 12:33:57.5</t>
  </si>
  <si>
    <t>07/16/14 12:36:30.5</t>
  </si>
  <si>
    <t>07/16/14 12:36:45.5</t>
  </si>
  <si>
    <t>07/16/14 12:41:37.5</t>
  </si>
  <si>
    <t>07/16/14 12:41:57.0</t>
  </si>
  <si>
    <t>07/16/14 12:46:31.5</t>
  </si>
  <si>
    <t>07/16/14 12:46:37.5</t>
  </si>
  <si>
    <t>07/16/14 12:47:44.0</t>
  </si>
  <si>
    <t>07/16/14 12:47:53.5</t>
  </si>
  <si>
    <t>07/16/14 12:49:15.0</t>
  </si>
  <si>
    <t>07/16/14 12:49:21.0</t>
  </si>
  <si>
    <t>07/16/14 12:50:08.5</t>
  </si>
  <si>
    <t>07/16/14 12:50:14.5</t>
  </si>
  <si>
    <t>07/16/14 12:51:08.5</t>
  </si>
  <si>
    <t>07/16/14 12:51:17.5</t>
  </si>
  <si>
    <t>07/16/14 12:56:26.5</t>
  </si>
  <si>
    <t>07/16/14 12:56:49.0</t>
  </si>
  <si>
    <t>07/16/14 12:58:41.5</t>
  </si>
  <si>
    <t>07/16/14 12:58:49.0</t>
  </si>
  <si>
    <t>07/16/14 13:00:03.0</t>
  </si>
  <si>
    <t>07/16/14 13:00:17.5</t>
  </si>
  <si>
    <t>07/16/14 13:03:49.5</t>
  </si>
  <si>
    <t>07/16/14 13:04:05.0</t>
  </si>
  <si>
    <t>07/16/14 13:05:56.5</t>
  </si>
  <si>
    <t>07/16/14 13:06:35.5</t>
  </si>
  <si>
    <t>07/16/14 13:10:04.5</t>
  </si>
  <si>
    <t>07/16/14 13:10:12.0</t>
  </si>
  <si>
    <t>07/16/14 13:12:25.0</t>
  </si>
  <si>
    <t>07/16/14 13:12:39.0</t>
  </si>
  <si>
    <t>07/16/14 13:14:25.0</t>
  </si>
  <si>
    <t>07/16/14 13:15:25.0</t>
  </si>
  <si>
    <t>07/16/14 13:19:05.5</t>
  </si>
  <si>
    <t>07/16/14 13:19:10.5</t>
  </si>
  <si>
    <t>07/16/14 13:19:57.0</t>
  </si>
  <si>
    <t>07/16/14 13:20:05.5</t>
  </si>
  <si>
    <t>07/16/14 13:21:55.5</t>
  </si>
  <si>
    <t>07/16/14 13:22:03.5</t>
  </si>
  <si>
    <t>07/16/14 13:22:50.5</t>
  </si>
  <si>
    <t>07/16/14 13:22:58.5</t>
  </si>
  <si>
    <t>07/16/14 13:24:28.5</t>
  </si>
  <si>
    <t>07/16/14 13:24:33.0</t>
  </si>
  <si>
    <t>07/16/14 13:26:06.5</t>
  </si>
  <si>
    <t>07/16/14 13:26:13.0</t>
  </si>
  <si>
    <t>07/16/14 13:27:58.0</t>
  </si>
  <si>
    <t>07/16/14 13:28:12.0</t>
  </si>
  <si>
    <t>07/16/14 13:32:05.5</t>
  </si>
  <si>
    <t>07/16/14 13:32:16.0</t>
  </si>
  <si>
    <t>07/16/14 13:33:02.0</t>
  </si>
  <si>
    <t>07/16/14 13:33:09.0</t>
  </si>
  <si>
    <t>07/16/14 13:35:07.5</t>
  </si>
  <si>
    <t>07/16/14 13:35:14.0</t>
  </si>
  <si>
    <t>07/16/14 13:36:12.5</t>
  </si>
  <si>
    <t>07/16/14 13:36:19.0</t>
  </si>
  <si>
    <t>07/16/14 13:37:45.5</t>
  </si>
  <si>
    <t>07/16/14 13:38:01.0</t>
  </si>
  <si>
    <t>07/16/14 13:42:34.0</t>
  </si>
  <si>
    <t>07/16/14 13:42:47.0</t>
  </si>
  <si>
    <t>07/16/14 13:43:57.0</t>
  </si>
  <si>
    <t>07/16/14 13:44:10.0</t>
  </si>
  <si>
    <t>07/16/14 13:45:11.0</t>
  </si>
  <si>
    <t>07/16/14 13:45:16.5</t>
  </si>
  <si>
    <t>07/16/14 13:46:31.5</t>
  </si>
  <si>
    <t>07/16/14 13:47:02.0</t>
  </si>
  <si>
    <t>07/16/14 13:52:20.5</t>
  </si>
  <si>
    <t>07/16/14 13:52:43.5</t>
  </si>
  <si>
    <t>07/16/14 13:54:14.0</t>
  </si>
  <si>
    <t>07/16/14 13:54:19.0</t>
  </si>
  <si>
    <t>07/16/14 13:56:11.0</t>
  </si>
  <si>
    <t>07/16/14 13:56:16.5</t>
  </si>
  <si>
    <t>07/16/14 13:59:02.0</t>
  </si>
  <si>
    <t>07/16/14 14:00:55.0</t>
  </si>
  <si>
    <t>07/16/14 14:04:08.5</t>
  </si>
  <si>
    <t>07/16/14 14:04:15.0</t>
  </si>
  <si>
    <t>07/16/14 14:08:17.5</t>
  </si>
  <si>
    <t>07/16/14 14:08:25.5</t>
  </si>
  <si>
    <t>07/16/14 14:11:01.0</t>
  </si>
  <si>
    <t>07/16/14 14:11:07.5</t>
  </si>
  <si>
    <t>07/16/14 14:12:24.5</t>
  </si>
  <si>
    <t>07/16/14 14:12:30.0</t>
  </si>
  <si>
    <t>07/16/14 14:13:04.5</t>
  </si>
  <si>
    <t>07/16/14 14:13:11.5</t>
  </si>
  <si>
    <t>07/16/14 14:14:09.5</t>
  </si>
  <si>
    <t>07/16/14 14:14:18.0</t>
  </si>
  <si>
    <t>07/16/14 14:16:53.0</t>
  </si>
  <si>
    <t>07/16/14 14:18:36.5</t>
  </si>
  <si>
    <t>07/16/14 14:22:24.0</t>
  </si>
  <si>
    <t>07/16/14 14:22:43.0</t>
  </si>
  <si>
    <t>07/16/14 14:24:59.0</t>
  </si>
  <si>
    <t>07/16/14 14:25:08.5</t>
  </si>
  <si>
    <t>07/16/14 14:25:42.5</t>
  </si>
  <si>
    <t>07/16/14 14:25:46.5</t>
  </si>
  <si>
    <t>07/16/14 14:26:44.5</t>
  </si>
  <si>
    <t>07/16/14 14:26:51.0</t>
  </si>
  <si>
    <t>07/16/14 14:28:54.0</t>
  </si>
  <si>
    <t>07/16/14 14:28:59.5</t>
  </si>
  <si>
    <t>07/16/14 14:29:54.5</t>
  </si>
  <si>
    <t>07/16/14 14:30:10.5</t>
  </si>
  <si>
    <t>07/16/14 14:33:54.0</t>
  </si>
  <si>
    <t>07/16/14 14:33:59.0</t>
  </si>
  <si>
    <t>07/16/14 14:35:03.0</t>
  </si>
  <si>
    <t>07/16/14 14:35:09.5</t>
  </si>
  <si>
    <t>07/16/14 14:36:20.0</t>
  </si>
  <si>
    <t>07/16/14 14:36:28.0</t>
  </si>
  <si>
    <t>07/16/14 14:37:35.0</t>
  </si>
  <si>
    <t>07/16/14 14:37:59.0</t>
  </si>
  <si>
    <t>07/16/14 14:39:11.5</t>
  </si>
  <si>
    <t>07/16/14 14:39:19.0</t>
  </si>
  <si>
    <t>07/16/14 14:41:53.0</t>
  </si>
  <si>
    <t>07/16/14 14:42:34.0</t>
  </si>
  <si>
    <t>07/16/14 14:48:08.0</t>
  </si>
  <si>
    <t>07/16/14 14:48:25.0</t>
  </si>
  <si>
    <t>07/16/14 14:52:23.0</t>
  </si>
  <si>
    <t>07/16/14 14:52:34.5</t>
  </si>
  <si>
    <t>07/16/14 14:58:38.0</t>
  </si>
  <si>
    <t>07/16/14 14:58:45.0</t>
  </si>
  <si>
    <t>07/16/14 15:05:57.5</t>
  </si>
  <si>
    <t>07/16/14 15:06:13.5</t>
  </si>
  <si>
    <t>07/16/14 15:10:50.5</t>
  </si>
  <si>
    <t>07/16/14 15:12:34.5</t>
  </si>
  <si>
    <t>07/16/14 15:15:31.5</t>
  </si>
  <si>
    <t>07/16/14 15:15:37.0</t>
  </si>
  <si>
    <t>07/16/14 15:16:20.5</t>
  </si>
  <si>
    <t>07/16/14 15:16:27.5</t>
  </si>
  <si>
    <t>07/16/14 15:23:27.0</t>
  </si>
  <si>
    <t>07/16/14 15:23:39.5</t>
  </si>
  <si>
    <t>07/16/14 15:38:13.5</t>
  </si>
  <si>
    <t>07/16/14 15:40:13.5</t>
  </si>
  <si>
    <t>07/16/14 15:43:48.0</t>
  </si>
  <si>
    <t>07/16/14 15:44:21.0</t>
  </si>
  <si>
    <t>07/16/14 15:50:25.0</t>
  </si>
  <si>
    <t>07/16/14 15:50:35.0</t>
  </si>
  <si>
    <t>07/16/14 15:56:48.5</t>
  </si>
  <si>
    <t>07/16/14 15:56:59.0</t>
  </si>
  <si>
    <t>07/16/14 16:00:26.0</t>
  </si>
  <si>
    <t>07/16/14 16:00:36.0</t>
  </si>
  <si>
    <t>07/16/14 16:06:01.5</t>
  </si>
  <si>
    <t>07/16/14 16:06:38.5</t>
  </si>
  <si>
    <t>07/16/14 16:14:22.0</t>
  </si>
  <si>
    <t>07/16/14 16:14:42.0</t>
  </si>
  <si>
    <t>07/16/14 16:19:14.0</t>
  </si>
  <si>
    <t>07/16/14 16:19:24.0</t>
  </si>
  <si>
    <t>07/16/14 16:22:11.0</t>
  </si>
  <si>
    <t>07/16/14 16:22:23.5</t>
  </si>
  <si>
    <t>07/16/14 16:23:04.0</t>
  </si>
  <si>
    <t>07/16/14 16:23:07.5</t>
  </si>
  <si>
    <t>07/16/14 16:23:46.0</t>
  </si>
  <si>
    <t>07/16/14 16:23:50.0</t>
  </si>
  <si>
    <t>07/16/14 16:24:39.5</t>
  </si>
  <si>
    <t>07/16/14 16:24:44.0</t>
  </si>
  <si>
    <t>07/16/14 16:25:45.0</t>
  </si>
  <si>
    <t>07/16/14 16:25:53.0</t>
  </si>
  <si>
    <t>07/16/14 16:26:41.5</t>
  </si>
  <si>
    <t>07/16/14 16:26:48.0</t>
  </si>
  <si>
    <t>07/16/14 16:28:27.5</t>
  </si>
  <si>
    <t>07/16/14 16:28:35.0</t>
  </si>
  <si>
    <t>07/16/14 16:30:12.5</t>
  </si>
  <si>
    <t>07/16/14 16:30:54.5</t>
  </si>
  <si>
    <t>07/16/14 16:32:20.5</t>
  </si>
  <si>
    <t>07/16/14 16:32:25.0</t>
  </si>
  <si>
    <t>07/16/14 16:33:04.0</t>
  </si>
  <si>
    <t>07/16/14 16:33:07.5</t>
  </si>
  <si>
    <t>07/16/14 16:34:12.0</t>
  </si>
  <si>
    <t>07/16/14 16:34:25.0</t>
  </si>
  <si>
    <t>07/16/14 16:36:11.5</t>
  </si>
  <si>
    <t>07/16/14 16:36:19.5</t>
  </si>
  <si>
    <t>07/16/14 16:39:53.0</t>
  </si>
  <si>
    <t>07/16/14 16:40:04.5</t>
  </si>
  <si>
    <t>07/16/14 16:44:31.0</t>
  </si>
  <si>
    <t>07/16/14 16:44:37.0</t>
  </si>
  <si>
    <t>07/16/14 16:47:37.5</t>
  </si>
  <si>
    <t>07/16/14 16:47:56.5</t>
  </si>
  <si>
    <t>07/16/14 16:49:41.0</t>
  </si>
  <si>
    <t>07/16/14 16:49:51.0</t>
  </si>
  <si>
    <t>07/16/14 16:53:01.5</t>
  </si>
  <si>
    <t>07/16/14 16:53:13.5</t>
  </si>
  <si>
    <t>07/16/14 18:03:33.5</t>
  </si>
  <si>
    <t>07/16/14 18:03:46.5</t>
  </si>
  <si>
    <t>07/16/14 18:22:06.5</t>
  </si>
  <si>
    <t>07/16/14 18:22:16.0</t>
  </si>
  <si>
    <t>07/16/14 18:23:22.5</t>
  </si>
  <si>
    <t>07/16/14 18:23:27.0</t>
  </si>
  <si>
    <t>07/16/14 18:24:16.0</t>
  </si>
  <si>
    <t>07/16/14 18:24:23.5</t>
  </si>
  <si>
    <t>07/16/14 18:25:44.0</t>
  </si>
  <si>
    <t>07/16/14 18:26:18.5</t>
  </si>
  <si>
    <t>07/16/14 18:31:28.5</t>
  </si>
  <si>
    <t>07/16/14 18:31:35.5</t>
  </si>
  <si>
    <t>07/16/14 18:32:39.0</t>
  </si>
  <si>
    <t>07/16/14 18:32:46.0</t>
  </si>
  <si>
    <t>07/16/14 18:34:26.5</t>
  </si>
  <si>
    <t>07/16/14 18:34:33.5</t>
  </si>
  <si>
    <t>07/16/14 18:36:04.5</t>
  </si>
  <si>
    <t>07/16/14 18:37:46.0</t>
  </si>
  <si>
    <t>07/16/14 18:38:47.0</t>
  </si>
  <si>
    <t>07/16/14 18:38:52.0</t>
  </si>
  <si>
    <t>07/16/14 18:39:42.0</t>
  </si>
  <si>
    <t>07/16/14 18:39:50.0</t>
  </si>
  <si>
    <t>07/16/14 18:43:08.5</t>
  </si>
  <si>
    <t>07/16/14 18:43:15.0</t>
  </si>
  <si>
    <t>07/16/14 18:48:04.0</t>
  </si>
  <si>
    <t>07/16/14 18:48:20.5</t>
  </si>
  <si>
    <t>07/16/14 18:50:30.5</t>
  </si>
  <si>
    <t>07/16/14 18:51:05.0</t>
  </si>
  <si>
    <t>07/16/14 18:52:58.0</t>
  </si>
  <si>
    <t>07/16/14 18:53:26.0</t>
  </si>
  <si>
    <t>07/16/14 18:54:32.0</t>
  </si>
  <si>
    <t>07/16/14 18:54:39.0</t>
  </si>
  <si>
    <t>07/16/14 18:56:11.0</t>
  </si>
  <si>
    <t>07/16/14 18:56:19.5</t>
  </si>
  <si>
    <t>07/16/14 18:59:56.5</t>
  </si>
  <si>
    <t>07/16/14 19:00:04.5</t>
  </si>
  <si>
    <t>07/16/14 19:00:41.5</t>
  </si>
  <si>
    <t>07/16/14 19:00:46.5</t>
  </si>
  <si>
    <t>07/16/14 19:01:30.0</t>
  </si>
  <si>
    <t>07/16/14 19:01:40.5</t>
  </si>
  <si>
    <t>07/16/14 19:02:50.0</t>
  </si>
  <si>
    <t>07/16/14 19:02:57.0</t>
  </si>
  <si>
    <t>07/16/14 19:06:48.5</t>
  </si>
  <si>
    <t>07/16/14 19:06:59.0</t>
  </si>
  <si>
    <t>07/16/14 19:10:12.0</t>
  </si>
  <si>
    <t>07/16/14 19:10:22.0</t>
  </si>
  <si>
    <t>07/16/14 19:15:19.5</t>
  </si>
  <si>
    <t>07/16/14 19:15:30.5</t>
  </si>
  <si>
    <t>07/16/14 19:16:56.5</t>
  </si>
  <si>
    <t>07/16/14 19:17:04.5</t>
  </si>
  <si>
    <t>07/16/14 19:19:09.5</t>
  </si>
  <si>
    <t>07/16/14 19:19:25.5</t>
  </si>
  <si>
    <t>07/16/14 19:24:52.0</t>
  </si>
  <si>
    <t>07/16/14 19:25:07.0</t>
  </si>
  <si>
    <t>07/16/14 19:26:56.5</t>
  </si>
  <si>
    <t>07/16/14 19:27:08.0</t>
  </si>
  <si>
    <t>07/16/14 19:28:08.5</t>
  </si>
  <si>
    <t>07/16/14 19:28:15.0</t>
  </si>
  <si>
    <t>07/16/14 19:29:04.0</t>
  </si>
  <si>
    <t>07/16/14 19:29:10.0</t>
  </si>
  <si>
    <t>07/16/14 19:30:17.0</t>
  </si>
  <si>
    <t>07/16/14 19:30:25.0</t>
  </si>
  <si>
    <t>07/16/14 19:31:32.0</t>
  </si>
  <si>
    <t>07/16/14 19:31:40.0</t>
  </si>
  <si>
    <t>07/16/14 19:32:59.5</t>
  </si>
  <si>
    <t>07/16/14 19:33:12.0</t>
  </si>
  <si>
    <t>07/16/14 19:36:36.5</t>
  </si>
  <si>
    <t>07/16/14 19:36:49.5</t>
  </si>
  <si>
    <t>07/16/14 19:38:57.5</t>
  </si>
  <si>
    <t>07/16/14 19:39:04.0</t>
  </si>
  <si>
    <t>07/16/14 19:40:28.0</t>
  </si>
  <si>
    <t>07/16/14 19:40:37.0</t>
  </si>
  <si>
    <t>07/16/14 19:42:45.0</t>
  </si>
  <si>
    <t>07/16/14 19:42:53.0</t>
  </si>
  <si>
    <t>07/16/14 19:44:55.5</t>
  </si>
  <si>
    <t>07/16/14 19:45:08.0</t>
  </si>
  <si>
    <t>07/16/14 19:48:01.0</t>
  </si>
  <si>
    <t>07/16/14 19:48:13.5</t>
  </si>
  <si>
    <t>07/16/14 19:50:30.0</t>
  </si>
  <si>
    <t>07/16/14 19:50:41.0</t>
  </si>
  <si>
    <t>07/16/14 19:57:55.5</t>
  </si>
  <si>
    <t>07/17/14 02:10:24.5</t>
  </si>
  <si>
    <t>07/17/14 08:08:15.5</t>
  </si>
  <si>
    <t>07/17/14 08:20:26.0</t>
  </si>
  <si>
    <t>07/17/14 08:57:20.5</t>
  </si>
  <si>
    <t>07/17/14 08:57:35.5</t>
  </si>
  <si>
    <t>07/17/14 09:18:15.5</t>
  </si>
  <si>
    <t>07/17/14 09:24:59.0</t>
  </si>
  <si>
    <t>07/17/14 09:43:54.5</t>
  </si>
  <si>
    <t>07/17/14 09:44:09.0</t>
  </si>
  <si>
    <t>07/17/14 09:49:52.0</t>
  </si>
  <si>
    <t>07/17/14 09:50:28.0</t>
  </si>
  <si>
    <t>07/17/14 09:56:58.5</t>
  </si>
  <si>
    <t>07/17/14 09:57:08.0</t>
  </si>
  <si>
    <t>07/17/14 09:59:18.5</t>
  </si>
  <si>
    <t>07/17/14 10:03:15.5</t>
  </si>
  <si>
    <t>07/17/14 10:11:20.0</t>
  </si>
  <si>
    <t>07/17/14 10:18:33.0</t>
  </si>
  <si>
    <t>07/17/14 10:22:04.0</t>
  </si>
  <si>
    <t>07/17/14 10:22:18.5</t>
  </si>
  <si>
    <t>07/17/14 10:26:20.5</t>
  </si>
  <si>
    <t>07/17/14 10:26:33.0</t>
  </si>
  <si>
    <t>07/17/14 10:37:53.5</t>
  </si>
  <si>
    <t>07/17/14 10:38:14.5</t>
  </si>
  <si>
    <t>07/17/14 10:55:49.5</t>
  </si>
  <si>
    <t>07/17/14 10:59:00.0</t>
  </si>
  <si>
    <t>07/17/14 11:03:31.0</t>
  </si>
  <si>
    <t>07/17/14 11:03:43.0</t>
  </si>
  <si>
    <t>07/17/14 11:12:39.5</t>
  </si>
  <si>
    <t>07/17/14 11:12:55.0</t>
  </si>
  <si>
    <t>07/17/14 11:19:19.0</t>
  </si>
  <si>
    <t>07/17/14 11:20:07.0</t>
  </si>
  <si>
    <t>07/17/14 11:25:36.5</t>
  </si>
  <si>
    <t>07/17/14 11:26:04.5</t>
  </si>
  <si>
    <t>07/17/14 11:40:03.0</t>
  </si>
  <si>
    <t>07/17/14 11:40:24.0</t>
  </si>
  <si>
    <t>07/17/14 11:45:16.0</t>
  </si>
  <si>
    <t>07/17/14 11:45:30.5</t>
  </si>
  <si>
    <t>07/17/14 11:54:33.5</t>
  </si>
  <si>
    <t>07/17/14 11:54:56.0</t>
  </si>
  <si>
    <t>07/17/14 11:58:04.5</t>
  </si>
  <si>
    <t>07/17/14 11:58:17.5</t>
  </si>
  <si>
    <t>07/17/14 12:05:07.5</t>
  </si>
  <si>
    <t>07/17/14 12:05:18.0</t>
  </si>
  <si>
    <t>07/17/14 12:08:24.0</t>
  </si>
  <si>
    <t>07/17/14 12:08:50.5</t>
  </si>
  <si>
    <t>07/17/14 12:13:00.5</t>
  </si>
  <si>
    <t>07/17/14 12:14:10.0</t>
  </si>
  <si>
    <t>07/17/14 12:22:06.0</t>
  </si>
  <si>
    <t>07/17/14 12:22:23.0</t>
  </si>
  <si>
    <t>07/17/14 12:27:06.0</t>
  </si>
  <si>
    <t>07/17/14 12:27:18.0</t>
  </si>
  <si>
    <t>07/17/14 12:32:22.5</t>
  </si>
  <si>
    <t>07/17/14 12:32:31.0</t>
  </si>
  <si>
    <t>07/17/14 12:35:24.5</t>
  </si>
  <si>
    <t>07/17/14 12:35:44.5</t>
  </si>
  <si>
    <t>07/17/14 12:38:39.5</t>
  </si>
  <si>
    <t>07/17/14 12:38:46.5</t>
  </si>
  <si>
    <t>07/17/14 12:46:33.5</t>
  </si>
  <si>
    <t>07/17/14 12:46:43.5</t>
  </si>
  <si>
    <t>07/17/14 12:48:25.5</t>
  </si>
  <si>
    <t>07/17/14 12:48:32.0</t>
  </si>
  <si>
    <t>07/17/14 12:50:50.5</t>
  </si>
  <si>
    <t>07/17/14 12:50:58.5</t>
  </si>
  <si>
    <t>07/17/14 12:56:36.0</t>
  </si>
  <si>
    <t>07/17/14 12:56:43.5</t>
  </si>
  <si>
    <t>07/17/14 12:57:51.5</t>
  </si>
  <si>
    <t>07/17/14 12:57:58.0</t>
  </si>
  <si>
    <t>07/17/14 12:59:27.5</t>
  </si>
  <si>
    <t>07/17/14 12:59:36.5</t>
  </si>
  <si>
    <t>07/17/14 13:02:12.0</t>
  </si>
  <si>
    <t>07/17/14 13:02:26.5</t>
  </si>
  <si>
    <t>07/17/14 13:08:07.0</t>
  </si>
  <si>
    <t>07/17/14 13:08:28.0</t>
  </si>
  <si>
    <t>07/17/14 13:11:16.0</t>
  </si>
  <si>
    <t>07/17/14 13:11:29.0</t>
  </si>
  <si>
    <t>07/17/14 13:15:21.5</t>
  </si>
  <si>
    <t>07/17/14 13:16:48.0</t>
  </si>
  <si>
    <t>07/17/14 13:36:06.0</t>
  </si>
  <si>
    <t>07/17/14 13:36:15.5</t>
  </si>
  <si>
    <t>07/17/14 13:58:40.5</t>
  </si>
  <si>
    <t>07/17/14 13:59:39.5</t>
  </si>
  <si>
    <t>07/17/14 14:02:21.5</t>
  </si>
  <si>
    <t>07/17/14 14:02:28.5</t>
  </si>
  <si>
    <t>07/17/14 14:03:51.0</t>
  </si>
  <si>
    <t>07/17/14 14:04:03.5</t>
  </si>
  <si>
    <t>07/17/14 14:15:06.0</t>
  </si>
  <si>
    <t>07/17/14 14:20:14.0</t>
  </si>
  <si>
    <t>07/17/14 14:22:05.5</t>
  </si>
  <si>
    <t>07/17/14 14:22:13.5</t>
  </si>
  <si>
    <t>07/17/14 14:23:20.0</t>
  </si>
  <si>
    <t>07/17/14 14:23:25.5</t>
  </si>
  <si>
    <t>07/17/14 14:30:28.0</t>
  </si>
  <si>
    <t>07/17/14 14:30:42.0</t>
  </si>
  <si>
    <t>07/17/14 14:34:55.0</t>
  </si>
  <si>
    <t>07/17/14 14:35:07.0</t>
  </si>
  <si>
    <t>07/17/14 14:39:10.0</t>
  </si>
  <si>
    <t>07/17/14 14:40:07.0</t>
  </si>
  <si>
    <t>07/17/14 14:41:50.0</t>
  </si>
  <si>
    <t>07/17/14 14:41:55.5</t>
  </si>
  <si>
    <t>07/17/14 14:42:46.5</t>
  </si>
  <si>
    <t>07/17/14 14:42:53.5</t>
  </si>
  <si>
    <t>07/17/14 14:43:36.0</t>
  </si>
  <si>
    <t>07/17/14 14:43:40.5</t>
  </si>
  <si>
    <t>07/17/14 14:47:35.5</t>
  </si>
  <si>
    <t>07/17/14 14:47:42.0</t>
  </si>
  <si>
    <t>07/17/14 14:49:00.0</t>
  </si>
  <si>
    <t>07/17/14 14:49:07.0</t>
  </si>
  <si>
    <t>07/17/14 14:50:12.5</t>
  </si>
  <si>
    <t>07/17/14 14:50:24.0</t>
  </si>
  <si>
    <t>07/17/14 15:01:12.0</t>
  </si>
  <si>
    <t>07/17/14 15:01:26.5</t>
  </si>
  <si>
    <t>07/17/14 15:15:44.5</t>
  </si>
  <si>
    <t>07/17/14 15:15:53.5</t>
  </si>
  <si>
    <t>07/17/14 15:19:00.5</t>
  </si>
  <si>
    <t>07/17/14 15:19:08.5</t>
  </si>
  <si>
    <t>07/17/14 15:25:28.5</t>
  </si>
  <si>
    <t>07/17/14 15:25:39.5</t>
  </si>
  <si>
    <t>07/17/14 15:31:02.5</t>
  </si>
  <si>
    <t>07/17/14 15:31:30.0</t>
  </si>
  <si>
    <t>07/17/14 15:34:06.5</t>
  </si>
  <si>
    <t>07/17/14 15:34:14.0</t>
  </si>
  <si>
    <t>07/17/14 15:36:26.0</t>
  </si>
  <si>
    <t>07/17/14 15:36:51.5</t>
  </si>
  <si>
    <t>07/17/14 15:38:41.0</t>
  </si>
  <si>
    <t>07/17/14 15:38:56.0</t>
  </si>
  <si>
    <t>07/17/14 15:43:43.5</t>
  </si>
  <si>
    <t>07/17/14 15:43:57.5</t>
  </si>
  <si>
    <t>07/17/14 15:47:50.5</t>
  </si>
  <si>
    <t>07/17/14 15:47:58.0</t>
  </si>
  <si>
    <t>07/17/14 15:49:37.0</t>
  </si>
  <si>
    <t>07/17/14 15:49:44.5</t>
  </si>
  <si>
    <t>07/17/14 15:51:36.0</t>
  </si>
  <si>
    <t>07/17/14 15:51:45.0</t>
  </si>
  <si>
    <t>07/17/14 15:53:23.0</t>
  </si>
  <si>
    <t>07/17/14 15:53:33.5</t>
  </si>
  <si>
    <t>07/17/14 15:55:06.0</t>
  </si>
  <si>
    <t>07/17/14 15:55:24.5</t>
  </si>
  <si>
    <t>07/17/14 15:59:17.0</t>
  </si>
  <si>
    <t>07/17/14 15:59:25.5</t>
  </si>
  <si>
    <t>07/17/14 16:02:41.0</t>
  </si>
  <si>
    <t>07/17/14 16:02:51.5</t>
  </si>
  <si>
    <t>07/17/14 16:07:11.0</t>
  </si>
  <si>
    <t>07/17/14 16:07:33.5</t>
  </si>
  <si>
    <t>07/17/14 16:12:36.5</t>
  </si>
  <si>
    <t>07/17/14 16:13:01.5</t>
  </si>
  <si>
    <t>07/17/14 16:17:13.0</t>
  </si>
  <si>
    <t>07/17/14 16:17:34.5</t>
  </si>
  <si>
    <t>07/17/14 16:23:05.5</t>
  </si>
  <si>
    <t>07/17/14 16:23:24.0</t>
  </si>
  <si>
    <t>07/17/14 16:29:59.5</t>
  </si>
  <si>
    <t>07/17/14 16:30:19.5</t>
  </si>
  <si>
    <t>07/17/14 16:32:10.5</t>
  </si>
  <si>
    <t>07/17/14 16:32:24.5</t>
  </si>
  <si>
    <t>07/17/14 16:35:04.5</t>
  </si>
  <si>
    <t>07/17/14 16:35:20.0</t>
  </si>
  <si>
    <t>07/17/14 16:37:12.5</t>
  </si>
  <si>
    <t>07/17/14 16:37:19.5</t>
  </si>
  <si>
    <t>07/17/14 16:38:04.0</t>
  </si>
  <si>
    <t>07/17/14 16:38:11.5</t>
  </si>
  <si>
    <t>07/17/14 16:39:11.0</t>
  </si>
  <si>
    <t>07/17/14 16:39:19.5</t>
  </si>
  <si>
    <t>07/17/14 16:40:11.0</t>
  </si>
  <si>
    <t>07/17/14 16:40:20.0</t>
  </si>
  <si>
    <t>07/17/14 16:41:28.5</t>
  </si>
  <si>
    <t>07/17/14 16:41:35.0</t>
  </si>
  <si>
    <t>07/17/14 16:42:25.0</t>
  </si>
  <si>
    <t>07/17/14 16:42:30.0</t>
  </si>
  <si>
    <t>07/17/14 16:43:00.5</t>
  </si>
  <si>
    <t>07/17/14 16:43:06.0</t>
  </si>
  <si>
    <t>07/17/14 16:44:04.0</t>
  </si>
  <si>
    <t>07/17/14 16:44:09.0</t>
  </si>
  <si>
    <t>07/17/14 16:44:45.5</t>
  </si>
  <si>
    <t>07/17/14 16:44:50.0</t>
  </si>
  <si>
    <t>07/17/14 16:45:53.0</t>
  </si>
  <si>
    <t>07/17/14 16:46:01.0</t>
  </si>
  <si>
    <t>07/17/14 16:47:16.5</t>
  </si>
  <si>
    <t>07/17/14 16:47:29.5</t>
  </si>
  <si>
    <t>07/17/14 16:48:58.5</t>
  </si>
  <si>
    <t>07/17/14 16:49:07.5</t>
  </si>
  <si>
    <t>07/17/14 16:50:06.5</t>
  </si>
  <si>
    <t>07/17/14 16:50:14.0</t>
  </si>
  <si>
    <t>07/17/14 16:51:49.5</t>
  </si>
  <si>
    <t>07/17/14 16:51:57.5</t>
  </si>
  <si>
    <t>07/17/14 16:55:21.0</t>
  </si>
  <si>
    <t>07/17/14 16:59:31.5</t>
  </si>
  <si>
    <t>07/17/14 17:13:01.5</t>
  </si>
  <si>
    <t>07/17/14 17:13:12.0</t>
  </si>
  <si>
    <t>07/17/14 17:38:34.0</t>
  </si>
  <si>
    <t>07/17/14 17:41:30.5</t>
  </si>
  <si>
    <t>07/17/14 17:45:02.5</t>
  </si>
  <si>
    <t>07/17/14 17:45:10.0</t>
  </si>
  <si>
    <t>07/17/14 17:47:39.0</t>
  </si>
  <si>
    <t>07/17/14 17:47:53.0</t>
  </si>
  <si>
    <t>07/17/14 17:56:05.0</t>
  </si>
  <si>
    <t>07/17/14 18:05:54.5</t>
  </si>
  <si>
    <t>07/17/14 18:09:18.5</t>
  </si>
  <si>
    <t>07/17/14 18:09:34.5</t>
  </si>
  <si>
    <t>07/17/14 18:11:42.5</t>
  </si>
  <si>
    <t>07/17/14 18:11:52.0</t>
  </si>
  <si>
    <t>07/17/14 18:13:19.0</t>
  </si>
  <si>
    <t>07/17/14 18:13:28.0</t>
  </si>
  <si>
    <t>07/17/14 18:30:19.0</t>
  </si>
  <si>
    <t>07/17/14 18:32:13.5</t>
  </si>
  <si>
    <t>07/17/14 18:33:43.0</t>
  </si>
  <si>
    <t>07/17/14 18:33:51.5</t>
  </si>
  <si>
    <t>07/17/14 18:35:33.5</t>
  </si>
  <si>
    <t>07/17/14 18:35:41.5</t>
  </si>
  <si>
    <t>07/17/14 18:37:06.0</t>
  </si>
  <si>
    <t>07/17/14 18:37:15.5</t>
  </si>
  <si>
    <t>07/17/14 18:38:37.5</t>
  </si>
  <si>
    <t>07/17/14 18:38:51.0</t>
  </si>
  <si>
    <t>07/17/14 18:49:15.5</t>
  </si>
  <si>
    <t>07/17/14 18:49:30.5</t>
  </si>
  <si>
    <t>07/17/14 19:41:52.0</t>
  </si>
  <si>
    <t>07/17/14 19:42:14.5</t>
  </si>
  <si>
    <t>07/18/14 08:34:35.0</t>
  </si>
  <si>
    <t>07/18/14 08:42:47.5</t>
  </si>
  <si>
    <t>07/18/14 09:02:29.0</t>
  </si>
  <si>
    <t>07/18/14 09:03:54.5</t>
  </si>
  <si>
    <t>07/18/14 09:13:38.5</t>
  </si>
  <si>
    <t>07/18/14 09:14:54.5</t>
  </si>
  <si>
    <t>07/18/14 09:22:28.5</t>
  </si>
  <si>
    <t>07/18/14 09:22:38.0</t>
  </si>
  <si>
    <t>07/18/14 09:34:09.0</t>
  </si>
  <si>
    <t>07/18/14 09:35:32.0</t>
  </si>
  <si>
    <t>07/18/14 10:06:17.5</t>
  </si>
  <si>
    <t>07/18/14 10:06:36.5</t>
  </si>
  <si>
    <t>07/18/14 10:17:57.0</t>
  </si>
  <si>
    <t>07/18/14 10:18:11.5</t>
  </si>
  <si>
    <t>07/18/14 10:29:22.5</t>
  </si>
  <si>
    <t>07/18/14 10:29:37.5</t>
  </si>
  <si>
    <t>07/18/14 10:34:20.0</t>
  </si>
  <si>
    <t>07/18/14 10:34:35.5</t>
  </si>
  <si>
    <t>07/18/14 10:39:32.0</t>
  </si>
  <si>
    <t>07/18/14 10:40:21.0</t>
  </si>
  <si>
    <t>07/18/14 10:44:18.0</t>
  </si>
  <si>
    <t>07/18/14 10:56:49.0</t>
  </si>
  <si>
    <t>07/18/14 10:57:48.0</t>
  </si>
  <si>
    <t>07/18/14 11:02:55.0</t>
  </si>
  <si>
    <t>07/18/14 11:03:39.5</t>
  </si>
  <si>
    <t>07/18/14 11:07:56.5</t>
  </si>
  <si>
    <t>07/18/14 11:08:17.5</t>
  </si>
  <si>
    <t>07/18/14 11:24:58.5</t>
  </si>
  <si>
    <t>07/18/14 11:29:14.0</t>
  </si>
  <si>
    <t>07/18/14 11:36:40.5</t>
  </si>
  <si>
    <t>07/18/14 11:37:01.5</t>
  </si>
  <si>
    <t>07/18/14 11:48:41.5</t>
  </si>
  <si>
    <t>07/18/14 11:49:15.5</t>
  </si>
  <si>
    <t>07/18/14 11:58:30.5</t>
  </si>
  <si>
    <t>07/18/14 12:04:02.5</t>
  </si>
  <si>
    <t>07/18/14 12:08:13.5</t>
  </si>
  <si>
    <t>07/18/14 12:08:21.5</t>
  </si>
  <si>
    <t>07/18/14 12:09:42.0</t>
  </si>
  <si>
    <t>07/18/14 12:10:00.0</t>
  </si>
  <si>
    <t>07/18/14 12:16:46.0</t>
  </si>
  <si>
    <t>07/18/14 12:18:12.5</t>
  </si>
  <si>
    <t>07/18/14 12:24:39.5</t>
  </si>
  <si>
    <t>07/18/14 12:24:59.0</t>
  </si>
  <si>
    <t>07/18/14 12:27:49.5</t>
  </si>
  <si>
    <t>07/18/14 12:28:19.0</t>
  </si>
  <si>
    <t>07/18/14 12:32:40.0</t>
  </si>
  <si>
    <t>07/18/14 12:32:55.5</t>
  </si>
  <si>
    <t>07/18/14 12:36:55.5</t>
  </si>
  <si>
    <t>07/18/14 12:37:01.5</t>
  </si>
  <si>
    <t>07/18/14 12:41:03.0</t>
  </si>
  <si>
    <t>07/18/14 12:41:41.0</t>
  </si>
  <si>
    <t>07/18/14 12:47:34.5</t>
  </si>
  <si>
    <t>07/18/14 12:47:50.0</t>
  </si>
  <si>
    <t>07/18/14 12:54:54.0</t>
  </si>
  <si>
    <t>07/18/14 12:56:43.0</t>
  </si>
  <si>
    <t>07/18/14 13:02:06.5</t>
  </si>
  <si>
    <t>07/18/14 13:02:18.0</t>
  </si>
  <si>
    <t>07/18/14 13:06:09.0</t>
  </si>
  <si>
    <t>07/18/14 13:07:07.0</t>
  </si>
  <si>
    <t>07/18/14 13:08:20.0</t>
  </si>
  <si>
    <t>07/18/14 13:08:32.5</t>
  </si>
  <si>
    <t>07/18/14 13:13:21.0</t>
  </si>
  <si>
    <t>07/18/14 13:13:41.5</t>
  </si>
  <si>
    <t>07/18/14 13:19:54.0</t>
  </si>
  <si>
    <t>07/18/14 13:20:02.5</t>
  </si>
  <si>
    <t>07/18/14 13:23:41.0</t>
  </si>
  <si>
    <t>07/18/14 13:24:03.0</t>
  </si>
  <si>
    <t>07/18/14 13:33:25.5</t>
  </si>
  <si>
    <t>07/18/14 13:33:53.5</t>
  </si>
  <si>
    <t>07/18/14 13:46:33.5</t>
  </si>
  <si>
    <t>07/18/14 13:46:42.5</t>
  </si>
  <si>
    <t>07/18/14 13:53:57.5</t>
  </si>
  <si>
    <t>07/18/14 13:54:11.0</t>
  </si>
  <si>
    <t>07/18/14 14:02:18.5</t>
  </si>
  <si>
    <t>07/18/14 14:02:26.0</t>
  </si>
  <si>
    <t>07/18/14 14:09:10.0</t>
  </si>
  <si>
    <t>07/18/14 14:09:33.0</t>
  </si>
  <si>
    <t>07/18/14 14:16:42.0</t>
  </si>
  <si>
    <t>07/18/14 14:16:58.5</t>
  </si>
  <si>
    <t>07/18/14 14:20:30.5</t>
  </si>
  <si>
    <t>07/18/14 14:20:36.5</t>
  </si>
  <si>
    <t>07/18/14 14:27:25.0</t>
  </si>
  <si>
    <t>07/18/14 14:29:43.5</t>
  </si>
  <si>
    <t>07/18/14 14:30:53.0</t>
  </si>
  <si>
    <t>07/18/14 14:31:01.0</t>
  </si>
  <si>
    <t>07/18/14 14:37:06.5</t>
  </si>
  <si>
    <t>07/18/14 14:39:02.5</t>
  </si>
  <si>
    <t>07/18/14 14:41:06.0</t>
  </si>
  <si>
    <t>07/18/14 14:41:40.5</t>
  </si>
  <si>
    <t>07/18/14 14:46:33.0</t>
  </si>
  <si>
    <t>07/18/14 14:46:39.0</t>
  </si>
  <si>
    <t>07/18/14 14:47:38.5</t>
  </si>
  <si>
    <t>07/18/14 14:47:47.5</t>
  </si>
  <si>
    <t>07/18/14 14:49:01.5</t>
  </si>
  <si>
    <t>07/18/14 14:49:11.5</t>
  </si>
  <si>
    <t>07/18/14 14:51:10.0</t>
  </si>
  <si>
    <t>07/18/14 14:51:19.5</t>
  </si>
  <si>
    <t>07/18/14 14:53:17.5</t>
  </si>
  <si>
    <t>07/18/14 14:53:27.5</t>
  </si>
  <si>
    <t>07/18/14 14:55:32.0</t>
  </si>
  <si>
    <t>07/18/14 14:55:38.5</t>
  </si>
  <si>
    <t>07/18/14 14:56:53.0</t>
  </si>
  <si>
    <t>07/18/14 14:57:14.0</t>
  </si>
  <si>
    <t>07/18/14 15:10:30.5</t>
  </si>
  <si>
    <t>07/18/14 15:10:47.0</t>
  </si>
  <si>
    <t>07/18/14 15:16:38.5</t>
  </si>
  <si>
    <t>07/18/14 15:17:28.5</t>
  </si>
  <si>
    <t>07/18/14 15:18:51.0</t>
  </si>
  <si>
    <t>07/18/14 15:19:02.5</t>
  </si>
  <si>
    <t>07/18/14 15:28:18.0</t>
  </si>
  <si>
    <t>07/18/14 15:28:26.0</t>
  </si>
  <si>
    <t>07/18/14 15:29:59.0</t>
  </si>
  <si>
    <t>07/18/14 15:30:04.5</t>
  </si>
  <si>
    <t>07/18/14 15:31:10.5</t>
  </si>
  <si>
    <t>07/18/14 15:31:16.0</t>
  </si>
  <si>
    <t>07/18/14 15:39:08.0</t>
  </si>
  <si>
    <t>07/18/14 15:40:33.0</t>
  </si>
  <si>
    <t>07/18/14 15:49:40.5</t>
  </si>
  <si>
    <t>07/18/14 15:49:55.5</t>
  </si>
  <si>
    <t>07/18/14 15:54:55.5</t>
  </si>
  <si>
    <t>07/18/14 15:55:10.5</t>
  </si>
  <si>
    <t>07/18/14 15:57:01.5</t>
  </si>
  <si>
    <t>07/18/14 15:57:15.5</t>
  </si>
  <si>
    <t>07/18/14 16:01:24.5</t>
  </si>
  <si>
    <t>07/18/14 16:01:34.0</t>
  </si>
  <si>
    <t>07/18/14 16:10:16.0</t>
  </si>
  <si>
    <t>07/18/14 16:10:31.0</t>
  </si>
  <si>
    <t>07/18/14 16:17:13.0</t>
  </si>
  <si>
    <t>07/18/14 16:17:23.5</t>
  </si>
  <si>
    <t>07/18/14 16:32:43.0</t>
  </si>
  <si>
    <t>07/18/14 16:33:59.5</t>
  </si>
  <si>
    <t>07/18/14 16:57:28.0</t>
  </si>
  <si>
    <t>07/18/14 17:04:59.5</t>
  </si>
  <si>
    <t>07/18/14 17:27:48.5</t>
  </si>
  <si>
    <t>07/18/14 17:28:09.0</t>
  </si>
  <si>
    <t>07/18/14 17:35:09.0</t>
  </si>
  <si>
    <t>07/18/14 17:36:49.5</t>
  </si>
  <si>
    <t>07/18/14 17:44:10.0</t>
  </si>
  <si>
    <t>07/18/14 17:44:59.5</t>
  </si>
  <si>
    <t>07/18/14 17:54:42.5</t>
  </si>
  <si>
    <t>07/18/14 17:54:52.0</t>
  </si>
  <si>
    <t>07/18/14 18:06:41.5</t>
  </si>
  <si>
    <t>07/18/14 18:06:58.5</t>
  </si>
  <si>
    <t>07/18/14 18:39:05.0</t>
  </si>
  <si>
    <t>07/18/14 18:39:27.0</t>
  </si>
  <si>
    <t>07/18/14 18:51:53.5</t>
  </si>
  <si>
    <t>07/18/14 18:52:08.5</t>
  </si>
  <si>
    <t>07/18/14 19:19:33.5</t>
  </si>
  <si>
    <t>07/18/14 19:19:42.5</t>
  </si>
  <si>
    <t>07/18/14 19:21:37.5</t>
  </si>
  <si>
    <t>07/18/14 19:22:00.5</t>
  </si>
  <si>
    <t>07/18/14 19:25:30.0</t>
  </si>
  <si>
    <t>07/18/14 19:25:44.5</t>
  </si>
  <si>
    <t>07/18/14 19:34:44.5</t>
  </si>
  <si>
    <t>07/18/14 19:35:47.0</t>
  </si>
  <si>
    <t>07/18/14 19:47:29.5</t>
  </si>
  <si>
    <t>07/18/14 19:48:41.0</t>
  </si>
  <si>
    <t>07/19/14 07:59:14.0</t>
  </si>
  <si>
    <t>07/19/14 07:59:32.5</t>
  </si>
  <si>
    <t>07/19/14 08:44:57.5</t>
  </si>
  <si>
    <t>07/19/14 08:45:19.5</t>
  </si>
  <si>
    <t>07/19/14 09:02:19.0</t>
  </si>
  <si>
    <t>07/19/14 09:05:30.0</t>
  </si>
  <si>
    <t>07/19/14 09:35:58.5</t>
  </si>
  <si>
    <t>07/19/14 09:36:09.5</t>
  </si>
  <si>
    <t>07/19/14 09:39:30.5</t>
  </si>
  <si>
    <t>07/19/14 09:39:39.0</t>
  </si>
  <si>
    <t>07/19/14 09:42:05.5</t>
  </si>
  <si>
    <t>07/19/14 09:42:17.0</t>
  </si>
  <si>
    <t>07/19/14 09:45:41.5</t>
  </si>
  <si>
    <t>07/19/14 09:45:58.0</t>
  </si>
  <si>
    <t>07/19/14 09:50:19.5</t>
  </si>
  <si>
    <t>07/19/14 09:50:37.5</t>
  </si>
  <si>
    <t>07/19/14 10:04:14.5</t>
  </si>
  <si>
    <t>07/19/14 10:04:35.0</t>
  </si>
  <si>
    <t>07/19/14 10:19:09.0</t>
  </si>
  <si>
    <t>07/19/14 10:21:12.0</t>
  </si>
  <si>
    <t>07/19/14 10:25:16.0</t>
  </si>
  <si>
    <t>07/19/14 10:25:28.0</t>
  </si>
  <si>
    <t>07/19/14 10:26:55.5</t>
  </si>
  <si>
    <t>07/19/14 10:27:05.5</t>
  </si>
  <si>
    <t>07/19/14 10:38:10.0</t>
  </si>
  <si>
    <t>07/19/14 10:38:55.5</t>
  </si>
  <si>
    <t>07/19/14 10:42:55.5</t>
  </si>
  <si>
    <t>07/19/14 10:43:08.5</t>
  </si>
  <si>
    <t>07/19/14 10:45:43.0</t>
  </si>
  <si>
    <t>07/19/14 10:47:03.5</t>
  </si>
  <si>
    <t>07/19/14 10:58:40.0</t>
  </si>
  <si>
    <t>07/19/14 10:59:09.5</t>
  </si>
  <si>
    <t>07/19/14 11:09:20.5</t>
  </si>
  <si>
    <t>07/19/14 11:09:34.5</t>
  </si>
  <si>
    <t>07/19/14 11:24:16.0</t>
  </si>
  <si>
    <t>07/19/14 11:24:27.5</t>
  </si>
  <si>
    <t>07/19/14 11:30:16.0</t>
  </si>
  <si>
    <t>07/19/14 11:30:23.5</t>
  </si>
  <si>
    <t>07/19/14 11:32:21.0</t>
  </si>
  <si>
    <t>07/19/14 11:32:28.0</t>
  </si>
  <si>
    <t>07/19/14 11:37:05.5</t>
  </si>
  <si>
    <t>07/19/14 11:37:21.0</t>
  </si>
  <si>
    <t>07/19/14 11:42:27.5</t>
  </si>
  <si>
    <t>07/19/14 11:42:37.5</t>
  </si>
  <si>
    <t>07/19/14 11:47:23.5</t>
  </si>
  <si>
    <t>07/19/14 11:47:36.0</t>
  </si>
  <si>
    <t>07/19/14 11:51:28.0</t>
  </si>
  <si>
    <t>07/19/14 11:51:44.5</t>
  </si>
  <si>
    <t>07/19/14 11:56:42.5</t>
  </si>
  <si>
    <t>07/19/14 11:58:01.5</t>
  </si>
  <si>
    <t>07/19/14 12:04:00.0</t>
  </si>
  <si>
    <t>07/19/14 12:04:09.0</t>
  </si>
  <si>
    <t>07/19/14 12:07:33.5</t>
  </si>
  <si>
    <t>07/19/14 12:07:41.5</t>
  </si>
  <si>
    <t>07/19/14 12:13:26.0</t>
  </si>
  <si>
    <t>07/19/14 12:15:07.5</t>
  </si>
  <si>
    <t>07/19/14 12:21:19.5</t>
  </si>
  <si>
    <t>07/19/14 12:21:58.5</t>
  </si>
  <si>
    <t>07/19/14 12:26:28.0</t>
  </si>
  <si>
    <t>07/19/14 12:27:32.0</t>
  </si>
  <si>
    <t>07/19/14 12:28:25.5</t>
  </si>
  <si>
    <t>07/19/14 12:28:33.5</t>
  </si>
  <si>
    <t>07/19/14 12:29:39.5</t>
  </si>
  <si>
    <t>07/19/14 12:29:47.5</t>
  </si>
  <si>
    <t>07/19/14 12:30:56.5</t>
  </si>
  <si>
    <t>07/19/14 12:32:00.5</t>
  </si>
  <si>
    <t>07/19/14 12:42:34.0</t>
  </si>
  <si>
    <t>07/19/14 12:42:52.0</t>
  </si>
  <si>
    <t>07/19/14 12:44:46.5</t>
  </si>
  <si>
    <t>07/19/14 12:44:52.0</t>
  </si>
  <si>
    <t>07/19/14 12:45:49.0</t>
  </si>
  <si>
    <t>07/19/14 12:45:58.0</t>
  </si>
  <si>
    <t>07/19/14 12:49:28.5</t>
  </si>
  <si>
    <t>07/19/14 12:50:10.0</t>
  </si>
  <si>
    <t>07/19/14 12:56:44.5</t>
  </si>
  <si>
    <t>07/19/14 12:57:02.5</t>
  </si>
  <si>
    <t>07/19/14 12:59:54.5</t>
  </si>
  <si>
    <t>07/19/14 13:00:02.0</t>
  </si>
  <si>
    <t>07/19/14 13:01:54.5</t>
  </si>
  <si>
    <t>07/19/14 13:02:05.5</t>
  </si>
  <si>
    <t>07/19/14 13:07:15.0</t>
  </si>
  <si>
    <t>07/19/14 13:07:29.5</t>
  </si>
  <si>
    <t>07/19/14 13:14:08.5</t>
  </si>
  <si>
    <t>07/19/14 13:14:14.5</t>
  </si>
  <si>
    <t>07/19/14 13:17:15.0</t>
  </si>
  <si>
    <t>07/19/14 13:17:28.0</t>
  </si>
  <si>
    <t>07/19/14 13:19:28.5</t>
  </si>
  <si>
    <t>07/19/14 13:19:47.5</t>
  </si>
  <si>
    <t>07/19/14 13:23:17.0</t>
  </si>
  <si>
    <t>07/19/14 13:24:10.0</t>
  </si>
  <si>
    <t>07/19/14 13:31:33.0</t>
  </si>
  <si>
    <t>07/19/14 13:31:44.5</t>
  </si>
  <si>
    <t>07/19/14 13:35:27.0</t>
  </si>
  <si>
    <t>07/19/14 13:35:35.5</t>
  </si>
  <si>
    <t>07/19/14 13:45:51.0</t>
  </si>
  <si>
    <t>07/19/14 13:46:53.0</t>
  </si>
  <si>
    <t>07/19/14 13:53:28.0</t>
  </si>
  <si>
    <t>07/19/14 13:53:42.0</t>
  </si>
  <si>
    <t>07/19/14 13:56:59.0</t>
  </si>
  <si>
    <t>07/19/14 13:57:09.0</t>
  </si>
  <si>
    <t>07/19/14 14:01:46.5</t>
  </si>
  <si>
    <t>07/19/14 14:01:58.0</t>
  </si>
  <si>
    <t>07/19/14 14:13:29.0</t>
  </si>
  <si>
    <t>07/19/14 14:13:51.5</t>
  </si>
  <si>
    <t>07/19/14 14:21:23.0</t>
  </si>
  <si>
    <t>07/19/14 14:22:59.5</t>
  </si>
  <si>
    <t>07/19/14 14:24:13.5</t>
  </si>
  <si>
    <t>07/19/14 14:24:26.0</t>
  </si>
  <si>
    <t>07/19/14 14:28:37.0</t>
  </si>
  <si>
    <t>07/19/14 14:30:54.0</t>
  </si>
  <si>
    <t>07/19/14 14:37:08.5</t>
  </si>
  <si>
    <t>07/19/14 14:38:25.5</t>
  </si>
  <si>
    <t>07/19/14 14:42:08.0</t>
  </si>
  <si>
    <t>07/19/14 14:42:16.0</t>
  </si>
  <si>
    <t>07/19/14 14:53:30.0</t>
  </si>
  <si>
    <t>07/19/14 14:53:50.0</t>
  </si>
  <si>
    <t>07/19/14 14:58:06.5</t>
  </si>
  <si>
    <t>07/19/14 14:58:50.5</t>
  </si>
  <si>
    <t>07/19/14 15:00:08.5</t>
  </si>
  <si>
    <t>07/19/14 15:00:21.0</t>
  </si>
  <si>
    <t>07/19/14 15:03:31.5</t>
  </si>
  <si>
    <t>07/19/14 15:03:55.5</t>
  </si>
  <si>
    <t>07/19/14 15:13:53.5</t>
  </si>
  <si>
    <t>07/19/14 15:14:00.0</t>
  </si>
  <si>
    <t>07/19/14 15:15:52.0</t>
  </si>
  <si>
    <t>07/19/14 15:16:43.0</t>
  </si>
  <si>
    <t>07/19/14 15:21:24.0</t>
  </si>
  <si>
    <t>07/19/14 15:21:37.0</t>
  </si>
  <si>
    <t>07/19/14 15:28:22.0</t>
  </si>
  <si>
    <t>07/19/14 15:29:23.0</t>
  </si>
  <si>
    <t>07/19/14 15:33:34.5</t>
  </si>
  <si>
    <t>07/19/14 15:33:49.0</t>
  </si>
  <si>
    <t>07/19/14 15:35:09.5</t>
  </si>
  <si>
    <t>07/19/14 15:35:17.0</t>
  </si>
  <si>
    <t>07/19/14 15:48:06.0</t>
  </si>
  <si>
    <t>07/19/14 15:48:23.5</t>
  </si>
  <si>
    <t>07/19/14 15:58:50.5</t>
  </si>
  <si>
    <t>07/19/14 15:59:01.5</t>
  </si>
  <si>
    <t>07/19/14 16:07:01.5</t>
  </si>
  <si>
    <t>07/19/14 16:07:29.5</t>
  </si>
  <si>
    <t>07/19/14 16:13:39.0</t>
  </si>
  <si>
    <t>07/19/14 16:16:38.0</t>
  </si>
  <si>
    <t>07/19/14 16:19:10.5</t>
  </si>
  <si>
    <t>07/19/14 16:19:22.0</t>
  </si>
  <si>
    <t>07/19/14 16:26:16.5</t>
  </si>
  <si>
    <t>07/19/14 16:29:13.0</t>
  </si>
  <si>
    <t>07/19/14 16:36:17.0</t>
  </si>
  <si>
    <t>07/19/14 16:36:31.0</t>
  </si>
  <si>
    <t>07/19/14 16:40:26.5</t>
  </si>
  <si>
    <t>07/19/14 16:40:34.5</t>
  </si>
  <si>
    <t>07/19/14 16:52:21.5</t>
  </si>
  <si>
    <t>07/19/14 16:52:34.0</t>
  </si>
  <si>
    <t>07/19/14 16:54:28.0</t>
  </si>
  <si>
    <t>07/19/14 16:54:43.5</t>
  </si>
  <si>
    <t>07/19/14 17:01:32.0</t>
  </si>
  <si>
    <t>07/19/14 17:01:50.0</t>
  </si>
  <si>
    <t>07/19/14 17:10:20.5</t>
  </si>
  <si>
    <t>07/19/14 17:10:47.5</t>
  </si>
  <si>
    <t>07/19/14 17:19:29.5</t>
  </si>
  <si>
    <t>07/19/14 17:20:17.0</t>
  </si>
  <si>
    <t>07/19/14 17:23:12.0</t>
  </si>
  <si>
    <t>07/19/14 17:23:29.0</t>
  </si>
  <si>
    <t>07/19/14 17:28:54.5</t>
  </si>
  <si>
    <t>07/19/14 17:29:08.0</t>
  </si>
  <si>
    <t>07/19/14 17:32:27.0</t>
  </si>
  <si>
    <t>07/19/14 17:32:41.5</t>
  </si>
  <si>
    <t>07/19/14 17:38:24.0</t>
  </si>
  <si>
    <t>07/19/14 17:38:39.5</t>
  </si>
  <si>
    <t>07/19/14 17:41:09.5</t>
  </si>
  <si>
    <t>07/19/14 17:41:39.0</t>
  </si>
  <si>
    <t>07/19/14 17:48:53.5</t>
  </si>
  <si>
    <t>07/19/14 17:52:14.5</t>
  </si>
  <si>
    <t>07/19/14 17:58:01.5</t>
  </si>
  <si>
    <t>07/19/14 17:58:10.5</t>
  </si>
  <si>
    <t>07/19/14 18:06:26.0</t>
  </si>
  <si>
    <t>07/19/14 18:06:31.5</t>
  </si>
  <si>
    <t>07/19/14 18:08:40.5</t>
  </si>
  <si>
    <t>07/19/14 18:08:51.5</t>
  </si>
  <si>
    <t>07/19/14 18:14:45.5</t>
  </si>
  <si>
    <t>07/19/14 18:15:02.5</t>
  </si>
  <si>
    <t>07/19/14 18:16:54.5</t>
  </si>
  <si>
    <t>07/19/14 18:17:05.0</t>
  </si>
  <si>
    <t>07/19/14 18:18:46.5</t>
  </si>
  <si>
    <t>07/19/14 18:18:54.0</t>
  </si>
  <si>
    <t>07/19/14 18:20:54.5</t>
  </si>
  <si>
    <t>07/19/14 18:21:10.5</t>
  </si>
  <si>
    <t>07/19/14 18:24:01.0</t>
  </si>
  <si>
    <t>07/19/14 18:24:12.0</t>
  </si>
  <si>
    <t>07/19/14 18:25:36.5</t>
  </si>
  <si>
    <t>07/19/14 18:25:49.5</t>
  </si>
  <si>
    <t>07/19/14 18:30:18.5</t>
  </si>
  <si>
    <t>07/19/14 18:30:26.5</t>
  </si>
  <si>
    <t>07/19/14 18:32:29.0</t>
  </si>
  <si>
    <t>07/19/14 18:32:39.0</t>
  </si>
  <si>
    <t>07/19/14 18:35:25.5</t>
  </si>
  <si>
    <t>07/19/14 18:35:34.0</t>
  </si>
  <si>
    <t>07/19/14 18:36:35.5</t>
  </si>
  <si>
    <t>07/19/14 18:36:48.5</t>
  </si>
  <si>
    <t>07/19/14 18:38:59.0</t>
  </si>
  <si>
    <t>07/19/14 18:39:08.0</t>
  </si>
  <si>
    <t>07/19/14 18:40:34.5</t>
  </si>
  <si>
    <t>07/19/14 18:40:54.0</t>
  </si>
  <si>
    <t>07/19/14 18:42:34.5</t>
  </si>
  <si>
    <t>07/19/14 18:43:10.0</t>
  </si>
  <si>
    <t>07/19/14 18:44:51.5</t>
  </si>
  <si>
    <t>07/19/14 18:44:58.5</t>
  </si>
  <si>
    <t>07/19/14 18:46:49.5</t>
  </si>
  <si>
    <t>07/19/14 18:46:56.0</t>
  </si>
  <si>
    <t>07/19/14 18:50:10.0</t>
  </si>
  <si>
    <t>07/19/14 18:50:27.5</t>
  </si>
  <si>
    <t>07/19/14 18:56:53.0</t>
  </si>
  <si>
    <t>07/19/14 18:57:02.0</t>
  </si>
  <si>
    <t>07/19/14 18:59:33.5</t>
  </si>
  <si>
    <t>07/19/14 18:59:55.5</t>
  </si>
  <si>
    <t>07/19/14 19:06:45.5</t>
  </si>
  <si>
    <t>07/19/14 19:06:57.5</t>
  </si>
  <si>
    <t>07/19/14 19:13:48.5</t>
  </si>
  <si>
    <t>07/19/14 19:14:48.5</t>
  </si>
  <si>
    <t>07/19/14 19:18:24.5</t>
  </si>
  <si>
    <t>07/19/14 19:18:31.5</t>
  </si>
  <si>
    <t>07/19/14 19:23:07.5</t>
  </si>
  <si>
    <t>07/19/14 19:23:49.5</t>
  </si>
  <si>
    <t>07/19/14 19:28:04.0</t>
  </si>
  <si>
    <t>07/19/14 19:28:45.5</t>
  </si>
  <si>
    <t>07/19/14 19:32:28.5</t>
  </si>
  <si>
    <t>07/19/14 19:32:38.5</t>
  </si>
  <si>
    <t>07/19/14 19:37:40.0</t>
  </si>
  <si>
    <t>07/19/14 19:38:01.5</t>
  </si>
  <si>
    <t>07/19/14 19:51:31.5</t>
  </si>
  <si>
    <t>07/19/14 19:51:44.5</t>
  </si>
  <si>
    <t>07/19/14 19:55:07.5</t>
  </si>
  <si>
    <t>07/19/14 19:55:16.0</t>
  </si>
  <si>
    <t>07/19/14 20:04:23.5</t>
  </si>
  <si>
    <t>07/19/14 20:04:30.0</t>
  </si>
  <si>
    <t>07/19/14 20:12:18.0</t>
  </si>
  <si>
    <t>07/19/14 20:12:55.0</t>
  </si>
  <si>
    <t>07/19/14 20:42:21.0</t>
  </si>
  <si>
    <t>07/19/14 20:42:57.5</t>
  </si>
  <si>
    <t>07/19/14 21:20:28.5</t>
  </si>
  <si>
    <t>07/19/14 21:20:38.0</t>
  </si>
  <si>
    <t>07/20/14 08:37:52.0</t>
  </si>
  <si>
    <t>07/20/14 08:38:14.5</t>
  </si>
  <si>
    <t>07/20/14 08:57:24.5</t>
  </si>
  <si>
    <t>07/20/14 08:58:32.5</t>
  </si>
  <si>
    <t>07/20/14 09:10:37.5</t>
  </si>
  <si>
    <t>07/20/14 09:11:13.0</t>
  </si>
  <si>
    <t>07/20/14 09:21:09.5</t>
  </si>
  <si>
    <t>07/20/14 09:21:56.5</t>
  </si>
  <si>
    <t>07/20/14 09:27:14.5</t>
  </si>
  <si>
    <t>07/20/14 09:33:17.0</t>
  </si>
  <si>
    <t>07/20/14 09:40:30.5</t>
  </si>
  <si>
    <t>07/20/14 09:40:47.5</t>
  </si>
  <si>
    <t>07/20/14 09:45:39.5</t>
  </si>
  <si>
    <t>07/20/14 09:48:00.5</t>
  </si>
  <si>
    <t>07/20/14 09:52:53.0</t>
  </si>
  <si>
    <t>07/20/14 09:55:59.0</t>
  </si>
  <si>
    <t>07/20/14 10:06:57.5</t>
  </si>
  <si>
    <t>07/20/14 10:09:51.5</t>
  </si>
  <si>
    <t>07/20/14 10:13:23.0</t>
  </si>
  <si>
    <t>07/20/14 10:13:51.0</t>
  </si>
  <si>
    <t>07/20/14 10:17:27.0</t>
  </si>
  <si>
    <t>07/20/14 10:17:39.5</t>
  </si>
  <si>
    <t>07/20/14 10:27:28.5</t>
  </si>
  <si>
    <t>07/20/14 10:27:49.5</t>
  </si>
  <si>
    <t>07/20/14 10:39:02.5</t>
  </si>
  <si>
    <t>07/20/14 10:39:23.5</t>
  </si>
  <si>
    <t>07/20/14 11:02:17.5</t>
  </si>
  <si>
    <t>07/20/14 11:03:06.5</t>
  </si>
  <si>
    <t>07/20/14 11:14:03.0</t>
  </si>
  <si>
    <t>07/20/14 11:14:16.5</t>
  </si>
  <si>
    <t>07/20/14 11:22:31.5</t>
  </si>
  <si>
    <t>07/20/14 11:23:17.0</t>
  </si>
  <si>
    <t>07/20/14 11:27:55.0</t>
  </si>
  <si>
    <t>07/20/14 11:28:06.5</t>
  </si>
  <si>
    <t>07/20/14 11:33:49.5</t>
  </si>
  <si>
    <t>07/20/14 11:34:19.5</t>
  </si>
  <si>
    <t>07/20/14 11:38:28.5</t>
  </si>
  <si>
    <t>07/20/14 11:38:37.5</t>
  </si>
  <si>
    <t>07/20/14 11:42:07.0</t>
  </si>
  <si>
    <t>07/20/14 11:42:19.5</t>
  </si>
  <si>
    <t>07/20/14 11:46:47.0</t>
  </si>
  <si>
    <t>07/20/14 11:47:42.0</t>
  </si>
  <si>
    <t>07/20/14 11:51:20.0</t>
  </si>
  <si>
    <t>07/20/14 11:51:28.5</t>
  </si>
  <si>
    <t>07/20/14 11:59:00.0</t>
  </si>
  <si>
    <t>07/20/14 11:59:06.0</t>
  </si>
  <si>
    <t>07/20/14 12:03:21.5</t>
  </si>
  <si>
    <t>07/20/14 12:03:31.0</t>
  </si>
  <si>
    <t>07/20/14 12:05:33.0</t>
  </si>
  <si>
    <t>07/20/14 12:05:45.5</t>
  </si>
  <si>
    <t>07/20/14 12:08:26.5</t>
  </si>
  <si>
    <t>07/20/14 12:08:40.0</t>
  </si>
  <si>
    <t>07/20/14 12:09:57.0</t>
  </si>
  <si>
    <t>07/20/14 12:10:09.5</t>
  </si>
  <si>
    <t>07/20/14 12:11:42.0</t>
  </si>
  <si>
    <t>07/20/14 12:11:47.5</t>
  </si>
  <si>
    <t>07/20/14 12:12:49.5</t>
  </si>
  <si>
    <t>07/20/14 12:12:57.5</t>
  </si>
  <si>
    <t>07/20/14 12:15:03.0</t>
  </si>
  <si>
    <t>07/20/14 12:15:41.0</t>
  </si>
  <si>
    <t>07/20/14 12:17:04.0</t>
  </si>
  <si>
    <t>07/20/14 12:17:07.5</t>
  </si>
  <si>
    <t>07/20/14 12:17:52.0</t>
  </si>
  <si>
    <t>07/20/14 12:17:58.0</t>
  </si>
  <si>
    <t>07/20/14 12:19:43.5</t>
  </si>
  <si>
    <t>07/20/14 12:19:50.5</t>
  </si>
  <si>
    <t>07/20/14 12:20:30.5</t>
  </si>
  <si>
    <t>07/20/14 12:20:48.0</t>
  </si>
  <si>
    <t>07/20/14 12:21:48.5</t>
  </si>
  <si>
    <t>07/20/14 12:21:55.0</t>
  </si>
  <si>
    <t>07/20/14 12:22:46.0</t>
  </si>
  <si>
    <t>07/20/14 12:22:53.5</t>
  </si>
  <si>
    <t>07/20/14 12:23:36.0</t>
  </si>
  <si>
    <t>07/20/14 12:23:41.0</t>
  </si>
  <si>
    <t>07/20/14 12:24:47.5</t>
  </si>
  <si>
    <t>07/20/14 12:24:57.0</t>
  </si>
  <si>
    <t>07/20/14 12:26:41.5</t>
  </si>
  <si>
    <t>07/20/14 12:26:48.5</t>
  </si>
  <si>
    <t>07/20/14 12:27:49.5</t>
  </si>
  <si>
    <t>07/20/14 12:27:54.5</t>
  </si>
  <si>
    <t>07/20/14 12:29:04.5</t>
  </si>
  <si>
    <t>07/20/14 12:29:12.5</t>
  </si>
  <si>
    <t>07/20/14 12:29:50.5</t>
  </si>
  <si>
    <t>07/20/14 12:29:54.5</t>
  </si>
  <si>
    <t>07/20/14 12:31:24.0</t>
  </si>
  <si>
    <t>07/20/14 12:31:33.5</t>
  </si>
  <si>
    <t>07/20/14 12:32:37.5</t>
  </si>
  <si>
    <t>07/20/14 12:32:46.5</t>
  </si>
  <si>
    <t>07/20/14 12:34:26.5</t>
  </si>
  <si>
    <t>07/20/14 12:34:38.0</t>
  </si>
  <si>
    <t>07/20/14 12:35:45.5</t>
  </si>
  <si>
    <t>07/20/14 12:35:49.0</t>
  </si>
  <si>
    <t>07/20/14 12:36:33.5</t>
  </si>
  <si>
    <t>07/20/14 12:36:41.0</t>
  </si>
  <si>
    <t>07/20/14 12:38:47.5</t>
  </si>
  <si>
    <t>07/20/14 12:38:51.0</t>
  </si>
  <si>
    <t>07/20/14 12:39:40.5</t>
  </si>
  <si>
    <t>07/20/14 12:39:47.5</t>
  </si>
  <si>
    <t>07/20/14 12:40:35.5</t>
  </si>
  <si>
    <t>07/20/14 12:40:39.5</t>
  </si>
  <si>
    <t>07/20/14 12:41:28.5</t>
  </si>
  <si>
    <t>07/20/14 12:41:32.5</t>
  </si>
  <si>
    <t>07/20/14 12:43:30.5</t>
  </si>
  <si>
    <t>07/20/14 12:44:01.5</t>
  </si>
  <si>
    <t>07/20/14 12:44:41.0</t>
  </si>
  <si>
    <t>07/20/14 12:44:46.0</t>
  </si>
  <si>
    <t>07/20/14 12:45:51.5</t>
  </si>
  <si>
    <t>07/20/14 12:45:58.5</t>
  </si>
  <si>
    <t>07/20/14 12:46:53.0</t>
  </si>
  <si>
    <t>07/20/14 12:46:59.5</t>
  </si>
  <si>
    <t>07/20/14 12:49:47.0</t>
  </si>
  <si>
    <t>07/20/14 12:50:00.5</t>
  </si>
  <si>
    <t>07/20/14 12:51:22.0</t>
  </si>
  <si>
    <t>07/20/14 12:51:27.0</t>
  </si>
  <si>
    <t>07/20/14 12:52:32.5</t>
  </si>
  <si>
    <t>07/20/14 12:52:41.5</t>
  </si>
  <si>
    <t>07/20/14 12:54:24.0</t>
  </si>
  <si>
    <t>07/20/14 12:54:37.0</t>
  </si>
  <si>
    <t>07/20/14 12:55:51.0</t>
  </si>
  <si>
    <t>07/20/14 12:55:56.0</t>
  </si>
  <si>
    <t>07/20/14 12:56:42.0</t>
  </si>
  <si>
    <t>07/20/14 12:56:53.0</t>
  </si>
  <si>
    <t>07/20/14 12:57:53.0</t>
  </si>
  <si>
    <t>07/20/14 12:57:57.5</t>
  </si>
  <si>
    <t>07/20/14 12:59:51.5</t>
  </si>
  <si>
    <t>07/20/14 13:00:02.5</t>
  </si>
  <si>
    <t>07/20/14 13:01:01.5</t>
  </si>
  <si>
    <t>07/20/14 13:01:10.5</t>
  </si>
  <si>
    <t>07/20/14 13:02:40.5</t>
  </si>
  <si>
    <t>07/20/14 13:03:04.0</t>
  </si>
  <si>
    <t>07/20/14 13:05:33.0</t>
  </si>
  <si>
    <t>07/20/14 13:05:38.5</t>
  </si>
  <si>
    <t>07/20/14 13:06:38.5</t>
  </si>
  <si>
    <t>07/20/14 13:06:48.5</t>
  </si>
  <si>
    <t>07/20/14 13:07:59.5</t>
  </si>
  <si>
    <t>07/20/14 13:08:07.0</t>
  </si>
  <si>
    <t>07/20/14 13:09:40.0</t>
  </si>
  <si>
    <t>07/20/14 13:10:17.0</t>
  </si>
  <si>
    <t>07/20/14 13:11:04.5</t>
  </si>
  <si>
    <t>07/20/14 13:11:10.0</t>
  </si>
  <si>
    <t>07/20/14 13:12:27.0</t>
  </si>
  <si>
    <t>07/20/14 13:12:31.0</t>
  </si>
  <si>
    <t>07/20/14 13:13:44.5</t>
  </si>
  <si>
    <t>07/20/14 13:13:52.0</t>
  </si>
  <si>
    <t>07/20/14 13:16:38.0</t>
  </si>
  <si>
    <t>07/20/14 13:16:49.5</t>
  </si>
  <si>
    <t>07/20/14 13:18:04.0</t>
  </si>
  <si>
    <t>07/20/14 13:18:10.5</t>
  </si>
  <si>
    <t>07/20/14 13:19:36.0</t>
  </si>
  <si>
    <t>07/20/14 13:19:41.0</t>
  </si>
  <si>
    <t>07/20/14 13:21:24.0</t>
  </si>
  <si>
    <t>07/20/14 13:21:32.0</t>
  </si>
  <si>
    <t>07/20/14 13:22:17.5</t>
  </si>
  <si>
    <t>07/20/14 13:22:23.5</t>
  </si>
  <si>
    <t>07/20/14 13:23:08.0</t>
  </si>
  <si>
    <t>07/20/14 13:23:16.5</t>
  </si>
  <si>
    <t>07/20/14 13:24:02.0</t>
  </si>
  <si>
    <t>07/20/14 13:24:06.5</t>
  </si>
  <si>
    <t>07/20/14 13:24:53.5</t>
  </si>
  <si>
    <t>07/20/14 13:25:05.0</t>
  </si>
  <si>
    <t>07/20/14 13:27:13.0</t>
  </si>
  <si>
    <t>07/20/14 13:27:34.0</t>
  </si>
  <si>
    <t>07/20/14 13:28:31.5</t>
  </si>
  <si>
    <t>07/20/14 13:28:35.5</t>
  </si>
  <si>
    <t>07/20/14 13:29:36.5</t>
  </si>
  <si>
    <t>07/20/14 13:29:48.0</t>
  </si>
  <si>
    <t>07/20/14 13:32:01.5</t>
  </si>
  <si>
    <t>07/20/14 13:32:10.5</t>
  </si>
  <si>
    <t>07/20/14 13:33:56.5</t>
  </si>
  <si>
    <t>07/20/14 13:34:02.0</t>
  </si>
  <si>
    <t>07/20/14 13:35:09.0</t>
  </si>
  <si>
    <t>07/20/14 13:35:14.0</t>
  </si>
  <si>
    <t>07/20/14 13:36:06.5</t>
  </si>
  <si>
    <t>07/20/14 13:36:15.0</t>
  </si>
  <si>
    <t>07/20/14 13:37:18.0</t>
  </si>
  <si>
    <t>07/20/14 13:37:26.0</t>
  </si>
  <si>
    <t>07/20/14 13:38:44.0</t>
  </si>
  <si>
    <t>07/20/14 13:38:49.5</t>
  </si>
  <si>
    <t>07/20/14 13:40:02.0</t>
  </si>
  <si>
    <t>07/20/14 13:40:09.5</t>
  </si>
  <si>
    <t>07/20/14 13:41:34.0</t>
  </si>
  <si>
    <t>07/20/14 13:41:40.0</t>
  </si>
  <si>
    <t>07/20/14 13:42:53.0</t>
  </si>
  <si>
    <t>07/20/14 13:42:58.5</t>
  </si>
  <si>
    <t>07/20/14 13:44:33.0</t>
  </si>
  <si>
    <t>07/20/14 13:44:47.0</t>
  </si>
  <si>
    <t>07/20/14 13:46:07.0</t>
  </si>
  <si>
    <t>07/20/14 13:46:15.0</t>
  </si>
  <si>
    <t>07/20/14 13:49:28.0</t>
  </si>
  <si>
    <t>07/20/14 13:50:01.0</t>
  </si>
  <si>
    <t>07/20/14 13:52:07.5</t>
  </si>
  <si>
    <t>07/20/14 13:52:15.0</t>
  </si>
  <si>
    <t>07/20/14 13:53:30.0</t>
  </si>
  <si>
    <t>07/20/14 13:53:40.5</t>
  </si>
  <si>
    <t>07/20/14 13:54:52.0</t>
  </si>
  <si>
    <t>07/20/14 13:55:03.5</t>
  </si>
  <si>
    <t>07/20/14 13:56:57.5</t>
  </si>
  <si>
    <t>07/20/14 13:57:34.0</t>
  </si>
  <si>
    <t>07/20/14 13:59:31.5</t>
  </si>
  <si>
    <t>07/20/14 13:59:45.5</t>
  </si>
  <si>
    <t>07/20/14 14:02:04.5</t>
  </si>
  <si>
    <t>07/20/14 14:02:12.0</t>
  </si>
  <si>
    <t>07/20/14 14:02:58.5</t>
  </si>
  <si>
    <t>07/20/14 14:03:07.0</t>
  </si>
  <si>
    <t>07/20/14 14:04:40.0</t>
  </si>
  <si>
    <t>07/20/14 14:04:47.5</t>
  </si>
  <si>
    <t>07/20/14 14:05:35.5</t>
  </si>
  <si>
    <t>07/20/14 14:05:41.5</t>
  </si>
  <si>
    <t>07/20/14 14:06:23.0</t>
  </si>
  <si>
    <t>07/20/14 14:06:29.5</t>
  </si>
  <si>
    <t>07/20/14 14:08:14.5</t>
  </si>
  <si>
    <t>07/20/14 14:08:20.0</t>
  </si>
  <si>
    <t>07/20/14 14:09:03.5</t>
  </si>
  <si>
    <t>07/20/14 14:09:07.5</t>
  </si>
  <si>
    <t>07/20/14 14:09:35.0</t>
  </si>
  <si>
    <t>07/20/14 14:09:41.0</t>
  </si>
  <si>
    <t>07/20/14 14:10:24.5</t>
  </si>
  <si>
    <t>07/20/14 14:10:32.5</t>
  </si>
  <si>
    <t>07/20/14 14:11:42.0</t>
  </si>
  <si>
    <t>07/20/14 14:11:52.5</t>
  </si>
  <si>
    <t>07/20/14 14:13:09.5</t>
  </si>
  <si>
    <t>07/20/14 14:13:14.5</t>
  </si>
  <si>
    <t>07/20/14 14:14:30.0</t>
  </si>
  <si>
    <t>07/20/14 14:14:45.0</t>
  </si>
  <si>
    <t>07/20/14 14:15:39.5</t>
  </si>
  <si>
    <t>07/20/14 14:15:45.0</t>
  </si>
  <si>
    <t>07/20/14 14:16:45.5</t>
  </si>
  <si>
    <t>07/20/14 14:16:53.0</t>
  </si>
  <si>
    <t>07/20/14 14:18:09.0</t>
  </si>
  <si>
    <t>07/20/14 14:18:18.0</t>
  </si>
  <si>
    <t>07/20/14 14:19:22.0</t>
  </si>
  <si>
    <t>07/20/14 14:19:27.0</t>
  </si>
  <si>
    <t>07/20/14 14:20:43.5</t>
  </si>
  <si>
    <t>07/20/14 14:20:51.0</t>
  </si>
  <si>
    <t>07/20/14 14:21:53.5</t>
  </si>
  <si>
    <t>07/20/14 14:22:00.5</t>
  </si>
  <si>
    <t>07/20/14 14:23:30.5</t>
  </si>
  <si>
    <t>07/20/14 14:23:58.5</t>
  </si>
  <si>
    <t>07/20/14 14:25:05.5</t>
  </si>
  <si>
    <t>07/20/14 14:25:13.0</t>
  </si>
  <si>
    <t>07/20/14 14:26:44.5</t>
  </si>
  <si>
    <t>07/20/14 14:26:54.0</t>
  </si>
  <si>
    <t>07/20/14 14:27:33.5</t>
  </si>
  <si>
    <t>07/20/14 14:27:37.5</t>
  </si>
  <si>
    <t>07/20/14 14:29:00.5</t>
  </si>
  <si>
    <t>07/20/14 14:29:05.0</t>
  </si>
  <si>
    <t>07/20/14 14:30:34.5</t>
  </si>
  <si>
    <t>07/20/14 14:30:40.5</t>
  </si>
  <si>
    <t>07/20/14 14:31:37.0</t>
  </si>
  <si>
    <t>07/20/14 14:31:43.5</t>
  </si>
  <si>
    <t>07/20/14 14:34:21.0</t>
  </si>
  <si>
    <t>07/20/14 14:34:32.5</t>
  </si>
  <si>
    <t>07/20/14 14:36:12.5</t>
  </si>
  <si>
    <t>07/20/14 14:37:20.0</t>
  </si>
  <si>
    <t>07/20/14 14:38:57.0</t>
  </si>
  <si>
    <t>07/20/14 14:39:05.5</t>
  </si>
  <si>
    <t>07/20/14 14:40:56.0</t>
  </si>
  <si>
    <t>07/20/14 14:41:07.0</t>
  </si>
  <si>
    <t>07/20/14 14:42:41.0</t>
  </si>
  <si>
    <t>07/20/14 14:42:55.5</t>
  </si>
  <si>
    <t>07/20/14 14:44:09.5</t>
  </si>
  <si>
    <t>07/20/14 14:44:17.0</t>
  </si>
  <si>
    <t>07/20/14 14:47:11.5</t>
  </si>
  <si>
    <t>07/20/14 14:47:23.5</t>
  </si>
  <si>
    <t>07/20/14 14:50:06.0</t>
  </si>
  <si>
    <t>07/20/14 14:50:09.5</t>
  </si>
  <si>
    <t>07/20/14 14:51:37.0</t>
  </si>
  <si>
    <t>07/20/14 14:51:56.5</t>
  </si>
  <si>
    <t>07/20/14 14:53:21.5</t>
  </si>
  <si>
    <t>07/20/14 14:53:27.5</t>
  </si>
  <si>
    <t>07/20/14 14:54:14.5</t>
  </si>
  <si>
    <t>07/20/14 14:54:18.5</t>
  </si>
  <si>
    <t>07/20/14 14:55:22.0</t>
  </si>
  <si>
    <t>07/20/14 14:55:43.0</t>
  </si>
  <si>
    <t>07/20/14 14:57:50.5</t>
  </si>
  <si>
    <t>07/20/14 14:58:01.5</t>
  </si>
  <si>
    <t>07/20/14 14:59:10.0</t>
  </si>
  <si>
    <t>07/20/14 14:59:23.5</t>
  </si>
  <si>
    <t>07/20/14 15:01:33.5</t>
  </si>
  <si>
    <t>07/20/14 15:01:39.5</t>
  </si>
  <si>
    <t>07/20/14 15:03:50.0</t>
  </si>
  <si>
    <t>07/20/14 15:04:01.5</t>
  </si>
  <si>
    <t>07/20/14 15:05:27.5</t>
  </si>
  <si>
    <t>07/20/14 15:05:38.0</t>
  </si>
  <si>
    <t>07/20/14 15:07:19.0</t>
  </si>
  <si>
    <t>07/20/14 15:07:30.5</t>
  </si>
  <si>
    <t>07/20/14 15:09:19.0</t>
  </si>
  <si>
    <t>07/20/14 15:09:24.0</t>
  </si>
  <si>
    <t>07/20/14 15:11:41.5</t>
  </si>
  <si>
    <t>07/20/14 15:11:57.5</t>
  </si>
  <si>
    <t>07/20/14 15:13:11.0</t>
  </si>
  <si>
    <t>07/20/14 15:13:22.0</t>
  </si>
  <si>
    <t>07/20/14 15:15:31.0</t>
  </si>
  <si>
    <t>07/20/14 15:15:36.0</t>
  </si>
  <si>
    <t>07/20/14 15:19:30.0</t>
  </si>
  <si>
    <t>07/20/14 15:19:46.5</t>
  </si>
  <si>
    <t>07/20/14 15:21:04.5</t>
  </si>
  <si>
    <t>07/20/14 15:21:08.5</t>
  </si>
  <si>
    <t>07/20/14 15:22:41.0</t>
  </si>
  <si>
    <t>07/20/14 15:23:03.0</t>
  </si>
  <si>
    <t>07/20/14 15:24:39.5</t>
  </si>
  <si>
    <t>07/20/14 15:24:43.5</t>
  </si>
  <si>
    <t>07/20/14 15:25:35.5</t>
  </si>
  <si>
    <t>07/20/14 15:25:49.5</t>
  </si>
  <si>
    <t>07/20/14 15:27:13.5</t>
  </si>
  <si>
    <t>07/20/14 15:27:22.5</t>
  </si>
  <si>
    <t>07/20/14 15:28:19.0</t>
  </si>
  <si>
    <t>07/20/14 15:28:24.5</t>
  </si>
  <si>
    <t>07/20/14 15:29:15.0</t>
  </si>
  <si>
    <t>07/20/14 15:29:18.5</t>
  </si>
  <si>
    <t>07/20/14 15:30:17.5</t>
  </si>
  <si>
    <t>07/20/14 15:30:23.5</t>
  </si>
  <si>
    <t>07/20/14 15:32:00.5</t>
  </si>
  <si>
    <t>07/20/14 15:32:09.0</t>
  </si>
  <si>
    <t>07/20/14 15:34:07.5</t>
  </si>
  <si>
    <t>07/20/14 15:34:15.5</t>
  </si>
  <si>
    <t>07/20/14 15:35:36.0</t>
  </si>
  <si>
    <t>07/20/14 15:35:42.0</t>
  </si>
  <si>
    <t>07/20/14 15:36:38.0</t>
  </si>
  <si>
    <t>07/20/14 15:36:50.5</t>
  </si>
  <si>
    <t>07/20/14 15:38:17.5</t>
  </si>
  <si>
    <t>07/20/14 15:38:32.0</t>
  </si>
  <si>
    <t>07/20/14 15:40:06.0</t>
  </si>
  <si>
    <t>07/20/14 15:40:19.5</t>
  </si>
  <si>
    <t>07/20/14 15:41:18.5</t>
  </si>
  <si>
    <t>07/20/14 15:41:22.5</t>
  </si>
  <si>
    <t>07/20/14 15:42:44.0</t>
  </si>
  <si>
    <t>07/20/14 15:43:00.5</t>
  </si>
  <si>
    <t>07/20/14 15:44:32.5</t>
  </si>
  <si>
    <t>07/20/14 15:44:39.5</t>
  </si>
  <si>
    <t>07/20/14 15:46:36.0</t>
  </si>
  <si>
    <t>07/20/14 15:46:53.0</t>
  </si>
  <si>
    <t>07/20/14 15:50:28.0</t>
  </si>
  <si>
    <t>07/20/14 15:51:10.5</t>
  </si>
  <si>
    <t>07/20/14 15:52:20.5</t>
  </si>
  <si>
    <t>07/20/14 15:52:34.0</t>
  </si>
  <si>
    <t>07/20/14 15:54:01.5</t>
  </si>
  <si>
    <t>07/20/14 15:54:10.0</t>
  </si>
  <si>
    <t>07/20/14 15:56:48.0</t>
  </si>
  <si>
    <t>07/20/14 15:56:58.0</t>
  </si>
  <si>
    <t>07/20/14 15:57:45.5</t>
  </si>
  <si>
    <t>07/20/14 15:57:50.5</t>
  </si>
  <si>
    <t>07/20/14 15:58:51.0</t>
  </si>
  <si>
    <t>07/20/14 15:58:56.5</t>
  </si>
  <si>
    <t>07/20/14 16:00:11.0</t>
  </si>
  <si>
    <t>07/20/14 16:00:18.5</t>
  </si>
  <si>
    <t>07/20/14 16:01:14.0</t>
  </si>
  <si>
    <t>07/20/14 16:01:19.5</t>
  </si>
  <si>
    <t>07/20/14 16:02:18.0</t>
  </si>
  <si>
    <t>07/20/14 16:02:27.0</t>
  </si>
  <si>
    <t>07/20/14 16:03:36.5</t>
  </si>
  <si>
    <t>07/20/14 16:04:03.0</t>
  </si>
  <si>
    <t>07/20/14 16:06:16.5</t>
  </si>
  <si>
    <t>07/20/14 16:06:23.0</t>
  </si>
  <si>
    <t>07/20/14 16:07:47.5</t>
  </si>
  <si>
    <t>07/20/14 16:08:02.5</t>
  </si>
  <si>
    <t>07/20/14 16:11:27.0</t>
  </si>
  <si>
    <t>07/20/14 16:11:31.0</t>
  </si>
  <si>
    <t>07/20/14 16:13:14.0</t>
  </si>
  <si>
    <t>07/20/14 16:13:19.0</t>
  </si>
  <si>
    <t>07/20/14 16:13:53.5</t>
  </si>
  <si>
    <t>07/20/14 16:14:00.0</t>
  </si>
  <si>
    <t>07/20/14 16:15:30.0</t>
  </si>
  <si>
    <t>07/20/14 16:15:38.5</t>
  </si>
  <si>
    <t>07/20/14 16:17:47.0</t>
  </si>
  <si>
    <t>07/20/14 16:17:56.0</t>
  </si>
  <si>
    <t>07/20/14 16:19:28.0</t>
  </si>
  <si>
    <t>07/20/14 16:20:18.5</t>
  </si>
  <si>
    <t>07/20/14 16:22:12.0</t>
  </si>
  <si>
    <t>07/20/14 16:22:27.5</t>
  </si>
  <si>
    <t>07/20/14 16:23:42.0</t>
  </si>
  <si>
    <t>07/20/14 16:23:57.0</t>
  </si>
  <si>
    <t>07/20/14 16:25:39.0</t>
  </si>
  <si>
    <t>07/20/14 16:25:52.5</t>
  </si>
  <si>
    <t>07/20/14 16:26:36.0</t>
  </si>
  <si>
    <t>07/20/14 16:26:44.5</t>
  </si>
  <si>
    <t>07/20/14 16:29:03.5</t>
  </si>
  <si>
    <t>07/20/14 16:29:07.0</t>
  </si>
  <si>
    <t>07/20/14 16:30:06.0</t>
  </si>
  <si>
    <t>07/20/14 16:30:13.5</t>
  </si>
  <si>
    <t>07/20/14 16:32:30.5</t>
  </si>
  <si>
    <t>07/20/14 16:32:39.5</t>
  </si>
  <si>
    <t>07/20/14 16:33:36.5</t>
  </si>
  <si>
    <t>07/20/14 16:33:46.5</t>
  </si>
  <si>
    <t>07/20/14 16:36:12.5</t>
  </si>
  <si>
    <t>07/20/14 16:36:20.0</t>
  </si>
  <si>
    <t>07/20/14 16:37:13.5</t>
  </si>
  <si>
    <t>07/20/14 16:37:21.5</t>
  </si>
  <si>
    <t>07/20/14 16:38:27.5</t>
  </si>
  <si>
    <t>07/20/14 16:38:41.0</t>
  </si>
  <si>
    <t>07/20/14 16:40:03.0</t>
  </si>
  <si>
    <t>07/20/14 16:40:15.0</t>
  </si>
  <si>
    <t>07/20/14 16:41:23.0</t>
  </si>
  <si>
    <t>07/20/14 16:41:28.0</t>
  </si>
  <si>
    <t>07/20/14 16:43:35.5</t>
  </si>
  <si>
    <t>07/20/14 16:43:43.5</t>
  </si>
  <si>
    <t>07/20/14 16:47:29.5</t>
  </si>
  <si>
    <t>07/20/14 16:47:40.0</t>
  </si>
  <si>
    <t>07/20/14 16:48:43.0</t>
  </si>
  <si>
    <t>07/20/14 16:48:55.5</t>
  </si>
  <si>
    <t>07/20/14 16:51:38.5</t>
  </si>
  <si>
    <t>07/20/14 16:51:48.0</t>
  </si>
  <si>
    <t>07/20/14 16:53:07.5</t>
  </si>
  <si>
    <t>07/20/14 16:53:13.0</t>
  </si>
  <si>
    <t>07/20/14 16:53:59.0</t>
  </si>
  <si>
    <t>07/20/14 16:54:04.5</t>
  </si>
  <si>
    <t>07/20/14 16:55:12.0</t>
  </si>
  <si>
    <t>07/20/14 16:55:17.0</t>
  </si>
  <si>
    <t>07/20/14 16:56:22.0</t>
  </si>
  <si>
    <t>07/20/14 16:56:29.0</t>
  </si>
  <si>
    <t>07/20/14 16:58:27.5</t>
  </si>
  <si>
    <t>07/20/14 16:58:32.0</t>
  </si>
  <si>
    <t>07/20/14 16:59:49.0</t>
  </si>
  <si>
    <t>07/20/14 17:00:03.0</t>
  </si>
  <si>
    <t>07/20/14 17:01:26.0</t>
  </si>
  <si>
    <t>07/20/14 17:01:46.5</t>
  </si>
  <si>
    <t>07/20/14 17:03:00.0</t>
  </si>
  <si>
    <t>07/20/14 17:03:07.0</t>
  </si>
  <si>
    <t>07/20/14 17:04:03.0</t>
  </si>
  <si>
    <t>07/20/14 17:04:08.0</t>
  </si>
  <si>
    <t>07/20/14 17:05:04.5</t>
  </si>
  <si>
    <t>07/20/14 17:05:12.0</t>
  </si>
  <si>
    <t>07/20/14 17:06:07.5</t>
  </si>
  <si>
    <t>07/20/14 17:06:26.0</t>
  </si>
  <si>
    <t>07/20/14 17:09:56.5</t>
  </si>
  <si>
    <t>07/20/14 17:10:05.0</t>
  </si>
  <si>
    <t>07/20/14 17:11:50.5</t>
  </si>
  <si>
    <t>07/20/14 17:12:00.0</t>
  </si>
  <si>
    <t>07/20/14 17:13:57.0</t>
  </si>
  <si>
    <t>07/20/14 17:14:14.0</t>
  </si>
  <si>
    <t>07/20/14 17:15:50.5</t>
  </si>
  <si>
    <t>07/20/14 17:16:03.5</t>
  </si>
  <si>
    <t>07/20/14 17:17:24.0</t>
  </si>
  <si>
    <t>07/20/14 17:17:32.5</t>
  </si>
  <si>
    <t>07/20/14 17:18:34.0</t>
  </si>
  <si>
    <t>07/20/14 17:18:42.5</t>
  </si>
  <si>
    <t>07/20/14 17:20:13.5</t>
  </si>
  <si>
    <t>07/20/14 17:20:18.5</t>
  </si>
  <si>
    <t>07/20/14 17:21:17.5</t>
  </si>
  <si>
    <t>07/20/14 17:21:25.0</t>
  </si>
  <si>
    <t>07/20/14 17:22:29.0</t>
  </si>
  <si>
    <t>07/20/14 17:22:33.5</t>
  </si>
  <si>
    <t>07/20/14 17:23:36.5</t>
  </si>
  <si>
    <t>07/20/14 17:23:50.0</t>
  </si>
  <si>
    <t>07/20/14 17:26:29.5</t>
  </si>
  <si>
    <t>07/20/14 17:26:35.0</t>
  </si>
  <si>
    <t>07/20/14 17:28:53.0</t>
  </si>
  <si>
    <t>07/20/14 17:28:57.0</t>
  </si>
  <si>
    <t>07/20/14 17:29:59.0</t>
  </si>
  <si>
    <t>07/20/14 17:30:13.5</t>
  </si>
  <si>
    <t>07/20/14 17:31:41.5</t>
  </si>
  <si>
    <t>07/20/14 17:31:47.0</t>
  </si>
  <si>
    <t>07/20/14 17:32:47.0</t>
  </si>
  <si>
    <t>07/20/14 17:33:00.5</t>
  </si>
  <si>
    <t>07/20/14 17:36:30.0</t>
  </si>
  <si>
    <t>07/20/14 17:36:34.0</t>
  </si>
  <si>
    <t>07/20/14 17:37:32.0</t>
  </si>
  <si>
    <t>07/20/14 17:37:41.5</t>
  </si>
  <si>
    <t>07/20/14 17:38:49.5</t>
  </si>
  <si>
    <t>07/20/14 17:39:01.5</t>
  </si>
  <si>
    <t>07/20/14 17:40:37.0</t>
  </si>
  <si>
    <t>07/20/14 17:40:41.0</t>
  </si>
  <si>
    <t>07/20/14 17:41:22.0</t>
  </si>
  <si>
    <t>07/20/14 17:41:32.0</t>
  </si>
  <si>
    <t>07/20/14 17:43:14.0</t>
  </si>
  <si>
    <t>07/20/14 17:43:28.0</t>
  </si>
  <si>
    <t>07/20/14 17:45:44.5</t>
  </si>
  <si>
    <t>07/20/14 17:45:53.0</t>
  </si>
  <si>
    <t>07/20/14 17:47:24.0</t>
  </si>
  <si>
    <t>07/20/14 17:47:58.0</t>
  </si>
  <si>
    <t>07/20/14 17:49:03.5</t>
  </si>
  <si>
    <t>07/20/14 17:49:14.0</t>
  </si>
  <si>
    <t>07/20/14 17:51:48.5</t>
  </si>
  <si>
    <t>07/20/14 17:51:52.5</t>
  </si>
  <si>
    <t>07/20/14 17:52:35.5</t>
  </si>
  <si>
    <t>07/20/14 17:52:48.5</t>
  </si>
  <si>
    <t>07/20/14 17:54:13.0</t>
  </si>
  <si>
    <t>07/20/14 17:54:21.5</t>
  </si>
  <si>
    <t>07/20/14 17:55:16.5</t>
  </si>
  <si>
    <t>07/20/14 17:55:25.5</t>
  </si>
  <si>
    <t>07/20/14 17:56:39.0</t>
  </si>
  <si>
    <t>07/20/14 17:56:45.0</t>
  </si>
  <si>
    <t>07/20/14 17:59:24.5</t>
  </si>
  <si>
    <t>07/20/14 17:59:35.5</t>
  </si>
  <si>
    <t>07/20/14 18:00:49.5</t>
  </si>
  <si>
    <t>07/20/14 18:00:59.0</t>
  </si>
  <si>
    <t>07/20/14 18:05:31.0</t>
  </si>
  <si>
    <t>07/20/14 18:05:39.0</t>
  </si>
  <si>
    <t>07/20/14 18:07:53.5</t>
  </si>
  <si>
    <t>07/20/14 18:08:03.0</t>
  </si>
  <si>
    <t>07/20/14 18:09:02.0</t>
  </si>
  <si>
    <t>07/20/14 18:09:10.0</t>
  </si>
  <si>
    <t>07/20/14 18:10:01.0</t>
  </si>
  <si>
    <t>07/20/14 18:10:11.5</t>
  </si>
  <si>
    <t>07/20/14 18:11:41.0</t>
  </si>
  <si>
    <t>07/20/14 18:12:48.0</t>
  </si>
  <si>
    <t>07/20/14 18:14:14.5</t>
  </si>
  <si>
    <t>07/20/14 18:14:25.0</t>
  </si>
  <si>
    <t>07/20/14 18:15:12.0</t>
  </si>
  <si>
    <t>07/20/14 18:15:14.5</t>
  </si>
  <si>
    <t>07/20/14 18:15:55.0</t>
  </si>
  <si>
    <t>07/20/14 18:16:00.0</t>
  </si>
  <si>
    <t>07/20/14 18:17:47.0</t>
  </si>
  <si>
    <t>07/20/14 18:17:53.5</t>
  </si>
  <si>
    <t>07/20/14 18:19:29.0</t>
  </si>
  <si>
    <t>07/20/14 18:19:34.0</t>
  </si>
  <si>
    <t>07/20/14 18:20:38.0</t>
  </si>
  <si>
    <t>07/20/14 18:20:45.5</t>
  </si>
  <si>
    <t>07/20/14 18:22:00.5</t>
  </si>
  <si>
    <t>07/20/14 18:22:08.0</t>
  </si>
  <si>
    <t>07/20/14 18:23:13.5</t>
  </si>
  <si>
    <t>07/20/14 18:23:18.0</t>
  </si>
  <si>
    <t>07/20/14 18:25:09.5</t>
  </si>
  <si>
    <t>07/20/14 18:25:23.5</t>
  </si>
  <si>
    <t>07/20/14 18:26:28.0</t>
  </si>
  <si>
    <t>07/20/14 18:26:36.0</t>
  </si>
  <si>
    <t>07/20/14 18:27:29.0</t>
  </si>
  <si>
    <t>07/20/14 18:27:35.0</t>
  </si>
  <si>
    <t>07/20/14 18:29:43.0</t>
  </si>
  <si>
    <t>07/20/14 18:29:51.5</t>
  </si>
  <si>
    <t>07/20/14 18:30:41.0</t>
  </si>
  <si>
    <t>07/20/14 18:30:48.0</t>
  </si>
  <si>
    <t>07/20/14 18:31:32.0</t>
  </si>
  <si>
    <t>07/20/14 18:31:38.5</t>
  </si>
  <si>
    <t>07/20/14 18:32:43.5</t>
  </si>
  <si>
    <t>07/20/14 18:32:52.5</t>
  </si>
  <si>
    <t>07/20/14 18:33:42.5</t>
  </si>
  <si>
    <t>07/20/14 18:33:49.0</t>
  </si>
  <si>
    <t>07/20/14 18:35:02.5</t>
  </si>
  <si>
    <t>07/20/14 18:35:14.0</t>
  </si>
  <si>
    <t>07/20/14 18:36:08.5</t>
  </si>
  <si>
    <t>07/20/14 18:36:12.0</t>
  </si>
  <si>
    <t>07/20/14 18:37:41.5</t>
  </si>
  <si>
    <t>07/20/14 18:37:55.5</t>
  </si>
  <si>
    <t>07/20/14 18:40:41.5</t>
  </si>
  <si>
    <t>07/20/14 18:40:47.5</t>
  </si>
  <si>
    <t>07/20/14 18:41:33.5</t>
  </si>
  <si>
    <t>07/20/14 18:41:46.5</t>
  </si>
  <si>
    <t>07/20/14 18:42:58.5</t>
  </si>
  <si>
    <t>07/20/14 18:43:02.0</t>
  </si>
  <si>
    <t>07/20/14 18:43:51.0</t>
  </si>
  <si>
    <t>07/20/14 18:43:57.5</t>
  </si>
  <si>
    <t>07/20/14 18:44:48.5</t>
  </si>
  <si>
    <t>07/20/14 18:44:55.0</t>
  </si>
  <si>
    <t>07/20/14 18:46:30.0</t>
  </si>
  <si>
    <t>07/20/14 18:46:37.5</t>
  </si>
  <si>
    <t>07/20/14 18:47:59.0</t>
  </si>
  <si>
    <t>07/20/14 18:48:19.5</t>
  </si>
  <si>
    <t>07/20/14 18:50:41.5</t>
  </si>
  <si>
    <t>07/20/14 18:51:50.5</t>
  </si>
  <si>
    <t>07/20/14 18:53:46.0</t>
  </si>
  <si>
    <t>07/20/14 18:54:00.0</t>
  </si>
  <si>
    <t>07/20/14 18:56:52.0</t>
  </si>
  <si>
    <t>07/20/14 18:57:22.5</t>
  </si>
  <si>
    <t>07/20/14 18:59:09.5</t>
  </si>
  <si>
    <t>07/20/14 18:59:22.5</t>
  </si>
  <si>
    <t>07/20/14 19:03:45.0</t>
  </si>
  <si>
    <t>07/20/14 19:03:56.5</t>
  </si>
  <si>
    <t>07/20/14 19:07:57.0</t>
  </si>
  <si>
    <t>07/20/14 19:08:03.5</t>
  </si>
  <si>
    <t>07/20/14 19:10:50.0</t>
  </si>
  <si>
    <t>07/20/14 19:10:58.0</t>
  </si>
  <si>
    <t>07/20/14 19:13:34.5</t>
  </si>
  <si>
    <t>07/20/14 19:13:40.5</t>
  </si>
  <si>
    <t>07/20/14 19:15:11.5</t>
  </si>
  <si>
    <t>07/20/14 19:15:30.5</t>
  </si>
  <si>
    <t>07/20/14 19:16:27.0</t>
  </si>
  <si>
    <t>07/20/14 19:16:34.5</t>
  </si>
  <si>
    <t>07/20/14 19:18:03.5</t>
  </si>
  <si>
    <t>07/20/14 19:18:53.5</t>
  </si>
  <si>
    <t>07/20/14 19:19:53.0</t>
  </si>
  <si>
    <t>07/20/14 19:20:06.0</t>
  </si>
  <si>
    <t>07/20/14 19:20:58.0</t>
  </si>
  <si>
    <t>07/20/14 19:21:03.5</t>
  </si>
  <si>
    <t>07/20/14 19:22:05.0</t>
  </si>
  <si>
    <t>07/20/14 19:22:11.0</t>
  </si>
  <si>
    <t>07/20/14 19:24:33.0</t>
  </si>
  <si>
    <t>07/20/14 19:24:47.5</t>
  </si>
  <si>
    <t>07/20/14 19:27:13.0</t>
  </si>
  <si>
    <t>07/20/14 19:27:22.0</t>
  </si>
  <si>
    <t>07/20/14 19:28:38.0</t>
  </si>
  <si>
    <t>07/20/14 19:28:47.5</t>
  </si>
  <si>
    <t>07/20/14 19:30:16.0</t>
  </si>
  <si>
    <t>07/20/14 19:30:35.5</t>
  </si>
  <si>
    <t>07/20/14 19:32:08.0</t>
  </si>
  <si>
    <t>07/20/14 19:32:19.0</t>
  </si>
  <si>
    <t>07/20/14 19:34:21.0</t>
  </si>
  <si>
    <t>07/20/14 19:34:28.0</t>
  </si>
  <si>
    <t>07/20/14 19:37:56.0</t>
  </si>
  <si>
    <t>07/20/14 19:38:05.5</t>
  </si>
  <si>
    <t>07/20/14 19:40:39.5</t>
  </si>
  <si>
    <t>07/20/14 19:40:48.0</t>
  </si>
  <si>
    <t>07/20/14 19:44:20.0</t>
  </si>
  <si>
    <t>07/20/14 19:44:48.5</t>
  </si>
  <si>
    <t>07/20/14 19:47:32.5</t>
  </si>
  <si>
    <t>07/20/14 19:47:40.5</t>
  </si>
  <si>
    <t>07/20/14 19:49:45.5</t>
  </si>
  <si>
    <t>07/20/14 19:49:51.0</t>
  </si>
  <si>
    <t>07/20/14 19:51:45.5</t>
  </si>
  <si>
    <t>07/20/14 19:51:56.5</t>
  </si>
  <si>
    <t>07/20/14 19:53:38.5</t>
  </si>
  <si>
    <t>07/20/14 19:53:46.5</t>
  </si>
  <si>
    <t>07/20/14 19:57:03.5</t>
  </si>
  <si>
    <t>07/20/14 19:57:19.5</t>
  </si>
  <si>
    <t>07/20/14 20:01:48.5</t>
  </si>
  <si>
    <t>07/20/14 20:01:53.0</t>
  </si>
  <si>
    <t>07/20/14 20:02:46.5</t>
  </si>
  <si>
    <t>07/20/14 20:02:55.0</t>
  </si>
  <si>
    <t>07/20/14 20:08:01.5</t>
  </si>
  <si>
    <t>07/20/14 20:08:09.0</t>
  </si>
  <si>
    <t>07/20/14 20:10:21.5</t>
  </si>
  <si>
    <t>07/20/14 20:10:32.0</t>
  </si>
  <si>
    <t>07/20/14 20:12:41.0</t>
  </si>
  <si>
    <t>07/20/14 20:12:55.0</t>
  </si>
  <si>
    <t>07/20/14 20:15:40.5</t>
  </si>
  <si>
    <t>07/20/14 20:15:48.0</t>
  </si>
  <si>
    <t>07/20/14 20:17:40.0</t>
  </si>
  <si>
    <t>07/20/14 20:17:46.5</t>
  </si>
  <si>
    <t>07/20/14 20:21:00.5</t>
  </si>
  <si>
    <t>07/20/14 20:22:01.5</t>
  </si>
  <si>
    <t>07/20/14 20:24:07.5</t>
  </si>
  <si>
    <t>07/20/14 20:24:17.5</t>
  </si>
  <si>
    <t>07/20/14 20:27:27.0</t>
  </si>
  <si>
    <t>07/20/14 20:29:42.5</t>
  </si>
  <si>
    <t>07/20/14 20:34:08.5</t>
  </si>
  <si>
    <t>07/20/14 20:35:04.5</t>
  </si>
  <si>
    <t>07/20/14 20:40:51.0</t>
  </si>
  <si>
    <t>07/20/14 20:41:01.5</t>
  </si>
  <si>
    <t>07/20/14 20:43:27.0</t>
  </si>
  <si>
    <t>07/20/14 20:46:36.5</t>
  </si>
  <si>
    <t>07/20/14 21:02:49.5</t>
  </si>
  <si>
    <t>07/20/14 21:02:58.5</t>
  </si>
  <si>
    <t>07/20/14 21:26:09.5</t>
  </si>
  <si>
    <t>07/20/14 21:26:17.0</t>
  </si>
  <si>
    <t>07/20/14 21:41:28.5</t>
  </si>
  <si>
    <t>07/20/14 21:41:47.0</t>
  </si>
  <si>
    <t>07/21/14 07:25:16.5</t>
  </si>
  <si>
    <t>07/21/14 07:25:38.5</t>
  </si>
  <si>
    <t>07/21/14 08:18:43.0</t>
  </si>
  <si>
    <t>07/21/14 08:18:59.0</t>
  </si>
  <si>
    <t>07/21/14 08:19:50.0</t>
  </si>
  <si>
    <t>07/21/14 08:19:54.0</t>
  </si>
  <si>
    <t>07/21/14 08:20:50.5</t>
  </si>
  <si>
    <t>07/21/14 08:20:57.5</t>
  </si>
  <si>
    <t>07/21/14 08:22:45.0</t>
  </si>
  <si>
    <t>07/21/14 08:22:56.0</t>
  </si>
  <si>
    <t>07/21/14 08:24:15.5</t>
  </si>
  <si>
    <t>07/21/14 08:24:27.0</t>
  </si>
  <si>
    <t>07/21/14 08:26:39.5</t>
  </si>
  <si>
    <t>07/21/14 08:26:46.5</t>
  </si>
  <si>
    <t>07/21/14 08:27:56.0</t>
  </si>
  <si>
    <t>07/21/14 08:28:05.0</t>
  </si>
  <si>
    <t>07/21/14 08:29:45.0</t>
  </si>
  <si>
    <t>07/21/14 08:29:51.5</t>
  </si>
  <si>
    <t>07/21/14 08:32:03.0</t>
  </si>
  <si>
    <t>07/21/14 08:32:22.5</t>
  </si>
  <si>
    <t>07/21/14 08:33:32.0</t>
  </si>
  <si>
    <t>07/21/14 08:33:42.5</t>
  </si>
  <si>
    <t>07/21/14 08:38:04.5</t>
  </si>
  <si>
    <t>07/21/14 08:41:42.0</t>
  </si>
  <si>
    <t>07/21/14 09:35:10.0</t>
  </si>
  <si>
    <t>07/21/14 09:40:05.0</t>
  </si>
  <si>
    <t>07/21/14 10:09:54.5</t>
  </si>
  <si>
    <t>07/21/14 10:13:48.5</t>
  </si>
  <si>
    <t>07/21/14 10:28:24.5</t>
  </si>
  <si>
    <t>07/21/14 10:28:51.0</t>
  </si>
  <si>
    <t>07/21/14 12:29:11.5</t>
  </si>
  <si>
    <t>07/21/14 12:29:29.0</t>
  </si>
  <si>
    <t>07/21/14 12:37:52.5</t>
  </si>
  <si>
    <t>07/21/14 12:39:37.0</t>
  </si>
  <si>
    <t>07/21/14 13:07:07.0</t>
  </si>
  <si>
    <t>07/21/14 13:07:34.5</t>
  </si>
  <si>
    <t>07/21/14 13:23:23.5</t>
  </si>
  <si>
    <t>07/21/14 13:37:35.5</t>
  </si>
  <si>
    <t>07/21/14 14:11:03.5</t>
  </si>
  <si>
    <t>07/21/14 14:11:17.5</t>
  </si>
  <si>
    <t>07/21/14 14:47:21.5</t>
  </si>
  <si>
    <t>07/21/14 14:51:42.5</t>
  </si>
  <si>
    <t>07/21/14 15:07:02.5</t>
  </si>
  <si>
    <t>07/21/14 15:07:18.0</t>
  </si>
  <si>
    <t>07/21/14 15:09:44.5</t>
  </si>
  <si>
    <t>07/21/14 15:10:02.0</t>
  </si>
  <si>
    <t>07/21/14 15:26:08.5</t>
  </si>
  <si>
    <t>07/21/14 15:27:25.5</t>
  </si>
  <si>
    <t>07/21/14 15:39:34.0</t>
  </si>
  <si>
    <t>07/21/14 15:39:57.0</t>
  </si>
  <si>
    <t>07/21/14 15:42:33.5</t>
  </si>
  <si>
    <t>07/21/14 15:42:52.5</t>
  </si>
  <si>
    <t>07/21/14 16:09:02.0</t>
  </si>
  <si>
    <t>07/21/14 16:09:18.0</t>
  </si>
  <si>
    <t>07/21/14 16:12:02.5</t>
  </si>
  <si>
    <t>07/21/14 16:12:13.0</t>
  </si>
  <si>
    <t>07/21/14 16:15:34.0</t>
  </si>
  <si>
    <t>07/21/14 16:15:46.0</t>
  </si>
  <si>
    <t>07/21/14 16:28:15.5</t>
  </si>
  <si>
    <t>07/21/14 16:28:30.0</t>
  </si>
  <si>
    <t>07/21/14 16:47:52.0</t>
  </si>
  <si>
    <t>07/21/14 16:50:43.0</t>
  </si>
  <si>
    <t>07/21/14 16:52:52.5</t>
  </si>
  <si>
    <t>07/21/14 16:52:59.0</t>
  </si>
  <si>
    <t>07/21/14 16:54:05.0</t>
  </si>
  <si>
    <t>07/21/14 16:54:12.5</t>
  </si>
  <si>
    <t>07/21/14 16:54:56.0</t>
  </si>
  <si>
    <t>07/21/14 16:55:05.0</t>
  </si>
  <si>
    <t>07/21/14 16:56:03.5</t>
  </si>
  <si>
    <t>07/21/14 16:56:08.5</t>
  </si>
  <si>
    <t>07/21/14 16:57:12.5</t>
  </si>
  <si>
    <t>07/21/14 16:57:20.0</t>
  </si>
  <si>
    <t>07/21/14 16:57:56.0</t>
  </si>
  <si>
    <t>07/21/14 16:58:05.0</t>
  </si>
  <si>
    <t>07/21/14 16:59:02.0</t>
  </si>
  <si>
    <t>07/21/14 16:59:08.5</t>
  </si>
  <si>
    <t>07/21/14 17:01:56.5</t>
  </si>
  <si>
    <t>07/21/14 17:02:08.0</t>
  </si>
  <si>
    <t>07/21/14 17:04:25.5</t>
  </si>
  <si>
    <t>07/21/14 17:04:33.5</t>
  </si>
  <si>
    <t>07/21/14 17:06:48.0</t>
  </si>
  <si>
    <t>07/21/14 17:07:02.0</t>
  </si>
  <si>
    <t>07/21/14 17:09:43.5</t>
  </si>
  <si>
    <t>07/21/14 17:09:51.5</t>
  </si>
  <si>
    <t>07/21/14 17:11:29.5</t>
  </si>
  <si>
    <t>07/21/14 17:11:33.5</t>
  </si>
  <si>
    <t>07/21/14 17:13:31.0</t>
  </si>
  <si>
    <t>07/21/14 17:15:31.5</t>
  </si>
  <si>
    <t>07/21/14 17:23:41.5</t>
  </si>
  <si>
    <t>07/21/14 17:23:54.5</t>
  </si>
  <si>
    <t>07/21/14 17:35:32.5</t>
  </si>
  <si>
    <t>07/21/14 17:35:41.0</t>
  </si>
  <si>
    <t>07/21/14 17:42:14.5</t>
  </si>
  <si>
    <t>07/21/14 17:44:25.0</t>
  </si>
  <si>
    <t>07/21/14 18:42:14.0</t>
  </si>
  <si>
    <t>07/21/14 19:31:59.5</t>
  </si>
  <si>
    <t>07/22/14 02:23:52.0</t>
  </si>
  <si>
    <t>07/22/14 02:42:03.0</t>
  </si>
  <si>
    <t>07/22/14 02:54:39.5</t>
  </si>
  <si>
    <t>07/22/14 02:57:18.0</t>
  </si>
  <si>
    <t>07/22/14 05:25:57.0</t>
  </si>
  <si>
    <t>07/22/14 05:42:07.5</t>
  </si>
  <si>
    <t>07/22/14 06:24:24.5</t>
  </si>
  <si>
    <t>07/22/14 06:35:27.5</t>
  </si>
  <si>
    <t>07/22/14 08:23:51.5</t>
  </si>
  <si>
    <t>07/22/14 08:31:50.5</t>
  </si>
  <si>
    <t>07/22/14 09:16:17.5</t>
  </si>
  <si>
    <t>07/22/14 09:16:27.5</t>
  </si>
  <si>
    <t>07/22/14 09:19:32.0</t>
  </si>
  <si>
    <t>07/22/14 09:19:43.5</t>
  </si>
  <si>
    <t>07/22/14 09:32:36.5</t>
  </si>
  <si>
    <t>07/22/14 09:32:46.0</t>
  </si>
  <si>
    <t>07/22/14 09:34:50.0</t>
  </si>
  <si>
    <t>07/22/14 09:34:59.5</t>
  </si>
  <si>
    <t>07/22/14 09:37:00.0</t>
  </si>
  <si>
    <t>07/22/14 09:37:11.0</t>
  </si>
  <si>
    <t>07/22/14 09:55:50.5</t>
  </si>
  <si>
    <t>07/22/14 09:56:55.5</t>
  </si>
  <si>
    <t>07/22/14 10:11:15.5</t>
  </si>
  <si>
    <t>07/22/14 10:11:42.0</t>
  </si>
  <si>
    <t>07/22/14 10:42:48.5</t>
  </si>
  <si>
    <t>07/22/14 10:43:05.0</t>
  </si>
  <si>
    <t>07/22/14 10:51:46.0</t>
  </si>
  <si>
    <t>07/22/14 10:52:05.0</t>
  </si>
  <si>
    <t>07/22/14 11:02:29.5</t>
  </si>
  <si>
    <t>07/22/14 11:06:31.5</t>
  </si>
  <si>
    <t>07/22/14 11:13:55.0</t>
  </si>
  <si>
    <t>07/22/14 11:14:11.5</t>
  </si>
  <si>
    <t>07/22/14 11:34:44.5</t>
  </si>
  <si>
    <t>07/22/14 11:39:15.5</t>
  </si>
  <si>
    <t>07/22/14 11:55:50.5</t>
  </si>
  <si>
    <t>07/22/14 12:05:21.0</t>
  </si>
  <si>
    <t>07/22/14 12:45:25.0</t>
  </si>
  <si>
    <t>07/22/14 12:45:39.5</t>
  </si>
  <si>
    <t>07/22/14 12:47:42.0</t>
  </si>
  <si>
    <t>07/22/14 12:49:53.5</t>
  </si>
  <si>
    <t>07/22/14 13:04:53.5</t>
  </si>
  <si>
    <t>07/22/14 13:05:05.5</t>
  </si>
  <si>
    <t>07/22/14 13:53:04.5</t>
  </si>
  <si>
    <t>07/22/14 13:53:29.0</t>
  </si>
  <si>
    <t>07/23/14 06:48:29.0</t>
  </si>
  <si>
    <t>07/23/14 06:48:54.0</t>
  </si>
  <si>
    <t>07/23/14 08:34:11.0</t>
  </si>
  <si>
    <t>07/23/14 08:39:29.5</t>
  </si>
  <si>
    <t>07/23/14 09:05:57.0</t>
  </si>
  <si>
    <t>07/23/14 09:06:34.5</t>
  </si>
  <si>
    <t>07/23/14 09:20:26.5</t>
  </si>
  <si>
    <t>07/23/14 09:20:51.0</t>
  </si>
  <si>
    <t>07/23/14 09:35:49.0</t>
  </si>
  <si>
    <t>07/23/14 09:36:14.5</t>
  </si>
  <si>
    <t>07/23/14 10:03:35.5</t>
  </si>
  <si>
    <t>07/23/14 10:03:43.5</t>
  </si>
  <si>
    <t>07/23/14 10:04:56.5</t>
  </si>
  <si>
    <t>07/23/14 10:05:18.5</t>
  </si>
  <si>
    <t>07/23/14 10:10:37.0</t>
  </si>
  <si>
    <t>07/23/14 10:10:46.0</t>
  </si>
  <si>
    <t>07/23/14 10:19:25.5</t>
  </si>
  <si>
    <t>07/23/14 10:19:58.5</t>
  </si>
  <si>
    <t>07/23/14 10:22:44.5</t>
  </si>
  <si>
    <t>07/23/14 10:24:58.5</t>
  </si>
  <si>
    <t>07/23/14 10:37:40.0</t>
  </si>
  <si>
    <t>07/23/14 10:40:19.5</t>
  </si>
  <si>
    <t>07/23/14 10:56:44.0</t>
  </si>
  <si>
    <t>07/23/14 10:56:53.5</t>
  </si>
  <si>
    <t>07/23/14 11:00:09.5</t>
  </si>
  <si>
    <t>07/23/14 11:00:31.5</t>
  </si>
  <si>
    <t>07/23/14 11:10:58.0</t>
  </si>
  <si>
    <t>07/23/14 11:22:16.0</t>
  </si>
  <si>
    <t>07/23/14 11:25:04.0</t>
  </si>
  <si>
    <t>07/23/14 11:25:15.5</t>
  </si>
  <si>
    <t>07/23/14 11:34:44.5</t>
  </si>
  <si>
    <t>07/23/14 11:34:49.0</t>
  </si>
  <si>
    <t>07/23/14 11:41:05.5</t>
  </si>
  <si>
    <t>07/23/14 11:41:25.5</t>
  </si>
  <si>
    <t>07/23/14 11:48:17.0</t>
  </si>
  <si>
    <t>07/23/14 11:48:38.5</t>
  </si>
  <si>
    <t>07/23/14 11:53:32.0</t>
  </si>
  <si>
    <t>07/23/14 11:53:45.5</t>
  </si>
  <si>
    <t>07/23/14 11:56:33.0</t>
  </si>
  <si>
    <t>07/23/14 11:56:46.5</t>
  </si>
  <si>
    <t>07/23/14 12:01:48.0</t>
  </si>
  <si>
    <t>07/23/14 12:01:56.0</t>
  </si>
  <si>
    <t>07/23/14 12:03:06.5</t>
  </si>
  <si>
    <t>07/23/14 12:03:18.0</t>
  </si>
  <si>
    <t>07/23/14 12:11:10.0</t>
  </si>
  <si>
    <t>07/23/14 12:12:02.5</t>
  </si>
  <si>
    <t>07/23/14 12:18:11.0</t>
  </si>
  <si>
    <t>07/23/14 12:18:18.5</t>
  </si>
  <si>
    <t>07/23/14 12:21:31.5</t>
  </si>
  <si>
    <t>07/23/14 12:21:43.5</t>
  </si>
  <si>
    <t>07/23/14 12:28:44.5</t>
  </si>
  <si>
    <t>07/23/14 12:28:53.0</t>
  </si>
  <si>
    <t>07/23/14 12:33:19.0</t>
  </si>
  <si>
    <t>07/23/14 12:33:26.5</t>
  </si>
  <si>
    <t>07/23/14 12:36:19.0</t>
  </si>
  <si>
    <t>07/23/14 12:36:32.0</t>
  </si>
  <si>
    <t>07/23/14 12:39:13.0</t>
  </si>
  <si>
    <t>07/23/14 12:39:22.0</t>
  </si>
  <si>
    <t>07/23/14 12:40:29.5</t>
  </si>
  <si>
    <t>07/23/14 12:40:35.0</t>
  </si>
  <si>
    <t>07/23/14 12:42:31.0</t>
  </si>
  <si>
    <t>07/23/14 12:42:40.0</t>
  </si>
  <si>
    <t>07/23/14 12:44:53.0</t>
  </si>
  <si>
    <t>07/23/14 12:45:09.0</t>
  </si>
  <si>
    <t>07/23/14 12:48:54.5</t>
  </si>
  <si>
    <t>07/23/14 12:49:00.5</t>
  </si>
  <si>
    <t>07/23/14 12:49:58.5</t>
  </si>
  <si>
    <t>07/23/14 12:50:05.5</t>
  </si>
  <si>
    <t>07/23/14 12:52:02.5</t>
  </si>
  <si>
    <t>07/23/14 12:53:32.5</t>
  </si>
  <si>
    <t>07/23/14 12:55:38.0</t>
  </si>
  <si>
    <t>07/23/14 12:55:46.0</t>
  </si>
  <si>
    <t>07/23/14 12:58:22.0</t>
  </si>
  <si>
    <t>07/23/14 12:58:27.0</t>
  </si>
  <si>
    <t>07/23/14 13:00:09.0</t>
  </si>
  <si>
    <t>07/23/14 13:00:19.5</t>
  </si>
  <si>
    <t>07/23/14 13:11:49.5</t>
  </si>
  <si>
    <t>07/23/14 13:12:01.5</t>
  </si>
  <si>
    <t>07/23/14 13:12:48.5</t>
  </si>
  <si>
    <t>07/23/14 13:12:54.0</t>
  </si>
  <si>
    <t>07/23/14 13:15:09.0</t>
  </si>
  <si>
    <t>07/23/14 13:15:23.5</t>
  </si>
  <si>
    <t>07/23/14 13:20:48.5</t>
  </si>
  <si>
    <t>07/23/14 13:20:58.0</t>
  </si>
  <si>
    <t>07/23/14 13:25:33.0</t>
  </si>
  <si>
    <t>07/23/14 13:26:10.5</t>
  </si>
  <si>
    <t>07/23/14 13:34:58.5</t>
  </si>
  <si>
    <t>07/23/14 13:35:06.5</t>
  </si>
  <si>
    <t>07/23/14 13:43:56.5</t>
  </si>
  <si>
    <t>07/23/14 13:45:32.5</t>
  </si>
  <si>
    <t>07/23/14 13:47:38.0</t>
  </si>
  <si>
    <t>07/23/14 13:47:45.0</t>
  </si>
  <si>
    <t>07/23/14 13:50:05.0</t>
  </si>
  <si>
    <t>07/23/14 13:50:25.0</t>
  </si>
  <si>
    <t>07/23/14 14:02:18.0</t>
  </si>
  <si>
    <t>07/23/14 14:08:42.5</t>
  </si>
  <si>
    <t>07/23/14 14:10:13.0</t>
  </si>
  <si>
    <t>07/23/14 14:11:33.5</t>
  </si>
  <si>
    <t>07/23/14 14:35:18.5</t>
  </si>
  <si>
    <t>07/23/14 14:35:25.0</t>
  </si>
  <si>
    <t>07/23/14 14:36:12.0</t>
  </si>
  <si>
    <t>07/23/14 14:36:19.0</t>
  </si>
  <si>
    <t>07/23/14 14:38:12.0</t>
  </si>
  <si>
    <t>07/23/14 14:38:20.5</t>
  </si>
  <si>
    <t>07/23/14 14:41:44.0</t>
  </si>
  <si>
    <t>07/23/14 14:42:04.0</t>
  </si>
  <si>
    <t>07/23/14 14:58:34.0</t>
  </si>
  <si>
    <t>07/23/14 14:59:05.0</t>
  </si>
  <si>
    <t>07/23/14 15:03:02.0</t>
  </si>
  <si>
    <t>07/23/14 15:03:09.5</t>
  </si>
  <si>
    <t>07/23/14 15:09:37.5</t>
  </si>
  <si>
    <t>07/23/14 15:09:47.5</t>
  </si>
  <si>
    <t>07/23/14 15:10:55.5</t>
  </si>
  <si>
    <t>07/23/14 15:11:02.5</t>
  </si>
  <si>
    <t>07/23/14 15:12:16.0</t>
  </si>
  <si>
    <t>07/23/14 15:12:23.5</t>
  </si>
  <si>
    <t>07/23/14 15:14:51.5</t>
  </si>
  <si>
    <t>07/23/14 15:15:00.0</t>
  </si>
  <si>
    <t>07/23/14 15:16:08.0</t>
  </si>
  <si>
    <t>07/23/14 15:16:20.5</t>
  </si>
  <si>
    <t>07/23/14 15:18:50.5</t>
  </si>
  <si>
    <t>07/23/14 15:18:56.5</t>
  </si>
  <si>
    <t>07/23/14 15:20:26.5</t>
  </si>
  <si>
    <t>07/23/14 15:20:41.5</t>
  </si>
  <si>
    <t>07/23/14 15:28:04.0</t>
  </si>
  <si>
    <t>07/23/14 15:30:09.0</t>
  </si>
  <si>
    <t>07/23/14 15:32:08.0</t>
  </si>
  <si>
    <t>07/23/14 15:34:36.0</t>
  </si>
  <si>
    <t>07/23/14 15:36:03.5</t>
  </si>
  <si>
    <t>07/23/14 15:38:13.5</t>
  </si>
  <si>
    <t>07/23/14 15:45:54.5</t>
  </si>
  <si>
    <t>07/23/14 15:47:15.5</t>
  </si>
  <si>
    <t>07/23/14 15:56:30.5</t>
  </si>
  <si>
    <t>07/23/14 15:57:00.5</t>
  </si>
  <si>
    <t>07/23/14 16:11:13.5</t>
  </si>
  <si>
    <t>07/23/14 16:11:24.0</t>
  </si>
  <si>
    <t>07/23/14 16:19:33.5</t>
  </si>
  <si>
    <t>07/23/14 16:19:44.5</t>
  </si>
  <si>
    <t>07/23/14 16:29:12.5</t>
  </si>
  <si>
    <t>07/23/14 16:29:59.5</t>
  </si>
  <si>
    <t>07/23/14 16:37:18.0</t>
  </si>
  <si>
    <t>07/23/14 16:37:27.0</t>
  </si>
  <si>
    <t>07/23/14 16:44:46.0</t>
  </si>
  <si>
    <t>07/23/14 16:44:54.0</t>
  </si>
  <si>
    <t>07/23/14 16:46:48.5</t>
  </si>
  <si>
    <t>07/23/14 16:47:05.0</t>
  </si>
  <si>
    <t>07/23/14 16:49:47.0</t>
  </si>
  <si>
    <t>07/23/14 16:49:59.5</t>
  </si>
  <si>
    <t>07/23/14 16:57:55.5</t>
  </si>
  <si>
    <t>07/23/14 16:58:13.0</t>
  </si>
  <si>
    <t>07/23/14 17:43:04.0</t>
  </si>
  <si>
    <t>07/23/14 17:43:48.5</t>
  </si>
  <si>
    <t>07/23/14 17:56:16.5</t>
  </si>
  <si>
    <t>07/23/14 18:01:34.5</t>
  </si>
  <si>
    <t>07/23/14 18:13:21.5</t>
  </si>
  <si>
    <t>07/23/14 18:13:30.0</t>
  </si>
  <si>
    <t>07/23/14 18:14:31.0</t>
  </si>
  <si>
    <t>07/23/14 18:14:34.5</t>
  </si>
  <si>
    <t>07/23/14 18:15:38.0</t>
  </si>
  <si>
    <t>07/23/14 18:15:45.0</t>
  </si>
  <si>
    <t>07/23/14 18:16:31.5</t>
  </si>
  <si>
    <t>07/23/14 18:16:36.5</t>
  </si>
  <si>
    <t>07/23/14 18:17:56.5</t>
  </si>
  <si>
    <t>07/23/14 18:18:06.5</t>
  </si>
  <si>
    <t>07/23/14 18:19:29.5</t>
  </si>
  <si>
    <t>07/23/14 18:19:52.5</t>
  </si>
  <si>
    <t>07/23/14 18:20:42.0</t>
  </si>
  <si>
    <t>07/23/14 18:20:47.5</t>
  </si>
  <si>
    <t>07/23/14 18:21:30.0</t>
  </si>
  <si>
    <t>07/23/14 18:21:37.0</t>
  </si>
  <si>
    <t>07/23/14 18:23:31.0</t>
  </si>
  <si>
    <t>07/23/14 18:23:36.5</t>
  </si>
  <si>
    <t>07/23/14 18:24:14.0</t>
  </si>
  <si>
    <t>07/23/14 18:24:18.0</t>
  </si>
  <si>
    <t>07/23/14 18:25:03.5</t>
  </si>
  <si>
    <t>07/23/14 18:25:07.0</t>
  </si>
  <si>
    <t>07/23/14 18:26:00.0</t>
  </si>
  <si>
    <t>07/23/14 18:26:05.0</t>
  </si>
  <si>
    <t>07/23/14 18:26:47.5</t>
  </si>
  <si>
    <t>07/23/14 18:26:51.5</t>
  </si>
  <si>
    <t>07/23/14 18:27:36.0</t>
  </si>
  <si>
    <t>07/23/14 18:27:41.0</t>
  </si>
  <si>
    <t>07/23/14 18:28:59.5</t>
  </si>
  <si>
    <t>07/23/14 18:29:05.0</t>
  </si>
  <si>
    <t>07/23/14 18:30:26.0</t>
  </si>
  <si>
    <t>07/23/14 18:30:34.5</t>
  </si>
  <si>
    <t>07/23/14 18:31:15.5</t>
  </si>
  <si>
    <t>07/23/14 18:31:21.0</t>
  </si>
  <si>
    <t>07/23/14 18:32:21.0</t>
  </si>
  <si>
    <t>07/23/14 18:32:26.5</t>
  </si>
  <si>
    <t>07/23/14 18:33:11.5</t>
  </si>
  <si>
    <t>07/23/14 18:33:15.5</t>
  </si>
  <si>
    <t>07/23/14 18:34:08.0</t>
  </si>
  <si>
    <t>07/23/14 18:34:13.5</t>
  </si>
  <si>
    <t>07/23/14 18:35:07.0</t>
  </si>
  <si>
    <t>07/23/14 18:35:10.5</t>
  </si>
  <si>
    <t>07/23/14 18:35:56.5</t>
  </si>
  <si>
    <t>07/23/14 18:36:01.0</t>
  </si>
  <si>
    <t>07/23/14 18:36:33.5</t>
  </si>
  <si>
    <t>07/23/14 18:36:39.0</t>
  </si>
  <si>
    <t>07/23/14 18:37:10.0</t>
  </si>
  <si>
    <t>07/23/14 18:37:14.5</t>
  </si>
  <si>
    <t>07/23/14 18:38:17.0</t>
  </si>
  <si>
    <t>07/23/14 18:38:23.5</t>
  </si>
  <si>
    <t>07/23/14 18:38:45.5</t>
  </si>
  <si>
    <t>07/23/14 18:38:50.0</t>
  </si>
  <si>
    <t>07/23/14 18:39:29.5</t>
  </si>
  <si>
    <t>07/23/14 18:39:33.0</t>
  </si>
  <si>
    <t>07/23/14 18:40:04.0</t>
  </si>
  <si>
    <t>07/23/14 18:40:07.0</t>
  </si>
  <si>
    <t>07/23/14 18:40:35.5</t>
  </si>
  <si>
    <t>07/23/14 18:40:40.5</t>
  </si>
  <si>
    <t>07/23/14 18:42:18.5</t>
  </si>
  <si>
    <t>07/23/14 18:42:31.0</t>
  </si>
  <si>
    <t>07/23/14 18:43:27.0</t>
  </si>
  <si>
    <t>07/23/14 18:43:33.5</t>
  </si>
  <si>
    <t>07/23/14 18:44:24.0</t>
  </si>
  <si>
    <t>07/23/14 18:44:33.0</t>
  </si>
  <si>
    <t>07/23/14 18:45:24.5</t>
  </si>
  <si>
    <t>07/23/14 18:45:31.5</t>
  </si>
  <si>
    <t>07/23/14 18:46:27.0</t>
  </si>
  <si>
    <t>07/23/14 18:46:34.5</t>
  </si>
  <si>
    <t>07/23/14 18:47:38.0</t>
  </si>
  <si>
    <t>07/23/14 18:47:43.0</t>
  </si>
  <si>
    <t>07/23/14 18:48:41.5</t>
  </si>
  <si>
    <t>07/23/14 18:48:49.0</t>
  </si>
  <si>
    <t>07/23/14 18:49:39.0</t>
  </si>
  <si>
    <t>07/23/14 18:49:45.0</t>
  </si>
  <si>
    <t>07/23/14 18:51:19.0</t>
  </si>
  <si>
    <t>07/23/14 18:51:39.0</t>
  </si>
  <si>
    <t>07/23/14 18:53:11.5</t>
  </si>
  <si>
    <t>07/23/14 18:53:17.5</t>
  </si>
  <si>
    <t>07/23/14 18:54:24.0</t>
  </si>
  <si>
    <t>07/23/14 18:54:30.0</t>
  </si>
  <si>
    <t>07/23/14 18:56:05.0</t>
  </si>
  <si>
    <t>07/23/14 18:56:16.5</t>
  </si>
  <si>
    <t>07/23/14 18:58:25.0</t>
  </si>
  <si>
    <t>07/23/14 18:58:33.5</t>
  </si>
  <si>
    <t>07/23/14 18:59:44.5</t>
  </si>
  <si>
    <t>07/23/14 18:59:52.0</t>
  </si>
  <si>
    <t>07/23/14 19:01:39.0</t>
  </si>
  <si>
    <t>07/23/14 19:01:52.5</t>
  </si>
  <si>
    <t>07/23/14 19:05:25.5</t>
  </si>
  <si>
    <t>07/23/14 19:05:35.5</t>
  </si>
  <si>
    <t>07/23/14 19:23:41.0</t>
  </si>
  <si>
    <t>07/23/14 19:23:47.0</t>
  </si>
  <si>
    <t>07/23/14 19:30:06.0</t>
  </si>
  <si>
    <t>07/23/14 19:31:04.0</t>
  </si>
  <si>
    <t>07/24/14 05:18:00.0</t>
  </si>
  <si>
    <t>07/24/14 06:36:10.5</t>
  </si>
  <si>
    <t>07/24/14 07:55:42.0</t>
  </si>
  <si>
    <t>07/24/14 07:59:57.0</t>
  </si>
  <si>
    <t>07/24/14 08:32:54.5</t>
  </si>
  <si>
    <t>07/24/14 08:33:02.5</t>
  </si>
  <si>
    <t>07/24/14 08:34:26.5</t>
  </si>
  <si>
    <t>07/24/14 08:34:37.5</t>
  </si>
  <si>
    <t>07/24/14 08:41:48.5</t>
  </si>
  <si>
    <t>07/24/14 08:42:00.5</t>
  </si>
  <si>
    <t>07/24/14 08:43:57.5</t>
  </si>
  <si>
    <t>07/24/14 08:44:06.5</t>
  </si>
  <si>
    <t>07/24/14 08:56:42.5</t>
  </si>
  <si>
    <t>07/24/14 08:59:31.0</t>
  </si>
  <si>
    <t>07/24/14 09:01:25.5</t>
  </si>
  <si>
    <t>07/24/14 09:01:39.5</t>
  </si>
  <si>
    <t>07/24/14 09:16:33.0</t>
  </si>
  <si>
    <t>07/24/14 09:17:11.0</t>
  </si>
  <si>
    <t>07/24/14 09:24:25.0</t>
  </si>
  <si>
    <t>07/24/14 09:24:35.0</t>
  </si>
  <si>
    <t>07/24/14 09:26:37.0</t>
  </si>
  <si>
    <t>07/24/14 09:26:50.5</t>
  </si>
  <si>
    <t>07/24/14 09:35:05.5</t>
  </si>
  <si>
    <t>07/24/14 09:35:23.0</t>
  </si>
  <si>
    <t>07/24/14 09:39:36.5</t>
  </si>
  <si>
    <t>07/24/14 09:40:22.5</t>
  </si>
  <si>
    <t>07/24/14 09:43:37.0</t>
  </si>
  <si>
    <t>07/24/14 09:44:51.5</t>
  </si>
  <si>
    <t>07/24/14 09:48:48.0</t>
  </si>
  <si>
    <t>07/24/14 09:49:39.5</t>
  </si>
  <si>
    <t>07/24/14 09:54:50.0</t>
  </si>
  <si>
    <t>07/24/14 09:55:14.5</t>
  </si>
  <si>
    <t>07/24/14 09:58:29.0</t>
  </si>
  <si>
    <t>07/24/14 09:58:37.0</t>
  </si>
  <si>
    <t>07/24/14 10:00:04.5</t>
  </si>
  <si>
    <t>07/24/14 10:00:14.0</t>
  </si>
  <si>
    <t>07/24/14 10:02:45.5</t>
  </si>
  <si>
    <t>07/24/14 10:02:55.0</t>
  </si>
  <si>
    <t>07/24/14 10:05:52.0</t>
  </si>
  <si>
    <t>07/24/14 10:06:05.5</t>
  </si>
  <si>
    <t>07/24/14 10:08:51.5</t>
  </si>
  <si>
    <t>07/24/14 10:08:59.0</t>
  </si>
  <si>
    <t>07/24/14 10:11:43.0</t>
  </si>
  <si>
    <t>07/24/14 10:11:50.0</t>
  </si>
  <si>
    <t>07/24/14 10:13:07.0</t>
  </si>
  <si>
    <t>07/24/14 10:13:14.5</t>
  </si>
  <si>
    <t>07/24/14 10:14:40.0</t>
  </si>
  <si>
    <t>07/24/14 10:16:01.5</t>
  </si>
  <si>
    <t>07/24/14 10:19:01.5</t>
  </si>
  <si>
    <t>07/24/14 10:19:08.5</t>
  </si>
  <si>
    <t>07/24/14 10:20:55.0</t>
  </si>
  <si>
    <t>07/24/14 10:21:06.0</t>
  </si>
  <si>
    <t>07/24/14 10:23:35.5</t>
  </si>
  <si>
    <t>07/24/14 10:23:54.5</t>
  </si>
  <si>
    <t>07/24/14 10:25:08.5</t>
  </si>
  <si>
    <t>07/24/14 10:25:15.5</t>
  </si>
  <si>
    <t>07/24/14 10:29:32.5</t>
  </si>
  <si>
    <t>07/24/14 10:30:31.5</t>
  </si>
  <si>
    <t>07/24/14 10:32:38.0</t>
  </si>
  <si>
    <t>07/24/14 10:32:48.0</t>
  </si>
  <si>
    <t>07/24/14 10:34:07.0</t>
  </si>
  <si>
    <t>07/24/14 10:36:37.0</t>
  </si>
  <si>
    <t>07/24/14 10:38:42.0</t>
  </si>
  <si>
    <t>07/24/14 10:39:04.0</t>
  </si>
  <si>
    <t>07/24/14 10:40:25.5</t>
  </si>
  <si>
    <t>07/24/14 10:40:34.5</t>
  </si>
  <si>
    <t>07/24/14 10:42:02.5</t>
  </si>
  <si>
    <t>07/24/14 10:42:10.5</t>
  </si>
  <si>
    <t>07/24/14 10:50:36.0</t>
  </si>
  <si>
    <t>07/24/14 10:50:59.5</t>
  </si>
  <si>
    <t>07/24/14 10:56:47.0</t>
  </si>
  <si>
    <t>07/24/14 10:56:53.0</t>
  </si>
  <si>
    <t>07/24/14 11:00:22.0</t>
  </si>
  <si>
    <t>07/24/14 11:01:57.5</t>
  </si>
  <si>
    <t>07/24/14 11:05:29.0</t>
  </si>
  <si>
    <t>07/24/14 11:05:38.0</t>
  </si>
  <si>
    <t>07/24/14 11:06:59.0</t>
  </si>
  <si>
    <t>07/24/14 11:07:06.0</t>
  </si>
  <si>
    <t>07/24/14 11:08:06.0</t>
  </si>
  <si>
    <t>07/24/14 11:08:15.5</t>
  </si>
  <si>
    <t>07/24/14 11:16:49.5</t>
  </si>
  <si>
    <t>07/24/14 11:17:04.0</t>
  </si>
  <si>
    <t>07/24/14 11:20:10.0</t>
  </si>
  <si>
    <t>07/24/14 11:20:17.5</t>
  </si>
  <si>
    <t>07/24/14 11:27:45.5</t>
  </si>
  <si>
    <t>07/24/14 11:27:56.5</t>
  </si>
  <si>
    <t>07/24/14 11:31:12.5</t>
  </si>
  <si>
    <t>07/24/14 11:31:24.5</t>
  </si>
  <si>
    <t>07/24/14 11:36:31.0</t>
  </si>
  <si>
    <t>07/24/14 11:36:45.5</t>
  </si>
  <si>
    <t>07/24/14 11:42:27.0</t>
  </si>
  <si>
    <t>07/24/14 11:42:38.5</t>
  </si>
  <si>
    <t>07/24/14 11:43:40.0</t>
  </si>
  <si>
    <t>07/24/14 11:43:54.0</t>
  </si>
  <si>
    <t>07/24/14 11:47:22.0</t>
  </si>
  <si>
    <t>07/24/14 11:47:29.0</t>
  </si>
  <si>
    <t>07/24/14 11:49:01.0</t>
  </si>
  <si>
    <t>07/24/14 11:49:10.5</t>
  </si>
  <si>
    <t>07/24/14 11:50:51.0</t>
  </si>
  <si>
    <t>07/24/14 11:51:07.5</t>
  </si>
  <si>
    <t>07/24/14 11:56:34.0</t>
  </si>
  <si>
    <t>07/24/14 11:58:16.0</t>
  </si>
  <si>
    <t>07/24/14 12:05:00.5</t>
  </si>
  <si>
    <t>07/24/14 12:05:37.0</t>
  </si>
  <si>
    <t>07/24/14 12:10:23.5</t>
  </si>
  <si>
    <t>07/24/14 12:10:31.5</t>
  </si>
  <si>
    <t>07/24/14 12:13:13.5</t>
  </si>
  <si>
    <t>07/24/14 12:13:35.5</t>
  </si>
  <si>
    <t>07/24/14 12:17:44.0</t>
  </si>
  <si>
    <t>07/24/14 12:18:05.0</t>
  </si>
  <si>
    <t>07/24/14 12:27:30.0</t>
  </si>
  <si>
    <t>07/24/14 12:29:05.0</t>
  </si>
  <si>
    <t>07/24/14 12:32:12.0</t>
  </si>
  <si>
    <t>07/24/14 12:32:26.5</t>
  </si>
  <si>
    <t>07/24/14 12:33:59.5</t>
  </si>
  <si>
    <t>07/24/14 12:34:05.5</t>
  </si>
  <si>
    <t>07/24/14 12:36:30.0</t>
  </si>
  <si>
    <t>07/24/14 12:36:44.5</t>
  </si>
  <si>
    <t>07/24/14 12:40:09.5</t>
  </si>
  <si>
    <t>07/24/14 12:40:25.5</t>
  </si>
  <si>
    <t>07/24/14 12:43:11.0</t>
  </si>
  <si>
    <t>07/24/14 12:43:18.5</t>
  </si>
  <si>
    <t>07/24/14 12:46:32.0</t>
  </si>
  <si>
    <t>07/24/14 12:47:15.0</t>
  </si>
  <si>
    <t>07/24/14 12:51:43.5</t>
  </si>
  <si>
    <t>07/24/14 12:52:15.0</t>
  </si>
  <si>
    <t>07/24/14 12:54:30.5</t>
  </si>
  <si>
    <t>07/24/14 12:54:40.5</t>
  </si>
  <si>
    <t>07/24/14 12:56:27.5</t>
  </si>
  <si>
    <t>07/24/14 12:56:36.5</t>
  </si>
  <si>
    <t>07/24/14 12:59:26.0</t>
  </si>
  <si>
    <t>07/24/14 12:59:36.5</t>
  </si>
  <si>
    <t>07/24/14 13:07:42.0</t>
  </si>
  <si>
    <t>07/24/14 13:08:05.0</t>
  </si>
  <si>
    <t>07/24/14 13:11:07.0</t>
  </si>
  <si>
    <t>07/24/14 13:11:15.5</t>
  </si>
  <si>
    <t>07/24/14 13:15:49.0</t>
  </si>
  <si>
    <t>07/24/14 13:16:02.5</t>
  </si>
  <si>
    <t>07/24/14 13:31:52.5</t>
  </si>
  <si>
    <t>07/24/14 13:32:19.0</t>
  </si>
  <si>
    <t>07/24/14 13:47:28.0</t>
  </si>
  <si>
    <t>07/24/14 13:49:46.5</t>
  </si>
  <si>
    <t>07/24/14 13:56:41.5</t>
  </si>
  <si>
    <t>07/24/14 13:57:02.5</t>
  </si>
  <si>
    <t>07/24/14 14:12:44.0</t>
  </si>
  <si>
    <t>07/24/14 14:14:08.5</t>
  </si>
  <si>
    <t>07/24/14 15:18:48.5</t>
  </si>
  <si>
    <t>07/24/14 15:19:17.5</t>
  </si>
  <si>
    <t>07/24/14 15:29:53.5</t>
  </si>
  <si>
    <t>07/24/14 15:30:36.0</t>
  </si>
  <si>
    <t>07/24/14 15:46:18.5</t>
  </si>
  <si>
    <t>07/24/14 15:46:45.0</t>
  </si>
  <si>
    <t>07/24/14 16:07:39.0</t>
  </si>
  <si>
    <t>07/24/14 16:07:56.0</t>
  </si>
  <si>
    <t>07/24/14 16:15:28.0</t>
  </si>
  <si>
    <t>07/24/14 16:15:42.0</t>
  </si>
  <si>
    <t>07/24/14 16:18:26.0</t>
  </si>
  <si>
    <t>07/24/14 16:19:05.5</t>
  </si>
  <si>
    <t>07/24/14 16:26:37.5</t>
  </si>
  <si>
    <t>07/24/14 16:26:48.5</t>
  </si>
  <si>
    <t>07/24/14 16:29:17.0</t>
  </si>
  <si>
    <t>07/24/14 16:29:30.5</t>
  </si>
  <si>
    <t>07/24/14 16:32:48.0</t>
  </si>
  <si>
    <t>07/24/14 16:33:01.0</t>
  </si>
  <si>
    <t>07/24/14 16:37:24.0</t>
  </si>
  <si>
    <t>07/24/14 16:37:30.5</t>
  </si>
  <si>
    <t>07/24/14 16:39:50.5</t>
  </si>
  <si>
    <t>07/24/14 16:39:55.5</t>
  </si>
  <si>
    <t>07/24/14 16:40:49.0</t>
  </si>
  <si>
    <t>07/24/14 16:40:55.5</t>
  </si>
  <si>
    <t>07/24/14 16:46:51.0</t>
  </si>
  <si>
    <t>07/24/14 16:47:40.0</t>
  </si>
  <si>
    <t>07/24/14 16:50:46.0</t>
  </si>
  <si>
    <t>07/24/14 16:51:03.5</t>
  </si>
  <si>
    <t>07/24/14 16:53:04.5</t>
  </si>
  <si>
    <t>07/24/14 16:53:15.5</t>
  </si>
  <si>
    <t>07/24/14 16:56:25.5</t>
  </si>
  <si>
    <t>07/24/14 16:56:37.0</t>
  </si>
  <si>
    <t>07/24/14 16:58:12.0</t>
  </si>
  <si>
    <t>07/24/14 16:58:17.5</t>
  </si>
  <si>
    <t>07/24/14 17:00:02.0</t>
  </si>
  <si>
    <t>07/24/14 17:00:08.5</t>
  </si>
  <si>
    <t>07/24/14 17:08:11.5</t>
  </si>
  <si>
    <t>07/24/14 17:09:20.0</t>
  </si>
  <si>
    <t>07/24/14 17:10:59.5</t>
  </si>
  <si>
    <t>07/24/14 17:14:39.0</t>
  </si>
  <si>
    <t>07/24/14 17:16:03.0</t>
  </si>
  <si>
    <t>07/24/14 17:16:12.0</t>
  </si>
  <si>
    <t>07/24/14 17:30:10.5</t>
  </si>
  <si>
    <t>07/24/14 17:30:24.5</t>
  </si>
  <si>
    <t>07/24/14 17:34:58.0</t>
  </si>
  <si>
    <t>07/24/14 17:35:05.5</t>
  </si>
  <si>
    <t>07/24/14 17:41:59.0</t>
  </si>
  <si>
    <t>07/24/14 17:42:17.5</t>
  </si>
  <si>
    <t>07/24/14 17:57:05.5</t>
  </si>
  <si>
    <t>07/24/14 17:57:21.5</t>
  </si>
  <si>
    <t>07/24/14 18:09:02.5</t>
  </si>
  <si>
    <t>07/24/14 18:09:12.0</t>
  </si>
  <si>
    <t>07/24/14 18:20:43.5</t>
  </si>
  <si>
    <t>07/24/14 18:21:53.5</t>
  </si>
  <si>
    <t>07/24/14 18:24:23.5</t>
  </si>
  <si>
    <t>07/24/14 18:24:33.0</t>
  </si>
  <si>
    <t>07/24/14 18:29:36.5</t>
  </si>
  <si>
    <t>07/24/14 18:31:32.0</t>
  </si>
  <si>
    <t>07/24/14 18:36:43.0</t>
  </si>
  <si>
    <t>07/24/14 18:36:55.5</t>
  </si>
  <si>
    <t>07/24/14 18:39:29.0</t>
  </si>
  <si>
    <t>07/24/14 18:39:47.5</t>
  </si>
  <si>
    <t>07/24/14 18:59:34.5</t>
  </si>
  <si>
    <t>07/24/14 19:06:41.0</t>
  </si>
  <si>
    <t>07/25/14 02:32:52.5</t>
  </si>
  <si>
    <t>07/25/14 09:46:11.5</t>
  </si>
  <si>
    <t>07/25/14 10:10:39.0</t>
  </si>
  <si>
    <t>07/25/14 10:11:59.0</t>
  </si>
  <si>
    <t>07/25/14 10:26:17.5</t>
  </si>
  <si>
    <t>07/25/14 10:26:30.5</t>
  </si>
  <si>
    <t>07/25/14 10:35:29.5</t>
  </si>
  <si>
    <t>07/25/14 10:35:51.0</t>
  </si>
  <si>
    <t>07/25/14 11:03:10.5</t>
  </si>
  <si>
    <t>07/25/14 11:03:23.0</t>
  </si>
  <si>
    <t>07/25/14 11:16:32.5</t>
  </si>
  <si>
    <t>07/25/14 11:16:44.0</t>
  </si>
  <si>
    <t>07/25/14 11:19:24.5</t>
  </si>
  <si>
    <t>07/25/14 11:19:39.0</t>
  </si>
  <si>
    <t>07/25/14 11:25:09.5</t>
  </si>
  <si>
    <t>07/25/14 11:25:18.5</t>
  </si>
  <si>
    <t>07/25/14 11:28:50.5</t>
  </si>
  <si>
    <t>07/25/14 11:29:05.5</t>
  </si>
  <si>
    <t>07/25/14 11:31:22.0</t>
  </si>
  <si>
    <t>07/25/14 11:31:44.0</t>
  </si>
  <si>
    <t>07/25/14 11:43:36.0</t>
  </si>
  <si>
    <t>07/25/14 11:43:46.5</t>
  </si>
  <si>
    <t>07/25/14 11:46:27.0</t>
  </si>
  <si>
    <t>07/25/14 11:46:44.0</t>
  </si>
  <si>
    <t>07/25/14 11:55:54.0</t>
  </si>
  <si>
    <t>07/25/14 11:56:12.5</t>
  </si>
  <si>
    <t>07/25/14 12:03:38.5</t>
  </si>
  <si>
    <t>07/25/14 12:04:10.5</t>
  </si>
  <si>
    <t>07/25/14 12:05:36.0</t>
  </si>
  <si>
    <t>07/25/14 12:05:49.5</t>
  </si>
  <si>
    <t>07/25/14 12:07:25.0</t>
  </si>
  <si>
    <t>07/25/14 12:07:37.0</t>
  </si>
  <si>
    <t>07/25/14 12:09:23.0</t>
  </si>
  <si>
    <t>07/25/14 12:09:33.5</t>
  </si>
  <si>
    <t>07/25/14 12:11:55.5</t>
  </si>
  <si>
    <t>07/25/14 12:12:05.5</t>
  </si>
  <si>
    <t>07/25/14 12:14:37.5</t>
  </si>
  <si>
    <t>07/25/14 12:14:46.5</t>
  </si>
  <si>
    <t>07/25/14 12:18:08.5</t>
  </si>
  <si>
    <t>07/25/14 12:18:22.5</t>
  </si>
  <si>
    <t>07/25/14 12:19:30.5</t>
  </si>
  <si>
    <t>07/25/14 12:19:38.0</t>
  </si>
  <si>
    <t>07/25/14 12:21:23.0</t>
  </si>
  <si>
    <t>07/25/14 12:21:31.0</t>
  </si>
  <si>
    <t>07/25/14 12:23:10.0</t>
  </si>
  <si>
    <t>07/25/14 12:23:19.0</t>
  </si>
  <si>
    <t>07/25/14 12:25:28.0</t>
  </si>
  <si>
    <t>07/25/14 12:25:42.0</t>
  </si>
  <si>
    <t>07/25/14 12:27:07.5</t>
  </si>
  <si>
    <t>07/25/14 12:27:18.0</t>
  </si>
  <si>
    <t>07/25/14 12:28:37.5</t>
  </si>
  <si>
    <t>07/25/14 12:28:45.5</t>
  </si>
  <si>
    <t>07/25/14 12:30:10.5</t>
  </si>
  <si>
    <t>07/25/14 12:30:30.5</t>
  </si>
  <si>
    <t>07/25/14 12:32:15.0</t>
  </si>
  <si>
    <t>07/25/14 12:32:25.5</t>
  </si>
  <si>
    <t>07/25/14 12:33:43.0</t>
  </si>
  <si>
    <t>07/25/14 12:33:50.0</t>
  </si>
  <si>
    <t>07/25/14 12:35:08.0</t>
  </si>
  <si>
    <t>07/25/14 12:35:14.5</t>
  </si>
  <si>
    <t>07/25/14 12:36:53.0</t>
  </si>
  <si>
    <t>07/25/14 12:37:09.5</t>
  </si>
  <si>
    <t>07/25/14 12:41:24.5</t>
  </si>
  <si>
    <t>07/25/14 12:41:34.5</t>
  </si>
  <si>
    <t>07/25/14 12:42:38.0</t>
  </si>
  <si>
    <t>07/25/14 12:42:46.5</t>
  </si>
  <si>
    <t>07/25/14 12:44:26.5</t>
  </si>
  <si>
    <t>07/25/14 12:44:35.5</t>
  </si>
  <si>
    <t>07/25/14 12:45:30.5</t>
  </si>
  <si>
    <t>07/25/14 12:45:39.0</t>
  </si>
  <si>
    <t>07/25/14 12:47:26.0</t>
  </si>
  <si>
    <t>07/25/14 12:47:32.5</t>
  </si>
  <si>
    <t>07/25/14 12:48:31.0</t>
  </si>
  <si>
    <t>07/25/14 12:48:37.0</t>
  </si>
  <si>
    <t>07/25/14 12:49:56.5</t>
  </si>
  <si>
    <t>07/25/14 12:50:12.5</t>
  </si>
  <si>
    <t>07/25/14 12:51:42.0</t>
  </si>
  <si>
    <t>07/25/14 12:51:52.0</t>
  </si>
  <si>
    <t>07/25/14 12:53:08.0</t>
  </si>
  <si>
    <t>07/25/14 12:53:13.5</t>
  </si>
  <si>
    <t>07/25/14 12:54:05.0</t>
  </si>
  <si>
    <t>07/25/14 12:54:12.5</t>
  </si>
  <si>
    <t>07/25/14 12:57:41.5</t>
  </si>
  <si>
    <t>07/25/14 12:57:50.0</t>
  </si>
  <si>
    <t>07/25/14 12:58:44.0</t>
  </si>
  <si>
    <t>07/25/14 12:58:52.5</t>
  </si>
  <si>
    <t>07/25/14 13:01:41.5</t>
  </si>
  <si>
    <t>07/25/14 13:01:52.0</t>
  </si>
  <si>
    <t>07/25/14 13:06:20.5</t>
  </si>
  <si>
    <t>07/25/14 13:06:30.5</t>
  </si>
  <si>
    <t>07/25/14 13:09:20.0</t>
  </si>
  <si>
    <t>07/25/14 13:09:28.0</t>
  </si>
  <si>
    <t>07/25/14 13:11:22.0</t>
  </si>
  <si>
    <t>07/25/14 13:11:28.5</t>
  </si>
  <si>
    <t>07/25/14 13:13:48.0</t>
  </si>
  <si>
    <t>07/25/14 13:13:53.0</t>
  </si>
  <si>
    <t>07/25/14 13:14:50.5</t>
  </si>
  <si>
    <t>07/25/14 13:14:58.5</t>
  </si>
  <si>
    <t>07/25/14 13:16:58.0</t>
  </si>
  <si>
    <t>07/25/14 13:17:10.0</t>
  </si>
  <si>
    <t>07/25/14 13:18:34.0</t>
  </si>
  <si>
    <t>07/25/14 13:18:39.5</t>
  </si>
  <si>
    <t>07/25/14 13:20:02.0</t>
  </si>
  <si>
    <t>07/25/14 13:20:08.5</t>
  </si>
  <si>
    <t>07/25/14 13:21:21.0</t>
  </si>
  <si>
    <t>07/25/14 13:21:31.5</t>
  </si>
  <si>
    <t>07/25/14 13:23:12.0</t>
  </si>
  <si>
    <t>07/25/14 13:23:39.0</t>
  </si>
  <si>
    <t>07/25/14 13:24:29.5</t>
  </si>
  <si>
    <t>07/25/14 13:24:33.0</t>
  </si>
  <si>
    <t>07/25/14 13:25:10.0</t>
  </si>
  <si>
    <t>07/25/14 13:25:15.5</t>
  </si>
  <si>
    <t>07/25/14 13:26:05.0</t>
  </si>
  <si>
    <t>07/25/14 13:26:11.5</t>
  </si>
  <si>
    <t>07/25/14 13:27:34.0</t>
  </si>
  <si>
    <t>07/25/14 13:27:46.0</t>
  </si>
  <si>
    <t>07/25/14 13:29:18.5</t>
  </si>
  <si>
    <t>07/25/14 13:29:28.0</t>
  </si>
  <si>
    <t>07/25/14 13:31:24.0</t>
  </si>
  <si>
    <t>07/25/14 13:31:32.0</t>
  </si>
  <si>
    <t>07/25/14 13:33:00.5</t>
  </si>
  <si>
    <t>07/25/14 13:33:17.5</t>
  </si>
  <si>
    <t>07/25/14 13:39:02.5</t>
  </si>
  <si>
    <t>07/25/14 13:39:09.0</t>
  </si>
  <si>
    <t>07/25/14 13:40:21.5</t>
  </si>
  <si>
    <t>07/25/14 13:40:29.5</t>
  </si>
  <si>
    <t>07/25/14 13:42:31.5</t>
  </si>
  <si>
    <t>07/25/14 13:42:41.0</t>
  </si>
  <si>
    <t>07/25/14 13:44:00.5</t>
  </si>
  <si>
    <t>07/25/14 13:44:45.0</t>
  </si>
  <si>
    <t>07/25/14 13:45:53.0</t>
  </si>
  <si>
    <t>07/25/14 13:46:44.0</t>
  </si>
  <si>
    <t>07/25/14 13:47:49.5</t>
  </si>
  <si>
    <t>07/25/14 13:47:59.0</t>
  </si>
  <si>
    <t>07/25/14 13:49:02.0</t>
  </si>
  <si>
    <t>07/25/14 13:49:21.0</t>
  </si>
  <si>
    <t>07/25/14 13:51:26.5</t>
  </si>
  <si>
    <t>07/25/14 13:51:47.0</t>
  </si>
  <si>
    <t>07/25/14 13:53:58.0</t>
  </si>
  <si>
    <t>07/25/14 13:54:11.5</t>
  </si>
  <si>
    <t>07/25/14 14:05:30.5</t>
  </si>
  <si>
    <t>07/25/14 14:06:10.0</t>
  </si>
  <si>
    <t>07/25/14 14:08:36.0</t>
  </si>
  <si>
    <t>07/25/14 14:08:44.5</t>
  </si>
  <si>
    <t>07/25/14 14:17:06.0</t>
  </si>
  <si>
    <t>07/25/14 14:22:39.0</t>
  </si>
  <si>
    <t>07/25/14 14:32:27.5</t>
  </si>
  <si>
    <t>07/25/14 14:32:35.5</t>
  </si>
  <si>
    <t>07/25/14 14:44:11.0</t>
  </si>
  <si>
    <t>07/25/14 14:44:23.0</t>
  </si>
  <si>
    <t>07/25/14 14:51:29.0</t>
  </si>
  <si>
    <t>07/25/14 14:51:35.5</t>
  </si>
  <si>
    <t>07/25/14 14:56:39.0</t>
  </si>
  <si>
    <t>07/25/14 14:56:53.5</t>
  </si>
  <si>
    <t>07/25/14 15:07:25.5</t>
  </si>
  <si>
    <t>07/25/14 15:07:35.0</t>
  </si>
  <si>
    <t>07/25/14 15:19:53.0</t>
  </si>
  <si>
    <t>07/25/14 15:24:48.5</t>
  </si>
  <si>
    <t>07/25/14 15:27:54.0</t>
  </si>
  <si>
    <t>07/25/14 15:28:44.5</t>
  </si>
  <si>
    <t>07/25/14 15:33:53.0</t>
  </si>
  <si>
    <t>07/25/14 15:34:02.0</t>
  </si>
  <si>
    <t>07/25/14 15:40:34.5</t>
  </si>
  <si>
    <t>07/25/14 15:40:46.5</t>
  </si>
  <si>
    <t>07/25/14 15:47:11.0</t>
  </si>
  <si>
    <t>07/25/14 15:48:22.0</t>
  </si>
  <si>
    <t>07/25/14 15:57:56.0</t>
  </si>
  <si>
    <t>07/25/14 15:58:04.0</t>
  </si>
  <si>
    <t>07/25/14 16:07:08.0</t>
  </si>
  <si>
    <t>07/25/14 16:07:33.0</t>
  </si>
  <si>
    <t>07/25/14 16:10:28.0</t>
  </si>
  <si>
    <t>07/25/14 16:10:49.0</t>
  </si>
  <si>
    <t>07/25/14 16:26:38.5</t>
  </si>
  <si>
    <t>07/25/14 16:27:19.5</t>
  </si>
  <si>
    <t>07/25/14 16:28:34.0</t>
  </si>
  <si>
    <t>07/25/14 16:28:41.0</t>
  </si>
  <si>
    <t>07/25/14 16:30:35.0</t>
  </si>
  <si>
    <t>07/25/14 16:31:53.0</t>
  </si>
  <si>
    <t>07/25/14 16:40:13.5</t>
  </si>
  <si>
    <t>07/25/14 16:40:19.5</t>
  </si>
  <si>
    <t>07/25/14 16:41:17.0</t>
  </si>
  <si>
    <t>07/25/14 16:41:29.5</t>
  </si>
  <si>
    <t>07/25/14 16:45:51.0</t>
  </si>
  <si>
    <t>07/25/14 16:45:58.0</t>
  </si>
  <si>
    <t>07/25/14 16:48:37.5</t>
  </si>
  <si>
    <t>07/25/14 16:48:44.5</t>
  </si>
  <si>
    <t>07/25/14 16:50:06.5</t>
  </si>
  <si>
    <t>07/25/14 16:52:18.0</t>
  </si>
  <si>
    <t>07/25/14 16:53:23.0</t>
  </si>
  <si>
    <t>07/25/14 16:53:32.5</t>
  </si>
  <si>
    <t>07/25/14 16:54:33.0</t>
  </si>
  <si>
    <t>07/25/14 16:55:16.5</t>
  </si>
  <si>
    <t>07/25/14 16:57:32.5</t>
  </si>
  <si>
    <t>07/25/14 16:57:43.5</t>
  </si>
  <si>
    <t>07/25/14 17:01:31.5</t>
  </si>
  <si>
    <t>07/25/14 17:01:38.5</t>
  </si>
  <si>
    <t>07/25/14 17:02:52.5</t>
  </si>
  <si>
    <t>07/25/14 17:03:07.5</t>
  </si>
  <si>
    <t>07/25/14 17:09:38.0</t>
  </si>
  <si>
    <t>07/25/14 17:09:44.5</t>
  </si>
  <si>
    <t>07/25/14 17:10:46.5</t>
  </si>
  <si>
    <t>07/25/14 17:10:57.5</t>
  </si>
  <si>
    <t>07/25/14 17:12:16.0</t>
  </si>
  <si>
    <t>07/25/14 17:12:24.5</t>
  </si>
  <si>
    <t>07/25/14 17:21:24.5</t>
  </si>
  <si>
    <t>07/25/14 17:34:56.5</t>
  </si>
  <si>
    <t>07/25/14 17:40:31.5</t>
  </si>
  <si>
    <t>07/25/14 17:41:23.5</t>
  </si>
  <si>
    <t>07/25/14 17:47:29.0</t>
  </si>
  <si>
    <t>07/25/14 17:47:39.5</t>
  </si>
  <si>
    <t>07/25/14 17:49:54.0</t>
  </si>
  <si>
    <t>07/25/14 17:50:10.0</t>
  </si>
  <si>
    <t>07/25/14 17:54:58.5</t>
  </si>
  <si>
    <t>07/25/14 17:55:40.0</t>
  </si>
  <si>
    <t>07/25/14 18:02:03.0</t>
  </si>
  <si>
    <t>07/25/14 18:02:14.5</t>
  </si>
  <si>
    <t>07/25/14 18:19:55.0</t>
  </si>
  <si>
    <t>07/25/14 18:21:52.5</t>
  </si>
  <si>
    <t>07/25/14 19:10:16.5</t>
  </si>
  <si>
    <t>07/25/14 19:19:32.0</t>
  </si>
  <si>
    <t>07/26/14 08:20:16.5</t>
  </si>
  <si>
    <t>07/26/14 08:20:32.5</t>
  </si>
  <si>
    <t>07/26/14 08:56:47.5</t>
  </si>
  <si>
    <t>07/26/14 08:57:28.5</t>
  </si>
  <si>
    <t>07/26/14 09:01:11.5</t>
  </si>
  <si>
    <t>07/26/14 09:01:21.5</t>
  </si>
  <si>
    <t>07/26/14 09:15:11.0</t>
  </si>
  <si>
    <t>07/26/14 09:15:28.5</t>
  </si>
  <si>
    <t>07/26/14 09:17:23.0</t>
  </si>
  <si>
    <t>07/26/14 09:17:50.0</t>
  </si>
  <si>
    <t>07/26/14 09:20:56.0</t>
  </si>
  <si>
    <t>07/26/14 09:26:29.5</t>
  </si>
  <si>
    <t>07/26/14 09:32:47.0</t>
  </si>
  <si>
    <t>07/26/14 09:32:53.5</t>
  </si>
  <si>
    <t>07/26/14 09:34:06.0</t>
  </si>
  <si>
    <t>07/26/14 09:34:14.0</t>
  </si>
  <si>
    <t>07/26/14 09:35:24.0</t>
  </si>
  <si>
    <t>07/26/14 09:35:40.5</t>
  </si>
  <si>
    <t>07/26/14 09:37:54.0</t>
  </si>
  <si>
    <t>07/26/14 09:38:08.0</t>
  </si>
  <si>
    <t>07/26/14 09:41:39.0</t>
  </si>
  <si>
    <t>07/26/14 09:42:05.5</t>
  </si>
  <si>
    <t>07/26/14 09:47:35.0</t>
  </si>
  <si>
    <t>07/26/14 09:49:24.0</t>
  </si>
  <si>
    <t>07/26/14 09:56:01.0</t>
  </si>
  <si>
    <t>07/26/14 09:56:44.5</t>
  </si>
  <si>
    <t>07/26/14 10:00:48.5</t>
  </si>
  <si>
    <t>07/26/14 10:01:00.5</t>
  </si>
  <si>
    <t>07/26/14 10:01:54.0</t>
  </si>
  <si>
    <t>07/26/14 10:02:00.0</t>
  </si>
  <si>
    <t>07/26/14 10:06:31.0</t>
  </si>
  <si>
    <t>07/26/14 10:07:17.0</t>
  </si>
  <si>
    <t>07/26/14 10:10:53.0</t>
  </si>
  <si>
    <t>07/26/14 10:11:12.5</t>
  </si>
  <si>
    <t>07/26/14 10:20:10.5</t>
  </si>
  <si>
    <t>07/26/14 10:20:28.0</t>
  </si>
  <si>
    <t>07/26/14 10:21:52.0</t>
  </si>
  <si>
    <t>07/26/14 10:21:57.5</t>
  </si>
  <si>
    <t>07/26/14 10:22:45.0</t>
  </si>
  <si>
    <t>07/26/14 10:23:01.0</t>
  </si>
  <si>
    <t>07/26/14 10:25:54.0</t>
  </si>
  <si>
    <t>07/26/14 10:27:45.5</t>
  </si>
  <si>
    <t>07/26/14 10:29:42.5</t>
  </si>
  <si>
    <t>07/26/14 10:29:48.5</t>
  </si>
  <si>
    <t>07/26/14 10:32:06.5</t>
  </si>
  <si>
    <t>07/26/14 10:32:23.5</t>
  </si>
  <si>
    <t>07/26/14 10:34:09.0</t>
  </si>
  <si>
    <t>07/26/14 10:34:56.0</t>
  </si>
  <si>
    <t>07/26/14 10:38:25.5</t>
  </si>
  <si>
    <t>07/26/14 10:38:34.0</t>
  </si>
  <si>
    <t>07/26/14 10:39:25.0</t>
  </si>
  <si>
    <t>07/26/14 10:39:31.5</t>
  </si>
  <si>
    <t>07/26/14 10:42:32.5</t>
  </si>
  <si>
    <t>07/26/14 10:42:41.5</t>
  </si>
  <si>
    <t>07/26/14 10:45:17.0</t>
  </si>
  <si>
    <t>07/26/14 10:45:24.5</t>
  </si>
  <si>
    <t>07/26/14 10:46:14.0</t>
  </si>
  <si>
    <t>07/26/14 10:46:22.0</t>
  </si>
  <si>
    <t>07/26/14 10:48:32.5</t>
  </si>
  <si>
    <t>07/26/14 10:52:06.0</t>
  </si>
  <si>
    <t>07/26/14 10:55:16.5</t>
  </si>
  <si>
    <t>07/26/14 10:55:22.5</t>
  </si>
  <si>
    <t>07/26/14 10:59:20.5</t>
  </si>
  <si>
    <t>07/26/14 10:59:30.5</t>
  </si>
  <si>
    <t>07/26/14 11:03:18.0</t>
  </si>
  <si>
    <t>07/26/14 11:03:41.5</t>
  </si>
  <si>
    <t>07/26/14 11:07:24.0</t>
  </si>
  <si>
    <t>07/26/14 11:07:35.5</t>
  </si>
  <si>
    <t>07/26/14 11:08:48.5</t>
  </si>
  <si>
    <t>07/26/14 11:11:05.5</t>
  </si>
  <si>
    <t>07/26/14 11:13:04.0</t>
  </si>
  <si>
    <t>07/26/14 11:13:14.0</t>
  </si>
  <si>
    <t>07/26/14 11:15:02.0</t>
  </si>
  <si>
    <t>07/26/14 11:15:12.0</t>
  </si>
  <si>
    <t>07/26/14 11:18:41.0</t>
  </si>
  <si>
    <t>07/26/14 11:18:48.5</t>
  </si>
  <si>
    <t>07/26/14 11:21:29.5</t>
  </si>
  <si>
    <t>07/26/14 11:21:40.0</t>
  </si>
  <si>
    <t>07/26/14 11:24:12.0</t>
  </si>
  <si>
    <t>07/26/14 11:24:23.5</t>
  </si>
  <si>
    <t>07/26/14 11:29:26.0</t>
  </si>
  <si>
    <t>07/26/14 11:29:38.5</t>
  </si>
  <si>
    <t>07/26/14 11:38:37.0</t>
  </si>
  <si>
    <t>07/26/14 11:38:49.5</t>
  </si>
  <si>
    <t>07/26/14 11:42:08.5</t>
  </si>
  <si>
    <t>07/26/14 11:42:22.5</t>
  </si>
  <si>
    <t>07/26/14 11:45:26.0</t>
  </si>
  <si>
    <t>07/26/14 11:46:08.5</t>
  </si>
  <si>
    <t>07/26/14 11:50:51.0</t>
  </si>
  <si>
    <t>07/26/14 11:51:18.5</t>
  </si>
  <si>
    <t>07/26/14 11:53:05.0</t>
  </si>
  <si>
    <t>07/26/14 11:53:09.5</t>
  </si>
  <si>
    <t>07/26/14 11:54:18.5</t>
  </si>
  <si>
    <t>07/26/14 11:54:24.5</t>
  </si>
  <si>
    <t>07/26/14 11:56:10.5</t>
  </si>
  <si>
    <t>07/26/14 11:56:28.0</t>
  </si>
  <si>
    <t>07/26/14 12:05:18.0</t>
  </si>
  <si>
    <t>07/26/14 12:05:45.0</t>
  </si>
  <si>
    <t>07/26/14 12:13:12.0</t>
  </si>
  <si>
    <t>07/26/14 12:13:22.5</t>
  </si>
  <si>
    <t>07/26/14 12:18:39.5</t>
  </si>
  <si>
    <t>07/26/14 12:18:45.5</t>
  </si>
  <si>
    <t>07/26/14 12:20:24.5</t>
  </si>
  <si>
    <t>07/26/14 12:21:56.5</t>
  </si>
  <si>
    <t>07/26/14 12:26:44.0</t>
  </si>
  <si>
    <t>07/26/14 12:27:15.0</t>
  </si>
  <si>
    <t>07/26/14 12:32:54.0</t>
  </si>
  <si>
    <t>07/26/14 12:33:02.5</t>
  </si>
  <si>
    <t>07/26/14 12:34:32.5</t>
  </si>
  <si>
    <t>07/26/14 12:36:14.5</t>
  </si>
  <si>
    <t>07/26/14 12:39:54.5</t>
  </si>
  <si>
    <t>07/26/14 12:40:03.5</t>
  </si>
  <si>
    <t>07/26/14 12:43:31.0</t>
  </si>
  <si>
    <t>07/26/14 12:43:46.0</t>
  </si>
  <si>
    <t>07/26/14 12:50:00.5</t>
  </si>
  <si>
    <t>07/26/14 12:50:15.5</t>
  </si>
  <si>
    <t>07/26/14 12:52:02.5</t>
  </si>
  <si>
    <t>07/26/14 12:52:33.5</t>
  </si>
  <si>
    <t>07/26/14 12:57:36.0</t>
  </si>
  <si>
    <t>07/26/14 13:00:06.5</t>
  </si>
  <si>
    <t>07/26/14 13:01:31.0</t>
  </si>
  <si>
    <t>07/26/14 13:01:43.5</t>
  </si>
  <si>
    <t>07/26/14 13:03:41.0</t>
  </si>
  <si>
    <t>07/26/14 13:03:51.5</t>
  </si>
  <si>
    <t>07/26/14 13:07:40.5</t>
  </si>
  <si>
    <t>07/26/14 13:07:57.0</t>
  </si>
  <si>
    <t>07/26/14 13:10:15.5</t>
  </si>
  <si>
    <t>07/26/14 13:12:00.0</t>
  </si>
  <si>
    <t>07/26/14 13:14:26.5</t>
  </si>
  <si>
    <t>07/26/14 13:14:33.5</t>
  </si>
  <si>
    <t>07/26/14 13:24:35.5</t>
  </si>
  <si>
    <t>07/26/14 13:24:53.5</t>
  </si>
  <si>
    <t>07/26/14 13:29:00.5</t>
  </si>
  <si>
    <t>07/26/14 13:30:23.5</t>
  </si>
  <si>
    <t>07/26/14 13:34:18.5</t>
  </si>
  <si>
    <t>07/26/14 13:35:37.5</t>
  </si>
  <si>
    <t>07/26/14 13:40:21.5</t>
  </si>
  <si>
    <t>07/26/14 13:40:38.5</t>
  </si>
  <si>
    <t>07/26/14 13:45:39.0</t>
  </si>
  <si>
    <t>07/26/14 13:45:48.5</t>
  </si>
  <si>
    <t>07/26/14 13:47:40.5</t>
  </si>
  <si>
    <t>07/26/14 13:48:59.0</t>
  </si>
  <si>
    <t>07/26/14 13:54:38.0</t>
  </si>
  <si>
    <t>07/26/14 13:55:02.5</t>
  </si>
  <si>
    <t>07/26/14 13:57:13.0</t>
  </si>
  <si>
    <t>07/26/14 13:57:25.0</t>
  </si>
  <si>
    <t>07/26/14 13:59:33.5</t>
  </si>
  <si>
    <t>07/26/14 13:59:42.0</t>
  </si>
  <si>
    <t>07/26/14 14:07:45.0</t>
  </si>
  <si>
    <t>07/26/14 14:07:58.0</t>
  </si>
  <si>
    <t>07/26/14 14:11:25.5</t>
  </si>
  <si>
    <t>07/26/14 14:12:56.0</t>
  </si>
  <si>
    <t>07/26/14 14:38:13.5</t>
  </si>
  <si>
    <t>07/26/14 14:38:48.5</t>
  </si>
  <si>
    <t>07/26/14 14:39:19.0</t>
  </si>
  <si>
    <t>07/26/14 14:39:24.0</t>
  </si>
  <si>
    <t>07/26/14 14:40:24.5</t>
  </si>
  <si>
    <t>07/26/14 14:40:33.0</t>
  </si>
  <si>
    <t>07/26/14 14:42:19.5</t>
  </si>
  <si>
    <t>07/26/14 14:42:24.0</t>
  </si>
  <si>
    <t>07/26/14 14:43:21.5</t>
  </si>
  <si>
    <t>07/26/14 14:43:27.5</t>
  </si>
  <si>
    <t>07/26/14 14:44:20.5</t>
  </si>
  <si>
    <t>07/26/14 14:44:32.0</t>
  </si>
  <si>
    <t>07/26/14 14:45:11.5</t>
  </si>
  <si>
    <t>07/26/14 14:45:17.5</t>
  </si>
  <si>
    <t>07/26/14 14:46:10.0</t>
  </si>
  <si>
    <t>07/26/14 14:46:12.5</t>
  </si>
  <si>
    <t>07/26/14 14:47:17.5</t>
  </si>
  <si>
    <t>07/26/14 14:47:22.5</t>
  </si>
  <si>
    <t>07/26/14 14:48:22.5</t>
  </si>
  <si>
    <t>07/26/14 14:48:31.5</t>
  </si>
  <si>
    <t>07/26/14 14:49:33.5</t>
  </si>
  <si>
    <t>07/26/14 14:49:37.5</t>
  </si>
  <si>
    <t>07/26/14 14:50:20.5</t>
  </si>
  <si>
    <t>07/26/14 14:50:29.5</t>
  </si>
  <si>
    <t>07/26/14 14:52:56.5</t>
  </si>
  <si>
    <t>07/26/14 14:53:11.5</t>
  </si>
  <si>
    <t>07/26/14 14:54:16.0</t>
  </si>
  <si>
    <t>07/26/14 14:54:25.5</t>
  </si>
  <si>
    <t>07/26/14 14:55:22.0</t>
  </si>
  <si>
    <t>07/26/14 14:55:27.5</t>
  </si>
  <si>
    <t>07/26/14 14:56:50.5</t>
  </si>
  <si>
    <t>07/26/14 14:57:01.5</t>
  </si>
  <si>
    <t>07/26/14 14:58:07.5</t>
  </si>
  <si>
    <t>07/26/14 14:58:13.0</t>
  </si>
  <si>
    <t>07/26/14 14:59:34.0</t>
  </si>
  <si>
    <t>07/26/14 14:59:38.5</t>
  </si>
  <si>
    <t>07/26/14 15:00:21.0</t>
  </si>
  <si>
    <t>07/26/14 15:00:30.5</t>
  </si>
  <si>
    <t>07/26/14 15:01:37.5</t>
  </si>
  <si>
    <t>07/26/14 15:01:46.5</t>
  </si>
  <si>
    <t>07/26/14 15:04:23.5</t>
  </si>
  <si>
    <t>07/26/14 15:04:33.5</t>
  </si>
  <si>
    <t>07/26/14 15:07:45.5</t>
  </si>
  <si>
    <t>07/26/14 15:08:13.0</t>
  </si>
  <si>
    <t>07/26/14 15:12:27.0</t>
  </si>
  <si>
    <t>07/26/14 15:12:42.0</t>
  </si>
  <si>
    <t>07/26/14 15:19:31.0</t>
  </si>
  <si>
    <t>07/26/14 15:19:49.0</t>
  </si>
  <si>
    <t>07/26/14 16:16:54.5</t>
  </si>
  <si>
    <t>07/26/14 16:17:21.5</t>
  </si>
  <si>
    <t>07/26/14 20:19:54.0</t>
  </si>
  <si>
    <t>07/26/14 20:20:10.0</t>
  </si>
  <si>
    <t>07/26/14 20:22:27.0</t>
  </si>
  <si>
    <t>07/26/14 20:22:44.0</t>
  </si>
  <si>
    <t>07/26/14 20:26:31.5</t>
  </si>
  <si>
    <t>07/26/14 20:27:12.0</t>
  </si>
  <si>
    <t>07/26/14 20:40:08.5</t>
  </si>
  <si>
    <t>07/26/14 20:40:29.0</t>
  </si>
  <si>
    <t>07/26/14 20:43:21.5</t>
  </si>
  <si>
    <t>07/26/14 20:44:11.5</t>
  </si>
  <si>
    <t>07/26/14 20:46:37.5</t>
  </si>
  <si>
    <t>07/26/14 20:46:56.5</t>
  </si>
  <si>
    <t>07/26/14 21:24:33.0</t>
  </si>
  <si>
    <t>07/26/14 21:24:50.5</t>
  </si>
  <si>
    <t>07/26/14 22:34:09.0</t>
  </si>
  <si>
    <t>07/26/14 22:34:26.5</t>
  </si>
  <si>
    <t>07/26/14 22:36:32.5</t>
  </si>
  <si>
    <t>07/26/14 22:36:46.5</t>
  </si>
  <si>
    <t>07/26/14 22:39:29.0</t>
  </si>
  <si>
    <t>07/26/14 22:40:19.0</t>
  </si>
  <si>
    <t>07/26/14 22:44:20.0</t>
  </si>
  <si>
    <t>07/26/14 22:44:59.5</t>
  </si>
  <si>
    <t>07/27/14 00:20:47.5</t>
  </si>
  <si>
    <t>07/27/14 01:21:55.0</t>
  </si>
  <si>
    <t>07/27/14 06:39:19.0</t>
  </si>
  <si>
    <t>07/27/14 06:39:29.5</t>
  </si>
  <si>
    <t>07/27/14 07:42:25.5</t>
  </si>
  <si>
    <t>07/27/14 07:42:37.5</t>
  </si>
  <si>
    <t>07/27/14 07:44:47.0</t>
  </si>
  <si>
    <t>07/27/14 07:44:58.0</t>
  </si>
  <si>
    <t>07/27/14 07:46:49.5</t>
  </si>
  <si>
    <t>07/27/14 07:47:10.5</t>
  </si>
  <si>
    <t>07/27/14 10:05:16.5</t>
  </si>
  <si>
    <t>07/27/14 10:05:42.0</t>
  </si>
  <si>
    <t>07/27/14 10:08:47.0</t>
  </si>
  <si>
    <t>07/27/14 10:08:59.5</t>
  </si>
  <si>
    <t>07/27/14 10:13:53.0</t>
  </si>
  <si>
    <t>07/27/14 10:17:33.0</t>
  </si>
  <si>
    <t>07/27/14 10:34:11.5</t>
  </si>
  <si>
    <t>07/27/14 10:34:22.0</t>
  </si>
  <si>
    <t>07/27/14 10:46:16.0</t>
  </si>
  <si>
    <t>07/27/14 10:46:42.0</t>
  </si>
  <si>
    <t>07/27/14 10:51:14.0</t>
  </si>
  <si>
    <t>07/27/14 10:51:27.0</t>
  </si>
  <si>
    <t>07/27/14 10:55:48.5</t>
  </si>
  <si>
    <t>07/27/14 10:56:17.0</t>
  </si>
  <si>
    <t>07/27/14 11:06:58.0</t>
  </si>
  <si>
    <t>07/27/14 11:07:42.0</t>
  </si>
  <si>
    <t>07/27/14 11:14:14.0</t>
  </si>
  <si>
    <t>07/27/14 11:14:26.5</t>
  </si>
  <si>
    <t>07/27/14 11:23:33.5</t>
  </si>
  <si>
    <t>07/27/14 11:23:46.5</t>
  </si>
  <si>
    <t>07/27/14 11:25:09.5</t>
  </si>
  <si>
    <t>07/27/14 11:25:20.0</t>
  </si>
  <si>
    <t>07/27/14 11:27:45.0</t>
  </si>
  <si>
    <t>07/27/14 11:27:52.0</t>
  </si>
  <si>
    <t>07/27/14 11:34:55.0</t>
  </si>
  <si>
    <t>07/27/14 11:35:02.5</t>
  </si>
  <si>
    <t>07/27/14 11:39:41.0</t>
  </si>
  <si>
    <t>07/27/14 11:39:49.5</t>
  </si>
  <si>
    <t>07/27/14 11:41:31.5</t>
  </si>
  <si>
    <t>07/27/14 11:41:44.0</t>
  </si>
  <si>
    <t>07/27/14 11:42:41.5</t>
  </si>
  <si>
    <t>07/27/14 11:42:50.5</t>
  </si>
  <si>
    <t>07/27/14 11:46:43.5</t>
  </si>
  <si>
    <t>07/27/14 11:46:53.5</t>
  </si>
  <si>
    <t>07/27/14 11:48:55.0</t>
  </si>
  <si>
    <t>07/27/14 11:50:12.0</t>
  </si>
  <si>
    <t>07/27/14 11:56:58.5</t>
  </si>
  <si>
    <t>07/27/14 11:57:13.0</t>
  </si>
  <si>
    <t>07/27/14 12:11:22.5</t>
  </si>
  <si>
    <t>07/27/14 12:12:45.0</t>
  </si>
  <si>
    <t>07/27/14 12:15:30.0</t>
  </si>
  <si>
    <t>07/27/14 12:15:39.0</t>
  </si>
  <si>
    <t>07/27/14 12:22:36.5</t>
  </si>
  <si>
    <t>07/27/14 12:24:05.5</t>
  </si>
  <si>
    <t>07/27/14 12:27:26.0</t>
  </si>
  <si>
    <t>07/27/14 12:28:26.0</t>
  </si>
  <si>
    <t>07/27/14 12:30:35.5</t>
  </si>
  <si>
    <t>07/27/14 12:30:47.0</t>
  </si>
  <si>
    <t>07/27/14 12:33:36.5</t>
  </si>
  <si>
    <t>07/27/14 12:33:54.0</t>
  </si>
  <si>
    <t>07/27/14 12:38:52.0</t>
  </si>
  <si>
    <t>07/27/14 12:39:04.0</t>
  </si>
  <si>
    <t>07/27/14 12:40:28.0</t>
  </si>
  <si>
    <t>07/27/14 12:40:39.0</t>
  </si>
  <si>
    <t>07/27/14 12:48:43.5</t>
  </si>
  <si>
    <t>07/27/14 12:54:26.0</t>
  </si>
  <si>
    <t>07/27/14 13:09:54.5</t>
  </si>
  <si>
    <t>07/27/14 13:11:49.5</t>
  </si>
  <si>
    <t>07/27/14 14:43:57.5</t>
  </si>
  <si>
    <t>07/27/14 14:55:32.0</t>
  </si>
  <si>
    <t>07/27/14 15:07:18.5</t>
  </si>
  <si>
    <t>07/27/14 15:07:26.0</t>
  </si>
  <si>
    <t>07/27/14 15:12:59.5</t>
  </si>
  <si>
    <t>07/27/14 15:13:14.5</t>
  </si>
  <si>
    <t>07/27/14 15:22:00.5</t>
  </si>
  <si>
    <t>07/27/14 15:23:09.0</t>
  </si>
  <si>
    <t>07/27/14 15:25:23.0</t>
  </si>
  <si>
    <t>07/27/14 15:25:43.0</t>
  </si>
  <si>
    <t>07/27/14 15:32:27.5</t>
  </si>
  <si>
    <t>07/27/14 15:32:45.0</t>
  </si>
  <si>
    <t>07/27/14 15:34:50.5</t>
  </si>
  <si>
    <t>07/27/14 15:34:57.5</t>
  </si>
  <si>
    <t>07/27/14 15:41:03.0</t>
  </si>
  <si>
    <t>07/27/14 15:44:49.0</t>
  </si>
  <si>
    <t>07/27/14 15:56:32.5</t>
  </si>
  <si>
    <t>07/27/14 15:56:52.5</t>
  </si>
  <si>
    <t>07/27/14 16:08:33.5</t>
  </si>
  <si>
    <t>07/27/14 16:08:42.0</t>
  </si>
  <si>
    <t>07/27/14 16:16:58.0</t>
  </si>
  <si>
    <t>07/27/14 16:17:30.0</t>
  </si>
  <si>
    <t>07/27/14 16:25:40.0</t>
  </si>
  <si>
    <t>07/27/14 16:25:52.0</t>
  </si>
  <si>
    <t>07/27/14 16:31:06.5</t>
  </si>
  <si>
    <t>07/27/14 16:32:08.0</t>
  </si>
  <si>
    <t>07/27/14 16:38:59.5</t>
  </si>
  <si>
    <t>07/27/14 16:43:36.0</t>
  </si>
  <si>
    <t>07/27/14 17:08:19.0</t>
  </si>
  <si>
    <t>07/27/14 17:08:55.5</t>
  </si>
  <si>
    <t>07/27/14 17:27:11.5</t>
  </si>
  <si>
    <t>07/27/14 17:27:47.5</t>
  </si>
  <si>
    <t>07/27/14 17:33:29.5</t>
  </si>
  <si>
    <t>07/27/14 17:33:44.5</t>
  </si>
  <si>
    <t>07/27/14 17:37:01.0</t>
  </si>
  <si>
    <t>07/27/14 17:37:12.5</t>
  </si>
  <si>
    <t>07/27/14 17:40:15.5</t>
  </si>
  <si>
    <t>07/27/14 17:40:25.5</t>
  </si>
  <si>
    <t>07/27/14 17:51:22.5</t>
  </si>
  <si>
    <t>07/27/14 17:51:37.0</t>
  </si>
  <si>
    <t>07/27/14 17:59:57.0</t>
  </si>
  <si>
    <t>07/27/14 18:00:28.5</t>
  </si>
  <si>
    <t>07/27/14 18:06:32.5</t>
  </si>
  <si>
    <t>07/27/14 18:06:38.5</t>
  </si>
  <si>
    <t>07/27/14 18:10:32.5</t>
  </si>
  <si>
    <t>07/27/14 18:10:40.0</t>
  </si>
  <si>
    <t>07/27/14 18:13:03.5</t>
  </si>
  <si>
    <t>07/27/14 18:13:47.5</t>
  </si>
  <si>
    <t>07/27/14 18:18:29.5</t>
  </si>
  <si>
    <t>07/27/14 18:29:21.0</t>
  </si>
  <si>
    <t>07/27/14 18:32:27.0</t>
  </si>
  <si>
    <t>07/27/14 18:35:07.0</t>
  </si>
  <si>
    <t>07/27/14 18:37:48.5</t>
  </si>
  <si>
    <t>07/27/14 18:37:55.5</t>
  </si>
  <si>
    <t>07/27/14 18:39:54.0</t>
  </si>
  <si>
    <t>07/27/14 18:40:28.5</t>
  </si>
  <si>
    <t>07/27/14 18:41:52.0</t>
  </si>
  <si>
    <t>07/27/14 18:41:59.5</t>
  </si>
  <si>
    <t>07/27/14 18:43:11.5</t>
  </si>
  <si>
    <t>07/27/14 18:43:17.0</t>
  </si>
  <si>
    <t>07/27/14 18:47:41.0</t>
  </si>
  <si>
    <t>07/27/14 18:47:51.5</t>
  </si>
  <si>
    <t>07/28/14 09:37:40.0</t>
  </si>
  <si>
    <t>07/28/14 09:37:57.0</t>
  </si>
  <si>
    <t>07/28/14 10:34:21.0</t>
  </si>
  <si>
    <t>07/28/14 10:49:53.5</t>
  </si>
  <si>
    <t>07/28/14 10:59:42.0</t>
  </si>
  <si>
    <t>07/28/14 11:05:29.0</t>
  </si>
  <si>
    <t>07/28/14 11:19:00.5</t>
  </si>
  <si>
    <t>07/28/14 11:19:16.5</t>
  </si>
  <si>
    <t>07/28/14 11:28:11.0</t>
  </si>
  <si>
    <t>07/28/14 11:43:18.5</t>
  </si>
  <si>
    <t>07/28/14 12:09:47.5</t>
  </si>
  <si>
    <t>07/28/14 12:10:15.5</t>
  </si>
  <si>
    <t>07/28/14 12:22:50.5</t>
  </si>
  <si>
    <t>07/28/14 12:32:20.0</t>
  </si>
  <si>
    <t>07/28/14 12:44:12.5</t>
  </si>
  <si>
    <t>07/28/14 12:44:30.5</t>
  </si>
  <si>
    <t>07/28/14 12:53:23.5</t>
  </si>
  <si>
    <t>07/28/14 12:54:23.5</t>
  </si>
  <si>
    <t>07/28/14 13:06:29.0</t>
  </si>
  <si>
    <t>07/28/14 13:15:25.5</t>
  </si>
  <si>
    <t>07/28/14 13:22:00.5</t>
  </si>
  <si>
    <t>07/28/14 13:22:40.0</t>
  </si>
  <si>
    <t>07/28/14 13:37:40.5</t>
  </si>
  <si>
    <t>07/28/14 13:40:50.0</t>
  </si>
  <si>
    <t>07/28/14 13:50:15.5</t>
  </si>
  <si>
    <t>07/28/14 13:51:13.5</t>
  </si>
  <si>
    <t>07/28/14 13:58:52.5</t>
  </si>
  <si>
    <t>07/28/14 13:59:00.5</t>
  </si>
  <si>
    <t>07/28/14 14:01:03.5</t>
  </si>
  <si>
    <t>07/28/14 14:01:46.5</t>
  </si>
  <si>
    <t>07/28/14 14:10:55.5</t>
  </si>
  <si>
    <t>07/28/14 14:13:55.5</t>
  </si>
  <si>
    <t>07/28/14 14:27:25.5</t>
  </si>
  <si>
    <t>07/28/14 14:27:38.0</t>
  </si>
  <si>
    <t>07/28/14 14:34:35.0</t>
  </si>
  <si>
    <t>07/28/14 14:35:07.0</t>
  </si>
  <si>
    <t>07/28/14 14:38:42.5</t>
  </si>
  <si>
    <t>07/28/14 14:38:54.5</t>
  </si>
  <si>
    <t>07/28/14 14:44:36.0</t>
  </si>
  <si>
    <t>07/28/14 14:44:54.5</t>
  </si>
  <si>
    <t>07/28/14 14:49:45.5</t>
  </si>
  <si>
    <t>07/28/14 14:50:03.5</t>
  </si>
  <si>
    <t>07/28/14 14:56:13.0</t>
  </si>
  <si>
    <t>07/28/14 14:56:43.0</t>
  </si>
  <si>
    <t>07/28/14 15:02:48.5</t>
  </si>
  <si>
    <t>07/28/14 15:03:04.0</t>
  </si>
  <si>
    <t>07/28/14 15:17:07.5</t>
  </si>
  <si>
    <t>07/28/14 15:17:17.0</t>
  </si>
  <si>
    <t>07/28/14 15:28:24.0</t>
  </si>
  <si>
    <t>07/28/14 15:28:36.0</t>
  </si>
  <si>
    <t>07/28/14 15:40:17.0</t>
  </si>
  <si>
    <t>07/28/14 15:44:36.0</t>
  </si>
  <si>
    <t>07/28/14 15:54:16.0</t>
  </si>
  <si>
    <t>07/28/14 15:54:44.5</t>
  </si>
  <si>
    <t>07/28/14 16:11:36.5</t>
  </si>
  <si>
    <t>07/28/14 16:11:51.0</t>
  </si>
  <si>
    <t>07/28/14 16:18:54.0</t>
  </si>
  <si>
    <t>07/28/14 16:19:33.5</t>
  </si>
  <si>
    <t>07/28/14 16:28:58.5</t>
  </si>
  <si>
    <t>07/28/14 16:30:30.0</t>
  </si>
  <si>
    <t>07/28/14 16:41:25.5</t>
  </si>
  <si>
    <t>07/28/14 16:42:41.5</t>
  </si>
  <si>
    <t>07/28/14 16:45:23.5</t>
  </si>
  <si>
    <t>07/28/14 16:45:30.0</t>
  </si>
  <si>
    <t>07/28/14 16:49:29.0</t>
  </si>
  <si>
    <t>07/28/14 16:49:39.0</t>
  </si>
  <si>
    <t>07/28/14 17:53:09.5</t>
  </si>
  <si>
    <t>07/28/14 17:53:16.0</t>
  </si>
  <si>
    <t>07/28/14 17:57:21.0</t>
  </si>
  <si>
    <t>07/28/14 17:57:37.0</t>
  </si>
  <si>
    <t>07/28/14 17:59:16.0</t>
  </si>
  <si>
    <t>07/28/14 17:59:21.0</t>
  </si>
  <si>
    <t>07/28/14 17:59:55.0</t>
  </si>
  <si>
    <t>07/28/14 17:59:59.0</t>
  </si>
  <si>
    <t>07/28/14 18:01:34.0</t>
  </si>
  <si>
    <t>07/28/14 18:02:45.0</t>
  </si>
  <si>
    <t>07/28/14 18:06:55.0</t>
  </si>
  <si>
    <t>07/28/14 18:07:01.0</t>
  </si>
  <si>
    <t>07/28/14 18:08:00.0</t>
  </si>
  <si>
    <t>07/28/14 18:08:05.5</t>
  </si>
  <si>
    <t>07/28/14 18:09:02.0</t>
  </si>
  <si>
    <t>07/28/14 18:09:11.5</t>
  </si>
  <si>
    <t>07/28/14 18:11:46.0</t>
  </si>
  <si>
    <t>07/28/14 18:13:03.5</t>
  </si>
  <si>
    <t>07/28/14 18:17:03.0</t>
  </si>
  <si>
    <t>07/28/14 18:17:44.0</t>
  </si>
  <si>
    <t>07/28/14 18:35:40.5</t>
  </si>
  <si>
    <t>07/28/14 18:36:02.0</t>
  </si>
  <si>
    <t>07/29/14 08:12:45.0</t>
  </si>
  <si>
    <t>07/29/14 08:15:42.5</t>
  </si>
  <si>
    <t>07/29/14 08:31:07.5</t>
  </si>
  <si>
    <t>07/29/14 08:35:17.5</t>
  </si>
  <si>
    <t>07/29/14 08:53:10.5</t>
  </si>
  <si>
    <t>07/29/14 08:53:21.0</t>
  </si>
  <si>
    <t>07/29/14 08:54:26.5</t>
  </si>
  <si>
    <t>07/29/14 08:54:33.5</t>
  </si>
  <si>
    <t>07/29/14 08:57:45.0</t>
  </si>
  <si>
    <t>07/29/14 09:00:37.5</t>
  </si>
  <si>
    <t>07/29/14 09:12:57.5</t>
  </si>
  <si>
    <t>07/29/14 09:13:18.0</t>
  </si>
  <si>
    <t>07/29/14 09:20:16.5</t>
  </si>
  <si>
    <t>07/29/14 09:20:39.0</t>
  </si>
  <si>
    <t>07/29/14 09:29:39.5</t>
  </si>
  <si>
    <t>07/29/14 09:30:06.5</t>
  </si>
  <si>
    <t>07/29/14 09:44:43.5</t>
  </si>
  <si>
    <t>07/29/14 09:48:58.5</t>
  </si>
  <si>
    <t>07/29/14 09:52:06.5</t>
  </si>
  <si>
    <t>07/29/14 09:52:26.0</t>
  </si>
  <si>
    <t>07/29/14 09:58:57.0</t>
  </si>
  <si>
    <t>07/29/14 09:59:07.0</t>
  </si>
  <si>
    <t>07/29/14 10:20:02.5</t>
  </si>
  <si>
    <t>07/29/14 10:21:00.0</t>
  </si>
  <si>
    <t>07/29/14 10:29:43.0</t>
  </si>
  <si>
    <t>07/29/14 10:33:25.5</t>
  </si>
  <si>
    <t>07/29/14 10:38:00.5</t>
  </si>
  <si>
    <t>07/29/14 10:39:05.0</t>
  </si>
  <si>
    <t>07/29/14 10:43:57.5</t>
  </si>
  <si>
    <t>07/29/14 10:48:25.5</t>
  </si>
  <si>
    <t>07/29/14 11:05:45.5</t>
  </si>
  <si>
    <t>07/29/14 11:06:39.5</t>
  </si>
  <si>
    <t>07/29/14 11:15:06.5</t>
  </si>
  <si>
    <t>07/29/14 11:15:20.5</t>
  </si>
  <si>
    <t>07/29/14 11:23:43.5</t>
  </si>
  <si>
    <t>07/29/14 11:23:55.0</t>
  </si>
  <si>
    <t>07/29/14 11:29:39.0</t>
  </si>
  <si>
    <t>07/29/14 11:31:57.5</t>
  </si>
  <si>
    <t>07/29/14 11:41:26.5</t>
  </si>
  <si>
    <t>07/29/14 11:42:30.0</t>
  </si>
  <si>
    <t>07/29/14 11:46:04.0</t>
  </si>
  <si>
    <t>07/29/14 11:46:29.0</t>
  </si>
  <si>
    <t>07/29/14 11:53:19.0</t>
  </si>
  <si>
    <t>07/29/14 11:53:32.0</t>
  </si>
  <si>
    <t>07/29/14 11:54:49.0</t>
  </si>
  <si>
    <t>07/29/14 11:54:57.0</t>
  </si>
  <si>
    <t>07/29/14 11:56:14.5</t>
  </si>
  <si>
    <t>07/29/14 11:58:05.5</t>
  </si>
  <si>
    <t>07/29/14 12:00:52.5</t>
  </si>
  <si>
    <t>07/29/14 12:02:46.0</t>
  </si>
  <si>
    <t>07/29/14 12:11:20.5</t>
  </si>
  <si>
    <t>07/29/14 12:11:28.0</t>
  </si>
  <si>
    <t>07/29/14 12:13:32.5</t>
  </si>
  <si>
    <t>07/29/14 12:13:45.0</t>
  </si>
  <si>
    <t>07/29/14 12:20:17.5</t>
  </si>
  <si>
    <t>07/29/14 12:20:40.0</t>
  </si>
  <si>
    <t>07/29/14 12:29:09.0</t>
  </si>
  <si>
    <t>07/29/14 12:32:10.0</t>
  </si>
  <si>
    <t>07/29/14 13:11:07.0</t>
  </si>
  <si>
    <t>07/29/14 13:14:40.5</t>
  </si>
  <si>
    <t>07/29/14 13:28:28.0</t>
  </si>
  <si>
    <t>07/29/14 13:28:49.0</t>
  </si>
  <si>
    <t>07/29/14 13:48:19.0</t>
  </si>
  <si>
    <t>07/29/14 13:48:25.5</t>
  </si>
  <si>
    <t>07/29/14 13:52:02.0</t>
  </si>
  <si>
    <t>07/29/14 13:52:07.0</t>
  </si>
  <si>
    <t>07/29/14 14:14:58.0</t>
  </si>
  <si>
    <t>07/29/14 14:15:16.0</t>
  </si>
  <si>
    <t>07/29/14 14:32:56.0</t>
  </si>
  <si>
    <t>07/29/14 14:33:03.0</t>
  </si>
  <si>
    <t>07/29/14 14:49:02.0</t>
  </si>
  <si>
    <t>07/29/14 14:49:14.0</t>
  </si>
  <si>
    <t>07/29/14 14:59:49.0</t>
  </si>
  <si>
    <t>07/29/14 14:59:59.0</t>
  </si>
  <si>
    <t>07/29/14 15:10:51.5</t>
  </si>
  <si>
    <t>07/29/14 15:11:12.5</t>
  </si>
  <si>
    <t>07/29/14 15:28:25.5</t>
  </si>
  <si>
    <t>07/29/14 15:28:39.5</t>
  </si>
  <si>
    <t>07/29/14 16:06:41.0</t>
  </si>
  <si>
    <t>07/29/14 16:19:58.0</t>
  </si>
  <si>
    <t>07/29/14 16:32:52.5</t>
  </si>
  <si>
    <t>07/29/14 16:33:09.0</t>
  </si>
  <si>
    <t>07/29/14 16:42:50.5</t>
  </si>
  <si>
    <t>07/29/14 16:42:59.5</t>
  </si>
  <si>
    <t>07/29/14 16:45:04.5</t>
  </si>
  <si>
    <t>07/29/14 16:45:19.0</t>
  </si>
  <si>
    <t>07/29/14 16:49:23.0</t>
  </si>
  <si>
    <t>07/29/14 16:49:31.5</t>
  </si>
  <si>
    <t>07/29/14 16:50:52.5</t>
  </si>
  <si>
    <t>07/29/14 16:51:00.0</t>
  </si>
  <si>
    <t>07/29/14 17:06:15.5</t>
  </si>
  <si>
    <t>07/29/14 17:15:18.5</t>
  </si>
  <si>
    <t>07/29/14 17:17:23.5</t>
  </si>
  <si>
    <t>07/29/14 17:17:35.0</t>
  </si>
  <si>
    <t>07/29/14 17:21:30.0</t>
  </si>
  <si>
    <t>07/29/14 17:26:31.0</t>
  </si>
  <si>
    <t>07/29/14 17:34:42.5</t>
  </si>
  <si>
    <t>07/29/14 17:43:37.0</t>
  </si>
  <si>
    <t>07/30/14 00:21:26.0</t>
  </si>
  <si>
    <t>07/30/14 04:18:06.0</t>
  </si>
  <si>
    <t>07/30/14 05:13:40.0</t>
  </si>
  <si>
    <t>07/30/14 05:13:55.5</t>
  </si>
  <si>
    <t>07/30/14 05:26:58.5</t>
  </si>
  <si>
    <t>07/30/14 05:27:14.0</t>
  </si>
  <si>
    <t>07/30/14 05:28:59.0</t>
  </si>
  <si>
    <t>07/30/14 05:29:14.0</t>
  </si>
  <si>
    <t>07/30/14 05:34:31.5</t>
  </si>
  <si>
    <t>07/30/14 06:31:16.0</t>
  </si>
  <si>
    <t>07/30/14 06:56:04.5</t>
  </si>
  <si>
    <t>07/30/14 06:57:36.0</t>
  </si>
  <si>
    <t>07/30/14 07:34:32.0</t>
  </si>
  <si>
    <t>07/30/14 07:34:47.5</t>
  </si>
  <si>
    <t>07/30/14 07:57:27.5</t>
  </si>
  <si>
    <t>07/30/14 07:58:15.5</t>
  </si>
  <si>
    <t>07/30/14 08:16:58.5</t>
  </si>
  <si>
    <t>07/30/14 08:17:13.5</t>
  </si>
  <si>
    <t>07/30/14 08:34:55.5</t>
  </si>
  <si>
    <t>07/30/14 08:39:28.5</t>
  </si>
  <si>
    <t>07/30/14 08:41:28.5</t>
  </si>
  <si>
    <t>07/30/14 08:41:37.0</t>
  </si>
  <si>
    <t>07/30/14 08:42:54.0</t>
  </si>
  <si>
    <t>07/30/14 08:43:37.5</t>
  </si>
  <si>
    <t>07/30/14 08:47:37.0</t>
  </si>
  <si>
    <t>07/30/14 08:49:49.0</t>
  </si>
  <si>
    <t>07/30/14 08:51:53.0</t>
  </si>
  <si>
    <t>07/30/14 08:52:02.5</t>
  </si>
  <si>
    <t>07/30/14 08:53:03.0</t>
  </si>
  <si>
    <t>07/30/14 08:53:08.5</t>
  </si>
  <si>
    <t>07/30/14 08:54:27.0</t>
  </si>
  <si>
    <t>07/30/14 08:54:36.5</t>
  </si>
  <si>
    <t>07/30/14 08:56:03.5</t>
  </si>
  <si>
    <t>07/30/14 08:56:10.5</t>
  </si>
  <si>
    <t>07/30/14 08:57:43.0</t>
  </si>
  <si>
    <t>07/30/14 08:57:50.0</t>
  </si>
  <si>
    <t>07/30/14 08:59:11.5</t>
  </si>
  <si>
    <t>07/30/14 08:59:22.0</t>
  </si>
  <si>
    <t>07/30/14 09:00:30.5</t>
  </si>
  <si>
    <t>07/30/14 09:00:40.0</t>
  </si>
  <si>
    <t>07/30/14 09:05:22.0</t>
  </si>
  <si>
    <t>07/30/14 09:05:30.0</t>
  </si>
  <si>
    <t>07/30/14 09:21:41.5</t>
  </si>
  <si>
    <t>07/30/14 09:22:26.5</t>
  </si>
  <si>
    <t>07/30/14 09:23:57.5</t>
  </si>
  <si>
    <t>07/30/14 09:24:14.0</t>
  </si>
  <si>
    <t>07/30/14 09:32:04.5</t>
  </si>
  <si>
    <t>07/30/14 09:32:33.5</t>
  </si>
  <si>
    <t>07/30/14 09:34:55.5</t>
  </si>
  <si>
    <t>07/30/14 09:35:19.0</t>
  </si>
  <si>
    <t>07/30/14 09:41:01.0</t>
  </si>
  <si>
    <t>07/30/14 09:42:13.5</t>
  </si>
  <si>
    <t>07/30/14 09:45:12.0</t>
  </si>
  <si>
    <t>07/30/14 09:45:21.0</t>
  </si>
  <si>
    <t>07/30/14 09:51:09.5</t>
  </si>
  <si>
    <t>07/30/14 09:51:26.0</t>
  </si>
  <si>
    <t>07/30/14 09:54:06.0</t>
  </si>
  <si>
    <t>07/30/14 09:54:20.0</t>
  </si>
  <si>
    <t>07/30/14 10:01:09.0</t>
  </si>
  <si>
    <t>07/30/14 10:01:18.0</t>
  </si>
  <si>
    <t>07/30/14 10:18:08.0</t>
  </si>
  <si>
    <t>07/30/14 10:18:26.5</t>
  </si>
  <si>
    <t>07/30/14 10:49:03.0</t>
  </si>
  <si>
    <t>07/30/14 10:53:46.0</t>
  </si>
  <si>
    <t>07/30/14 10:58:24.5</t>
  </si>
  <si>
    <t>07/30/14 10:59:02.0</t>
  </si>
  <si>
    <t>07/30/14 11:00:53.0</t>
  </si>
  <si>
    <t>07/30/14 11:01:09.5</t>
  </si>
  <si>
    <t>07/30/14 11:04:20.5</t>
  </si>
  <si>
    <t>07/30/14 11:04:36.5</t>
  </si>
  <si>
    <t>07/30/14 11:11:19.0</t>
  </si>
  <si>
    <t>07/30/14 11:12:09.5</t>
  </si>
  <si>
    <t>07/30/14 11:14:42.5</t>
  </si>
  <si>
    <t>07/30/14 11:18:51.5</t>
  </si>
  <si>
    <t>07/30/14 11:31:10.5</t>
  </si>
  <si>
    <t>07/30/14 11:31:55.0</t>
  </si>
  <si>
    <t>07/30/14 11:34:59.5</t>
  </si>
  <si>
    <t>07/30/14 11:35:13.5</t>
  </si>
  <si>
    <t>07/30/14 11:37:54.5</t>
  </si>
  <si>
    <t>07/30/14 11:38:13.5</t>
  </si>
  <si>
    <t>07/30/14 11:41:32.5</t>
  </si>
  <si>
    <t>07/30/14 11:41:53.0</t>
  </si>
  <si>
    <t>07/30/14 11:47:32.0</t>
  </si>
  <si>
    <t>07/30/14 11:47:45.5</t>
  </si>
  <si>
    <t>07/30/14 11:59:35.5</t>
  </si>
  <si>
    <t>07/30/14 12:03:22.5</t>
  </si>
  <si>
    <t>07/30/14 12:06:35.0</t>
  </si>
  <si>
    <t>07/30/14 12:06:45.5</t>
  </si>
  <si>
    <t>07/30/14 12:08:02.0</t>
  </si>
  <si>
    <t>07/30/14 12:08:08.0</t>
  </si>
  <si>
    <t>07/30/14 12:09:46.5</t>
  </si>
  <si>
    <t>07/30/14 12:09:55.5</t>
  </si>
  <si>
    <t>07/30/14 12:13:57.5</t>
  </si>
  <si>
    <t>07/30/14 12:14:15.5</t>
  </si>
  <si>
    <t>07/30/14 12:17:35.0</t>
  </si>
  <si>
    <t>07/30/14 12:18:00.5</t>
  </si>
  <si>
    <t>07/30/14 12:27:11.0</t>
  </si>
  <si>
    <t>07/30/14 12:27:25.0</t>
  </si>
  <si>
    <t>07/30/14 12:30:39.0</t>
  </si>
  <si>
    <t>07/30/14 12:30:46.5</t>
  </si>
  <si>
    <t>07/30/14 12:32:05.0</t>
  </si>
  <si>
    <t>07/30/14 12:32:23.0</t>
  </si>
  <si>
    <t>07/30/14 12:35:22.0</t>
  </si>
  <si>
    <t>07/30/14 12:35:35.5</t>
  </si>
  <si>
    <t>07/30/14 12:40:41.0</t>
  </si>
  <si>
    <t>07/30/14 12:40:55.0</t>
  </si>
  <si>
    <t>07/30/14 12:43:14.5</t>
  </si>
  <si>
    <t>07/30/14 12:43:30.0</t>
  </si>
  <si>
    <t>07/30/14 12:46:09.5</t>
  </si>
  <si>
    <t>07/30/14 12:47:09.5</t>
  </si>
  <si>
    <t>07/30/14 13:25:01.5</t>
  </si>
  <si>
    <t>07/30/14 13:53:24.0</t>
  </si>
  <si>
    <t>07/30/14 14:38:02.0</t>
  </si>
  <si>
    <t>07/30/14 14:38:17.0</t>
  </si>
  <si>
    <t>07/30/14 15:05:53.5</t>
  </si>
  <si>
    <t>07/30/14 15:07:18.5</t>
  </si>
  <si>
    <t>07/30/14 15:10:25.0</t>
  </si>
  <si>
    <t>07/30/14 15:10:45.5</t>
  </si>
  <si>
    <t>07/30/14 15:13:53.5</t>
  </si>
  <si>
    <t>07/30/14 15:17:16.5</t>
  </si>
  <si>
    <t>07/30/14 15:19:05.0</t>
  </si>
  <si>
    <t>07/30/14 15:19:15.5</t>
  </si>
  <si>
    <t>07/30/14 15:21:46.5</t>
  </si>
  <si>
    <t>07/30/14 15:22:06.0</t>
  </si>
  <si>
    <t>07/30/14 17:18:23.0</t>
  </si>
  <si>
    <t>07/30/14 17:18:34.5</t>
  </si>
  <si>
    <t>07/30/14 17:43:26.5</t>
  </si>
  <si>
    <t>07/30/14 17:43:43.0</t>
  </si>
  <si>
    <t>07/30/14 17:48:55.5</t>
  </si>
  <si>
    <t>07/30/14 17:49:35.0</t>
  </si>
  <si>
    <t>07/30/14 17:51:30.0</t>
  </si>
  <si>
    <t>07/30/14 17:51:49.0</t>
  </si>
  <si>
    <t>07/30/14 17:54:15.0</t>
  </si>
  <si>
    <t>07/30/14 17:54:26.0</t>
  </si>
  <si>
    <t>07/30/14 18:25:04.0</t>
  </si>
  <si>
    <t>07/30/14 18:55:54.5</t>
  </si>
  <si>
    <t>07/31/14 04:15:06.0</t>
  </si>
  <si>
    <t>07/31/14 04:15:51.5</t>
  </si>
  <si>
    <t>07/31/14 05:33:41.0</t>
  </si>
  <si>
    <t>07/31/14 05:46:44.5</t>
  </si>
  <si>
    <t>07/31/14 10:45:37.0</t>
  </si>
  <si>
    <t>07/31/14 10:51:03.5</t>
  </si>
  <si>
    <t>07/31/14 11:02:59.0</t>
  </si>
  <si>
    <t>07/31/14 11:03:19.5</t>
  </si>
  <si>
    <t>07/31/14 11:08:08.0</t>
  </si>
  <si>
    <t>07/31/14 11:08:22.5</t>
  </si>
  <si>
    <t>07/31/14 11:36:50.0</t>
  </si>
  <si>
    <t>07/31/14 11:40:11.5</t>
  </si>
  <si>
    <t>07/31/14 11:53:15.0</t>
  </si>
  <si>
    <t>07/31/14 11:53:28.5</t>
  </si>
  <si>
    <t>07/31/14 11:58:45.0</t>
  </si>
  <si>
    <t>07/31/14 11:58:52.0</t>
  </si>
  <si>
    <t>07/31/14 12:09:02.0</t>
  </si>
  <si>
    <t>07/31/14 12:11:03.0</t>
  </si>
  <si>
    <t>07/31/14 12:35:33.0</t>
  </si>
  <si>
    <t>07/31/14 12:35:56.0</t>
  </si>
  <si>
    <t>07/31/14 12:42:42.5</t>
  </si>
  <si>
    <t>07/31/14 12:42:54.5</t>
  </si>
  <si>
    <t>07/31/14 12:55:21.0</t>
  </si>
  <si>
    <t>07/31/14 12:59:11.5</t>
  </si>
  <si>
    <t>07/31/14 13:07:26.0</t>
  </si>
  <si>
    <t>07/31/14 13:07:48.0</t>
  </si>
  <si>
    <t>07/31/14 13:12:02.0</t>
  </si>
  <si>
    <t>07/31/14 13:12:14.5</t>
  </si>
  <si>
    <t>07/31/14 13:25:42.5</t>
  </si>
  <si>
    <t>07/31/14 13:25:55.5</t>
  </si>
  <si>
    <t>07/31/14 13:44:57.0</t>
  </si>
  <si>
    <t>07/31/14 13:45:04.5</t>
  </si>
  <si>
    <t>07/31/14 13:46:30.5</t>
  </si>
  <si>
    <t>07/31/14 13:47:01.0</t>
  </si>
  <si>
    <t>07/31/14 14:33:21.0</t>
  </si>
  <si>
    <t>07/31/14 14:33:45.0</t>
  </si>
  <si>
    <t>07/31/14 14:45:02.0</t>
  </si>
  <si>
    <t>07/31/14 14:45:13.0</t>
  </si>
  <si>
    <t>07/31/14 15:12:37.0</t>
  </si>
  <si>
    <t>07/31/14 15:12:48.0</t>
  </si>
  <si>
    <t>07/31/14 15:25:51.5</t>
  </si>
  <si>
    <t>07/31/14 15:28:09.0</t>
  </si>
  <si>
    <t>07/31/14 15:49:40.0</t>
  </si>
  <si>
    <t>07/31/14 15:49:55.5</t>
  </si>
  <si>
    <t>07/31/14 15:52:41.0</t>
  </si>
  <si>
    <t>07/31/14 15:53:04.0</t>
  </si>
  <si>
    <t>07/31/14 16:00:44.0</t>
  </si>
  <si>
    <t>07/31/14 16:00:54.0</t>
  </si>
  <si>
    <t>07/31/14 16:05:12.0</t>
  </si>
  <si>
    <t>07/31/14 16:05:26.0</t>
  </si>
  <si>
    <t>07/31/14 16:38:07.0</t>
  </si>
  <si>
    <t>07/31/14 16:38:36.0</t>
  </si>
  <si>
    <t>07/31/14 17:01:08.0</t>
  </si>
  <si>
    <t>07/31/14 17:01:35.0</t>
  </si>
  <si>
    <t>07/31/14 17:09:02.5</t>
  </si>
  <si>
    <t>07/31/14 17:09:13.5</t>
  </si>
  <si>
    <t>07/31/14 17:12:33.0</t>
  </si>
  <si>
    <t>07/31/14 17:12:59.5</t>
  </si>
  <si>
    <t>07/31/14 17:16:44.0</t>
  </si>
  <si>
    <t>07/31/14 17:16:52.5</t>
  </si>
  <si>
    <t>07/31/14 17:25:51.5</t>
  </si>
  <si>
    <t>07/31/14 17:27:32.5</t>
  </si>
  <si>
    <t>07/31/14 17:39:08.5</t>
  </si>
  <si>
    <t>07/31/14 17:39:36.5</t>
  </si>
  <si>
    <t>07/31/14 17:45:23.0</t>
  </si>
  <si>
    <t>07/31/14 17:45:35.5</t>
  </si>
  <si>
    <t>07/31/14 17:48:35.5</t>
  </si>
  <si>
    <t>07/31/14 17:49:07.5</t>
  </si>
  <si>
    <t>07/31/14 17:52:23.0</t>
  </si>
  <si>
    <t>07/31/14 17:52:32.0</t>
  </si>
  <si>
    <t>07/31/14 17:53:44.5</t>
  </si>
  <si>
    <t>07/31/14 17:53:52.5</t>
  </si>
  <si>
    <t>07/31/14 17:58:15.5</t>
  </si>
  <si>
    <t>07/31/14 17:58:24.0</t>
  </si>
  <si>
    <t>07/31/14 18:00:40.5</t>
  </si>
  <si>
    <t>07/31/14 18:00:55.5</t>
  </si>
  <si>
    <t>07/31/14 18:04:18.0</t>
  </si>
  <si>
    <t>07/31/14 18:04:30.5</t>
  </si>
  <si>
    <t>07/31/14 18:13:51.0</t>
  </si>
  <si>
    <t>07/31/14 18:16:01.0</t>
  </si>
  <si>
    <t>07/31/14 18:19:52.0</t>
  </si>
  <si>
    <t>07/31/14 18:20:06.5</t>
  </si>
  <si>
    <t>07/31/14 18:24:55.0</t>
  </si>
  <si>
    <t>07/31/14 18:25:09.0</t>
  </si>
  <si>
    <t>07/31/14 18:32:16.0</t>
  </si>
  <si>
    <t>07/31/14 18:36:07.5</t>
  </si>
  <si>
    <t>07/31/14 18:40:11.0</t>
  </si>
  <si>
    <t>07/31/14 18:40:34.5</t>
  </si>
  <si>
    <t>07/31/14 18:56:56.0</t>
  </si>
  <si>
    <t>07/31/14 18:57:11.0</t>
  </si>
  <si>
    <t>07/31/14 22:44:18.0</t>
  </si>
  <si>
    <t>07/31/14 22:45:08.0</t>
  </si>
  <si>
    <t>Wind path [m]</t>
  </si>
  <si>
    <t>Date, Time</t>
  </si>
  <si>
    <t>Wind path [km]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8"/>
      <color theme="3"/>
      <name val="Calibri Light"/>
      <family val="2"/>
      <charset val="238"/>
      <scheme val="major"/>
    </font>
    <font>
      <b/>
      <sz val="15"/>
      <color theme="3"/>
      <name val="Calibri"/>
      <family val="2"/>
      <charset val="238"/>
      <scheme val="minor"/>
    </font>
    <font>
      <b/>
      <sz val="13"/>
      <color theme="3"/>
      <name val="Calibri"/>
      <family val="2"/>
      <charset val="238"/>
      <scheme val="minor"/>
    </font>
    <font>
      <b/>
      <sz val="11"/>
      <color theme="3"/>
      <name val="Calibri"/>
      <family val="2"/>
      <charset val="238"/>
      <scheme val="minor"/>
    </font>
    <font>
      <sz val="11"/>
      <color rgb="FF006100"/>
      <name val="Calibri"/>
      <family val="2"/>
      <charset val="238"/>
      <scheme val="minor"/>
    </font>
    <font>
      <sz val="11"/>
      <color rgb="FF9C0006"/>
      <name val="Calibri"/>
      <family val="2"/>
      <charset val="238"/>
      <scheme val="minor"/>
    </font>
    <font>
      <sz val="11"/>
      <color rgb="FF9C6500"/>
      <name val="Calibri"/>
      <family val="2"/>
      <charset val="238"/>
      <scheme val="minor"/>
    </font>
    <font>
      <sz val="11"/>
      <color rgb="FF3F3F76"/>
      <name val="Calibri"/>
      <family val="2"/>
      <charset val="238"/>
      <scheme val="minor"/>
    </font>
    <font>
      <b/>
      <sz val="11"/>
      <color rgb="FF3F3F3F"/>
      <name val="Calibri"/>
      <family val="2"/>
      <charset val="238"/>
      <scheme val="minor"/>
    </font>
    <font>
      <b/>
      <sz val="11"/>
      <color rgb="FFFA7D00"/>
      <name val="Calibri"/>
      <family val="2"/>
      <charset val="238"/>
      <scheme val="minor"/>
    </font>
    <font>
      <sz val="11"/>
      <color rgb="FFFA7D00"/>
      <name val="Calibri"/>
      <family val="2"/>
      <charset val="238"/>
      <scheme val="minor"/>
    </font>
    <font>
      <b/>
      <sz val="11"/>
      <color theme="0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  <font>
      <i/>
      <sz val="11"/>
      <color rgb="FF7F7F7F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1"/>
      <color theme="0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8">
    <xf numFmtId="0" fontId="0" fillId="0" borderId="0" xfId="0"/>
    <xf numFmtId="22" fontId="0" fillId="0" borderId="0" xfId="0" applyNumberFormat="1"/>
    <xf numFmtId="0" fontId="0" fillId="0" borderId="10" xfId="0" applyBorder="1"/>
    <xf numFmtId="22" fontId="0" fillId="0" borderId="10" xfId="0" applyNumberFormat="1" applyBorder="1"/>
    <xf numFmtId="0" fontId="18" fillId="0" borderId="0" xfId="0" applyFont="1"/>
    <xf numFmtId="0" fontId="0" fillId="0" borderId="0" xfId="0" applyNumberFormat="1"/>
    <xf numFmtId="0" fontId="0" fillId="0" borderId="10" xfId="0" applyNumberFormat="1" applyBorder="1"/>
    <xf numFmtId="2" fontId="0" fillId="0" borderId="10" xfId="0" applyNumberFormat="1" applyBorder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0415"/>
  <sheetViews>
    <sheetView topLeftCell="A10389" zoomScaleNormal="100" workbookViewId="0"/>
  </sheetViews>
  <sheetFormatPr defaultRowHeight="15" x14ac:dyDescent="0.25"/>
  <cols>
    <col min="1" max="1" width="14.7109375" customWidth="1"/>
    <col min="2" max="2" width="16.28515625" customWidth="1"/>
    <col min="3" max="3" width="18" customWidth="1"/>
    <col min="4" max="4" width="17.7109375" customWidth="1"/>
    <col min="5" max="5" width="20.42578125" customWidth="1"/>
  </cols>
  <sheetData>
    <row r="1" spans="1:5" ht="18.75" x14ac:dyDescent="0.3">
      <c r="A1" s="4" t="s">
        <v>7</v>
      </c>
    </row>
    <row r="3" spans="1:5" x14ac:dyDescent="0.25">
      <c r="A3" t="s">
        <v>1</v>
      </c>
    </row>
    <row r="5" spans="1:5" x14ac:dyDescent="0.25">
      <c r="A5" t="s">
        <v>0</v>
      </c>
    </row>
    <row r="7" spans="1:5" x14ac:dyDescent="0.25">
      <c r="A7" s="2" t="s">
        <v>2</v>
      </c>
      <c r="B7" s="2" t="s">
        <v>3</v>
      </c>
      <c r="C7" s="2" t="s">
        <v>4</v>
      </c>
      <c r="D7" s="2" t="s">
        <v>5</v>
      </c>
      <c r="E7" s="2" t="s">
        <v>6</v>
      </c>
    </row>
    <row r="8" spans="1:5" x14ac:dyDescent="0.25">
      <c r="A8" s="3">
        <v>41745.476099537038</v>
      </c>
      <c r="B8" s="2">
        <v>10.8</v>
      </c>
      <c r="C8" s="2">
        <v>97.4</v>
      </c>
      <c r="D8" s="2">
        <v>0</v>
      </c>
      <c r="E8" s="2">
        <v>0</v>
      </c>
    </row>
    <row r="9" spans="1:5" x14ac:dyDescent="0.25">
      <c r="A9" s="3">
        <v>41745.476157407407</v>
      </c>
      <c r="B9" s="2">
        <v>10.8</v>
      </c>
      <c r="C9" s="2">
        <v>97.2</v>
      </c>
      <c r="D9" s="2">
        <v>0</v>
      </c>
      <c r="E9" s="2">
        <v>0</v>
      </c>
    </row>
    <row r="10" spans="1:5" x14ac:dyDescent="0.25">
      <c r="A10" s="3">
        <v>41745.477546296293</v>
      </c>
      <c r="B10" s="2">
        <v>10.9</v>
      </c>
      <c r="C10" s="2">
        <v>97.4</v>
      </c>
      <c r="D10" s="2">
        <v>0</v>
      </c>
      <c r="E10" s="2">
        <v>0</v>
      </c>
    </row>
    <row r="11" spans="1:5" x14ac:dyDescent="0.25">
      <c r="A11" s="3">
        <v>41745.47760416667</v>
      </c>
      <c r="B11" s="2">
        <v>10.9</v>
      </c>
      <c r="C11" s="2">
        <v>97.2</v>
      </c>
      <c r="D11" s="2">
        <v>0</v>
      </c>
      <c r="E11" s="2">
        <v>0</v>
      </c>
    </row>
    <row r="12" spans="1:5" x14ac:dyDescent="0.25">
      <c r="A12" s="3">
        <v>41745.477719907409</v>
      </c>
      <c r="B12" s="2">
        <v>10.9</v>
      </c>
      <c r="C12" s="2">
        <v>97.4</v>
      </c>
      <c r="D12" s="2">
        <v>0</v>
      </c>
      <c r="E12" s="2">
        <v>0</v>
      </c>
    </row>
    <row r="13" spans="1:5" x14ac:dyDescent="0.25">
      <c r="A13" s="3">
        <v>41745.577719907407</v>
      </c>
      <c r="B13" s="2">
        <v>13.8</v>
      </c>
      <c r="C13" s="2">
        <v>97.2</v>
      </c>
      <c r="D13" s="2">
        <v>0</v>
      </c>
      <c r="E13" s="2">
        <v>0</v>
      </c>
    </row>
    <row r="14" spans="1:5" x14ac:dyDescent="0.25">
      <c r="A14" s="3">
        <v>41745.582002314812</v>
      </c>
      <c r="B14" s="2">
        <v>13.8</v>
      </c>
      <c r="C14" s="2">
        <v>97.4</v>
      </c>
      <c r="D14" s="2">
        <v>0</v>
      </c>
      <c r="E14" s="2">
        <v>0</v>
      </c>
    </row>
    <row r="15" spans="1:5" x14ac:dyDescent="0.25">
      <c r="A15" s="3">
        <v>41745.582233796296</v>
      </c>
      <c r="B15" s="2">
        <v>13.8</v>
      </c>
      <c r="C15" s="2">
        <v>97.2</v>
      </c>
      <c r="D15" s="2">
        <v>0</v>
      </c>
      <c r="E15" s="2">
        <v>0</v>
      </c>
    </row>
    <row r="16" spans="1:5" x14ac:dyDescent="0.25">
      <c r="A16" s="3">
        <v>41745.615219907406</v>
      </c>
      <c r="B16" s="2">
        <v>15</v>
      </c>
      <c r="C16" s="2">
        <v>97</v>
      </c>
      <c r="D16" s="2">
        <v>0</v>
      </c>
      <c r="E16" s="2">
        <v>0</v>
      </c>
    </row>
    <row r="17" spans="1:5" x14ac:dyDescent="0.25">
      <c r="A17" s="3">
        <v>41745.615393518521</v>
      </c>
      <c r="B17" s="2">
        <v>15</v>
      </c>
      <c r="C17" s="2">
        <v>97.2</v>
      </c>
      <c r="D17" s="2">
        <v>0</v>
      </c>
      <c r="E17" s="2">
        <v>0</v>
      </c>
    </row>
    <row r="18" spans="1:5" x14ac:dyDescent="0.25">
      <c r="A18" s="3">
        <v>41745.61550925926</v>
      </c>
      <c r="B18" s="2">
        <v>15</v>
      </c>
      <c r="C18" s="2">
        <v>97</v>
      </c>
      <c r="D18" s="2">
        <v>0</v>
      </c>
      <c r="E18" s="2">
        <v>0</v>
      </c>
    </row>
    <row r="19" spans="1:5" x14ac:dyDescent="0.25">
      <c r="A19" s="3">
        <v>41745.616550925923</v>
      </c>
      <c r="B19" s="2">
        <v>14.9</v>
      </c>
      <c r="C19" s="2">
        <v>97.2</v>
      </c>
      <c r="D19" s="2">
        <v>0</v>
      </c>
      <c r="E19" s="2">
        <v>0</v>
      </c>
    </row>
    <row r="20" spans="1:5" x14ac:dyDescent="0.25">
      <c r="A20" s="3">
        <v>41745.616840277777</v>
      </c>
      <c r="B20" s="2">
        <v>14.9</v>
      </c>
      <c r="C20" s="2">
        <v>97</v>
      </c>
      <c r="D20" s="2">
        <v>0</v>
      </c>
      <c r="E20" s="2">
        <v>0</v>
      </c>
    </row>
    <row r="21" spans="1:5" x14ac:dyDescent="0.25">
      <c r="A21" s="3">
        <v>41745.616898148146</v>
      </c>
      <c r="B21" s="2">
        <v>15</v>
      </c>
      <c r="C21" s="2">
        <v>97.2</v>
      </c>
      <c r="D21" s="2">
        <v>0</v>
      </c>
      <c r="E21" s="2">
        <v>0</v>
      </c>
    </row>
    <row r="22" spans="1:5" x14ac:dyDescent="0.25">
      <c r="A22" s="3">
        <v>41745.6171875</v>
      </c>
      <c r="B22" s="2">
        <v>15</v>
      </c>
      <c r="C22" s="2">
        <v>97</v>
      </c>
      <c r="D22" s="2">
        <v>0</v>
      </c>
      <c r="E22" s="2">
        <v>0</v>
      </c>
    </row>
    <row r="23" spans="1:5" x14ac:dyDescent="0.25">
      <c r="A23" s="3">
        <v>41745.617592592593</v>
      </c>
      <c r="B23" s="2">
        <v>15</v>
      </c>
      <c r="C23" s="2">
        <v>97.2</v>
      </c>
      <c r="D23" s="2">
        <v>0</v>
      </c>
      <c r="E23" s="2">
        <v>0</v>
      </c>
    </row>
    <row r="24" spans="1:5" x14ac:dyDescent="0.25">
      <c r="A24" s="3">
        <v>41745.647685185184</v>
      </c>
      <c r="B24" s="2">
        <v>15.2</v>
      </c>
      <c r="C24" s="2">
        <v>97</v>
      </c>
      <c r="D24" s="2">
        <v>0</v>
      </c>
      <c r="E24" s="2">
        <v>0</v>
      </c>
    </row>
    <row r="25" spans="1:5" x14ac:dyDescent="0.25">
      <c r="A25" s="3">
        <v>41745.649189814816</v>
      </c>
      <c r="B25" s="2">
        <v>15.2</v>
      </c>
      <c r="C25" s="2">
        <v>97.2</v>
      </c>
      <c r="D25" s="2">
        <v>0</v>
      </c>
      <c r="E25" s="2">
        <v>0</v>
      </c>
    </row>
    <row r="26" spans="1:5" x14ac:dyDescent="0.25">
      <c r="A26" s="3">
        <v>41745.650983796295</v>
      </c>
      <c r="B26" s="2">
        <v>15.2</v>
      </c>
      <c r="C26" s="2">
        <v>97</v>
      </c>
      <c r="D26" s="2">
        <v>0</v>
      </c>
      <c r="E26" s="2">
        <v>0</v>
      </c>
    </row>
    <row r="27" spans="1:5" x14ac:dyDescent="0.25">
      <c r="A27" s="3">
        <v>41745.651099537034</v>
      </c>
      <c r="B27" s="2">
        <v>15.2</v>
      </c>
      <c r="C27" s="2">
        <v>97.2</v>
      </c>
      <c r="D27" s="2">
        <v>0</v>
      </c>
      <c r="E27" s="2">
        <v>0</v>
      </c>
    </row>
    <row r="28" spans="1:5" x14ac:dyDescent="0.25">
      <c r="A28" s="3">
        <v>41745.664120370369</v>
      </c>
      <c r="B28" s="2">
        <v>15.1</v>
      </c>
      <c r="C28" s="2">
        <v>97</v>
      </c>
      <c r="D28" s="2">
        <v>0</v>
      </c>
      <c r="E28" s="2">
        <v>0</v>
      </c>
    </row>
    <row r="29" spans="1:5" x14ac:dyDescent="0.25">
      <c r="A29" s="3">
        <v>41745.664178240739</v>
      </c>
      <c r="B29" s="2">
        <v>15.1</v>
      </c>
      <c r="C29" s="2">
        <v>97.2</v>
      </c>
      <c r="D29" s="2">
        <v>0</v>
      </c>
      <c r="E29" s="2">
        <v>0</v>
      </c>
    </row>
    <row r="30" spans="1:5" x14ac:dyDescent="0.25">
      <c r="A30" s="3">
        <v>41745.664409722223</v>
      </c>
      <c r="B30" s="2">
        <v>15.1</v>
      </c>
      <c r="C30" s="2">
        <v>97</v>
      </c>
      <c r="D30" s="2">
        <v>0</v>
      </c>
      <c r="E30" s="2">
        <v>0</v>
      </c>
    </row>
    <row r="31" spans="1:5" x14ac:dyDescent="0.25">
      <c r="A31" s="3">
        <v>41745.733564814815</v>
      </c>
      <c r="B31" s="2">
        <v>14.5</v>
      </c>
      <c r="C31" s="2">
        <v>96.8</v>
      </c>
      <c r="D31" s="2">
        <v>0</v>
      </c>
      <c r="E31" s="2">
        <v>0</v>
      </c>
    </row>
    <row r="32" spans="1:5" x14ac:dyDescent="0.25">
      <c r="A32" s="3">
        <v>41745.828472222223</v>
      </c>
      <c r="B32" s="2">
        <v>13</v>
      </c>
      <c r="C32" s="2">
        <v>96.6</v>
      </c>
      <c r="D32" s="2">
        <v>0</v>
      </c>
      <c r="E32" s="2">
        <v>0</v>
      </c>
    </row>
    <row r="33" spans="1:5" x14ac:dyDescent="0.25">
      <c r="A33" s="3">
        <v>41745.828587962962</v>
      </c>
      <c r="B33" s="2">
        <v>13</v>
      </c>
      <c r="C33" s="2">
        <v>96.8</v>
      </c>
      <c r="D33" s="2">
        <v>0</v>
      </c>
      <c r="E33" s="2">
        <v>0</v>
      </c>
    </row>
    <row r="34" spans="1:5" x14ac:dyDescent="0.25">
      <c r="A34" s="3">
        <v>41745.828819444447</v>
      </c>
      <c r="B34" s="2">
        <v>13</v>
      </c>
      <c r="C34" s="2">
        <v>96.6</v>
      </c>
      <c r="D34" s="2">
        <v>0</v>
      </c>
      <c r="E34" s="2">
        <v>0</v>
      </c>
    </row>
    <row r="35" spans="1:5" x14ac:dyDescent="0.25">
      <c r="A35" s="3">
        <v>41745.941435185188</v>
      </c>
      <c r="B35" s="2">
        <v>10.8</v>
      </c>
      <c r="C35" s="2">
        <v>96.4</v>
      </c>
      <c r="D35" s="2">
        <v>0</v>
      </c>
      <c r="E35" s="2">
        <v>0</v>
      </c>
    </row>
    <row r="36" spans="1:5" x14ac:dyDescent="0.25">
      <c r="A36" s="3">
        <v>41746.317245370374</v>
      </c>
      <c r="B36" s="2">
        <v>5.2</v>
      </c>
      <c r="C36" s="2">
        <v>96.2</v>
      </c>
      <c r="D36" s="2">
        <v>0</v>
      </c>
      <c r="E36" s="2">
        <v>0</v>
      </c>
    </row>
    <row r="37" spans="1:5" x14ac:dyDescent="0.25">
      <c r="A37" s="3">
        <v>41746.317303240743</v>
      </c>
      <c r="B37" s="2">
        <v>5.2</v>
      </c>
      <c r="C37" s="2">
        <v>96.4</v>
      </c>
      <c r="D37" s="2">
        <v>0</v>
      </c>
      <c r="E37" s="2">
        <v>0</v>
      </c>
    </row>
    <row r="38" spans="1:5" x14ac:dyDescent="0.25">
      <c r="A38" s="3">
        <v>41746.317418981482</v>
      </c>
      <c r="B38" s="2">
        <v>5.2</v>
      </c>
      <c r="C38" s="2">
        <v>96.2</v>
      </c>
      <c r="D38" s="2">
        <v>0</v>
      </c>
      <c r="E38" s="2">
        <v>0</v>
      </c>
    </row>
    <row r="39" spans="1:5" x14ac:dyDescent="0.25">
      <c r="A39" s="3">
        <v>41746.350115740737</v>
      </c>
      <c r="B39" s="2">
        <v>5.4</v>
      </c>
      <c r="C39" s="2">
        <v>96</v>
      </c>
      <c r="D39" s="2">
        <v>0</v>
      </c>
      <c r="E39" s="2">
        <v>0</v>
      </c>
    </row>
    <row r="40" spans="1:5" x14ac:dyDescent="0.25">
      <c r="A40" s="3">
        <v>41746.369560185187</v>
      </c>
      <c r="B40" s="2">
        <v>5.6</v>
      </c>
      <c r="C40" s="2">
        <v>95.8</v>
      </c>
      <c r="D40" s="2">
        <v>0</v>
      </c>
      <c r="E40" s="2">
        <v>0</v>
      </c>
    </row>
    <row r="41" spans="1:5" x14ac:dyDescent="0.25">
      <c r="A41" s="3">
        <v>41746.410937499997</v>
      </c>
      <c r="B41" s="2">
        <v>7.3</v>
      </c>
      <c r="C41" s="2">
        <v>95.6</v>
      </c>
      <c r="D41" s="2">
        <v>0</v>
      </c>
      <c r="E41" s="2">
        <v>0</v>
      </c>
    </row>
    <row r="42" spans="1:5" x14ac:dyDescent="0.25">
      <c r="A42" s="3">
        <v>41746.427604166667</v>
      </c>
      <c r="B42" s="2">
        <v>8</v>
      </c>
      <c r="C42" s="2">
        <v>95.8</v>
      </c>
      <c r="D42" s="2">
        <v>0</v>
      </c>
      <c r="E42" s="2">
        <v>0</v>
      </c>
    </row>
    <row r="43" spans="1:5" x14ac:dyDescent="0.25">
      <c r="A43" s="3">
        <v>41746.44091435185</v>
      </c>
      <c r="B43" s="2">
        <v>8.5</v>
      </c>
      <c r="C43" s="2">
        <v>95.6</v>
      </c>
      <c r="D43" s="2">
        <v>0</v>
      </c>
      <c r="E43" s="2">
        <v>0</v>
      </c>
    </row>
    <row r="44" spans="1:5" x14ac:dyDescent="0.25">
      <c r="A44" s="3">
        <v>41746.548784722225</v>
      </c>
      <c r="B44" s="2">
        <v>13.4</v>
      </c>
      <c r="C44" s="2">
        <v>95.4</v>
      </c>
      <c r="D44" s="2">
        <v>0</v>
      </c>
      <c r="E44" s="2">
        <v>0</v>
      </c>
    </row>
    <row r="45" spans="1:5" x14ac:dyDescent="0.25">
      <c r="A45" s="3">
        <v>41746.55196759259</v>
      </c>
      <c r="B45" s="2">
        <v>13.5</v>
      </c>
      <c r="C45" s="2">
        <v>95.6</v>
      </c>
      <c r="D45" s="2">
        <v>0</v>
      </c>
      <c r="E45" s="2">
        <v>0</v>
      </c>
    </row>
    <row r="46" spans="1:5" x14ac:dyDescent="0.25">
      <c r="A46" s="3">
        <v>41746.552256944444</v>
      </c>
      <c r="B46" s="2">
        <v>13.5</v>
      </c>
      <c r="C46" s="2">
        <v>95.4</v>
      </c>
      <c r="D46" s="2">
        <v>0</v>
      </c>
      <c r="E46" s="2">
        <v>0</v>
      </c>
    </row>
    <row r="47" spans="1:5" x14ac:dyDescent="0.25">
      <c r="A47" s="3">
        <v>41746.560590277775</v>
      </c>
      <c r="B47" s="2">
        <v>13.5</v>
      </c>
      <c r="C47" s="2">
        <v>95.6</v>
      </c>
      <c r="D47" s="2">
        <v>0</v>
      </c>
      <c r="E47" s="2">
        <v>0</v>
      </c>
    </row>
    <row r="48" spans="1:5" x14ac:dyDescent="0.25">
      <c r="A48" s="3">
        <v>41746.560706018521</v>
      </c>
      <c r="B48" s="2">
        <v>13.5</v>
      </c>
      <c r="C48" s="2">
        <v>95.4</v>
      </c>
      <c r="D48" s="2">
        <v>0</v>
      </c>
      <c r="E48" s="2">
        <v>0</v>
      </c>
    </row>
    <row r="49" spans="1:5" x14ac:dyDescent="0.25">
      <c r="A49" s="3">
        <v>41746.629224537035</v>
      </c>
      <c r="B49" s="2">
        <v>14</v>
      </c>
      <c r="C49" s="2">
        <v>95.2</v>
      </c>
      <c r="D49" s="2">
        <v>0</v>
      </c>
      <c r="E49" s="2">
        <v>0</v>
      </c>
    </row>
    <row r="50" spans="1:5" x14ac:dyDescent="0.25">
      <c r="A50" s="3">
        <v>41746.629803240743</v>
      </c>
      <c r="B50" s="2">
        <v>14</v>
      </c>
      <c r="C50" s="2">
        <v>95.4</v>
      </c>
      <c r="D50" s="2">
        <v>0</v>
      </c>
      <c r="E50" s="2">
        <v>0</v>
      </c>
    </row>
    <row r="51" spans="1:5" x14ac:dyDescent="0.25">
      <c r="A51" s="3">
        <v>41746.630150462966</v>
      </c>
      <c r="B51" s="2">
        <v>14</v>
      </c>
      <c r="C51" s="2">
        <v>95.2</v>
      </c>
      <c r="D51" s="2">
        <v>0</v>
      </c>
      <c r="E51" s="2">
        <v>0</v>
      </c>
    </row>
    <row r="52" spans="1:5" x14ac:dyDescent="0.25">
      <c r="A52" s="3">
        <v>41746.699884259258</v>
      </c>
      <c r="B52" s="2">
        <v>14.1</v>
      </c>
      <c r="C52" s="2">
        <v>95</v>
      </c>
      <c r="D52" s="2">
        <v>0</v>
      </c>
      <c r="E52" s="2">
        <v>0</v>
      </c>
    </row>
    <row r="53" spans="1:5" x14ac:dyDescent="0.25">
      <c r="A53" s="3">
        <v>41746.745659722219</v>
      </c>
      <c r="B53" s="2">
        <v>13.8</v>
      </c>
      <c r="C53" s="2">
        <v>94.8</v>
      </c>
      <c r="D53" s="2">
        <v>0</v>
      </c>
      <c r="E53" s="2">
        <v>0</v>
      </c>
    </row>
    <row r="54" spans="1:5" x14ac:dyDescent="0.25">
      <c r="A54" s="3">
        <v>41746.745891203704</v>
      </c>
      <c r="B54" s="2">
        <v>13.8</v>
      </c>
      <c r="C54" s="2">
        <v>95</v>
      </c>
      <c r="D54" s="2">
        <v>0</v>
      </c>
      <c r="E54" s="2">
        <v>0</v>
      </c>
    </row>
    <row r="55" spans="1:5" x14ac:dyDescent="0.25">
      <c r="A55" s="3">
        <v>41746.746122685188</v>
      </c>
      <c r="B55" s="2">
        <v>13.8</v>
      </c>
      <c r="C55" s="2">
        <v>94.8</v>
      </c>
      <c r="D55" s="2">
        <v>0</v>
      </c>
      <c r="E55" s="2">
        <v>0</v>
      </c>
    </row>
    <row r="56" spans="1:5" x14ac:dyDescent="0.25">
      <c r="A56" s="3">
        <v>41746.746296296296</v>
      </c>
      <c r="B56" s="2">
        <v>13.8</v>
      </c>
      <c r="C56" s="2">
        <v>95</v>
      </c>
      <c r="D56" s="2">
        <v>0</v>
      </c>
      <c r="E56" s="2">
        <v>0</v>
      </c>
    </row>
    <row r="57" spans="1:5" x14ac:dyDescent="0.25">
      <c r="A57" s="3">
        <v>41746.746412037035</v>
      </c>
      <c r="B57" s="2">
        <v>13.8</v>
      </c>
      <c r="C57" s="2">
        <v>94.8</v>
      </c>
      <c r="D57" s="2">
        <v>0</v>
      </c>
      <c r="E57" s="2">
        <v>0</v>
      </c>
    </row>
    <row r="58" spans="1:5" x14ac:dyDescent="0.25">
      <c r="A58" s="3">
        <v>41746.7578125</v>
      </c>
      <c r="B58" s="2">
        <v>13.7</v>
      </c>
      <c r="C58" s="2">
        <v>95</v>
      </c>
      <c r="D58" s="2">
        <v>0</v>
      </c>
      <c r="E58" s="2">
        <v>0</v>
      </c>
    </row>
    <row r="59" spans="1:5" x14ac:dyDescent="0.25">
      <c r="A59" s="3">
        <v>41746.758101851854</v>
      </c>
      <c r="B59" s="2">
        <v>13.7</v>
      </c>
      <c r="C59" s="2">
        <v>94.8</v>
      </c>
      <c r="D59" s="2">
        <v>0</v>
      </c>
      <c r="E59" s="2">
        <v>0</v>
      </c>
    </row>
    <row r="60" spans="1:5" x14ac:dyDescent="0.25">
      <c r="A60" s="3">
        <v>41746.818807870368</v>
      </c>
      <c r="B60" s="2">
        <v>12.8</v>
      </c>
      <c r="C60" s="2">
        <v>94.6</v>
      </c>
      <c r="D60" s="2">
        <v>0</v>
      </c>
      <c r="E60" s="2">
        <v>0</v>
      </c>
    </row>
    <row r="61" spans="1:5" x14ac:dyDescent="0.25">
      <c r="A61" s="3">
        <v>41746.819328703707</v>
      </c>
      <c r="B61" s="2">
        <v>12.8</v>
      </c>
      <c r="C61" s="2">
        <v>94.8</v>
      </c>
      <c r="D61" s="2">
        <v>0</v>
      </c>
      <c r="E61" s="2">
        <v>0</v>
      </c>
    </row>
    <row r="62" spans="1:5" x14ac:dyDescent="0.25">
      <c r="A62" s="3">
        <v>41746.819386574076</v>
      </c>
      <c r="B62" s="2">
        <v>12.8</v>
      </c>
      <c r="C62" s="2">
        <v>94.6</v>
      </c>
      <c r="D62" s="2">
        <v>0</v>
      </c>
      <c r="E62" s="2">
        <v>0</v>
      </c>
    </row>
    <row r="63" spans="1:5" x14ac:dyDescent="0.25">
      <c r="A63" s="3">
        <v>41746.819560185184</v>
      </c>
      <c r="B63" s="2">
        <v>12.8</v>
      </c>
      <c r="C63" s="2">
        <v>94.8</v>
      </c>
      <c r="D63" s="2">
        <v>0</v>
      </c>
      <c r="E63" s="2">
        <v>0</v>
      </c>
    </row>
    <row r="64" spans="1:5" x14ac:dyDescent="0.25">
      <c r="A64" s="3">
        <v>41746.820081018515</v>
      </c>
      <c r="B64" s="2">
        <v>12.8</v>
      </c>
      <c r="C64" s="2">
        <v>94.6</v>
      </c>
      <c r="D64" s="2">
        <v>0</v>
      </c>
      <c r="E64" s="2">
        <v>0</v>
      </c>
    </row>
    <row r="65" spans="1:5" x14ac:dyDescent="0.25">
      <c r="A65" s="3">
        <v>41746.822858796295</v>
      </c>
      <c r="B65" s="2">
        <v>12.8</v>
      </c>
      <c r="C65" s="2">
        <v>94.8</v>
      </c>
      <c r="D65" s="2">
        <v>0</v>
      </c>
      <c r="E65" s="2">
        <v>0</v>
      </c>
    </row>
    <row r="66" spans="1:5" x14ac:dyDescent="0.25">
      <c r="A66" s="3">
        <v>41746.822916666664</v>
      </c>
      <c r="B66" s="2">
        <v>12.8</v>
      </c>
      <c r="C66" s="2">
        <v>94.6</v>
      </c>
      <c r="D66" s="2">
        <v>0</v>
      </c>
      <c r="E66" s="2">
        <v>0</v>
      </c>
    </row>
    <row r="67" spans="1:5" x14ac:dyDescent="0.25">
      <c r="A67" s="3">
        <v>41746.837384259263</v>
      </c>
      <c r="B67" s="2">
        <v>12.5</v>
      </c>
      <c r="C67" s="2">
        <v>94.8</v>
      </c>
      <c r="D67" s="2">
        <v>0</v>
      </c>
      <c r="E67" s="2">
        <v>0</v>
      </c>
    </row>
    <row r="68" spans="1:5" x14ac:dyDescent="0.25">
      <c r="A68" s="3">
        <v>41746.837500000001</v>
      </c>
      <c r="B68" s="2">
        <v>12.5</v>
      </c>
      <c r="C68" s="2">
        <v>94.6</v>
      </c>
      <c r="D68" s="2">
        <v>0</v>
      </c>
      <c r="E68" s="2">
        <v>0</v>
      </c>
    </row>
    <row r="69" spans="1:5" x14ac:dyDescent="0.25">
      <c r="A69" s="3">
        <v>41746.983391203707</v>
      </c>
      <c r="B69" s="2">
        <v>10.7</v>
      </c>
      <c r="C69" s="2">
        <v>94.4</v>
      </c>
      <c r="D69" s="2">
        <v>0</v>
      </c>
      <c r="E69" s="2">
        <v>0</v>
      </c>
    </row>
    <row r="70" spans="1:5" x14ac:dyDescent="0.25">
      <c r="A70" s="3">
        <v>41747.346585648149</v>
      </c>
      <c r="B70" s="2">
        <v>6.4</v>
      </c>
      <c r="C70" s="2">
        <v>94.2</v>
      </c>
      <c r="D70" s="2">
        <v>0</v>
      </c>
      <c r="E70" s="2">
        <v>0</v>
      </c>
    </row>
    <row r="71" spans="1:5" x14ac:dyDescent="0.25">
      <c r="A71" s="3">
        <v>41747.357581018521</v>
      </c>
      <c r="B71" s="2">
        <v>6.6</v>
      </c>
      <c r="C71" s="2">
        <v>94</v>
      </c>
      <c r="D71" s="2">
        <v>0</v>
      </c>
      <c r="E71" s="2">
        <v>0</v>
      </c>
    </row>
    <row r="72" spans="1:5" x14ac:dyDescent="0.25">
      <c r="A72" s="3">
        <v>41747.37060185185</v>
      </c>
      <c r="B72" s="2">
        <v>6.8</v>
      </c>
      <c r="C72" s="2">
        <v>93.8</v>
      </c>
      <c r="D72" s="2">
        <v>0</v>
      </c>
      <c r="E72" s="2">
        <v>0</v>
      </c>
    </row>
    <row r="73" spans="1:5" x14ac:dyDescent="0.25">
      <c r="A73" s="3">
        <v>41747.37228009259</v>
      </c>
      <c r="B73" s="2">
        <v>6.9</v>
      </c>
      <c r="C73" s="2">
        <v>93.6</v>
      </c>
      <c r="D73" s="2">
        <v>0</v>
      </c>
      <c r="E73" s="2">
        <v>0</v>
      </c>
    </row>
    <row r="74" spans="1:5" x14ac:dyDescent="0.25">
      <c r="A74" s="3">
        <v>41747.372916666667</v>
      </c>
      <c r="B74" s="2">
        <v>7</v>
      </c>
      <c r="C74" s="2">
        <v>93.6</v>
      </c>
      <c r="D74" s="2">
        <v>0.2</v>
      </c>
      <c r="E74" s="2">
        <v>0.2</v>
      </c>
    </row>
    <row r="75" spans="1:5" x14ac:dyDescent="0.25">
      <c r="A75" s="3">
        <v>41747.373206018521</v>
      </c>
      <c r="B75" s="2">
        <v>7</v>
      </c>
      <c r="C75" s="2">
        <v>93.8</v>
      </c>
      <c r="D75" s="2">
        <v>0</v>
      </c>
      <c r="E75" s="2">
        <v>0.2</v>
      </c>
    </row>
    <row r="76" spans="1:5" x14ac:dyDescent="0.25">
      <c r="A76" s="3">
        <v>41747.374479166669</v>
      </c>
      <c r="B76" s="2">
        <v>7</v>
      </c>
      <c r="C76" s="2">
        <v>93.6</v>
      </c>
      <c r="D76" s="2">
        <v>0</v>
      </c>
      <c r="E76" s="2">
        <v>0.2</v>
      </c>
    </row>
    <row r="77" spans="1:5" x14ac:dyDescent="0.25">
      <c r="A77" s="3">
        <v>41747.374537037038</v>
      </c>
      <c r="B77" s="2">
        <v>7</v>
      </c>
      <c r="C77" s="2">
        <v>93.8</v>
      </c>
      <c r="D77" s="2">
        <v>0</v>
      </c>
      <c r="E77" s="2">
        <v>0.2</v>
      </c>
    </row>
    <row r="78" spans="1:5" x14ac:dyDescent="0.25">
      <c r="A78" s="3">
        <v>41747.483391203707</v>
      </c>
      <c r="B78" s="2">
        <v>13.6</v>
      </c>
      <c r="C78" s="2">
        <v>93.6</v>
      </c>
      <c r="D78" s="2">
        <v>0</v>
      </c>
      <c r="E78" s="2">
        <v>0.2</v>
      </c>
    </row>
    <row r="79" spans="1:5" x14ac:dyDescent="0.25">
      <c r="A79" s="3">
        <v>41747.483796296299</v>
      </c>
      <c r="B79" s="2">
        <v>13.6</v>
      </c>
      <c r="C79" s="2">
        <v>93.8</v>
      </c>
      <c r="D79" s="2">
        <v>0</v>
      </c>
      <c r="E79" s="2">
        <v>0.2</v>
      </c>
    </row>
    <row r="80" spans="1:5" x14ac:dyDescent="0.25">
      <c r="A80" s="3">
        <v>41747.484085648146</v>
      </c>
      <c r="B80" s="2">
        <v>13.6</v>
      </c>
      <c r="C80" s="2">
        <v>93.6</v>
      </c>
      <c r="D80" s="2">
        <v>0</v>
      </c>
      <c r="E80" s="2">
        <v>0.2</v>
      </c>
    </row>
    <row r="81" spans="1:5" x14ac:dyDescent="0.25">
      <c r="A81" s="3">
        <v>41747.484201388892</v>
      </c>
      <c r="B81" s="2">
        <v>13.7</v>
      </c>
      <c r="C81" s="2">
        <v>93.8</v>
      </c>
      <c r="D81" s="2">
        <v>0</v>
      </c>
      <c r="E81" s="2">
        <v>0.2</v>
      </c>
    </row>
    <row r="82" spans="1:5" x14ac:dyDescent="0.25">
      <c r="A82" s="3">
        <v>41747.487500000003</v>
      </c>
      <c r="B82" s="2">
        <v>13.9</v>
      </c>
      <c r="C82" s="2">
        <v>93.6</v>
      </c>
      <c r="D82" s="2">
        <v>0</v>
      </c>
      <c r="E82" s="2">
        <v>0.2</v>
      </c>
    </row>
    <row r="83" spans="1:5" x14ac:dyDescent="0.25">
      <c r="A83" s="3">
        <v>41747.489062499997</v>
      </c>
      <c r="B83" s="2">
        <v>14</v>
      </c>
      <c r="C83" s="2">
        <v>93.8</v>
      </c>
      <c r="D83" s="2">
        <v>0</v>
      </c>
      <c r="E83" s="2">
        <v>0.2</v>
      </c>
    </row>
    <row r="84" spans="1:5" x14ac:dyDescent="0.25">
      <c r="A84" s="3">
        <v>41747.489236111112</v>
      </c>
      <c r="B84" s="2">
        <v>14</v>
      </c>
      <c r="C84" s="2">
        <v>93.6</v>
      </c>
      <c r="D84" s="2">
        <v>0</v>
      </c>
      <c r="E84" s="2">
        <v>0.2</v>
      </c>
    </row>
    <row r="85" spans="1:5" x14ac:dyDescent="0.25">
      <c r="A85" s="3">
        <v>41747.490914351853</v>
      </c>
      <c r="B85" s="2">
        <v>14.2</v>
      </c>
      <c r="C85" s="2">
        <v>93.8</v>
      </c>
      <c r="D85" s="2">
        <v>0</v>
      </c>
      <c r="E85" s="2">
        <v>0.2</v>
      </c>
    </row>
    <row r="86" spans="1:5" x14ac:dyDescent="0.25">
      <c r="A86" s="3">
        <v>41747.491030092591</v>
      </c>
      <c r="B86" s="2">
        <v>14.2</v>
      </c>
      <c r="C86" s="2">
        <v>93.6</v>
      </c>
      <c r="D86" s="2">
        <v>0</v>
      </c>
      <c r="E86" s="2">
        <v>0.2</v>
      </c>
    </row>
    <row r="87" spans="1:5" x14ac:dyDescent="0.25">
      <c r="A87" s="3">
        <v>41747.492592592593</v>
      </c>
      <c r="B87" s="2">
        <v>14.2</v>
      </c>
      <c r="C87" s="2">
        <v>93.8</v>
      </c>
      <c r="D87" s="2">
        <v>0</v>
      </c>
      <c r="E87" s="2">
        <v>0.2</v>
      </c>
    </row>
    <row r="88" spans="1:5" x14ac:dyDescent="0.25">
      <c r="A88" s="3">
        <v>41747.492708333331</v>
      </c>
      <c r="B88" s="2">
        <v>14.3</v>
      </c>
      <c r="C88" s="2">
        <v>93.6</v>
      </c>
      <c r="D88" s="2">
        <v>0</v>
      </c>
      <c r="E88" s="2">
        <v>0.2</v>
      </c>
    </row>
    <row r="89" spans="1:5" x14ac:dyDescent="0.25">
      <c r="A89" s="3">
        <v>41747.499421296299</v>
      </c>
      <c r="B89" s="2">
        <v>14.7</v>
      </c>
      <c r="C89" s="2">
        <v>93.8</v>
      </c>
      <c r="D89" s="2">
        <v>0</v>
      </c>
      <c r="E89" s="2">
        <v>0.2</v>
      </c>
    </row>
    <row r="90" spans="1:5" x14ac:dyDescent="0.25">
      <c r="A90" s="3">
        <v>41747.499710648146</v>
      </c>
      <c r="B90" s="2">
        <v>14.8</v>
      </c>
      <c r="C90" s="2">
        <v>93.6</v>
      </c>
      <c r="D90" s="2">
        <v>0</v>
      </c>
      <c r="E90" s="2">
        <v>0.2</v>
      </c>
    </row>
    <row r="91" spans="1:5" x14ac:dyDescent="0.25">
      <c r="A91" s="3">
        <v>41747.500115740739</v>
      </c>
      <c r="B91" s="2">
        <v>14.8</v>
      </c>
      <c r="C91" s="2">
        <v>93.8</v>
      </c>
      <c r="D91" s="2">
        <v>0</v>
      </c>
      <c r="E91" s="2">
        <v>0.2</v>
      </c>
    </row>
    <row r="92" spans="1:5" x14ac:dyDescent="0.25">
      <c r="A92" s="3">
        <v>41747.500289351854</v>
      </c>
      <c r="B92" s="2">
        <v>14.8</v>
      </c>
      <c r="C92" s="2">
        <v>93.6</v>
      </c>
      <c r="D92" s="2">
        <v>0</v>
      </c>
      <c r="E92" s="2">
        <v>0.2</v>
      </c>
    </row>
    <row r="93" spans="1:5" x14ac:dyDescent="0.25">
      <c r="A93" s="3">
        <v>41747.500347222223</v>
      </c>
      <c r="B93" s="2">
        <v>14.8</v>
      </c>
      <c r="C93" s="2">
        <v>93.8</v>
      </c>
      <c r="D93" s="2">
        <v>0</v>
      </c>
      <c r="E93" s="2">
        <v>0.2</v>
      </c>
    </row>
    <row r="94" spans="1:5" x14ac:dyDescent="0.25">
      <c r="A94" s="3">
        <v>41747.500578703701</v>
      </c>
      <c r="B94" s="2">
        <v>14.8</v>
      </c>
      <c r="C94" s="2">
        <v>93.6</v>
      </c>
      <c r="D94" s="2">
        <v>0</v>
      </c>
      <c r="E94" s="2">
        <v>0.2</v>
      </c>
    </row>
    <row r="95" spans="1:5" x14ac:dyDescent="0.25">
      <c r="A95" s="3">
        <v>41747.500925925924</v>
      </c>
      <c r="B95" s="2">
        <v>14.8</v>
      </c>
      <c r="C95" s="2">
        <v>93.8</v>
      </c>
      <c r="D95" s="2">
        <v>0</v>
      </c>
      <c r="E95" s="2">
        <v>0.2</v>
      </c>
    </row>
    <row r="96" spans="1:5" x14ac:dyDescent="0.25">
      <c r="A96" s="3">
        <v>41747.501215277778</v>
      </c>
      <c r="B96" s="2">
        <v>14.8</v>
      </c>
      <c r="C96" s="2">
        <v>93.6</v>
      </c>
      <c r="D96" s="2">
        <v>0</v>
      </c>
      <c r="E96" s="2">
        <v>0.2</v>
      </c>
    </row>
    <row r="97" spans="1:5" x14ac:dyDescent="0.25">
      <c r="A97" s="3">
        <v>41747.501909722225</v>
      </c>
      <c r="B97" s="2">
        <v>14.9</v>
      </c>
      <c r="C97" s="2">
        <v>93.8</v>
      </c>
      <c r="D97" s="2">
        <v>0</v>
      </c>
      <c r="E97" s="2">
        <v>0.2</v>
      </c>
    </row>
    <row r="98" spans="1:5" x14ac:dyDescent="0.25">
      <c r="A98" s="3">
        <v>41747.502025462964</v>
      </c>
      <c r="B98" s="2">
        <v>14.9</v>
      </c>
      <c r="C98" s="2">
        <v>93.6</v>
      </c>
      <c r="D98" s="2">
        <v>0</v>
      </c>
      <c r="E98" s="2">
        <v>0.2</v>
      </c>
    </row>
    <row r="99" spans="1:5" x14ac:dyDescent="0.25">
      <c r="A99" s="3">
        <v>41747.50335648148</v>
      </c>
      <c r="B99" s="2">
        <v>15</v>
      </c>
      <c r="C99" s="2">
        <v>93.8</v>
      </c>
      <c r="D99" s="2">
        <v>0</v>
      </c>
      <c r="E99" s="2">
        <v>0.2</v>
      </c>
    </row>
    <row r="100" spans="1:5" x14ac:dyDescent="0.25">
      <c r="A100" s="3">
        <v>41747.503472222219</v>
      </c>
      <c r="B100" s="2">
        <v>15</v>
      </c>
      <c r="C100" s="2">
        <v>93.6</v>
      </c>
      <c r="D100" s="2">
        <v>0</v>
      </c>
      <c r="E100" s="2">
        <v>0.2</v>
      </c>
    </row>
    <row r="101" spans="1:5" x14ac:dyDescent="0.25">
      <c r="A101" s="3">
        <v>41747.507118055553</v>
      </c>
      <c r="B101" s="2">
        <v>15.4</v>
      </c>
      <c r="C101" s="2">
        <v>93.8</v>
      </c>
      <c r="D101" s="2">
        <v>0</v>
      </c>
      <c r="E101" s="2">
        <v>0.2</v>
      </c>
    </row>
    <row r="102" spans="1:5" x14ac:dyDescent="0.25">
      <c r="A102" s="3">
        <v>41747.507291666669</v>
      </c>
      <c r="B102" s="2">
        <v>15.4</v>
      </c>
      <c r="C102" s="2">
        <v>93.6</v>
      </c>
      <c r="D102" s="2">
        <v>0</v>
      </c>
      <c r="E102" s="2">
        <v>0.2</v>
      </c>
    </row>
    <row r="103" spans="1:5" x14ac:dyDescent="0.25">
      <c r="A103" s="3">
        <v>41747.508449074077</v>
      </c>
      <c r="B103" s="2">
        <v>15.5</v>
      </c>
      <c r="C103" s="2">
        <v>93.8</v>
      </c>
      <c r="D103" s="2">
        <v>0</v>
      </c>
      <c r="E103" s="2">
        <v>0.2</v>
      </c>
    </row>
    <row r="104" spans="1:5" x14ac:dyDescent="0.25">
      <c r="A104" s="3">
        <v>41747.508506944447</v>
      </c>
      <c r="B104" s="2">
        <v>15.5</v>
      </c>
      <c r="C104" s="2">
        <v>93.6</v>
      </c>
      <c r="D104" s="2">
        <v>0</v>
      </c>
      <c r="E104" s="2">
        <v>0.2</v>
      </c>
    </row>
    <row r="105" spans="1:5" x14ac:dyDescent="0.25">
      <c r="A105" s="3">
        <v>41747.527951388889</v>
      </c>
      <c r="B105" s="2">
        <v>16.899999999999999</v>
      </c>
      <c r="C105" s="2">
        <v>93.8</v>
      </c>
      <c r="D105" s="2">
        <v>0</v>
      </c>
      <c r="E105" s="2">
        <v>0.2</v>
      </c>
    </row>
    <row r="106" spans="1:5" x14ac:dyDescent="0.25">
      <c r="A106" s="3">
        <v>41747.528124999997</v>
      </c>
      <c r="B106" s="2">
        <v>17</v>
      </c>
      <c r="C106" s="2">
        <v>93.6</v>
      </c>
      <c r="D106" s="2">
        <v>0</v>
      </c>
      <c r="E106" s="2">
        <v>0.2</v>
      </c>
    </row>
    <row r="107" spans="1:5" x14ac:dyDescent="0.25">
      <c r="A107" s="3">
        <v>41747.60052083333</v>
      </c>
      <c r="B107" s="2">
        <v>20.8</v>
      </c>
      <c r="C107" s="2">
        <v>93.4</v>
      </c>
      <c r="D107" s="2">
        <v>0</v>
      </c>
      <c r="E107" s="2">
        <v>0.2</v>
      </c>
    </row>
    <row r="108" spans="1:5" x14ac:dyDescent="0.25">
      <c r="A108" s="3">
        <v>41747.600694444445</v>
      </c>
      <c r="B108" s="2">
        <v>20.8</v>
      </c>
      <c r="C108" s="2">
        <v>93.6</v>
      </c>
      <c r="D108" s="2">
        <v>0</v>
      </c>
      <c r="E108" s="2">
        <v>0.2</v>
      </c>
    </row>
    <row r="109" spans="1:5" x14ac:dyDescent="0.25">
      <c r="A109" s="3">
        <v>41747.600983796299</v>
      </c>
      <c r="B109" s="2">
        <v>20.8</v>
      </c>
      <c r="C109" s="2">
        <v>93.4</v>
      </c>
      <c r="D109" s="2">
        <v>0</v>
      </c>
      <c r="E109" s="2">
        <v>0.2</v>
      </c>
    </row>
    <row r="110" spans="1:5" x14ac:dyDescent="0.25">
      <c r="A110" s="3">
        <v>41747.601099537038</v>
      </c>
      <c r="B110" s="2">
        <v>20.8</v>
      </c>
      <c r="C110" s="2">
        <v>93.6</v>
      </c>
      <c r="D110" s="2">
        <v>0</v>
      </c>
      <c r="E110" s="2">
        <v>0.2</v>
      </c>
    </row>
    <row r="111" spans="1:5" x14ac:dyDescent="0.25">
      <c r="A111" s="3">
        <v>41747.601215277777</v>
      </c>
      <c r="B111" s="2">
        <v>20.8</v>
      </c>
      <c r="C111" s="2">
        <v>93.4</v>
      </c>
      <c r="D111" s="2">
        <v>0</v>
      </c>
      <c r="E111" s="2">
        <v>0.2</v>
      </c>
    </row>
    <row r="112" spans="1:5" x14ac:dyDescent="0.25">
      <c r="A112" s="3">
        <v>41747.633564814816</v>
      </c>
      <c r="B112" s="2">
        <v>21.9</v>
      </c>
      <c r="C112" s="2">
        <v>93.2</v>
      </c>
      <c r="D112" s="2">
        <v>0</v>
      </c>
      <c r="E112" s="2">
        <v>0.2</v>
      </c>
    </row>
    <row r="113" spans="1:5" x14ac:dyDescent="0.25">
      <c r="A113" s="3">
        <v>41747.633680555555</v>
      </c>
      <c r="B113" s="2">
        <v>21.9</v>
      </c>
      <c r="C113" s="2">
        <v>93.4</v>
      </c>
      <c r="D113" s="2">
        <v>0</v>
      </c>
      <c r="E113" s="2">
        <v>0.2</v>
      </c>
    </row>
    <row r="114" spans="1:5" x14ac:dyDescent="0.25">
      <c r="A114" s="3">
        <v>41747.634259259263</v>
      </c>
      <c r="B114" s="2">
        <v>21.9</v>
      </c>
      <c r="C114" s="2">
        <v>93.2</v>
      </c>
      <c r="D114" s="2">
        <v>0</v>
      </c>
      <c r="E114" s="2">
        <v>0.2</v>
      </c>
    </row>
    <row r="115" spans="1:5" x14ac:dyDescent="0.25">
      <c r="A115" s="3">
        <v>41747.634780092594</v>
      </c>
      <c r="B115" s="2">
        <v>21.9</v>
      </c>
      <c r="C115" s="2">
        <v>93.4</v>
      </c>
      <c r="D115" s="2">
        <v>0</v>
      </c>
      <c r="E115" s="2">
        <v>0.2</v>
      </c>
    </row>
    <row r="116" spans="1:5" x14ac:dyDescent="0.25">
      <c r="A116" s="3">
        <v>41747.634895833333</v>
      </c>
      <c r="B116" s="2">
        <v>21.9</v>
      </c>
      <c r="C116" s="2">
        <v>93.2</v>
      </c>
      <c r="D116" s="2">
        <v>0</v>
      </c>
      <c r="E116" s="2">
        <v>0.2</v>
      </c>
    </row>
    <row r="117" spans="1:5" x14ac:dyDescent="0.25">
      <c r="A117" s="3">
        <v>41747.636111111111</v>
      </c>
      <c r="B117" s="2">
        <v>22</v>
      </c>
      <c r="C117" s="2">
        <v>93.4</v>
      </c>
      <c r="D117" s="2">
        <v>0</v>
      </c>
      <c r="E117" s="2">
        <v>0.2</v>
      </c>
    </row>
    <row r="118" spans="1:5" x14ac:dyDescent="0.25">
      <c r="A118" s="3">
        <v>41747.63616898148</v>
      </c>
      <c r="B118" s="2">
        <v>22</v>
      </c>
      <c r="C118" s="2">
        <v>93.2</v>
      </c>
      <c r="D118" s="2">
        <v>0</v>
      </c>
      <c r="E118" s="2">
        <v>0.2</v>
      </c>
    </row>
    <row r="119" spans="1:5" x14ac:dyDescent="0.25">
      <c r="A119" s="3">
        <v>41747.638078703705</v>
      </c>
      <c r="B119" s="2">
        <v>22.1</v>
      </c>
      <c r="C119" s="2">
        <v>93.4</v>
      </c>
      <c r="D119" s="2">
        <v>0</v>
      </c>
      <c r="E119" s="2">
        <v>0.2</v>
      </c>
    </row>
    <row r="120" spans="1:5" x14ac:dyDescent="0.25">
      <c r="A120" s="3">
        <v>41747.638252314813</v>
      </c>
      <c r="B120" s="2">
        <v>22</v>
      </c>
      <c r="C120" s="2">
        <v>93.2</v>
      </c>
      <c r="D120" s="2">
        <v>0</v>
      </c>
      <c r="E120" s="2">
        <v>0.2</v>
      </c>
    </row>
    <row r="121" spans="1:5" x14ac:dyDescent="0.25">
      <c r="A121" s="3">
        <v>41747.638483796298</v>
      </c>
      <c r="B121" s="2">
        <v>22.1</v>
      </c>
      <c r="C121" s="2">
        <v>93.4</v>
      </c>
      <c r="D121" s="2">
        <v>0</v>
      </c>
      <c r="E121" s="2">
        <v>0.2</v>
      </c>
    </row>
    <row r="122" spans="1:5" x14ac:dyDescent="0.25">
      <c r="A122" s="3">
        <v>41747.638773148145</v>
      </c>
      <c r="B122" s="2">
        <v>22.1</v>
      </c>
      <c r="C122" s="2">
        <v>93.2</v>
      </c>
      <c r="D122" s="2">
        <v>0</v>
      </c>
      <c r="E122" s="2">
        <v>0.2</v>
      </c>
    </row>
    <row r="123" spans="1:5" x14ac:dyDescent="0.25">
      <c r="A123" s="3">
        <v>41747.642187500001</v>
      </c>
      <c r="B123" s="2">
        <v>22.1</v>
      </c>
      <c r="C123" s="2">
        <v>93.4</v>
      </c>
      <c r="D123" s="2">
        <v>0</v>
      </c>
      <c r="E123" s="2">
        <v>0.2</v>
      </c>
    </row>
    <row r="124" spans="1:5" x14ac:dyDescent="0.25">
      <c r="A124" s="3">
        <v>41747.642245370371</v>
      </c>
      <c r="B124" s="2">
        <v>22.1</v>
      </c>
      <c r="C124" s="2">
        <v>93.2</v>
      </c>
      <c r="D124" s="2">
        <v>0</v>
      </c>
      <c r="E124" s="2">
        <v>0.2</v>
      </c>
    </row>
    <row r="125" spans="1:5" x14ac:dyDescent="0.25">
      <c r="A125" s="3">
        <v>41747.644791666666</v>
      </c>
      <c r="B125" s="2">
        <v>22.1</v>
      </c>
      <c r="C125" s="2">
        <v>93.4</v>
      </c>
      <c r="D125" s="2">
        <v>0</v>
      </c>
      <c r="E125" s="2">
        <v>0.2</v>
      </c>
    </row>
    <row r="126" spans="1:5" x14ac:dyDescent="0.25">
      <c r="A126" s="3">
        <v>41747.644907407404</v>
      </c>
      <c r="B126" s="2">
        <v>22.1</v>
      </c>
      <c r="C126" s="2">
        <v>93.2</v>
      </c>
      <c r="D126" s="2">
        <v>0</v>
      </c>
      <c r="E126" s="2">
        <v>0.2</v>
      </c>
    </row>
    <row r="127" spans="1:5" x14ac:dyDescent="0.25">
      <c r="A127" s="3">
        <v>41747.645196759258</v>
      </c>
      <c r="B127" s="2">
        <v>22.1</v>
      </c>
      <c r="C127" s="2">
        <v>93.4</v>
      </c>
      <c r="D127" s="2">
        <v>0</v>
      </c>
      <c r="E127" s="2">
        <v>0.2</v>
      </c>
    </row>
    <row r="128" spans="1:5" x14ac:dyDescent="0.25">
      <c r="A128" s="3">
        <v>41747.645312499997</v>
      </c>
      <c r="B128" s="2">
        <v>22.1</v>
      </c>
      <c r="C128" s="2">
        <v>93.2</v>
      </c>
      <c r="D128" s="2">
        <v>0</v>
      </c>
      <c r="E128" s="2">
        <v>0.2</v>
      </c>
    </row>
    <row r="129" spans="1:5" x14ac:dyDescent="0.25">
      <c r="A129" s="3">
        <v>41747.691493055558</v>
      </c>
      <c r="B129" s="2">
        <v>21.4</v>
      </c>
      <c r="C129" s="2">
        <v>93</v>
      </c>
      <c r="D129" s="2">
        <v>0</v>
      </c>
      <c r="E129" s="2">
        <v>0.2</v>
      </c>
    </row>
    <row r="130" spans="1:5" x14ac:dyDescent="0.25">
      <c r="A130" s="3">
        <v>41747.691666666666</v>
      </c>
      <c r="B130" s="2">
        <v>21.4</v>
      </c>
      <c r="C130" s="2">
        <v>93.2</v>
      </c>
      <c r="D130" s="2">
        <v>0</v>
      </c>
      <c r="E130" s="2">
        <v>0.2</v>
      </c>
    </row>
    <row r="131" spans="1:5" x14ac:dyDescent="0.25">
      <c r="A131" s="3">
        <v>41747.692824074074</v>
      </c>
      <c r="B131" s="2">
        <v>21.4</v>
      </c>
      <c r="C131" s="2">
        <v>93</v>
      </c>
      <c r="D131" s="2">
        <v>0</v>
      </c>
      <c r="E131" s="2">
        <v>0.2</v>
      </c>
    </row>
    <row r="132" spans="1:5" x14ac:dyDescent="0.25">
      <c r="A132" s="3">
        <v>41747.731539351851</v>
      </c>
      <c r="B132" s="2">
        <v>20.5</v>
      </c>
      <c r="C132" s="2">
        <v>92.8</v>
      </c>
      <c r="D132" s="2">
        <v>0</v>
      </c>
      <c r="E132" s="2">
        <v>0.2</v>
      </c>
    </row>
    <row r="133" spans="1:5" x14ac:dyDescent="0.25">
      <c r="A133" s="3">
        <v>41747.731944444444</v>
      </c>
      <c r="B133" s="2">
        <v>20.6</v>
      </c>
      <c r="C133" s="2">
        <v>93</v>
      </c>
      <c r="D133" s="2">
        <v>0</v>
      </c>
      <c r="E133" s="2">
        <v>0.2</v>
      </c>
    </row>
    <row r="134" spans="1:5" x14ac:dyDescent="0.25">
      <c r="A134" s="3">
        <v>41747.732060185182</v>
      </c>
      <c r="B134" s="2">
        <v>20.6</v>
      </c>
      <c r="C134" s="2">
        <v>92.8</v>
      </c>
      <c r="D134" s="2">
        <v>0</v>
      </c>
      <c r="E134" s="2">
        <v>0.2</v>
      </c>
    </row>
    <row r="135" spans="1:5" x14ac:dyDescent="0.25">
      <c r="A135" s="3">
        <v>41747.774594907409</v>
      </c>
      <c r="B135" s="2">
        <v>19.7</v>
      </c>
      <c r="C135" s="2">
        <v>92.6</v>
      </c>
      <c r="D135" s="2">
        <v>0</v>
      </c>
      <c r="E135" s="2">
        <v>0.2</v>
      </c>
    </row>
    <row r="136" spans="1:5" x14ac:dyDescent="0.25">
      <c r="A136" s="3">
        <v>41747.831770833334</v>
      </c>
      <c r="B136" s="2">
        <v>18.399999999999999</v>
      </c>
      <c r="C136" s="2">
        <v>92.4</v>
      </c>
      <c r="D136" s="2">
        <v>0</v>
      </c>
      <c r="E136" s="2">
        <v>0.2</v>
      </c>
    </row>
    <row r="137" spans="1:5" x14ac:dyDescent="0.25">
      <c r="A137" s="3">
        <v>41747.905729166669</v>
      </c>
      <c r="B137" s="2">
        <v>16.8</v>
      </c>
      <c r="C137" s="2">
        <v>92.2</v>
      </c>
      <c r="D137" s="2">
        <v>0</v>
      </c>
      <c r="E137" s="2">
        <v>0.2</v>
      </c>
    </row>
    <row r="138" spans="1:5" x14ac:dyDescent="0.25">
      <c r="A138" s="3">
        <v>41747.981249999997</v>
      </c>
      <c r="B138" s="2">
        <v>15.5</v>
      </c>
      <c r="C138" s="2">
        <v>92</v>
      </c>
      <c r="D138" s="2">
        <v>0</v>
      </c>
      <c r="E138" s="2">
        <v>0.2</v>
      </c>
    </row>
    <row r="139" spans="1:5" x14ac:dyDescent="0.25">
      <c r="A139" s="3">
        <v>41748.070081018515</v>
      </c>
      <c r="B139" s="2">
        <v>14.3</v>
      </c>
      <c r="C139" s="2">
        <v>91.8</v>
      </c>
      <c r="D139" s="2">
        <v>0</v>
      </c>
      <c r="E139" s="2">
        <v>0.2</v>
      </c>
    </row>
    <row r="140" spans="1:5" x14ac:dyDescent="0.25">
      <c r="A140" s="3">
        <v>41748.070717592593</v>
      </c>
      <c r="B140" s="2">
        <v>14.3</v>
      </c>
      <c r="C140" s="2">
        <v>92</v>
      </c>
      <c r="D140" s="2">
        <v>0</v>
      </c>
      <c r="E140" s="2">
        <v>0.2</v>
      </c>
    </row>
    <row r="141" spans="1:5" x14ac:dyDescent="0.25">
      <c r="A141" s="3">
        <v>41748.070833333331</v>
      </c>
      <c r="B141" s="2">
        <v>14.3</v>
      </c>
      <c r="C141" s="2">
        <v>91.8</v>
      </c>
      <c r="D141" s="2">
        <v>0</v>
      </c>
      <c r="E141" s="2">
        <v>0.2</v>
      </c>
    </row>
    <row r="142" spans="1:5" x14ac:dyDescent="0.25">
      <c r="A142" s="3">
        <v>41748.14571759259</v>
      </c>
      <c r="B142" s="2">
        <v>13.3</v>
      </c>
      <c r="C142" s="2">
        <v>91.6</v>
      </c>
      <c r="D142" s="2">
        <v>0</v>
      </c>
      <c r="E142" s="2">
        <v>0.2</v>
      </c>
    </row>
    <row r="143" spans="1:5" x14ac:dyDescent="0.25">
      <c r="A143" s="3">
        <v>41748.145775462966</v>
      </c>
      <c r="B143" s="2">
        <v>13.3</v>
      </c>
      <c r="C143" s="2">
        <v>91.8</v>
      </c>
      <c r="D143" s="2">
        <v>0</v>
      </c>
      <c r="E143" s="2">
        <v>0.2</v>
      </c>
    </row>
    <row r="144" spans="1:5" x14ac:dyDescent="0.25">
      <c r="A144" s="3">
        <v>41748.146585648145</v>
      </c>
      <c r="B144" s="2">
        <v>13.3</v>
      </c>
      <c r="C144" s="2">
        <v>91.6</v>
      </c>
      <c r="D144" s="2">
        <v>0</v>
      </c>
      <c r="E144" s="2">
        <v>0.2</v>
      </c>
    </row>
    <row r="145" spans="1:5" x14ac:dyDescent="0.25">
      <c r="A145" s="3">
        <v>41748.147685185184</v>
      </c>
      <c r="B145" s="2">
        <v>13.3</v>
      </c>
      <c r="C145" s="2">
        <v>91.8</v>
      </c>
      <c r="D145" s="2">
        <v>0</v>
      </c>
      <c r="E145" s="2">
        <v>0.2</v>
      </c>
    </row>
    <row r="146" spans="1:5" x14ac:dyDescent="0.25">
      <c r="A146" s="3">
        <v>41748.147800925923</v>
      </c>
      <c r="B146" s="2">
        <v>13.3</v>
      </c>
      <c r="C146" s="2">
        <v>91.6</v>
      </c>
      <c r="D146" s="2">
        <v>0</v>
      </c>
      <c r="E146" s="2">
        <v>0.2</v>
      </c>
    </row>
    <row r="147" spans="1:5" x14ac:dyDescent="0.25">
      <c r="A147" s="3">
        <v>41748.349537037036</v>
      </c>
      <c r="B147" s="2">
        <v>12</v>
      </c>
      <c r="C147" s="2">
        <v>91.4</v>
      </c>
      <c r="D147" s="2">
        <v>0</v>
      </c>
      <c r="E147" s="2">
        <v>0.2</v>
      </c>
    </row>
    <row r="148" spans="1:5" x14ac:dyDescent="0.25">
      <c r="A148" s="3">
        <v>41748.438773148147</v>
      </c>
      <c r="B148" s="2">
        <v>13.4</v>
      </c>
      <c r="C148" s="2">
        <v>91.2</v>
      </c>
      <c r="D148" s="2">
        <v>0</v>
      </c>
      <c r="E148" s="2">
        <v>0.2</v>
      </c>
    </row>
    <row r="149" spans="1:5" x14ac:dyDescent="0.25">
      <c r="A149" s="3">
        <v>41748.481712962966</v>
      </c>
      <c r="B149" s="2">
        <v>15.6</v>
      </c>
      <c r="C149" s="2">
        <v>91</v>
      </c>
      <c r="D149" s="2">
        <v>0</v>
      </c>
      <c r="E149" s="2">
        <v>0.2</v>
      </c>
    </row>
    <row r="150" spans="1:5" x14ac:dyDescent="0.25">
      <c r="A150" s="3">
        <v>41748.482175925928</v>
      </c>
      <c r="B150" s="2">
        <v>15.7</v>
      </c>
      <c r="C150" s="2">
        <v>91.2</v>
      </c>
      <c r="D150" s="2">
        <v>0</v>
      </c>
      <c r="E150" s="2">
        <v>0.2</v>
      </c>
    </row>
    <row r="151" spans="1:5" x14ac:dyDescent="0.25">
      <c r="A151" s="3">
        <v>41748.49832175926</v>
      </c>
      <c r="B151" s="2">
        <v>16.399999999999999</v>
      </c>
      <c r="C151" s="2">
        <v>91</v>
      </c>
      <c r="D151" s="2">
        <v>0</v>
      </c>
      <c r="E151" s="2">
        <v>0.2</v>
      </c>
    </row>
    <row r="152" spans="1:5" x14ac:dyDescent="0.25">
      <c r="A152" s="3">
        <v>41748.505902777775</v>
      </c>
      <c r="B152" s="2">
        <v>16.7</v>
      </c>
      <c r="C152" s="2">
        <v>91.2</v>
      </c>
      <c r="D152" s="2">
        <v>0</v>
      </c>
      <c r="E152" s="2">
        <v>0.2</v>
      </c>
    </row>
    <row r="153" spans="1:5" x14ac:dyDescent="0.25">
      <c r="A153" s="3">
        <v>41748.528935185182</v>
      </c>
      <c r="B153" s="2">
        <v>17.3</v>
      </c>
      <c r="C153" s="2">
        <v>91</v>
      </c>
      <c r="D153" s="2">
        <v>0</v>
      </c>
      <c r="E153" s="2">
        <v>0.2</v>
      </c>
    </row>
    <row r="154" spans="1:5" x14ac:dyDescent="0.25">
      <c r="A154" s="3">
        <v>41748.603182870371</v>
      </c>
      <c r="B154" s="2">
        <v>19.899999999999999</v>
      </c>
      <c r="C154" s="2">
        <v>90.8</v>
      </c>
      <c r="D154" s="2">
        <v>0</v>
      </c>
      <c r="E154" s="2">
        <v>0.2</v>
      </c>
    </row>
    <row r="155" spans="1:5" x14ac:dyDescent="0.25">
      <c r="A155" s="3">
        <v>41748.603356481479</v>
      </c>
      <c r="B155" s="2">
        <v>19.899999999999999</v>
      </c>
      <c r="C155" s="2">
        <v>91</v>
      </c>
      <c r="D155" s="2">
        <v>0</v>
      </c>
      <c r="E155" s="2">
        <v>0.2</v>
      </c>
    </row>
    <row r="156" spans="1:5" x14ac:dyDescent="0.25">
      <c r="A156" s="3">
        <v>41748.603819444441</v>
      </c>
      <c r="B156" s="2">
        <v>19.899999999999999</v>
      </c>
      <c r="C156" s="2">
        <v>90.8</v>
      </c>
      <c r="D156" s="2">
        <v>0</v>
      </c>
      <c r="E156" s="2">
        <v>0.2</v>
      </c>
    </row>
    <row r="157" spans="1:5" x14ac:dyDescent="0.25">
      <c r="A157" s="3">
        <v>41748.605671296296</v>
      </c>
      <c r="B157" s="2">
        <v>20</v>
      </c>
      <c r="C157" s="2">
        <v>91</v>
      </c>
      <c r="D157" s="2">
        <v>0</v>
      </c>
      <c r="E157" s="2">
        <v>0.2</v>
      </c>
    </row>
    <row r="158" spans="1:5" x14ac:dyDescent="0.25">
      <c r="A158" s="3">
        <v>41748.60659722222</v>
      </c>
      <c r="B158" s="2">
        <v>20.100000000000001</v>
      </c>
      <c r="C158" s="2">
        <v>90.8</v>
      </c>
      <c r="D158" s="2">
        <v>0</v>
      </c>
      <c r="E158" s="2">
        <v>0.2</v>
      </c>
    </row>
    <row r="159" spans="1:5" x14ac:dyDescent="0.25">
      <c r="A159" s="3">
        <v>41748.607291666667</v>
      </c>
      <c r="B159" s="2">
        <v>20.100000000000001</v>
      </c>
      <c r="C159" s="2">
        <v>91</v>
      </c>
      <c r="D159" s="2">
        <v>0</v>
      </c>
      <c r="E159" s="2">
        <v>0.2</v>
      </c>
    </row>
    <row r="160" spans="1:5" x14ac:dyDescent="0.25">
      <c r="A160" s="3">
        <v>41748.608912037038</v>
      </c>
      <c r="B160" s="2">
        <v>20.100000000000001</v>
      </c>
      <c r="C160" s="2">
        <v>90.8</v>
      </c>
      <c r="D160" s="2">
        <v>0</v>
      </c>
      <c r="E160" s="2">
        <v>0.2</v>
      </c>
    </row>
    <row r="161" spans="1:5" x14ac:dyDescent="0.25">
      <c r="A161" s="3">
        <v>41748.612500000003</v>
      </c>
      <c r="B161" s="2">
        <v>20.2</v>
      </c>
      <c r="C161" s="2">
        <v>91</v>
      </c>
      <c r="D161" s="2">
        <v>0</v>
      </c>
      <c r="E161" s="2">
        <v>0.2</v>
      </c>
    </row>
    <row r="162" spans="1:5" x14ac:dyDescent="0.25">
      <c r="A162" s="3">
        <v>41748.612673611111</v>
      </c>
      <c r="B162" s="2">
        <v>20.2</v>
      </c>
      <c r="C162" s="2">
        <v>90.8</v>
      </c>
      <c r="D162" s="2">
        <v>0</v>
      </c>
      <c r="E162" s="2">
        <v>0.2</v>
      </c>
    </row>
    <row r="163" spans="1:5" x14ac:dyDescent="0.25">
      <c r="A163" s="3">
        <v>41748.613252314812</v>
      </c>
      <c r="B163" s="2">
        <v>20.2</v>
      </c>
      <c r="C163" s="2">
        <v>91</v>
      </c>
      <c r="D163" s="2">
        <v>0</v>
      </c>
      <c r="E163" s="2">
        <v>0.2</v>
      </c>
    </row>
    <row r="164" spans="1:5" x14ac:dyDescent="0.25">
      <c r="A164" s="3">
        <v>41748.614525462966</v>
      </c>
      <c r="B164" s="2">
        <v>20.3</v>
      </c>
      <c r="C164" s="2">
        <v>90.8</v>
      </c>
      <c r="D164" s="2">
        <v>0</v>
      </c>
      <c r="E164" s="2">
        <v>0.2</v>
      </c>
    </row>
    <row r="165" spans="1:5" x14ac:dyDescent="0.25">
      <c r="A165" s="3">
        <v>41748.614756944444</v>
      </c>
      <c r="B165" s="2">
        <v>20.3</v>
      </c>
      <c r="C165" s="2">
        <v>91</v>
      </c>
      <c r="D165" s="2">
        <v>0</v>
      </c>
      <c r="E165" s="2">
        <v>0.2</v>
      </c>
    </row>
    <row r="166" spans="1:5" x14ac:dyDescent="0.25">
      <c r="A166" s="3">
        <v>41748.615162037036</v>
      </c>
      <c r="B166" s="2">
        <v>20.3</v>
      </c>
      <c r="C166" s="2">
        <v>90.8</v>
      </c>
      <c r="D166" s="2">
        <v>0</v>
      </c>
      <c r="E166" s="2">
        <v>0.2</v>
      </c>
    </row>
    <row r="167" spans="1:5" x14ac:dyDescent="0.25">
      <c r="A167" s="3">
        <v>41748.616724537038</v>
      </c>
      <c r="B167" s="2">
        <v>20.3</v>
      </c>
      <c r="C167" s="2">
        <v>91</v>
      </c>
      <c r="D167" s="2">
        <v>0</v>
      </c>
      <c r="E167" s="2">
        <v>0.2</v>
      </c>
    </row>
    <row r="168" spans="1:5" x14ac:dyDescent="0.25">
      <c r="A168" s="3">
        <v>41748.619791666664</v>
      </c>
      <c r="B168" s="2">
        <v>20.399999999999999</v>
      </c>
      <c r="C168" s="2">
        <v>90.8</v>
      </c>
      <c r="D168" s="2">
        <v>0</v>
      </c>
      <c r="E168" s="2">
        <v>0.2</v>
      </c>
    </row>
    <row r="169" spans="1:5" x14ac:dyDescent="0.25">
      <c r="A169" s="3">
        <v>41748.61996527778</v>
      </c>
      <c r="B169" s="2">
        <v>20.399999999999999</v>
      </c>
      <c r="C169" s="2">
        <v>91</v>
      </c>
      <c r="D169" s="2">
        <v>0</v>
      </c>
      <c r="E169" s="2">
        <v>0.2</v>
      </c>
    </row>
    <row r="170" spans="1:5" x14ac:dyDescent="0.25">
      <c r="A170" s="3">
        <v>41748.621006944442</v>
      </c>
      <c r="B170" s="2">
        <v>20.399999999999999</v>
      </c>
      <c r="C170" s="2">
        <v>90.8</v>
      </c>
      <c r="D170" s="2">
        <v>0</v>
      </c>
      <c r="E170" s="2">
        <v>0.2</v>
      </c>
    </row>
    <row r="171" spans="1:5" x14ac:dyDescent="0.25">
      <c r="A171" s="3">
        <v>41748.621354166666</v>
      </c>
      <c r="B171" s="2">
        <v>20.399999999999999</v>
      </c>
      <c r="C171" s="2">
        <v>91</v>
      </c>
      <c r="D171" s="2">
        <v>0</v>
      </c>
      <c r="E171" s="2">
        <v>0.2</v>
      </c>
    </row>
    <row r="172" spans="1:5" x14ac:dyDescent="0.25">
      <c r="A172" s="3">
        <v>41748.621469907404</v>
      </c>
      <c r="B172" s="2">
        <v>20.399999999999999</v>
      </c>
      <c r="C172" s="2">
        <v>90.8</v>
      </c>
      <c r="D172" s="2">
        <v>0</v>
      </c>
      <c r="E172" s="2">
        <v>0.2</v>
      </c>
    </row>
    <row r="173" spans="1:5" x14ac:dyDescent="0.25">
      <c r="A173" s="3">
        <v>41748.622511574074</v>
      </c>
      <c r="B173" s="2">
        <v>20.399999999999999</v>
      </c>
      <c r="C173" s="2">
        <v>91</v>
      </c>
      <c r="D173" s="2">
        <v>0</v>
      </c>
      <c r="E173" s="2">
        <v>0.2</v>
      </c>
    </row>
    <row r="174" spans="1:5" x14ac:dyDescent="0.25">
      <c r="A174" s="3">
        <v>41748.622685185182</v>
      </c>
      <c r="B174" s="2">
        <v>20.399999999999999</v>
      </c>
      <c r="C174" s="2">
        <v>90.8</v>
      </c>
      <c r="D174" s="2">
        <v>0</v>
      </c>
      <c r="E174" s="2">
        <v>0.2</v>
      </c>
    </row>
    <row r="175" spans="1:5" x14ac:dyDescent="0.25">
      <c r="A175" s="3">
        <v>41748.624189814815</v>
      </c>
      <c r="B175" s="2">
        <v>20.5</v>
      </c>
      <c r="C175" s="2">
        <v>91</v>
      </c>
      <c r="D175" s="2">
        <v>0</v>
      </c>
      <c r="E175" s="2">
        <v>0.2</v>
      </c>
    </row>
    <row r="176" spans="1:5" x14ac:dyDescent="0.25">
      <c r="A176" s="3">
        <v>41748.646354166667</v>
      </c>
      <c r="B176" s="2">
        <v>20.6</v>
      </c>
      <c r="C176" s="2">
        <v>90.8</v>
      </c>
      <c r="D176" s="2">
        <v>0</v>
      </c>
      <c r="E176" s="2">
        <v>0.2</v>
      </c>
    </row>
    <row r="177" spans="1:5" x14ac:dyDescent="0.25">
      <c r="A177" s="3">
        <v>41748.718576388892</v>
      </c>
      <c r="B177" s="2">
        <v>20.5</v>
      </c>
      <c r="C177" s="2">
        <v>90.6</v>
      </c>
      <c r="D177" s="2">
        <v>0</v>
      </c>
      <c r="E177" s="2">
        <v>0.2</v>
      </c>
    </row>
    <row r="178" spans="1:5" x14ac:dyDescent="0.25">
      <c r="A178" s="3">
        <v>41748.79959490741</v>
      </c>
      <c r="B178" s="2">
        <v>19.5</v>
      </c>
      <c r="C178" s="2">
        <v>90.4</v>
      </c>
      <c r="D178" s="2">
        <v>0</v>
      </c>
      <c r="E178" s="2">
        <v>0.2</v>
      </c>
    </row>
    <row r="179" spans="1:5" x14ac:dyDescent="0.25">
      <c r="A179" s="3">
        <v>41748.867592592593</v>
      </c>
      <c r="B179" s="2">
        <v>18.100000000000001</v>
      </c>
      <c r="C179" s="2">
        <v>90.2</v>
      </c>
      <c r="D179" s="2">
        <v>0</v>
      </c>
      <c r="E179" s="2">
        <v>0.2</v>
      </c>
    </row>
    <row r="180" spans="1:5" x14ac:dyDescent="0.25">
      <c r="A180" s="3">
        <v>41748.930034722223</v>
      </c>
      <c r="B180" s="2">
        <v>16.8</v>
      </c>
      <c r="C180" s="2">
        <v>90.2</v>
      </c>
      <c r="D180" s="2">
        <v>0.2</v>
      </c>
      <c r="E180" s="2">
        <v>0.4</v>
      </c>
    </row>
    <row r="181" spans="1:5" x14ac:dyDescent="0.25">
      <c r="A181" s="3">
        <v>41748.932523148149</v>
      </c>
      <c r="B181" s="2">
        <v>16.8</v>
      </c>
      <c r="C181" s="2">
        <v>90.4</v>
      </c>
      <c r="D181" s="2">
        <v>0</v>
      </c>
      <c r="E181" s="2">
        <v>0.4</v>
      </c>
    </row>
    <row r="182" spans="1:5" x14ac:dyDescent="0.25">
      <c r="A182" s="3">
        <v>41748.932696759257</v>
      </c>
      <c r="B182" s="2">
        <v>16.8</v>
      </c>
      <c r="C182" s="2">
        <v>90.2</v>
      </c>
      <c r="D182" s="2">
        <v>0</v>
      </c>
      <c r="E182" s="2">
        <v>0.4</v>
      </c>
    </row>
    <row r="183" spans="1:5" x14ac:dyDescent="0.25">
      <c r="A183" s="3">
        <v>41748.932812500003</v>
      </c>
      <c r="B183" s="2">
        <v>16.8</v>
      </c>
      <c r="C183" s="2">
        <v>90.4</v>
      </c>
      <c r="D183" s="2">
        <v>0</v>
      </c>
      <c r="E183" s="2">
        <v>0.4</v>
      </c>
    </row>
    <row r="184" spans="1:5" x14ac:dyDescent="0.25">
      <c r="A184" s="3">
        <v>41748.932986111111</v>
      </c>
      <c r="B184" s="2">
        <v>16.8</v>
      </c>
      <c r="C184" s="2">
        <v>90.2</v>
      </c>
      <c r="D184" s="2">
        <v>0</v>
      </c>
      <c r="E184" s="2">
        <v>0.4</v>
      </c>
    </row>
    <row r="185" spans="1:5" x14ac:dyDescent="0.25">
      <c r="A185" s="3">
        <v>41748.933159722219</v>
      </c>
      <c r="B185" s="2">
        <v>16.8</v>
      </c>
      <c r="C185" s="2">
        <v>90.4</v>
      </c>
      <c r="D185" s="2">
        <v>0</v>
      </c>
      <c r="E185" s="2">
        <v>0.4</v>
      </c>
    </row>
    <row r="186" spans="1:5" x14ac:dyDescent="0.25">
      <c r="A186" s="3">
        <v>41748.937268518515</v>
      </c>
      <c r="B186" s="2">
        <v>16.7</v>
      </c>
      <c r="C186" s="2">
        <v>90.4</v>
      </c>
      <c r="D186" s="2">
        <v>0.2</v>
      </c>
      <c r="E186" s="2">
        <v>0.60000000000000009</v>
      </c>
    </row>
    <row r="187" spans="1:5" x14ac:dyDescent="0.25">
      <c r="A187" s="3">
        <v>41748.970254629632</v>
      </c>
      <c r="B187" s="2">
        <v>16.100000000000001</v>
      </c>
      <c r="C187" s="2">
        <v>90.4</v>
      </c>
      <c r="D187" s="2">
        <v>0.2</v>
      </c>
      <c r="E187" s="2">
        <v>0.8</v>
      </c>
    </row>
    <row r="188" spans="1:5" x14ac:dyDescent="0.25">
      <c r="A188" s="3">
        <v>41748.984895833331</v>
      </c>
      <c r="B188" s="2">
        <v>15.9</v>
      </c>
      <c r="C188" s="2">
        <v>90.6</v>
      </c>
      <c r="D188" s="2">
        <v>0</v>
      </c>
      <c r="E188" s="2">
        <v>0.8</v>
      </c>
    </row>
    <row r="189" spans="1:5" x14ac:dyDescent="0.25">
      <c r="A189" s="3">
        <v>41748.98877314815</v>
      </c>
      <c r="B189" s="2">
        <v>15.8</v>
      </c>
      <c r="C189" s="2">
        <v>90.6</v>
      </c>
      <c r="D189" s="2">
        <v>0.2</v>
      </c>
      <c r="E189" s="2">
        <v>1</v>
      </c>
    </row>
    <row r="190" spans="1:5" x14ac:dyDescent="0.25">
      <c r="A190" s="3">
        <v>41748.991724537038</v>
      </c>
      <c r="B190" s="2">
        <v>15.8</v>
      </c>
      <c r="C190" s="2">
        <v>90.8</v>
      </c>
      <c r="D190" s="2">
        <v>0</v>
      </c>
      <c r="E190" s="2">
        <v>1</v>
      </c>
    </row>
    <row r="191" spans="1:5" x14ac:dyDescent="0.25">
      <c r="A191" s="3">
        <v>41748.992476851854</v>
      </c>
      <c r="B191" s="2">
        <v>15.7</v>
      </c>
      <c r="C191" s="2">
        <v>90.8</v>
      </c>
      <c r="D191" s="2">
        <v>0.2</v>
      </c>
      <c r="E191" s="2">
        <v>1.2</v>
      </c>
    </row>
    <row r="192" spans="1:5" x14ac:dyDescent="0.25">
      <c r="A192" s="3">
        <v>41748.998206018521</v>
      </c>
      <c r="B192" s="2">
        <v>15.7</v>
      </c>
      <c r="C192" s="2">
        <v>91</v>
      </c>
      <c r="D192" s="2">
        <v>0</v>
      </c>
      <c r="E192" s="2">
        <v>1.2</v>
      </c>
    </row>
    <row r="193" spans="1:5" x14ac:dyDescent="0.25">
      <c r="A193" s="3">
        <v>41749.000289351854</v>
      </c>
      <c r="B193" s="2">
        <v>15.6</v>
      </c>
      <c r="C193" s="2">
        <v>91</v>
      </c>
      <c r="D193" s="2">
        <v>0.2</v>
      </c>
      <c r="E193" s="2">
        <v>1.4</v>
      </c>
    </row>
    <row r="194" spans="1:5" x14ac:dyDescent="0.25">
      <c r="A194" s="3">
        <v>41749.004687499997</v>
      </c>
      <c r="B194" s="2">
        <v>15.5</v>
      </c>
      <c r="C194" s="2">
        <v>91.2</v>
      </c>
      <c r="D194" s="2">
        <v>0.2</v>
      </c>
      <c r="E194" s="2">
        <v>1.5999999999999999</v>
      </c>
    </row>
    <row r="195" spans="1:5" x14ac:dyDescent="0.25">
      <c r="A195" s="3">
        <v>41749.013541666667</v>
      </c>
      <c r="B195" s="2">
        <v>15.4</v>
      </c>
      <c r="C195" s="2">
        <v>91.2</v>
      </c>
      <c r="D195" s="2">
        <v>0.2</v>
      </c>
      <c r="E195" s="2">
        <v>1.7999999999999998</v>
      </c>
    </row>
    <row r="196" spans="1:5" x14ac:dyDescent="0.25">
      <c r="A196" s="3">
        <v>41749.092939814815</v>
      </c>
      <c r="B196" s="2">
        <v>14.5</v>
      </c>
      <c r="C196" s="2">
        <v>91.4</v>
      </c>
      <c r="D196" s="2">
        <v>0</v>
      </c>
      <c r="E196" s="2">
        <v>1.7999999999999998</v>
      </c>
    </row>
    <row r="197" spans="1:5" x14ac:dyDescent="0.25">
      <c r="A197" s="3">
        <v>41749.099537037036</v>
      </c>
      <c r="B197" s="2">
        <v>14.4</v>
      </c>
      <c r="C197" s="2">
        <v>91.4</v>
      </c>
      <c r="D197" s="2">
        <v>0.2</v>
      </c>
      <c r="E197" s="2">
        <v>1.9999999999999998</v>
      </c>
    </row>
    <row r="198" spans="1:5" x14ac:dyDescent="0.25">
      <c r="A198" s="3">
        <v>41749.106828703705</v>
      </c>
      <c r="B198" s="2">
        <v>14.3</v>
      </c>
      <c r="C198" s="2">
        <v>91.6</v>
      </c>
      <c r="D198" s="2">
        <v>0</v>
      </c>
      <c r="E198" s="2">
        <v>1.9999999999999998</v>
      </c>
    </row>
    <row r="199" spans="1:5" x14ac:dyDescent="0.25">
      <c r="A199" s="3">
        <v>41749.107928240737</v>
      </c>
      <c r="B199" s="2">
        <v>14.3</v>
      </c>
      <c r="C199" s="2">
        <v>91.6</v>
      </c>
      <c r="D199" s="2">
        <v>0.2</v>
      </c>
      <c r="E199" s="2">
        <v>2.1999999999999997</v>
      </c>
    </row>
    <row r="200" spans="1:5" x14ac:dyDescent="0.25">
      <c r="A200" s="3">
        <v>41749.112037037034</v>
      </c>
      <c r="B200" s="2">
        <v>14.3</v>
      </c>
      <c r="C200" s="2">
        <v>91.8</v>
      </c>
      <c r="D200" s="2">
        <v>0</v>
      </c>
      <c r="E200" s="2">
        <v>2.1999999999999997</v>
      </c>
    </row>
    <row r="201" spans="1:5" x14ac:dyDescent="0.25">
      <c r="A201" s="3">
        <v>41749.117245370369</v>
      </c>
      <c r="B201" s="2">
        <v>14.2</v>
      </c>
      <c r="C201" s="2">
        <v>91.8</v>
      </c>
      <c r="D201" s="2">
        <v>0.2</v>
      </c>
      <c r="E201" s="2">
        <v>2.4</v>
      </c>
    </row>
    <row r="202" spans="1:5" x14ac:dyDescent="0.25">
      <c r="A202" s="3">
        <v>41749.118287037039</v>
      </c>
      <c r="B202" s="2">
        <v>14.2</v>
      </c>
      <c r="C202" s="2">
        <v>92</v>
      </c>
      <c r="D202" s="2">
        <v>0</v>
      </c>
      <c r="E202" s="2">
        <v>2.4</v>
      </c>
    </row>
    <row r="203" spans="1:5" x14ac:dyDescent="0.25">
      <c r="A203" s="3">
        <v>41749.123206018521</v>
      </c>
      <c r="B203" s="2">
        <v>14.2</v>
      </c>
      <c r="C203" s="2">
        <v>92</v>
      </c>
      <c r="D203" s="2">
        <v>0.2</v>
      </c>
      <c r="E203" s="2">
        <v>2.6</v>
      </c>
    </row>
    <row r="204" spans="1:5" x14ac:dyDescent="0.25">
      <c r="A204" s="3">
        <v>41749.124652777777</v>
      </c>
      <c r="B204" s="2">
        <v>14.2</v>
      </c>
      <c r="C204" s="2">
        <v>92.2</v>
      </c>
      <c r="D204" s="2">
        <v>0</v>
      </c>
      <c r="E204" s="2">
        <v>2.6</v>
      </c>
    </row>
    <row r="205" spans="1:5" x14ac:dyDescent="0.25">
      <c r="A205" s="3">
        <v>41749.129050925927</v>
      </c>
      <c r="B205" s="2">
        <v>14.1</v>
      </c>
      <c r="C205" s="2">
        <v>92.2</v>
      </c>
      <c r="D205" s="2">
        <v>0.2</v>
      </c>
      <c r="E205" s="2">
        <v>2.8000000000000003</v>
      </c>
    </row>
    <row r="206" spans="1:5" x14ac:dyDescent="0.25">
      <c r="A206" s="3">
        <v>41749.132407407407</v>
      </c>
      <c r="B206" s="2">
        <v>14.1</v>
      </c>
      <c r="C206" s="2">
        <v>92.4</v>
      </c>
      <c r="D206" s="2">
        <v>0</v>
      </c>
      <c r="E206" s="2">
        <v>2.8000000000000003</v>
      </c>
    </row>
    <row r="207" spans="1:5" x14ac:dyDescent="0.25">
      <c r="A207" s="3">
        <v>41749.146238425928</v>
      </c>
      <c r="B207" s="2">
        <v>13.9</v>
      </c>
      <c r="C207" s="2">
        <v>92.4</v>
      </c>
      <c r="D207" s="2">
        <v>0.2</v>
      </c>
      <c r="E207" s="2">
        <v>3.0000000000000004</v>
      </c>
    </row>
    <row r="208" spans="1:5" x14ac:dyDescent="0.25">
      <c r="A208" s="3">
        <v>41749.156712962962</v>
      </c>
      <c r="B208" s="2">
        <v>13.8</v>
      </c>
      <c r="C208" s="2">
        <v>92.6</v>
      </c>
      <c r="D208" s="2">
        <v>0</v>
      </c>
      <c r="E208" s="2">
        <v>3.0000000000000004</v>
      </c>
    </row>
    <row r="209" spans="1:5" x14ac:dyDescent="0.25">
      <c r="A209" s="3">
        <v>41749.167361111111</v>
      </c>
      <c r="B209" s="2">
        <v>13.7</v>
      </c>
      <c r="C209" s="2">
        <v>92.6</v>
      </c>
      <c r="D209" s="2">
        <v>0.2</v>
      </c>
      <c r="E209" s="2">
        <v>3.2000000000000006</v>
      </c>
    </row>
    <row r="210" spans="1:5" x14ac:dyDescent="0.25">
      <c r="A210" s="3">
        <v>41749.173842592594</v>
      </c>
      <c r="B210" s="2">
        <v>13.7</v>
      </c>
      <c r="C210" s="2">
        <v>92.8</v>
      </c>
      <c r="D210" s="2">
        <v>0</v>
      </c>
      <c r="E210" s="2">
        <v>3.2000000000000006</v>
      </c>
    </row>
    <row r="211" spans="1:5" x14ac:dyDescent="0.25">
      <c r="A211" s="3">
        <v>41749.179224537038</v>
      </c>
      <c r="B211" s="2">
        <v>13.6</v>
      </c>
      <c r="C211" s="2">
        <v>92.8</v>
      </c>
      <c r="D211" s="2">
        <v>0.2</v>
      </c>
      <c r="E211" s="2">
        <v>3.4000000000000008</v>
      </c>
    </row>
    <row r="212" spans="1:5" x14ac:dyDescent="0.25">
      <c r="A212" s="3">
        <v>41749.182118055556</v>
      </c>
      <c r="B212" s="2">
        <v>13.6</v>
      </c>
      <c r="C212" s="2">
        <v>93</v>
      </c>
      <c r="D212" s="2">
        <v>0</v>
      </c>
      <c r="E212" s="2">
        <v>3.4000000000000008</v>
      </c>
    </row>
    <row r="213" spans="1:5" x14ac:dyDescent="0.25">
      <c r="A213" s="3">
        <v>41749.183796296296</v>
      </c>
      <c r="B213" s="2">
        <v>13.6</v>
      </c>
      <c r="C213" s="2">
        <v>93</v>
      </c>
      <c r="D213" s="2">
        <v>0.2</v>
      </c>
      <c r="E213" s="2">
        <v>3.600000000000001</v>
      </c>
    </row>
    <row r="214" spans="1:5" x14ac:dyDescent="0.25">
      <c r="A214" s="3">
        <v>41749.184548611112</v>
      </c>
      <c r="B214" s="2">
        <v>13.6</v>
      </c>
      <c r="C214" s="2">
        <v>93.2</v>
      </c>
      <c r="D214" s="2">
        <v>0</v>
      </c>
      <c r="E214" s="2">
        <v>3.600000000000001</v>
      </c>
    </row>
    <row r="215" spans="1:5" x14ac:dyDescent="0.25">
      <c r="A215" s="3">
        <v>41749.18645833333</v>
      </c>
      <c r="B215" s="2">
        <v>13.6</v>
      </c>
      <c r="C215" s="2">
        <v>93.2</v>
      </c>
      <c r="D215" s="2">
        <v>0.2</v>
      </c>
      <c r="E215" s="2">
        <v>3.8000000000000012</v>
      </c>
    </row>
    <row r="216" spans="1:5" x14ac:dyDescent="0.25">
      <c r="A216" s="3">
        <v>41749.186921296299</v>
      </c>
      <c r="B216" s="2">
        <v>13.6</v>
      </c>
      <c r="C216" s="2">
        <v>93.4</v>
      </c>
      <c r="D216" s="2">
        <v>0</v>
      </c>
      <c r="E216" s="2">
        <v>3.8000000000000012</v>
      </c>
    </row>
    <row r="217" spans="1:5" x14ac:dyDescent="0.25">
      <c r="A217" s="3">
        <v>41749.190798611111</v>
      </c>
      <c r="B217" s="2">
        <v>13.5</v>
      </c>
      <c r="C217" s="2">
        <v>93.4</v>
      </c>
      <c r="D217" s="2">
        <v>0.2</v>
      </c>
      <c r="E217" s="2">
        <v>4.0000000000000009</v>
      </c>
    </row>
    <row r="218" spans="1:5" x14ac:dyDescent="0.25">
      <c r="A218" s="3">
        <v>41749.191203703704</v>
      </c>
      <c r="B218" s="2">
        <v>13.5</v>
      </c>
      <c r="C218" s="2">
        <v>93.6</v>
      </c>
      <c r="D218" s="2">
        <v>0</v>
      </c>
      <c r="E218" s="2">
        <v>4.0000000000000009</v>
      </c>
    </row>
    <row r="219" spans="1:5" x14ac:dyDescent="0.25">
      <c r="A219" s="3">
        <v>41749.196296296293</v>
      </c>
      <c r="B219" s="2">
        <v>13.5</v>
      </c>
      <c r="C219" s="2">
        <v>93.6</v>
      </c>
      <c r="D219" s="2">
        <v>0.2</v>
      </c>
      <c r="E219" s="2">
        <v>4.2000000000000011</v>
      </c>
    </row>
    <row r="220" spans="1:5" x14ac:dyDescent="0.25">
      <c r="A220" s="3">
        <v>41749.198784722219</v>
      </c>
      <c r="B220" s="2">
        <v>13.4</v>
      </c>
      <c r="C220" s="2">
        <v>93.8</v>
      </c>
      <c r="D220" s="2">
        <v>0</v>
      </c>
      <c r="E220" s="2">
        <v>4.2000000000000011</v>
      </c>
    </row>
    <row r="221" spans="1:5" x14ac:dyDescent="0.25">
      <c r="A221" s="3">
        <v>41749.203645833331</v>
      </c>
      <c r="B221" s="2">
        <v>13.4</v>
      </c>
      <c r="C221" s="2">
        <v>93.8</v>
      </c>
      <c r="D221" s="2">
        <v>0.2</v>
      </c>
      <c r="E221" s="2">
        <v>4.4000000000000012</v>
      </c>
    </row>
    <row r="222" spans="1:5" x14ac:dyDescent="0.25">
      <c r="A222" s="3">
        <v>41749.205324074072</v>
      </c>
      <c r="B222" s="2">
        <v>13.4</v>
      </c>
      <c r="C222" s="2">
        <v>94</v>
      </c>
      <c r="D222" s="2">
        <v>0</v>
      </c>
      <c r="E222" s="2">
        <v>4.4000000000000012</v>
      </c>
    </row>
    <row r="223" spans="1:5" x14ac:dyDescent="0.25">
      <c r="A223" s="3">
        <v>41749.210300925923</v>
      </c>
      <c r="B223" s="2">
        <v>13.3</v>
      </c>
      <c r="C223" s="2">
        <v>94</v>
      </c>
      <c r="D223" s="2">
        <v>0.2</v>
      </c>
      <c r="E223" s="2">
        <v>4.6000000000000014</v>
      </c>
    </row>
    <row r="224" spans="1:5" x14ac:dyDescent="0.25">
      <c r="A224" s="3">
        <v>41749.213541666664</v>
      </c>
      <c r="B224" s="2">
        <v>13.3</v>
      </c>
      <c r="C224" s="2">
        <v>94.2</v>
      </c>
      <c r="D224" s="2">
        <v>0</v>
      </c>
      <c r="E224" s="2">
        <v>4.6000000000000014</v>
      </c>
    </row>
    <row r="225" spans="1:5" x14ac:dyDescent="0.25">
      <c r="A225" s="3">
        <v>41749.218865740739</v>
      </c>
      <c r="B225" s="2">
        <v>13.2</v>
      </c>
      <c r="C225" s="2">
        <v>94.2</v>
      </c>
      <c r="D225" s="2">
        <v>0.2</v>
      </c>
      <c r="E225" s="2">
        <v>4.8000000000000016</v>
      </c>
    </row>
    <row r="226" spans="1:5" x14ac:dyDescent="0.25">
      <c r="A226" s="3">
        <v>41749.222280092596</v>
      </c>
      <c r="B226" s="2">
        <v>13.2</v>
      </c>
      <c r="C226" s="2">
        <v>94.4</v>
      </c>
      <c r="D226" s="2">
        <v>0</v>
      </c>
      <c r="E226" s="2">
        <v>4.8000000000000016</v>
      </c>
    </row>
    <row r="227" spans="1:5" x14ac:dyDescent="0.25">
      <c r="A227" s="3">
        <v>41749.228703703702</v>
      </c>
      <c r="B227" s="2">
        <v>13.1</v>
      </c>
      <c r="C227" s="2">
        <v>94.4</v>
      </c>
      <c r="D227" s="2">
        <v>0.2</v>
      </c>
      <c r="E227" s="2">
        <v>5.0000000000000018</v>
      </c>
    </row>
    <row r="228" spans="1:5" x14ac:dyDescent="0.25">
      <c r="A228" s="3">
        <v>41749.233912037038</v>
      </c>
      <c r="B228" s="2">
        <v>13.1</v>
      </c>
      <c r="C228" s="2">
        <v>94.6</v>
      </c>
      <c r="D228" s="2">
        <v>0</v>
      </c>
      <c r="E228" s="2">
        <v>5.0000000000000018</v>
      </c>
    </row>
    <row r="229" spans="1:5" x14ac:dyDescent="0.25">
      <c r="A229" s="3">
        <v>41749.241782407407</v>
      </c>
      <c r="B229" s="2">
        <v>13.1</v>
      </c>
      <c r="C229" s="2">
        <v>94.6</v>
      </c>
      <c r="D229" s="2">
        <v>0.2</v>
      </c>
      <c r="E229" s="2">
        <v>5.200000000000002</v>
      </c>
    </row>
    <row r="230" spans="1:5" x14ac:dyDescent="0.25">
      <c r="A230" s="3">
        <v>41749.250578703701</v>
      </c>
      <c r="B230" s="2">
        <v>13</v>
      </c>
      <c r="C230" s="2">
        <v>94.8</v>
      </c>
      <c r="D230" s="2">
        <v>0</v>
      </c>
      <c r="E230" s="2">
        <v>5.200000000000002</v>
      </c>
    </row>
    <row r="231" spans="1:5" x14ac:dyDescent="0.25">
      <c r="A231" s="3">
        <v>41749.253703703704</v>
      </c>
      <c r="B231" s="2">
        <v>13</v>
      </c>
      <c r="C231" s="2">
        <v>94.8</v>
      </c>
      <c r="D231" s="2">
        <v>0.2</v>
      </c>
      <c r="E231" s="2">
        <v>5.4000000000000021</v>
      </c>
    </row>
    <row r="232" spans="1:5" x14ac:dyDescent="0.25">
      <c r="A232" s="3">
        <v>41749.257928240739</v>
      </c>
      <c r="B232" s="2">
        <v>12.9</v>
      </c>
      <c r="C232" s="2">
        <v>95</v>
      </c>
      <c r="D232" s="2">
        <v>0</v>
      </c>
      <c r="E232" s="2">
        <v>5.4000000000000021</v>
      </c>
    </row>
    <row r="233" spans="1:5" x14ac:dyDescent="0.25">
      <c r="A233" s="3">
        <v>41749.259201388886</v>
      </c>
      <c r="B233" s="2">
        <v>12.9</v>
      </c>
      <c r="C233" s="2">
        <v>95</v>
      </c>
      <c r="D233" s="2">
        <v>0.2</v>
      </c>
      <c r="E233" s="2">
        <v>5.6000000000000023</v>
      </c>
    </row>
    <row r="234" spans="1:5" x14ac:dyDescent="0.25">
      <c r="A234" s="3">
        <v>41749.266377314816</v>
      </c>
      <c r="B234" s="2">
        <v>12.8</v>
      </c>
      <c r="C234" s="2">
        <v>95.2</v>
      </c>
      <c r="D234" s="2">
        <v>0</v>
      </c>
      <c r="E234" s="2">
        <v>5.6000000000000023</v>
      </c>
    </row>
    <row r="235" spans="1:5" x14ac:dyDescent="0.25">
      <c r="A235" s="3">
        <v>41749.269502314812</v>
      </c>
      <c r="B235" s="2">
        <v>12.8</v>
      </c>
      <c r="C235" s="2">
        <v>95.2</v>
      </c>
      <c r="D235" s="2">
        <v>0.2</v>
      </c>
      <c r="E235" s="2">
        <v>5.8000000000000025</v>
      </c>
    </row>
    <row r="236" spans="1:5" x14ac:dyDescent="0.25">
      <c r="A236" s="3">
        <v>41749.27615740741</v>
      </c>
      <c r="B236" s="2">
        <v>12.7</v>
      </c>
      <c r="C236" s="2">
        <v>95.4</v>
      </c>
      <c r="D236" s="2">
        <v>0</v>
      </c>
      <c r="E236" s="2">
        <v>5.8000000000000025</v>
      </c>
    </row>
    <row r="237" spans="1:5" x14ac:dyDescent="0.25">
      <c r="A237" s="3">
        <v>41749.27783564815</v>
      </c>
      <c r="B237" s="2">
        <v>12.7</v>
      </c>
      <c r="C237" s="2">
        <v>95.4</v>
      </c>
      <c r="D237" s="2">
        <v>0.2</v>
      </c>
      <c r="E237" s="2">
        <v>6.0000000000000027</v>
      </c>
    </row>
    <row r="238" spans="1:5" x14ac:dyDescent="0.25">
      <c r="A238" s="3">
        <v>41749.280497685184</v>
      </c>
      <c r="B238" s="2">
        <v>12.7</v>
      </c>
      <c r="C238" s="2">
        <v>95.6</v>
      </c>
      <c r="D238" s="2">
        <v>0</v>
      </c>
      <c r="E238" s="2">
        <v>6.0000000000000027</v>
      </c>
    </row>
    <row r="239" spans="1:5" x14ac:dyDescent="0.25">
      <c r="A239" s="3">
        <v>41749.281944444447</v>
      </c>
      <c r="B239" s="2">
        <v>12.7</v>
      </c>
      <c r="C239" s="2">
        <v>95.6</v>
      </c>
      <c r="D239" s="2">
        <v>0.2</v>
      </c>
      <c r="E239" s="2">
        <v>6.2000000000000028</v>
      </c>
    </row>
    <row r="240" spans="1:5" x14ac:dyDescent="0.25">
      <c r="A240" s="3">
        <v>41749.28402777778</v>
      </c>
      <c r="B240" s="2">
        <v>12.6</v>
      </c>
      <c r="C240" s="2">
        <v>95.8</v>
      </c>
      <c r="D240" s="2">
        <v>0</v>
      </c>
      <c r="E240" s="2">
        <v>6.2000000000000028</v>
      </c>
    </row>
    <row r="241" spans="1:5" x14ac:dyDescent="0.25">
      <c r="A241" s="3">
        <v>41749.286226851851</v>
      </c>
      <c r="B241" s="2">
        <v>12.6</v>
      </c>
      <c r="C241" s="2">
        <v>95.8</v>
      </c>
      <c r="D241" s="2">
        <v>0.2</v>
      </c>
      <c r="E241" s="2">
        <v>6.400000000000003</v>
      </c>
    </row>
    <row r="242" spans="1:5" x14ac:dyDescent="0.25">
      <c r="A242" s="3">
        <v>41749.289120370369</v>
      </c>
      <c r="B242" s="2">
        <v>12.6</v>
      </c>
      <c r="C242" s="2">
        <v>96</v>
      </c>
      <c r="D242" s="2">
        <v>0</v>
      </c>
      <c r="E242" s="2">
        <v>6.400000000000003</v>
      </c>
    </row>
    <row r="243" spans="1:5" x14ac:dyDescent="0.25">
      <c r="A243" s="3">
        <v>41749.290914351855</v>
      </c>
      <c r="B243" s="2">
        <v>12.6</v>
      </c>
      <c r="C243" s="2">
        <v>96</v>
      </c>
      <c r="D243" s="2">
        <v>0.2</v>
      </c>
      <c r="E243" s="2">
        <v>6.6000000000000032</v>
      </c>
    </row>
    <row r="244" spans="1:5" x14ac:dyDescent="0.25">
      <c r="A244" s="3">
        <v>41749.294328703705</v>
      </c>
      <c r="B244" s="2">
        <v>12.5</v>
      </c>
      <c r="C244" s="2">
        <v>96.2</v>
      </c>
      <c r="D244" s="2">
        <v>0</v>
      </c>
      <c r="E244" s="2">
        <v>6.6000000000000032</v>
      </c>
    </row>
    <row r="245" spans="1:5" x14ac:dyDescent="0.25">
      <c r="A245" s="3">
        <v>41749.295254629629</v>
      </c>
      <c r="B245" s="2">
        <v>12.5</v>
      </c>
      <c r="C245" s="2">
        <v>96.2</v>
      </c>
      <c r="D245" s="2">
        <v>0.2</v>
      </c>
      <c r="E245" s="2">
        <v>6.8000000000000034</v>
      </c>
    </row>
    <row r="246" spans="1:5" x14ac:dyDescent="0.25">
      <c r="A246" s="3">
        <v>41749.298090277778</v>
      </c>
      <c r="B246" s="2">
        <v>12.5</v>
      </c>
      <c r="C246" s="2">
        <v>96.4</v>
      </c>
      <c r="D246" s="2">
        <v>0</v>
      </c>
      <c r="E246" s="2">
        <v>6.8000000000000034</v>
      </c>
    </row>
    <row r="247" spans="1:5" x14ac:dyDescent="0.25">
      <c r="A247" s="3">
        <v>41749.29855324074</v>
      </c>
      <c r="B247" s="2">
        <v>12.5</v>
      </c>
      <c r="C247" s="2">
        <v>96.4</v>
      </c>
      <c r="D247" s="2">
        <v>0.2</v>
      </c>
      <c r="E247" s="2">
        <v>7.0000000000000036</v>
      </c>
    </row>
    <row r="248" spans="1:5" x14ac:dyDescent="0.25">
      <c r="A248" s="3">
        <v>41749.300810185188</v>
      </c>
      <c r="B248" s="2">
        <v>12.5</v>
      </c>
      <c r="C248" s="2">
        <v>96.6</v>
      </c>
      <c r="D248" s="2">
        <v>0</v>
      </c>
      <c r="E248" s="2">
        <v>7.0000000000000036</v>
      </c>
    </row>
    <row r="249" spans="1:5" x14ac:dyDescent="0.25">
      <c r="A249" s="3">
        <v>41749.301793981482</v>
      </c>
      <c r="B249" s="2">
        <v>12.4</v>
      </c>
      <c r="C249" s="2">
        <v>96.6</v>
      </c>
      <c r="D249" s="2">
        <v>0.2</v>
      </c>
      <c r="E249" s="2">
        <v>7.2000000000000037</v>
      </c>
    </row>
    <row r="250" spans="1:5" x14ac:dyDescent="0.25">
      <c r="A250" s="3">
        <v>41749.304108796299</v>
      </c>
      <c r="B250" s="2">
        <v>12.5</v>
      </c>
      <c r="C250" s="2">
        <v>96.8</v>
      </c>
      <c r="D250" s="2">
        <v>0</v>
      </c>
      <c r="E250" s="2">
        <v>7.2000000000000037</v>
      </c>
    </row>
    <row r="251" spans="1:5" x14ac:dyDescent="0.25">
      <c r="A251" s="3">
        <v>41749.305439814816</v>
      </c>
      <c r="B251" s="2">
        <v>12.4</v>
      </c>
      <c r="C251" s="2">
        <v>96.8</v>
      </c>
      <c r="D251" s="2">
        <v>0.2</v>
      </c>
      <c r="E251" s="2">
        <v>7.4000000000000039</v>
      </c>
    </row>
    <row r="252" spans="1:5" x14ac:dyDescent="0.25">
      <c r="A252" s="3">
        <v>41749.308680555558</v>
      </c>
      <c r="B252" s="2">
        <v>12.4</v>
      </c>
      <c r="C252" s="2">
        <v>97</v>
      </c>
      <c r="D252" s="2">
        <v>0</v>
      </c>
      <c r="E252" s="2">
        <v>7.4000000000000039</v>
      </c>
    </row>
    <row r="253" spans="1:5" x14ac:dyDescent="0.25">
      <c r="A253" s="3">
        <v>41749.30978009259</v>
      </c>
      <c r="B253" s="2">
        <v>12.4</v>
      </c>
      <c r="C253" s="2">
        <v>97</v>
      </c>
      <c r="D253" s="2">
        <v>0.2</v>
      </c>
      <c r="E253" s="2">
        <v>7.6000000000000041</v>
      </c>
    </row>
    <row r="254" spans="1:5" x14ac:dyDescent="0.25">
      <c r="A254" s="3">
        <v>41749.314525462964</v>
      </c>
      <c r="B254" s="2">
        <v>12.4</v>
      </c>
      <c r="C254" s="2">
        <v>97.2</v>
      </c>
      <c r="D254" s="2">
        <v>0</v>
      </c>
      <c r="E254" s="2">
        <v>7.6000000000000041</v>
      </c>
    </row>
    <row r="255" spans="1:5" x14ac:dyDescent="0.25">
      <c r="A255" s="3">
        <v>41749.314814814818</v>
      </c>
      <c r="B255" s="2">
        <v>12.4</v>
      </c>
      <c r="C255" s="2">
        <v>97.2</v>
      </c>
      <c r="D255" s="2">
        <v>0.2</v>
      </c>
      <c r="E255" s="2">
        <v>7.8000000000000043</v>
      </c>
    </row>
    <row r="256" spans="1:5" x14ac:dyDescent="0.25">
      <c r="A256" s="3">
        <v>41749.322511574072</v>
      </c>
      <c r="B256" s="2">
        <v>12.3</v>
      </c>
      <c r="C256" s="2">
        <v>97.2</v>
      </c>
      <c r="D256" s="2">
        <v>0.2</v>
      </c>
      <c r="E256" s="2">
        <v>8.0000000000000036</v>
      </c>
    </row>
    <row r="257" spans="1:5" x14ac:dyDescent="0.25">
      <c r="A257" s="3">
        <v>41749.32366898148</v>
      </c>
      <c r="B257" s="2">
        <v>12.3</v>
      </c>
      <c r="C257" s="2">
        <v>97.4</v>
      </c>
      <c r="D257" s="2">
        <v>0</v>
      </c>
      <c r="E257" s="2">
        <v>8.0000000000000036</v>
      </c>
    </row>
    <row r="258" spans="1:5" x14ac:dyDescent="0.25">
      <c r="A258" s="3">
        <v>41749.328819444447</v>
      </c>
      <c r="B258" s="2">
        <v>12.3</v>
      </c>
      <c r="C258" s="2">
        <v>97.6</v>
      </c>
      <c r="D258" s="2">
        <v>0</v>
      </c>
      <c r="E258" s="2">
        <v>8.0000000000000036</v>
      </c>
    </row>
    <row r="259" spans="1:5" x14ac:dyDescent="0.25">
      <c r="A259" s="3">
        <v>41749.328877314816</v>
      </c>
      <c r="B259" s="2">
        <v>12.3</v>
      </c>
      <c r="C259" s="2">
        <v>97.6</v>
      </c>
      <c r="D259" s="2">
        <v>0.2</v>
      </c>
      <c r="E259" s="2">
        <v>8.2000000000000028</v>
      </c>
    </row>
    <row r="260" spans="1:5" x14ac:dyDescent="0.25">
      <c r="A260" s="3">
        <v>41749.336921296293</v>
      </c>
      <c r="B260" s="2">
        <v>12.3</v>
      </c>
      <c r="C260" s="2">
        <v>97.8</v>
      </c>
      <c r="D260" s="2">
        <v>0</v>
      </c>
      <c r="E260" s="2">
        <v>8.2000000000000028</v>
      </c>
    </row>
    <row r="261" spans="1:5" x14ac:dyDescent="0.25">
      <c r="A261" s="3">
        <v>41749.337557870371</v>
      </c>
      <c r="B261" s="2">
        <v>12.3</v>
      </c>
      <c r="C261" s="2">
        <v>97.8</v>
      </c>
      <c r="D261" s="2">
        <v>0.2</v>
      </c>
      <c r="E261" s="2">
        <v>8.4000000000000021</v>
      </c>
    </row>
    <row r="262" spans="1:5" x14ac:dyDescent="0.25">
      <c r="A262" s="3">
        <v>41749.352662037039</v>
      </c>
      <c r="B262" s="2">
        <v>12.3</v>
      </c>
      <c r="C262" s="2">
        <v>97.8</v>
      </c>
      <c r="D262" s="2">
        <v>0.2</v>
      </c>
      <c r="E262" s="2">
        <v>8.6000000000000014</v>
      </c>
    </row>
    <row r="263" spans="1:5" x14ac:dyDescent="0.25">
      <c r="A263" s="3">
        <v>41749.356944444444</v>
      </c>
      <c r="B263" s="2">
        <v>12.3</v>
      </c>
      <c r="C263" s="2">
        <v>98</v>
      </c>
      <c r="D263" s="2">
        <v>0</v>
      </c>
      <c r="E263" s="2">
        <v>8.6000000000000014</v>
      </c>
    </row>
    <row r="264" spans="1:5" x14ac:dyDescent="0.25">
      <c r="A264" s="3">
        <v>41749.412905092591</v>
      </c>
      <c r="B264" s="2">
        <v>12.3</v>
      </c>
      <c r="C264" s="2">
        <v>98</v>
      </c>
      <c r="D264" s="2">
        <v>0.2</v>
      </c>
      <c r="E264" s="2">
        <v>8.8000000000000007</v>
      </c>
    </row>
    <row r="265" spans="1:5" x14ac:dyDescent="0.25">
      <c r="A265" s="3">
        <v>41749.432233796295</v>
      </c>
      <c r="B265" s="2">
        <v>12.3</v>
      </c>
      <c r="C265" s="2">
        <v>98.2</v>
      </c>
      <c r="D265" s="2">
        <v>0</v>
      </c>
      <c r="E265" s="2">
        <v>8.8000000000000007</v>
      </c>
    </row>
    <row r="266" spans="1:5" x14ac:dyDescent="0.25">
      <c r="A266" s="3">
        <v>41749.514814814815</v>
      </c>
      <c r="B266" s="2">
        <v>12.6</v>
      </c>
      <c r="C266" s="2">
        <v>98.2</v>
      </c>
      <c r="D266" s="2">
        <v>0.2</v>
      </c>
      <c r="E266" s="2">
        <v>9</v>
      </c>
    </row>
    <row r="267" spans="1:5" x14ac:dyDescent="0.25">
      <c r="A267" s="3">
        <v>41749.517476851855</v>
      </c>
      <c r="B267" s="2">
        <v>12.5</v>
      </c>
      <c r="C267" s="2">
        <v>98.4</v>
      </c>
      <c r="D267" s="2">
        <v>0</v>
      </c>
      <c r="E267" s="2">
        <v>9</v>
      </c>
    </row>
    <row r="268" spans="1:5" x14ac:dyDescent="0.25">
      <c r="A268" s="3">
        <v>41749.523090277777</v>
      </c>
      <c r="B268" s="2">
        <v>12.6</v>
      </c>
      <c r="C268" s="2">
        <v>98.4</v>
      </c>
      <c r="D268" s="2">
        <v>0.2</v>
      </c>
      <c r="E268" s="2">
        <v>9.1999999999999993</v>
      </c>
    </row>
    <row r="269" spans="1:5" x14ac:dyDescent="0.25">
      <c r="A269" s="3">
        <v>41749.542361111111</v>
      </c>
      <c r="B269" s="2">
        <v>12.6</v>
      </c>
      <c r="C269" s="2">
        <v>98.6</v>
      </c>
      <c r="D269" s="2">
        <v>0</v>
      </c>
      <c r="E269" s="2">
        <v>9.1999999999999993</v>
      </c>
    </row>
    <row r="270" spans="1:5" x14ac:dyDescent="0.25">
      <c r="A270" s="3">
        <v>41749.548263888886</v>
      </c>
      <c r="B270" s="2">
        <v>12.6</v>
      </c>
      <c r="C270" s="2">
        <v>98.6</v>
      </c>
      <c r="D270" s="2">
        <v>0.2</v>
      </c>
      <c r="E270" s="2">
        <v>9.3999999999999986</v>
      </c>
    </row>
    <row r="271" spans="1:5" x14ac:dyDescent="0.25">
      <c r="A271" s="3">
        <v>41749.557696759257</v>
      </c>
      <c r="B271" s="2">
        <v>12.6</v>
      </c>
      <c r="C271" s="2">
        <v>98.8</v>
      </c>
      <c r="D271" s="2">
        <v>0</v>
      </c>
      <c r="E271" s="2">
        <v>9.3999999999999986</v>
      </c>
    </row>
    <row r="272" spans="1:5" x14ac:dyDescent="0.25">
      <c r="A272" s="3">
        <v>41749.561574074076</v>
      </c>
      <c r="B272" s="2">
        <v>12.6</v>
      </c>
      <c r="C272" s="2">
        <v>98.8</v>
      </c>
      <c r="D272" s="2">
        <v>0.2</v>
      </c>
      <c r="E272" s="2">
        <v>9.5999999999999979</v>
      </c>
    </row>
    <row r="273" spans="1:5" x14ac:dyDescent="0.25">
      <c r="A273" s="3">
        <v>41749.565393518518</v>
      </c>
      <c r="B273" s="2">
        <v>12.6</v>
      </c>
      <c r="C273" s="2">
        <v>99</v>
      </c>
      <c r="D273" s="2">
        <v>0</v>
      </c>
      <c r="E273" s="2">
        <v>9.5999999999999979</v>
      </c>
    </row>
    <row r="274" spans="1:5" x14ac:dyDescent="0.25">
      <c r="A274" s="3">
        <v>41749.567997685182</v>
      </c>
      <c r="B274" s="2">
        <v>12.7</v>
      </c>
      <c r="C274" s="2">
        <v>99</v>
      </c>
      <c r="D274" s="2">
        <v>0.2</v>
      </c>
      <c r="E274" s="2">
        <v>9.7999999999999972</v>
      </c>
    </row>
    <row r="275" spans="1:5" x14ac:dyDescent="0.25">
      <c r="A275" s="3">
        <v>41749.5703125</v>
      </c>
      <c r="B275" s="2">
        <v>12.7</v>
      </c>
      <c r="C275" s="2">
        <v>99.2</v>
      </c>
      <c r="D275" s="2">
        <v>0</v>
      </c>
      <c r="E275" s="2">
        <v>9.7999999999999972</v>
      </c>
    </row>
    <row r="276" spans="1:5" x14ac:dyDescent="0.25">
      <c r="A276" s="3">
        <v>41749.573553240742</v>
      </c>
      <c r="B276" s="2">
        <v>12.7</v>
      </c>
      <c r="C276" s="2">
        <v>99.2</v>
      </c>
      <c r="D276" s="2">
        <v>0.2</v>
      </c>
      <c r="E276" s="2">
        <v>9.9999999999999964</v>
      </c>
    </row>
    <row r="277" spans="1:5" x14ac:dyDescent="0.25">
      <c r="A277" s="3">
        <v>41749.581597222219</v>
      </c>
      <c r="B277" s="2">
        <v>12.8</v>
      </c>
      <c r="C277" s="2">
        <v>99.4</v>
      </c>
      <c r="D277" s="2">
        <v>0</v>
      </c>
      <c r="E277" s="2">
        <v>9.9999999999999964</v>
      </c>
    </row>
    <row r="278" spans="1:5" x14ac:dyDescent="0.25">
      <c r="A278" s="3">
        <v>41749.948206018518</v>
      </c>
      <c r="B278" s="2">
        <v>11.8</v>
      </c>
      <c r="C278" s="2">
        <v>99.4</v>
      </c>
      <c r="D278" s="2">
        <v>0.2</v>
      </c>
      <c r="E278" s="2">
        <v>10.199999999999996</v>
      </c>
    </row>
    <row r="279" spans="1:5" x14ac:dyDescent="0.25">
      <c r="A279" s="3">
        <v>41750.310995370368</v>
      </c>
      <c r="B279" s="2">
        <v>10.7</v>
      </c>
      <c r="C279" s="2">
        <v>99.4</v>
      </c>
      <c r="D279" s="2">
        <v>0.2</v>
      </c>
      <c r="E279" s="2">
        <v>10.399999999999995</v>
      </c>
    </row>
    <row r="280" spans="1:5" x14ac:dyDescent="0.25">
      <c r="A280" s="3">
        <v>41750.31417824074</v>
      </c>
      <c r="B280" s="2">
        <v>10.7</v>
      </c>
      <c r="C280" s="2">
        <v>99.6</v>
      </c>
      <c r="D280" s="2">
        <v>0</v>
      </c>
      <c r="E280" s="2">
        <v>10.399999999999995</v>
      </c>
    </row>
    <row r="281" spans="1:5" x14ac:dyDescent="0.25">
      <c r="A281" s="3">
        <v>41750.317766203705</v>
      </c>
      <c r="B281" s="2">
        <v>10.7</v>
      </c>
      <c r="C281" s="2">
        <v>99.6</v>
      </c>
      <c r="D281" s="2">
        <v>0.2</v>
      </c>
      <c r="E281" s="2">
        <v>10.599999999999994</v>
      </c>
    </row>
    <row r="282" spans="1:5" x14ac:dyDescent="0.25">
      <c r="A282" s="3">
        <v>41750.330671296295</v>
      </c>
      <c r="B282" s="2">
        <v>10.7</v>
      </c>
      <c r="C282" s="2">
        <v>99.8</v>
      </c>
      <c r="D282" s="2">
        <v>0</v>
      </c>
      <c r="E282" s="2">
        <v>10.599999999999994</v>
      </c>
    </row>
    <row r="283" spans="1:5" x14ac:dyDescent="0.25">
      <c r="A283" s="3">
        <v>41750.344039351854</v>
      </c>
      <c r="B283" s="2">
        <v>10.7</v>
      </c>
      <c r="C283" s="2">
        <v>99.8</v>
      </c>
      <c r="D283" s="2">
        <v>0.2</v>
      </c>
      <c r="E283" s="2">
        <v>10.799999999999994</v>
      </c>
    </row>
    <row r="284" spans="1:5" x14ac:dyDescent="0.25">
      <c r="A284" s="3">
        <v>41750.48883101852</v>
      </c>
      <c r="B284" s="2">
        <v>11.9</v>
      </c>
      <c r="C284" s="2">
        <v>100</v>
      </c>
      <c r="D284" s="2">
        <v>0</v>
      </c>
      <c r="E284" s="2">
        <v>10.799999999999994</v>
      </c>
    </row>
    <row r="285" spans="1:5" x14ac:dyDescent="0.25">
      <c r="A285" s="3">
        <v>41750.493055555555</v>
      </c>
      <c r="B285" s="2">
        <v>12</v>
      </c>
      <c r="C285" s="2">
        <v>100</v>
      </c>
      <c r="D285" s="2">
        <v>0.2</v>
      </c>
      <c r="E285" s="2">
        <v>10.999999999999993</v>
      </c>
    </row>
    <row r="286" spans="1:5" x14ac:dyDescent="0.25">
      <c r="A286" s="3">
        <v>41750.507754629631</v>
      </c>
      <c r="B286" s="2">
        <v>12</v>
      </c>
      <c r="C286" s="2">
        <v>100.2</v>
      </c>
      <c r="D286" s="2">
        <v>0</v>
      </c>
      <c r="E286" s="2">
        <v>10.999999999999993</v>
      </c>
    </row>
    <row r="287" spans="1:5" x14ac:dyDescent="0.25">
      <c r="A287" s="3">
        <v>41750.511689814812</v>
      </c>
      <c r="B287" s="2">
        <v>12</v>
      </c>
      <c r="C287" s="2">
        <v>100.2</v>
      </c>
      <c r="D287" s="2">
        <v>0.2</v>
      </c>
      <c r="E287" s="2">
        <v>11.199999999999992</v>
      </c>
    </row>
    <row r="288" spans="1:5" x14ac:dyDescent="0.25">
      <c r="A288" s="3">
        <v>41750.516898148147</v>
      </c>
      <c r="B288" s="2">
        <v>12.1</v>
      </c>
      <c r="C288" s="2">
        <v>100.4</v>
      </c>
      <c r="D288" s="2">
        <v>0</v>
      </c>
      <c r="E288" s="2">
        <v>11.199999999999992</v>
      </c>
    </row>
    <row r="289" spans="1:5" x14ac:dyDescent="0.25">
      <c r="A289" s="3">
        <v>41750.517071759263</v>
      </c>
      <c r="B289" s="2">
        <v>12.1</v>
      </c>
      <c r="C289" s="2">
        <v>100.4</v>
      </c>
      <c r="D289" s="2">
        <v>0.2</v>
      </c>
      <c r="E289" s="2">
        <v>11.399999999999991</v>
      </c>
    </row>
    <row r="290" spans="1:5" x14ac:dyDescent="0.25">
      <c r="A290" s="3">
        <v>41750.521527777775</v>
      </c>
      <c r="B290" s="2">
        <v>12.1</v>
      </c>
      <c r="C290" s="2">
        <v>100.4</v>
      </c>
      <c r="D290" s="2">
        <v>0.2</v>
      </c>
      <c r="E290" s="2">
        <v>11.599999999999991</v>
      </c>
    </row>
    <row r="291" spans="1:5" x14ac:dyDescent="0.25">
      <c r="A291" s="3">
        <v>41750.521701388891</v>
      </c>
      <c r="B291" s="2">
        <v>12.1</v>
      </c>
      <c r="C291" s="2">
        <v>100.6</v>
      </c>
      <c r="D291" s="2">
        <v>0</v>
      </c>
      <c r="E291" s="2">
        <v>11.599999999999991</v>
      </c>
    </row>
    <row r="292" spans="1:5" x14ac:dyDescent="0.25">
      <c r="A292" s="3">
        <v>41750.524131944447</v>
      </c>
      <c r="B292" s="2">
        <v>12.1</v>
      </c>
      <c r="C292" s="2">
        <v>100.6</v>
      </c>
      <c r="D292" s="2">
        <v>0.2</v>
      </c>
      <c r="E292" s="2">
        <v>11.79999999999999</v>
      </c>
    </row>
    <row r="293" spans="1:5" x14ac:dyDescent="0.25">
      <c r="A293" s="3">
        <v>41750.52447916667</v>
      </c>
      <c r="B293" s="2">
        <v>12.1</v>
      </c>
      <c r="C293" s="2">
        <v>100.8</v>
      </c>
      <c r="D293" s="2">
        <v>0</v>
      </c>
      <c r="E293" s="2">
        <v>11.79999999999999</v>
      </c>
    </row>
    <row r="294" spans="1:5" x14ac:dyDescent="0.25">
      <c r="A294" s="3">
        <v>41750.527951388889</v>
      </c>
      <c r="B294" s="2">
        <v>12.2</v>
      </c>
      <c r="C294" s="2">
        <v>100.8</v>
      </c>
      <c r="D294" s="2">
        <v>0.2</v>
      </c>
      <c r="E294" s="2">
        <v>11.999999999999989</v>
      </c>
    </row>
    <row r="295" spans="1:5" x14ac:dyDescent="0.25">
      <c r="A295" s="3">
        <v>41750.528935185182</v>
      </c>
      <c r="B295" s="2">
        <v>12.2</v>
      </c>
      <c r="C295" s="2">
        <v>101</v>
      </c>
      <c r="D295" s="2">
        <v>0</v>
      </c>
      <c r="E295" s="2">
        <v>11.999999999999989</v>
      </c>
    </row>
    <row r="296" spans="1:5" x14ac:dyDescent="0.25">
      <c r="A296" s="3">
        <v>41750.564699074072</v>
      </c>
      <c r="B296" s="2">
        <v>12.6</v>
      </c>
      <c r="C296" s="2">
        <v>101</v>
      </c>
      <c r="D296" s="2">
        <v>0.2</v>
      </c>
      <c r="E296" s="2">
        <v>12.199999999999989</v>
      </c>
    </row>
    <row r="297" spans="1:5" x14ac:dyDescent="0.25">
      <c r="A297" s="3">
        <v>41750.568344907406</v>
      </c>
      <c r="B297" s="2">
        <v>12.7</v>
      </c>
      <c r="C297" s="2">
        <v>101.2</v>
      </c>
      <c r="D297" s="2">
        <v>0</v>
      </c>
      <c r="E297" s="2">
        <v>12.199999999999989</v>
      </c>
    </row>
    <row r="298" spans="1:5" x14ac:dyDescent="0.25">
      <c r="A298" s="3">
        <v>41750.589583333334</v>
      </c>
      <c r="B298" s="2">
        <v>12.9</v>
      </c>
      <c r="C298" s="2">
        <v>101.2</v>
      </c>
      <c r="D298" s="2">
        <v>0.2</v>
      </c>
      <c r="E298" s="2">
        <v>12.399999999999988</v>
      </c>
    </row>
    <row r="299" spans="1:5" x14ac:dyDescent="0.25">
      <c r="A299" s="3">
        <v>41750.595081018517</v>
      </c>
      <c r="B299" s="2">
        <v>12.9</v>
      </c>
      <c r="C299" s="2">
        <v>101.4</v>
      </c>
      <c r="D299" s="2">
        <v>0</v>
      </c>
      <c r="E299" s="2">
        <v>12.399999999999988</v>
      </c>
    </row>
    <row r="300" spans="1:5" x14ac:dyDescent="0.25">
      <c r="A300" s="3">
        <v>41750.601736111108</v>
      </c>
      <c r="B300" s="2">
        <v>13</v>
      </c>
      <c r="C300" s="2">
        <v>101.4</v>
      </c>
      <c r="D300" s="2">
        <v>0.2</v>
      </c>
      <c r="E300" s="2">
        <v>12.599999999999987</v>
      </c>
    </row>
    <row r="301" spans="1:5" x14ac:dyDescent="0.25">
      <c r="A301" s="3">
        <v>41750.603298611109</v>
      </c>
      <c r="B301" s="2">
        <v>13</v>
      </c>
      <c r="C301" s="2">
        <v>101.6</v>
      </c>
      <c r="D301" s="2">
        <v>0</v>
      </c>
      <c r="E301" s="2">
        <v>12.599999999999987</v>
      </c>
    </row>
    <row r="302" spans="1:5" x14ac:dyDescent="0.25">
      <c r="A302" s="3">
        <v>41750.607870370368</v>
      </c>
      <c r="B302" s="2">
        <v>13</v>
      </c>
      <c r="C302" s="2">
        <v>101.8</v>
      </c>
      <c r="D302" s="2">
        <v>0</v>
      </c>
      <c r="E302" s="2">
        <v>12.599999999999987</v>
      </c>
    </row>
    <row r="303" spans="1:5" x14ac:dyDescent="0.25">
      <c r="A303" s="3">
        <v>41750.608101851853</v>
      </c>
      <c r="B303" s="2">
        <v>13</v>
      </c>
      <c r="C303" s="2">
        <v>101.8</v>
      </c>
      <c r="D303" s="2">
        <v>0.2</v>
      </c>
      <c r="E303" s="2">
        <v>12.799999999999986</v>
      </c>
    </row>
    <row r="304" spans="1:5" x14ac:dyDescent="0.25">
      <c r="A304" s="3">
        <v>41750.61105324074</v>
      </c>
      <c r="B304" s="2">
        <v>13</v>
      </c>
      <c r="C304" s="2">
        <v>102</v>
      </c>
      <c r="D304" s="2">
        <v>0</v>
      </c>
      <c r="E304" s="2">
        <v>12.799999999999986</v>
      </c>
    </row>
    <row r="305" spans="1:5" x14ac:dyDescent="0.25">
      <c r="A305" s="3">
        <v>41750.611111111109</v>
      </c>
      <c r="B305" s="2">
        <v>13</v>
      </c>
      <c r="C305" s="2">
        <v>102</v>
      </c>
      <c r="D305" s="2">
        <v>0.2</v>
      </c>
      <c r="E305" s="2">
        <v>12.999999999999986</v>
      </c>
    </row>
    <row r="306" spans="1:5" x14ac:dyDescent="0.25">
      <c r="A306" s="3">
        <v>41750.61446759259</v>
      </c>
      <c r="B306" s="2">
        <v>13</v>
      </c>
      <c r="C306" s="2">
        <v>102.2</v>
      </c>
      <c r="D306" s="2">
        <v>0</v>
      </c>
      <c r="E306" s="2">
        <v>12.999999999999986</v>
      </c>
    </row>
    <row r="307" spans="1:5" x14ac:dyDescent="0.25">
      <c r="A307" s="3">
        <v>41750.614814814813</v>
      </c>
      <c r="B307" s="2">
        <v>13</v>
      </c>
      <c r="C307" s="2">
        <v>102.2</v>
      </c>
      <c r="D307" s="2">
        <v>0.2</v>
      </c>
      <c r="E307" s="2">
        <v>13.199999999999985</v>
      </c>
    </row>
    <row r="308" spans="1:5" x14ac:dyDescent="0.25">
      <c r="A308" s="3">
        <v>41750.625347222223</v>
      </c>
      <c r="B308" s="2">
        <v>13</v>
      </c>
      <c r="C308" s="2">
        <v>102.2</v>
      </c>
      <c r="D308" s="2">
        <v>0.2</v>
      </c>
      <c r="E308" s="2">
        <v>13.399999999999984</v>
      </c>
    </row>
    <row r="309" spans="1:5" x14ac:dyDescent="0.25">
      <c r="A309" s="3">
        <v>41750.62945601852</v>
      </c>
      <c r="B309" s="2">
        <v>13</v>
      </c>
      <c r="C309" s="2">
        <v>102.4</v>
      </c>
      <c r="D309" s="2">
        <v>0</v>
      </c>
      <c r="E309" s="2">
        <v>13.399999999999984</v>
      </c>
    </row>
    <row r="310" spans="1:5" x14ac:dyDescent="0.25">
      <c r="A310" s="3">
        <v>41750.635995370372</v>
      </c>
      <c r="B310" s="2">
        <v>13.1</v>
      </c>
      <c r="C310" s="2">
        <v>102.4</v>
      </c>
      <c r="D310" s="2">
        <v>0.2</v>
      </c>
      <c r="E310" s="2">
        <v>13.599999999999984</v>
      </c>
    </row>
    <row r="311" spans="1:5" x14ac:dyDescent="0.25">
      <c r="A311" s="3">
        <v>41750.638310185182</v>
      </c>
      <c r="B311" s="2">
        <v>13.1</v>
      </c>
      <c r="C311" s="2">
        <v>102.6</v>
      </c>
      <c r="D311" s="2">
        <v>0</v>
      </c>
      <c r="E311" s="2">
        <v>13.599999999999984</v>
      </c>
    </row>
    <row r="312" spans="1:5" x14ac:dyDescent="0.25">
      <c r="A312" s="3">
        <v>41750.646064814813</v>
      </c>
      <c r="B312" s="2">
        <v>13.1</v>
      </c>
      <c r="C312" s="2">
        <v>102.6</v>
      </c>
      <c r="D312" s="2">
        <v>0.2</v>
      </c>
      <c r="E312" s="2">
        <v>13.799999999999983</v>
      </c>
    </row>
    <row r="313" spans="1:5" x14ac:dyDescent="0.25">
      <c r="A313" s="3">
        <v>41750.649016203701</v>
      </c>
      <c r="B313" s="2">
        <v>13.2</v>
      </c>
      <c r="C313" s="2">
        <v>102.8</v>
      </c>
      <c r="D313" s="2">
        <v>0</v>
      </c>
      <c r="E313" s="2">
        <v>13.799999999999983</v>
      </c>
    </row>
    <row r="314" spans="1:5" x14ac:dyDescent="0.25">
      <c r="A314" s="3">
        <v>41750.664120370369</v>
      </c>
      <c r="B314" s="2">
        <v>13.2</v>
      </c>
      <c r="C314" s="2">
        <v>102.8</v>
      </c>
      <c r="D314" s="2">
        <v>0.2</v>
      </c>
      <c r="E314" s="2">
        <v>13.999999999999982</v>
      </c>
    </row>
    <row r="315" spans="1:5" x14ac:dyDescent="0.25">
      <c r="A315" s="3">
        <v>41750.664641203701</v>
      </c>
      <c r="B315" s="2">
        <v>13.2</v>
      </c>
      <c r="C315" s="2">
        <v>103</v>
      </c>
      <c r="D315" s="2">
        <v>0</v>
      </c>
      <c r="E315" s="2">
        <v>13.999999999999982</v>
      </c>
    </row>
    <row r="316" spans="1:5" x14ac:dyDescent="0.25">
      <c r="A316" s="3">
        <v>41750.66684027778</v>
      </c>
      <c r="B316" s="2">
        <v>13.2</v>
      </c>
      <c r="C316" s="2">
        <v>103</v>
      </c>
      <c r="D316" s="2">
        <v>0.2</v>
      </c>
      <c r="E316" s="2">
        <v>14.199999999999982</v>
      </c>
    </row>
    <row r="317" spans="1:5" x14ac:dyDescent="0.25">
      <c r="A317" s="3">
        <v>41750.667129629626</v>
      </c>
      <c r="B317" s="2">
        <v>13.2</v>
      </c>
      <c r="C317" s="2">
        <v>103.2</v>
      </c>
      <c r="D317" s="2">
        <v>0</v>
      </c>
      <c r="E317" s="2">
        <v>14.199999999999982</v>
      </c>
    </row>
    <row r="318" spans="1:5" x14ac:dyDescent="0.25">
      <c r="A318" s="3">
        <v>41750.669618055559</v>
      </c>
      <c r="B318" s="2">
        <v>13.2</v>
      </c>
      <c r="C318" s="2">
        <v>103.4</v>
      </c>
      <c r="D318" s="2">
        <v>0</v>
      </c>
      <c r="E318" s="2">
        <v>14.199999999999982</v>
      </c>
    </row>
    <row r="319" spans="1:5" x14ac:dyDescent="0.25">
      <c r="A319" s="3">
        <v>41750.669675925928</v>
      </c>
      <c r="B319" s="2">
        <v>13.2</v>
      </c>
      <c r="C319" s="2">
        <v>103.4</v>
      </c>
      <c r="D319" s="2">
        <v>0.2</v>
      </c>
      <c r="E319" s="2">
        <v>14.399999999999981</v>
      </c>
    </row>
    <row r="320" spans="1:5" x14ac:dyDescent="0.25">
      <c r="A320" s="3">
        <v>41750.672511574077</v>
      </c>
      <c r="B320" s="2">
        <v>13.2</v>
      </c>
      <c r="C320" s="2">
        <v>103.4</v>
      </c>
      <c r="D320" s="2">
        <v>0.2</v>
      </c>
      <c r="E320" s="2">
        <v>14.59999999999998</v>
      </c>
    </row>
    <row r="321" spans="1:5" x14ac:dyDescent="0.25">
      <c r="A321" s="3">
        <v>41750.673379629632</v>
      </c>
      <c r="B321" s="2">
        <v>13.2</v>
      </c>
      <c r="C321" s="2">
        <v>103.6</v>
      </c>
      <c r="D321" s="2">
        <v>0</v>
      </c>
      <c r="E321" s="2">
        <v>14.59999999999998</v>
      </c>
    </row>
    <row r="322" spans="1:5" x14ac:dyDescent="0.25">
      <c r="A322" s="3">
        <v>41750.674884259257</v>
      </c>
      <c r="B322" s="2">
        <v>13.2</v>
      </c>
      <c r="C322" s="2">
        <v>103.6</v>
      </c>
      <c r="D322" s="2">
        <v>0.2</v>
      </c>
      <c r="E322" s="2">
        <v>14.799999999999979</v>
      </c>
    </row>
    <row r="323" spans="1:5" x14ac:dyDescent="0.25">
      <c r="A323" s="3">
        <v>41750.675115740742</v>
      </c>
      <c r="B323" s="2">
        <v>13.2</v>
      </c>
      <c r="C323" s="2">
        <v>103.8</v>
      </c>
      <c r="D323" s="2">
        <v>0</v>
      </c>
      <c r="E323" s="2">
        <v>14.799999999999979</v>
      </c>
    </row>
    <row r="324" spans="1:5" x14ac:dyDescent="0.25">
      <c r="A324" s="3">
        <v>41750.676620370374</v>
      </c>
      <c r="B324" s="2">
        <v>13.2</v>
      </c>
      <c r="C324" s="2">
        <v>103.8</v>
      </c>
      <c r="D324" s="2">
        <v>0.2</v>
      </c>
      <c r="E324" s="2">
        <v>14.999999999999979</v>
      </c>
    </row>
    <row r="325" spans="1:5" x14ac:dyDescent="0.25">
      <c r="A325" s="3">
        <v>41750.677662037036</v>
      </c>
      <c r="B325" s="2">
        <v>13.2</v>
      </c>
      <c r="C325" s="2">
        <v>104</v>
      </c>
      <c r="D325" s="2">
        <v>0</v>
      </c>
      <c r="E325" s="2">
        <v>14.999999999999979</v>
      </c>
    </row>
    <row r="326" spans="1:5" x14ac:dyDescent="0.25">
      <c r="A326" s="3">
        <v>41750.682291666664</v>
      </c>
      <c r="B326" s="2">
        <v>13.2</v>
      </c>
      <c r="C326" s="2">
        <v>104</v>
      </c>
      <c r="D326" s="2">
        <v>0.2</v>
      </c>
      <c r="E326" s="2">
        <v>15.199999999999978</v>
      </c>
    </row>
    <row r="327" spans="1:5" x14ac:dyDescent="0.25">
      <c r="A327" s="3">
        <v>41750.682812500003</v>
      </c>
      <c r="B327" s="2">
        <v>13.3</v>
      </c>
      <c r="C327" s="2">
        <v>104.2</v>
      </c>
      <c r="D327" s="2">
        <v>0</v>
      </c>
      <c r="E327" s="2">
        <v>15.199999999999978</v>
      </c>
    </row>
    <row r="328" spans="1:5" x14ac:dyDescent="0.25">
      <c r="A328" s="3">
        <v>41750.685416666667</v>
      </c>
      <c r="B328" s="2">
        <v>13.2</v>
      </c>
      <c r="C328" s="2">
        <v>104.2</v>
      </c>
      <c r="D328" s="2">
        <v>0.2</v>
      </c>
      <c r="E328" s="2">
        <v>15.399999999999977</v>
      </c>
    </row>
    <row r="329" spans="1:5" x14ac:dyDescent="0.25">
      <c r="A329" s="3">
        <v>41750.68582175926</v>
      </c>
      <c r="B329" s="2">
        <v>13.2</v>
      </c>
      <c r="C329" s="2">
        <v>104.4</v>
      </c>
      <c r="D329" s="2">
        <v>0</v>
      </c>
      <c r="E329" s="2">
        <v>15.399999999999977</v>
      </c>
    </row>
    <row r="330" spans="1:5" x14ac:dyDescent="0.25">
      <c r="A330" s="3">
        <v>41750.686863425923</v>
      </c>
      <c r="B330" s="2">
        <v>13.2</v>
      </c>
      <c r="C330" s="2">
        <v>104.4</v>
      </c>
      <c r="D330" s="2">
        <v>0.2</v>
      </c>
      <c r="E330" s="2">
        <v>15.599999999999977</v>
      </c>
    </row>
    <row r="331" spans="1:5" x14ac:dyDescent="0.25">
      <c r="A331" s="3">
        <v>41750.686921296299</v>
      </c>
      <c r="B331" s="2">
        <v>13.2</v>
      </c>
      <c r="C331" s="2">
        <v>104.6</v>
      </c>
      <c r="D331" s="2">
        <v>0</v>
      </c>
      <c r="E331" s="2">
        <v>15.599999999999977</v>
      </c>
    </row>
    <row r="332" spans="1:5" x14ac:dyDescent="0.25">
      <c r="A332" s="3">
        <v>41750.687442129631</v>
      </c>
      <c r="B332" s="2">
        <v>13.2</v>
      </c>
      <c r="C332" s="2">
        <v>104.6</v>
      </c>
      <c r="D332" s="2">
        <v>0.2</v>
      </c>
      <c r="E332" s="2">
        <v>15.799999999999976</v>
      </c>
    </row>
    <row r="333" spans="1:5" x14ac:dyDescent="0.25">
      <c r="A333" s="3">
        <v>41750.687615740739</v>
      </c>
      <c r="B333" s="2">
        <v>13.2</v>
      </c>
      <c r="C333" s="2">
        <v>104.8</v>
      </c>
      <c r="D333" s="2">
        <v>0</v>
      </c>
      <c r="E333" s="2">
        <v>15.799999999999976</v>
      </c>
    </row>
    <row r="334" spans="1:5" x14ac:dyDescent="0.25">
      <c r="A334" s="3">
        <v>41750.689525462964</v>
      </c>
      <c r="B334" s="2">
        <v>13.2</v>
      </c>
      <c r="C334" s="2">
        <v>104.8</v>
      </c>
      <c r="D334" s="2">
        <v>0.2</v>
      </c>
      <c r="E334" s="2">
        <v>15.999999999999975</v>
      </c>
    </row>
    <row r="335" spans="1:5" x14ac:dyDescent="0.25">
      <c r="A335" s="3">
        <v>41750.69363425926</v>
      </c>
      <c r="B335" s="2">
        <v>13.2</v>
      </c>
      <c r="C335" s="2">
        <v>105</v>
      </c>
      <c r="D335" s="2">
        <v>0</v>
      </c>
      <c r="E335" s="2">
        <v>15.999999999999975</v>
      </c>
    </row>
    <row r="336" spans="1:5" x14ac:dyDescent="0.25">
      <c r="A336" s="3">
        <v>41750.697337962964</v>
      </c>
      <c r="B336" s="2">
        <v>13.2</v>
      </c>
      <c r="C336" s="2">
        <v>105</v>
      </c>
      <c r="D336" s="2">
        <v>0.2</v>
      </c>
      <c r="E336" s="2">
        <v>16.199999999999974</v>
      </c>
    </row>
    <row r="337" spans="1:5" x14ac:dyDescent="0.25">
      <c r="A337" s="3">
        <v>41750.700231481482</v>
      </c>
      <c r="B337" s="2">
        <v>13.2</v>
      </c>
      <c r="C337" s="2">
        <v>105.2</v>
      </c>
      <c r="D337" s="2">
        <v>0</v>
      </c>
      <c r="E337" s="2">
        <v>16.199999999999974</v>
      </c>
    </row>
    <row r="338" spans="1:5" x14ac:dyDescent="0.25">
      <c r="A338" s="3">
        <v>41750.70208333333</v>
      </c>
      <c r="B338" s="2">
        <v>13.2</v>
      </c>
      <c r="C338" s="2">
        <v>105.2</v>
      </c>
      <c r="D338" s="2">
        <v>0.2</v>
      </c>
      <c r="E338" s="2">
        <v>16.399999999999974</v>
      </c>
    </row>
    <row r="339" spans="1:5" x14ac:dyDescent="0.25">
      <c r="A339" s="3">
        <v>41750.702488425923</v>
      </c>
      <c r="B339" s="2">
        <v>13.2</v>
      </c>
      <c r="C339" s="2">
        <v>105.4</v>
      </c>
      <c r="D339" s="2">
        <v>0</v>
      </c>
      <c r="E339" s="2">
        <v>16.399999999999974</v>
      </c>
    </row>
    <row r="340" spans="1:5" x14ac:dyDescent="0.25">
      <c r="A340" s="3">
        <v>41750.705092592594</v>
      </c>
      <c r="B340" s="2">
        <v>13.2</v>
      </c>
      <c r="C340" s="2">
        <v>105.4</v>
      </c>
      <c r="D340" s="2">
        <v>0.2</v>
      </c>
      <c r="E340" s="2">
        <v>16.599999999999973</v>
      </c>
    </row>
    <row r="341" spans="1:5" x14ac:dyDescent="0.25">
      <c r="A341" s="3">
        <v>41750.707118055558</v>
      </c>
      <c r="B341" s="2">
        <v>13.2</v>
      </c>
      <c r="C341" s="2">
        <v>105.6</v>
      </c>
      <c r="D341" s="2">
        <v>0</v>
      </c>
      <c r="E341" s="2">
        <v>16.599999999999973</v>
      </c>
    </row>
    <row r="342" spans="1:5" x14ac:dyDescent="0.25">
      <c r="A342" s="3">
        <v>41750.709548611114</v>
      </c>
      <c r="B342" s="2">
        <v>13.2</v>
      </c>
      <c r="C342" s="2">
        <v>105.6</v>
      </c>
      <c r="D342" s="2">
        <v>0.2</v>
      </c>
      <c r="E342" s="2">
        <v>16.799999999999972</v>
      </c>
    </row>
    <row r="343" spans="1:5" x14ac:dyDescent="0.25">
      <c r="A343" s="3">
        <v>41750.709780092591</v>
      </c>
      <c r="B343" s="2">
        <v>13.2</v>
      </c>
      <c r="C343" s="2">
        <v>105.8</v>
      </c>
      <c r="D343" s="2">
        <v>0</v>
      </c>
      <c r="E343" s="2">
        <v>16.799999999999972</v>
      </c>
    </row>
    <row r="344" spans="1:5" x14ac:dyDescent="0.25">
      <c r="A344" s="3">
        <v>41750.710879629631</v>
      </c>
      <c r="B344" s="2">
        <v>13.2</v>
      </c>
      <c r="C344" s="2">
        <v>105.8</v>
      </c>
      <c r="D344" s="2">
        <v>0.2</v>
      </c>
      <c r="E344" s="2">
        <v>16.999999999999972</v>
      </c>
    </row>
    <row r="345" spans="1:5" x14ac:dyDescent="0.25">
      <c r="A345" s="3">
        <v>41750.711168981485</v>
      </c>
      <c r="B345" s="2">
        <v>13.2</v>
      </c>
      <c r="C345" s="2">
        <v>106</v>
      </c>
      <c r="D345" s="2">
        <v>0</v>
      </c>
      <c r="E345" s="2">
        <v>16.999999999999972</v>
      </c>
    </row>
    <row r="346" spans="1:5" x14ac:dyDescent="0.25">
      <c r="A346" s="3">
        <v>41750.711574074077</v>
      </c>
      <c r="B346" s="2">
        <v>13.2</v>
      </c>
      <c r="C346" s="2">
        <v>106</v>
      </c>
      <c r="D346" s="2">
        <v>0.2</v>
      </c>
      <c r="E346" s="2">
        <v>17.199999999999971</v>
      </c>
    </row>
    <row r="347" spans="1:5" x14ac:dyDescent="0.25">
      <c r="A347" s="3">
        <v>41750.711805555555</v>
      </c>
      <c r="B347" s="2">
        <v>13.2</v>
      </c>
      <c r="C347" s="2">
        <v>106.2</v>
      </c>
      <c r="D347" s="2">
        <v>0</v>
      </c>
      <c r="E347" s="2">
        <v>17.199999999999971</v>
      </c>
    </row>
    <row r="348" spans="1:5" x14ac:dyDescent="0.25">
      <c r="A348" s="3">
        <v>41750.712210648147</v>
      </c>
      <c r="B348" s="2">
        <v>13.2</v>
      </c>
      <c r="C348" s="2">
        <v>106.2</v>
      </c>
      <c r="D348" s="2">
        <v>0.2</v>
      </c>
      <c r="E348" s="2">
        <v>17.39999999999997</v>
      </c>
    </row>
    <row r="349" spans="1:5" x14ac:dyDescent="0.25">
      <c r="A349" s="3">
        <v>41750.712731481479</v>
      </c>
      <c r="B349" s="2">
        <v>13.2</v>
      </c>
      <c r="C349" s="2">
        <v>106.4</v>
      </c>
      <c r="D349" s="2">
        <v>0</v>
      </c>
      <c r="E349" s="2">
        <v>17.39999999999997</v>
      </c>
    </row>
    <row r="350" spans="1:5" x14ac:dyDescent="0.25">
      <c r="A350" s="3">
        <v>41750.714583333334</v>
      </c>
      <c r="B350" s="2">
        <v>13.2</v>
      </c>
      <c r="C350" s="2">
        <v>106.4</v>
      </c>
      <c r="D350" s="2">
        <v>0.2</v>
      </c>
      <c r="E350" s="2">
        <v>17.599999999999969</v>
      </c>
    </row>
    <row r="351" spans="1:5" x14ac:dyDescent="0.25">
      <c r="A351" s="3">
        <v>41750.717129629629</v>
      </c>
      <c r="B351" s="2">
        <v>13.2</v>
      </c>
      <c r="C351" s="2">
        <v>106.6</v>
      </c>
      <c r="D351" s="2">
        <v>0</v>
      </c>
      <c r="E351" s="2">
        <v>17.599999999999969</v>
      </c>
    </row>
    <row r="352" spans="1:5" x14ac:dyDescent="0.25">
      <c r="A352" s="3">
        <v>41750.739814814813</v>
      </c>
      <c r="B352" s="2">
        <v>13.2</v>
      </c>
      <c r="C352" s="2">
        <v>106.6</v>
      </c>
      <c r="D352" s="2">
        <v>0.2</v>
      </c>
      <c r="E352" s="2">
        <v>17.799999999999969</v>
      </c>
    </row>
    <row r="353" spans="1:5" x14ac:dyDescent="0.25">
      <c r="A353" s="3">
        <v>41750.740162037036</v>
      </c>
      <c r="B353" s="2">
        <v>13.2</v>
      </c>
      <c r="C353" s="2">
        <v>106.8</v>
      </c>
      <c r="D353" s="2">
        <v>0</v>
      </c>
      <c r="E353" s="2">
        <v>17.799999999999969</v>
      </c>
    </row>
    <row r="354" spans="1:5" x14ac:dyDescent="0.25">
      <c r="A354" s="3">
        <v>41750.740740740737</v>
      </c>
      <c r="B354" s="2">
        <v>13.2</v>
      </c>
      <c r="C354" s="2">
        <v>106.8</v>
      </c>
      <c r="D354" s="2">
        <v>0.2</v>
      </c>
      <c r="E354" s="2">
        <v>17.999999999999968</v>
      </c>
    </row>
    <row r="355" spans="1:5" x14ac:dyDescent="0.25">
      <c r="A355" s="3">
        <v>41750.740798611114</v>
      </c>
      <c r="B355" s="2">
        <v>13.2</v>
      </c>
      <c r="C355" s="2">
        <v>107</v>
      </c>
      <c r="D355" s="2">
        <v>0</v>
      </c>
      <c r="E355" s="2">
        <v>17.999999999999968</v>
      </c>
    </row>
    <row r="356" spans="1:5" x14ac:dyDescent="0.25">
      <c r="A356" s="3">
        <v>41750.741377314815</v>
      </c>
      <c r="B356" s="2">
        <v>13.2</v>
      </c>
      <c r="C356" s="2">
        <v>107</v>
      </c>
      <c r="D356" s="2">
        <v>0.2</v>
      </c>
      <c r="E356" s="2">
        <v>18.199999999999967</v>
      </c>
    </row>
    <row r="357" spans="1:5" x14ac:dyDescent="0.25">
      <c r="A357" s="3">
        <v>41750.741550925923</v>
      </c>
      <c r="B357" s="2">
        <v>13.2</v>
      </c>
      <c r="C357" s="2">
        <v>107.2</v>
      </c>
      <c r="D357" s="2">
        <v>0</v>
      </c>
      <c r="E357" s="2">
        <v>18.199999999999967</v>
      </c>
    </row>
    <row r="358" spans="1:5" x14ac:dyDescent="0.25">
      <c r="A358" s="3">
        <v>41750.741956018515</v>
      </c>
      <c r="B358" s="2">
        <v>13.2</v>
      </c>
      <c r="C358" s="2">
        <v>107.2</v>
      </c>
      <c r="D358" s="2">
        <v>0.2</v>
      </c>
      <c r="E358" s="2">
        <v>18.399999999999967</v>
      </c>
    </row>
    <row r="359" spans="1:5" x14ac:dyDescent="0.25">
      <c r="A359" s="3">
        <v>41750.7421875</v>
      </c>
      <c r="B359" s="2">
        <v>13.2</v>
      </c>
      <c r="C359" s="2">
        <v>107.4</v>
      </c>
      <c r="D359" s="2">
        <v>0</v>
      </c>
      <c r="E359" s="2">
        <v>18.399999999999967</v>
      </c>
    </row>
    <row r="360" spans="1:5" x14ac:dyDescent="0.25">
      <c r="A360" s="3">
        <v>41750.742708333331</v>
      </c>
      <c r="B360" s="2">
        <v>13.2</v>
      </c>
      <c r="C360" s="2">
        <v>107.4</v>
      </c>
      <c r="D360" s="2">
        <v>0.2</v>
      </c>
      <c r="E360" s="2">
        <v>18.599999999999966</v>
      </c>
    </row>
    <row r="361" spans="1:5" x14ac:dyDescent="0.25">
      <c r="A361" s="3">
        <v>41750.743287037039</v>
      </c>
      <c r="B361" s="2">
        <v>13.2</v>
      </c>
      <c r="C361" s="2">
        <v>107.6</v>
      </c>
      <c r="D361" s="2">
        <v>0</v>
      </c>
      <c r="E361" s="2">
        <v>18.599999999999966</v>
      </c>
    </row>
    <row r="362" spans="1:5" x14ac:dyDescent="0.25">
      <c r="A362" s="3">
        <v>41750.744502314818</v>
      </c>
      <c r="B362" s="2">
        <v>13.1</v>
      </c>
      <c r="C362" s="2">
        <v>107.6</v>
      </c>
      <c r="D362" s="2">
        <v>0.2</v>
      </c>
      <c r="E362" s="2">
        <v>18.799999999999965</v>
      </c>
    </row>
    <row r="363" spans="1:5" x14ac:dyDescent="0.25">
      <c r="A363" s="3">
        <v>41750.745254629626</v>
      </c>
      <c r="B363" s="2">
        <v>13.1</v>
      </c>
      <c r="C363" s="2">
        <v>107.8</v>
      </c>
      <c r="D363" s="2">
        <v>0</v>
      </c>
      <c r="E363" s="2">
        <v>18.799999999999965</v>
      </c>
    </row>
    <row r="364" spans="1:5" x14ac:dyDescent="0.25">
      <c r="A364" s="3">
        <v>41750.745833333334</v>
      </c>
      <c r="B364" s="2">
        <v>13.1</v>
      </c>
      <c r="C364" s="2">
        <v>107.8</v>
      </c>
      <c r="D364" s="2">
        <v>0.2</v>
      </c>
      <c r="E364" s="2">
        <v>18.999999999999964</v>
      </c>
    </row>
    <row r="365" spans="1:5" x14ac:dyDescent="0.25">
      <c r="A365" s="3">
        <v>41750.746354166666</v>
      </c>
      <c r="B365" s="2">
        <v>13.1</v>
      </c>
      <c r="C365" s="2">
        <v>108</v>
      </c>
      <c r="D365" s="2">
        <v>0</v>
      </c>
      <c r="E365" s="2">
        <v>18.999999999999964</v>
      </c>
    </row>
    <row r="366" spans="1:5" x14ac:dyDescent="0.25">
      <c r="A366" s="3">
        <v>41750.746817129628</v>
      </c>
      <c r="B366" s="2">
        <v>13.1</v>
      </c>
      <c r="C366" s="2">
        <v>108</v>
      </c>
      <c r="D366" s="2">
        <v>0.2</v>
      </c>
      <c r="E366" s="2">
        <v>19.199999999999964</v>
      </c>
    </row>
    <row r="367" spans="1:5" x14ac:dyDescent="0.25">
      <c r="A367" s="3">
        <v>41750.747569444444</v>
      </c>
      <c r="B367" s="2">
        <v>13.1</v>
      </c>
      <c r="C367" s="2">
        <v>108.2</v>
      </c>
      <c r="D367" s="2">
        <v>0</v>
      </c>
      <c r="E367" s="2">
        <v>19.199999999999964</v>
      </c>
    </row>
    <row r="368" spans="1:5" x14ac:dyDescent="0.25">
      <c r="A368" s="3">
        <v>41750.747858796298</v>
      </c>
      <c r="B368" s="2">
        <v>13.1</v>
      </c>
      <c r="C368" s="2">
        <v>108.2</v>
      </c>
      <c r="D368" s="2">
        <v>0.2</v>
      </c>
      <c r="E368" s="2">
        <v>19.399999999999963</v>
      </c>
    </row>
    <row r="369" spans="1:5" x14ac:dyDescent="0.25">
      <c r="A369" s="3">
        <v>41750.748437499999</v>
      </c>
      <c r="B369" s="2">
        <v>13.1</v>
      </c>
      <c r="C369" s="2">
        <v>108.4</v>
      </c>
      <c r="D369" s="2">
        <v>0</v>
      </c>
      <c r="E369" s="2">
        <v>19.399999999999963</v>
      </c>
    </row>
    <row r="370" spans="1:5" x14ac:dyDescent="0.25">
      <c r="A370" s="3">
        <v>41750.748553240737</v>
      </c>
      <c r="B370" s="2">
        <v>13.1</v>
      </c>
      <c r="C370" s="2">
        <v>108.4</v>
      </c>
      <c r="D370" s="2">
        <v>0.2</v>
      </c>
      <c r="E370" s="2">
        <v>19.599999999999962</v>
      </c>
    </row>
    <row r="371" spans="1:5" x14ac:dyDescent="0.25">
      <c r="A371" s="3">
        <v>41750.749074074076</v>
      </c>
      <c r="B371" s="2">
        <v>13.1</v>
      </c>
      <c r="C371" s="2">
        <v>108.6</v>
      </c>
      <c r="D371" s="2">
        <v>0</v>
      </c>
      <c r="E371" s="2">
        <v>19.599999999999962</v>
      </c>
    </row>
    <row r="372" spans="1:5" x14ac:dyDescent="0.25">
      <c r="A372" s="3">
        <v>41750.749189814815</v>
      </c>
      <c r="B372" s="2">
        <v>13.1</v>
      </c>
      <c r="C372" s="2">
        <v>108.6</v>
      </c>
      <c r="D372" s="2">
        <v>0.2</v>
      </c>
      <c r="E372" s="2">
        <v>19.799999999999962</v>
      </c>
    </row>
    <row r="373" spans="1:5" x14ac:dyDescent="0.25">
      <c r="A373" s="3">
        <v>41750.749942129631</v>
      </c>
      <c r="B373" s="2">
        <v>13.1</v>
      </c>
      <c r="C373" s="2">
        <v>108.8</v>
      </c>
      <c r="D373" s="2">
        <v>0</v>
      </c>
      <c r="E373" s="2">
        <v>19.799999999999962</v>
      </c>
    </row>
    <row r="374" spans="1:5" x14ac:dyDescent="0.25">
      <c r="A374" s="3">
        <v>41750.750057870369</v>
      </c>
      <c r="B374" s="2">
        <v>13.1</v>
      </c>
      <c r="C374" s="2">
        <v>108.8</v>
      </c>
      <c r="D374" s="2">
        <v>0.2</v>
      </c>
      <c r="E374" s="2">
        <v>19.999999999999961</v>
      </c>
    </row>
    <row r="375" spans="1:5" x14ac:dyDescent="0.25">
      <c r="A375" s="3">
        <v>41750.750925925924</v>
      </c>
      <c r="B375" s="2">
        <v>13.1</v>
      </c>
      <c r="C375" s="2">
        <v>109</v>
      </c>
      <c r="D375" s="2">
        <v>0.2</v>
      </c>
      <c r="E375" s="2">
        <v>20.19999999999996</v>
      </c>
    </row>
    <row r="376" spans="1:5" x14ac:dyDescent="0.25">
      <c r="A376" s="3">
        <v>41750.752025462964</v>
      </c>
      <c r="B376" s="2">
        <v>13.1</v>
      </c>
      <c r="C376" s="2">
        <v>109.2</v>
      </c>
      <c r="D376" s="2">
        <v>0</v>
      </c>
      <c r="E376" s="2">
        <v>20.19999999999996</v>
      </c>
    </row>
    <row r="377" spans="1:5" x14ac:dyDescent="0.25">
      <c r="A377" s="3">
        <v>41750.752314814818</v>
      </c>
      <c r="B377" s="2">
        <v>13.1</v>
      </c>
      <c r="C377" s="2">
        <v>109.2</v>
      </c>
      <c r="D377" s="2">
        <v>0.2</v>
      </c>
      <c r="E377" s="2">
        <v>20.399999999999959</v>
      </c>
    </row>
    <row r="378" spans="1:5" x14ac:dyDescent="0.25">
      <c r="A378" s="3">
        <v>41750.753530092596</v>
      </c>
      <c r="B378" s="2">
        <v>13.1</v>
      </c>
      <c r="C378" s="2">
        <v>109.4</v>
      </c>
      <c r="D378" s="2">
        <v>0</v>
      </c>
      <c r="E378" s="2">
        <v>20.399999999999959</v>
      </c>
    </row>
    <row r="379" spans="1:5" x14ac:dyDescent="0.25">
      <c r="A379" s="3">
        <v>41750.753703703704</v>
      </c>
      <c r="B379" s="2">
        <v>13.1</v>
      </c>
      <c r="C379" s="2">
        <v>109.4</v>
      </c>
      <c r="D379" s="2">
        <v>0.2</v>
      </c>
      <c r="E379" s="2">
        <v>20.599999999999959</v>
      </c>
    </row>
    <row r="380" spans="1:5" x14ac:dyDescent="0.25">
      <c r="A380" s="3">
        <v>41750.755497685182</v>
      </c>
      <c r="B380" s="2">
        <v>13.1</v>
      </c>
      <c r="C380" s="2">
        <v>109.6</v>
      </c>
      <c r="D380" s="2">
        <v>0</v>
      </c>
      <c r="E380" s="2">
        <v>20.599999999999959</v>
      </c>
    </row>
    <row r="381" spans="1:5" x14ac:dyDescent="0.25">
      <c r="A381" s="3">
        <v>41750.755844907406</v>
      </c>
      <c r="B381" s="2">
        <v>13.1</v>
      </c>
      <c r="C381" s="2">
        <v>109.6</v>
      </c>
      <c r="D381" s="2">
        <v>0.2</v>
      </c>
      <c r="E381" s="2">
        <v>20.799999999999958</v>
      </c>
    </row>
    <row r="382" spans="1:5" x14ac:dyDescent="0.25">
      <c r="A382" s="3">
        <v>41750.758506944447</v>
      </c>
      <c r="B382" s="2">
        <v>13.1</v>
      </c>
      <c r="C382" s="2">
        <v>109.6</v>
      </c>
      <c r="D382" s="2">
        <v>0.2</v>
      </c>
      <c r="E382" s="2">
        <v>20.999999999999957</v>
      </c>
    </row>
    <row r="383" spans="1:5" x14ac:dyDescent="0.25">
      <c r="A383" s="3">
        <v>41750.758622685185</v>
      </c>
      <c r="B383" s="2">
        <v>13.1</v>
      </c>
      <c r="C383" s="2">
        <v>109.8</v>
      </c>
      <c r="D383" s="2">
        <v>0</v>
      </c>
      <c r="E383" s="2">
        <v>20.999999999999957</v>
      </c>
    </row>
    <row r="384" spans="1:5" x14ac:dyDescent="0.25">
      <c r="A384" s="3">
        <v>41750.763310185182</v>
      </c>
      <c r="B384" s="2">
        <v>13.1</v>
      </c>
      <c r="C384" s="2">
        <v>109.8</v>
      </c>
      <c r="D384" s="2">
        <v>0.2</v>
      </c>
      <c r="E384" s="2">
        <v>21.199999999999957</v>
      </c>
    </row>
    <row r="385" spans="1:5" x14ac:dyDescent="0.25">
      <c r="A385" s="3">
        <v>41750.763368055559</v>
      </c>
      <c r="B385" s="2">
        <v>13.1</v>
      </c>
      <c r="C385" s="2">
        <v>110</v>
      </c>
      <c r="D385" s="2">
        <v>0</v>
      </c>
      <c r="E385" s="2">
        <v>21.199999999999957</v>
      </c>
    </row>
    <row r="386" spans="1:5" x14ac:dyDescent="0.25">
      <c r="A386" s="3">
        <v>41750.771585648145</v>
      </c>
      <c r="B386" s="2">
        <v>13.1</v>
      </c>
      <c r="C386" s="2">
        <v>110</v>
      </c>
      <c r="D386" s="2">
        <v>0.2</v>
      </c>
      <c r="E386" s="2">
        <v>21.399999999999956</v>
      </c>
    </row>
    <row r="387" spans="1:5" x14ac:dyDescent="0.25">
      <c r="A387" s="3">
        <v>41750.774074074077</v>
      </c>
      <c r="B387" s="2">
        <v>13.1</v>
      </c>
      <c r="C387" s="2">
        <v>110.2</v>
      </c>
      <c r="D387" s="2">
        <v>0</v>
      </c>
      <c r="E387" s="2">
        <v>21.399999999999956</v>
      </c>
    </row>
    <row r="388" spans="1:5" x14ac:dyDescent="0.25">
      <c r="A388" s="3">
        <v>41750.777314814812</v>
      </c>
      <c r="B388" s="2">
        <v>13.1</v>
      </c>
      <c r="C388" s="2">
        <v>110.2</v>
      </c>
      <c r="D388" s="2">
        <v>0.2</v>
      </c>
      <c r="E388" s="2">
        <v>21.599999999999955</v>
      </c>
    </row>
    <row r="389" spans="1:5" x14ac:dyDescent="0.25">
      <c r="A389" s="3">
        <v>41750.777777777781</v>
      </c>
      <c r="B389" s="2">
        <v>13.1</v>
      </c>
      <c r="C389" s="2">
        <v>110.4</v>
      </c>
      <c r="D389" s="2">
        <v>0</v>
      </c>
      <c r="E389" s="2">
        <v>21.599999999999955</v>
      </c>
    </row>
    <row r="390" spans="1:5" x14ac:dyDescent="0.25">
      <c r="A390" s="3">
        <v>41750.783217592594</v>
      </c>
      <c r="B390" s="2">
        <v>13</v>
      </c>
      <c r="C390" s="2">
        <v>110.4</v>
      </c>
      <c r="D390" s="2">
        <v>0.2</v>
      </c>
      <c r="E390" s="2">
        <v>21.799999999999955</v>
      </c>
    </row>
    <row r="391" spans="1:5" x14ac:dyDescent="0.25">
      <c r="A391" s="3">
        <v>41750.786226851851</v>
      </c>
      <c r="B391" s="2">
        <v>13</v>
      </c>
      <c r="C391" s="2">
        <v>110.6</v>
      </c>
      <c r="D391" s="2">
        <v>0</v>
      </c>
      <c r="E391" s="2">
        <v>21.799999999999955</v>
      </c>
    </row>
    <row r="392" spans="1:5" x14ac:dyDescent="0.25">
      <c r="A392" s="3">
        <v>41750.794675925928</v>
      </c>
      <c r="B392" s="2">
        <v>13</v>
      </c>
      <c r="C392" s="2">
        <v>110.6</v>
      </c>
      <c r="D392" s="2">
        <v>0.2</v>
      </c>
      <c r="E392" s="2">
        <v>21.999999999999954</v>
      </c>
    </row>
    <row r="393" spans="1:5" x14ac:dyDescent="0.25">
      <c r="A393" s="3">
        <v>41750.809374999997</v>
      </c>
      <c r="B393" s="2">
        <v>12.9</v>
      </c>
      <c r="C393" s="2">
        <v>110.8</v>
      </c>
      <c r="D393" s="2">
        <v>0</v>
      </c>
      <c r="E393" s="2">
        <v>21.999999999999954</v>
      </c>
    </row>
    <row r="394" spans="1:5" x14ac:dyDescent="0.25">
      <c r="A394" s="3">
        <v>41750.816030092596</v>
      </c>
      <c r="B394" s="2">
        <v>12.9</v>
      </c>
      <c r="C394" s="2">
        <v>110.8</v>
      </c>
      <c r="D394" s="2">
        <v>0.2</v>
      </c>
      <c r="E394" s="2">
        <v>22.199999999999953</v>
      </c>
    </row>
    <row r="395" spans="1:5" x14ac:dyDescent="0.25">
      <c r="A395" s="3">
        <v>41750.81759259259</v>
      </c>
      <c r="B395" s="2">
        <v>12.9</v>
      </c>
      <c r="C395" s="2">
        <v>111</v>
      </c>
      <c r="D395" s="2">
        <v>0</v>
      </c>
      <c r="E395" s="2">
        <v>22.199999999999953</v>
      </c>
    </row>
    <row r="396" spans="1:5" x14ac:dyDescent="0.25">
      <c r="A396" s="3">
        <v>41750.819560185184</v>
      </c>
      <c r="B396" s="2">
        <v>12.9</v>
      </c>
      <c r="C396" s="2">
        <v>111</v>
      </c>
      <c r="D396" s="2">
        <v>0.2</v>
      </c>
      <c r="E396" s="2">
        <v>22.399999999999952</v>
      </c>
    </row>
    <row r="397" spans="1:5" x14ac:dyDescent="0.25">
      <c r="A397" s="3">
        <v>41750.820601851854</v>
      </c>
      <c r="B397" s="2">
        <v>12.9</v>
      </c>
      <c r="C397" s="2">
        <v>111.2</v>
      </c>
      <c r="D397" s="2">
        <v>0</v>
      </c>
      <c r="E397" s="2">
        <v>22.399999999999952</v>
      </c>
    </row>
    <row r="398" spans="1:5" x14ac:dyDescent="0.25">
      <c r="A398" s="3">
        <v>41750.823437500003</v>
      </c>
      <c r="B398" s="2">
        <v>12.9</v>
      </c>
      <c r="C398" s="2">
        <v>111.2</v>
      </c>
      <c r="D398" s="2">
        <v>0.2</v>
      </c>
      <c r="E398" s="2">
        <v>22.599999999999952</v>
      </c>
    </row>
    <row r="399" spans="1:5" x14ac:dyDescent="0.25">
      <c r="A399" s="3">
        <v>41750.825173611112</v>
      </c>
      <c r="B399" s="2">
        <v>12.9</v>
      </c>
      <c r="C399" s="2">
        <v>111.4</v>
      </c>
      <c r="D399" s="2">
        <v>0</v>
      </c>
      <c r="E399" s="2">
        <v>22.599999999999952</v>
      </c>
    </row>
    <row r="400" spans="1:5" x14ac:dyDescent="0.25">
      <c r="A400" s="3">
        <v>41750.832928240743</v>
      </c>
      <c r="B400" s="2">
        <v>12.8</v>
      </c>
      <c r="C400" s="2">
        <v>111.4</v>
      </c>
      <c r="D400" s="2">
        <v>0.2</v>
      </c>
      <c r="E400" s="2">
        <v>22.799999999999951</v>
      </c>
    </row>
    <row r="401" spans="1:5" x14ac:dyDescent="0.25">
      <c r="A401" s="3">
        <v>41750.840162037035</v>
      </c>
      <c r="B401" s="2">
        <v>12.8</v>
      </c>
      <c r="C401" s="2">
        <v>111.6</v>
      </c>
      <c r="D401" s="2">
        <v>0</v>
      </c>
      <c r="E401" s="2">
        <v>22.799999999999951</v>
      </c>
    </row>
    <row r="402" spans="1:5" x14ac:dyDescent="0.25">
      <c r="A402" s="3">
        <v>41750.843518518515</v>
      </c>
      <c r="B402" s="2">
        <v>12.8</v>
      </c>
      <c r="C402" s="2">
        <v>111.6</v>
      </c>
      <c r="D402" s="2">
        <v>0.2</v>
      </c>
      <c r="E402" s="2">
        <v>22.99999999999995</v>
      </c>
    </row>
    <row r="403" spans="1:5" x14ac:dyDescent="0.25">
      <c r="A403" s="3">
        <v>41750.845891203702</v>
      </c>
      <c r="B403" s="2">
        <v>12.8</v>
      </c>
      <c r="C403" s="2">
        <v>111.8</v>
      </c>
      <c r="D403" s="2">
        <v>0</v>
      </c>
      <c r="E403" s="2">
        <v>22.99999999999995</v>
      </c>
    </row>
    <row r="404" spans="1:5" x14ac:dyDescent="0.25">
      <c r="A404" s="3">
        <v>41750.847858796296</v>
      </c>
      <c r="B404" s="2">
        <v>12.8</v>
      </c>
      <c r="C404" s="2">
        <v>111.8</v>
      </c>
      <c r="D404" s="2">
        <v>0.2</v>
      </c>
      <c r="E404" s="2">
        <v>23.19999999999995</v>
      </c>
    </row>
    <row r="405" spans="1:5" x14ac:dyDescent="0.25">
      <c r="A405" s="3">
        <v>41750.849074074074</v>
      </c>
      <c r="B405" s="2">
        <v>12.7</v>
      </c>
      <c r="C405" s="2">
        <v>112</v>
      </c>
      <c r="D405" s="2">
        <v>0</v>
      </c>
      <c r="E405" s="2">
        <v>23.19999999999995</v>
      </c>
    </row>
    <row r="406" spans="1:5" x14ac:dyDescent="0.25">
      <c r="A406" s="3">
        <v>41750.850231481483</v>
      </c>
      <c r="B406" s="2">
        <v>12.7</v>
      </c>
      <c r="C406" s="2">
        <v>112</v>
      </c>
      <c r="D406" s="2">
        <v>0.2</v>
      </c>
      <c r="E406" s="2">
        <v>23.399999999999949</v>
      </c>
    </row>
    <row r="407" spans="1:5" x14ac:dyDescent="0.25">
      <c r="A407" s="3">
        <v>41750.851331018515</v>
      </c>
      <c r="B407" s="2">
        <v>12.7</v>
      </c>
      <c r="C407" s="2">
        <v>112.2</v>
      </c>
      <c r="D407" s="2">
        <v>0</v>
      </c>
      <c r="E407" s="2">
        <v>23.399999999999949</v>
      </c>
    </row>
    <row r="408" spans="1:5" x14ac:dyDescent="0.25">
      <c r="A408" s="3">
        <v>41750.852546296293</v>
      </c>
      <c r="B408" s="2">
        <v>12.7</v>
      </c>
      <c r="C408" s="2">
        <v>112.2</v>
      </c>
      <c r="D408" s="2">
        <v>0.2</v>
      </c>
      <c r="E408" s="2">
        <v>23.599999999999948</v>
      </c>
    </row>
    <row r="409" spans="1:5" x14ac:dyDescent="0.25">
      <c r="A409" s="3">
        <v>41750.853472222225</v>
      </c>
      <c r="B409" s="2">
        <v>12.7</v>
      </c>
      <c r="C409" s="2">
        <v>112.4</v>
      </c>
      <c r="D409" s="2">
        <v>0</v>
      </c>
      <c r="E409" s="2">
        <v>23.599999999999948</v>
      </c>
    </row>
    <row r="410" spans="1:5" x14ac:dyDescent="0.25">
      <c r="A410" s="3">
        <v>41750.854803240742</v>
      </c>
      <c r="B410" s="2">
        <v>12.7</v>
      </c>
      <c r="C410" s="2">
        <v>112.4</v>
      </c>
      <c r="D410" s="2">
        <v>0.2</v>
      </c>
      <c r="E410" s="2">
        <v>23.799999999999947</v>
      </c>
    </row>
    <row r="411" spans="1:5" x14ac:dyDescent="0.25">
      <c r="A411" s="3">
        <v>41750.85659722222</v>
      </c>
      <c r="B411" s="2">
        <v>12.7</v>
      </c>
      <c r="C411" s="2">
        <v>112.6</v>
      </c>
      <c r="D411" s="2">
        <v>0</v>
      </c>
      <c r="E411" s="2">
        <v>23.799999999999947</v>
      </c>
    </row>
    <row r="412" spans="1:5" x14ac:dyDescent="0.25">
      <c r="A412" s="3">
        <v>41750.863888888889</v>
      </c>
      <c r="B412" s="2">
        <v>12.7</v>
      </c>
      <c r="C412" s="2">
        <v>112.6</v>
      </c>
      <c r="D412" s="2">
        <v>0.2</v>
      </c>
      <c r="E412" s="2">
        <v>23.999999999999947</v>
      </c>
    </row>
    <row r="413" spans="1:5" x14ac:dyDescent="0.25">
      <c r="A413" s="3">
        <v>41750.864930555559</v>
      </c>
      <c r="B413" s="2">
        <v>12.7</v>
      </c>
      <c r="C413" s="2">
        <v>112.8</v>
      </c>
      <c r="D413" s="2">
        <v>0</v>
      </c>
      <c r="E413" s="2">
        <v>23.999999999999947</v>
      </c>
    </row>
    <row r="414" spans="1:5" x14ac:dyDescent="0.25">
      <c r="A414" s="3">
        <v>41750.86614583333</v>
      </c>
      <c r="B414" s="2">
        <v>12.7</v>
      </c>
      <c r="C414" s="2">
        <v>112.8</v>
      </c>
      <c r="D414" s="2">
        <v>0.2</v>
      </c>
      <c r="E414" s="2">
        <v>24.199999999999946</v>
      </c>
    </row>
    <row r="415" spans="1:5" x14ac:dyDescent="0.25">
      <c r="A415" s="3">
        <v>41750.867592592593</v>
      </c>
      <c r="B415" s="2">
        <v>12.7</v>
      </c>
      <c r="C415" s="2">
        <v>113</v>
      </c>
      <c r="D415" s="2">
        <v>0</v>
      </c>
      <c r="E415" s="2">
        <v>24.199999999999946</v>
      </c>
    </row>
    <row r="416" spans="1:5" x14ac:dyDescent="0.25">
      <c r="A416" s="3">
        <v>41750.872569444444</v>
      </c>
      <c r="B416" s="2">
        <v>12.6</v>
      </c>
      <c r="C416" s="2">
        <v>113</v>
      </c>
      <c r="D416" s="2">
        <v>0.2</v>
      </c>
      <c r="E416" s="2">
        <v>24.399999999999945</v>
      </c>
    </row>
    <row r="417" spans="1:5" x14ac:dyDescent="0.25">
      <c r="A417" s="3">
        <v>41750.874537037038</v>
      </c>
      <c r="B417" s="2">
        <v>12.6</v>
      </c>
      <c r="C417" s="2">
        <v>113.2</v>
      </c>
      <c r="D417" s="2">
        <v>0</v>
      </c>
      <c r="E417" s="2">
        <v>24.399999999999945</v>
      </c>
    </row>
    <row r="418" spans="1:5" x14ac:dyDescent="0.25">
      <c r="A418" s="3">
        <v>41750.875810185185</v>
      </c>
      <c r="B418" s="2">
        <v>12.6</v>
      </c>
      <c r="C418" s="2">
        <v>113.2</v>
      </c>
      <c r="D418" s="2">
        <v>0.2</v>
      </c>
      <c r="E418" s="2">
        <v>24.599999999999945</v>
      </c>
    </row>
    <row r="419" spans="1:5" x14ac:dyDescent="0.25">
      <c r="A419" s="3">
        <v>41750.877488425926</v>
      </c>
      <c r="B419" s="2">
        <v>12.6</v>
      </c>
      <c r="C419" s="2">
        <v>113.4</v>
      </c>
      <c r="D419" s="2">
        <v>0</v>
      </c>
      <c r="E419" s="2">
        <v>24.599999999999945</v>
      </c>
    </row>
    <row r="420" spans="1:5" x14ac:dyDescent="0.25">
      <c r="A420" s="3">
        <v>41750.880671296298</v>
      </c>
      <c r="B420" s="2">
        <v>12.6</v>
      </c>
      <c r="C420" s="2">
        <v>113.4</v>
      </c>
      <c r="D420" s="2">
        <v>0.2</v>
      </c>
      <c r="E420" s="2">
        <v>24.799999999999944</v>
      </c>
    </row>
    <row r="421" spans="1:5" x14ac:dyDescent="0.25">
      <c r="A421" s="3">
        <v>41750.89398148148</v>
      </c>
      <c r="B421" s="2">
        <v>12.5</v>
      </c>
      <c r="C421" s="2">
        <v>113.6</v>
      </c>
      <c r="D421" s="2">
        <v>0</v>
      </c>
      <c r="E421" s="2">
        <v>24.799999999999944</v>
      </c>
    </row>
    <row r="422" spans="1:5" x14ac:dyDescent="0.25">
      <c r="A422" s="3">
        <v>41750.897569444445</v>
      </c>
      <c r="B422" s="2">
        <v>12.5</v>
      </c>
      <c r="C422" s="2">
        <v>113.6</v>
      </c>
      <c r="D422" s="2">
        <v>0.2</v>
      </c>
      <c r="E422" s="2">
        <v>24.999999999999943</v>
      </c>
    </row>
    <row r="423" spans="1:5" x14ac:dyDescent="0.25">
      <c r="A423" s="3">
        <v>41750.935358796298</v>
      </c>
      <c r="B423" s="2">
        <v>12.4</v>
      </c>
      <c r="C423" s="2">
        <v>113.8</v>
      </c>
      <c r="D423" s="2">
        <v>0</v>
      </c>
      <c r="E423" s="2">
        <v>24.999999999999943</v>
      </c>
    </row>
    <row r="424" spans="1:5" x14ac:dyDescent="0.25">
      <c r="A424" s="3">
        <v>41750.966898148145</v>
      </c>
      <c r="B424" s="2">
        <v>12.3</v>
      </c>
      <c r="C424" s="2">
        <v>113.8</v>
      </c>
      <c r="D424" s="2">
        <v>0.2</v>
      </c>
      <c r="E424" s="2">
        <v>25.199999999999942</v>
      </c>
    </row>
    <row r="425" spans="1:5" x14ac:dyDescent="0.25">
      <c r="A425" s="3">
        <v>41751.035763888889</v>
      </c>
      <c r="B425" s="2">
        <v>12</v>
      </c>
      <c r="C425" s="2">
        <v>113.8</v>
      </c>
      <c r="D425" s="2">
        <v>0.2</v>
      </c>
      <c r="E425" s="2">
        <v>25.399999999999942</v>
      </c>
    </row>
    <row r="426" spans="1:5" x14ac:dyDescent="0.25">
      <c r="A426" s="3">
        <v>41751.062905092593</v>
      </c>
      <c r="B426" s="2">
        <v>11.9</v>
      </c>
      <c r="C426" s="2">
        <v>114</v>
      </c>
      <c r="D426" s="2">
        <v>0</v>
      </c>
      <c r="E426" s="2">
        <v>25.399999999999942</v>
      </c>
    </row>
    <row r="427" spans="1:5" x14ac:dyDescent="0.25">
      <c r="A427" s="3">
        <v>41751.080266203702</v>
      </c>
      <c r="B427" s="2">
        <v>11.9</v>
      </c>
      <c r="C427" s="2">
        <v>114</v>
      </c>
      <c r="D427" s="2">
        <v>0.2</v>
      </c>
      <c r="E427" s="2">
        <v>25.599999999999941</v>
      </c>
    </row>
    <row r="428" spans="1:5" x14ac:dyDescent="0.25">
      <c r="A428" s="3">
        <v>41751.084780092591</v>
      </c>
      <c r="B428" s="2">
        <v>11.9</v>
      </c>
      <c r="C428" s="2">
        <v>114.2</v>
      </c>
      <c r="D428" s="2">
        <v>0</v>
      </c>
      <c r="E428" s="2">
        <v>25.599999999999941</v>
      </c>
    </row>
    <row r="429" spans="1:5" x14ac:dyDescent="0.25">
      <c r="A429" s="3">
        <v>41751.127951388888</v>
      </c>
      <c r="B429" s="2">
        <v>11.8</v>
      </c>
      <c r="C429" s="2">
        <v>114.4</v>
      </c>
      <c r="D429" s="2">
        <v>0</v>
      </c>
      <c r="E429" s="2">
        <v>25.599999999999941</v>
      </c>
    </row>
    <row r="430" spans="1:5" x14ac:dyDescent="0.25">
      <c r="A430" s="3">
        <v>41751.128240740742</v>
      </c>
      <c r="B430" s="2">
        <v>11.8</v>
      </c>
      <c r="C430" s="2">
        <v>114.4</v>
      </c>
      <c r="D430" s="2">
        <v>0.2</v>
      </c>
      <c r="E430" s="2">
        <v>25.79999999999994</v>
      </c>
    </row>
    <row r="431" spans="1:5" x14ac:dyDescent="0.25">
      <c r="A431" s="3">
        <v>41751.132465277777</v>
      </c>
      <c r="B431" s="2">
        <v>11.7</v>
      </c>
      <c r="C431" s="2">
        <v>114.6</v>
      </c>
      <c r="D431" s="2">
        <v>0</v>
      </c>
      <c r="E431" s="2">
        <v>25.79999999999994</v>
      </c>
    </row>
    <row r="432" spans="1:5" x14ac:dyDescent="0.25">
      <c r="A432" s="3">
        <v>41751.137326388889</v>
      </c>
      <c r="B432" s="2">
        <v>11.7</v>
      </c>
      <c r="C432" s="2">
        <v>114.6</v>
      </c>
      <c r="D432" s="2">
        <v>0.2</v>
      </c>
      <c r="E432" s="2">
        <v>25.99999999999994</v>
      </c>
    </row>
    <row r="433" spans="1:5" x14ac:dyDescent="0.25">
      <c r="A433" s="3">
        <v>41751.160879629628</v>
      </c>
      <c r="B433" s="2">
        <v>11.6</v>
      </c>
      <c r="C433" s="2">
        <v>114.6</v>
      </c>
      <c r="D433" s="2">
        <v>0.2</v>
      </c>
      <c r="E433" s="2">
        <v>26.199999999999939</v>
      </c>
    </row>
    <row r="434" spans="1:5" x14ac:dyDescent="0.25">
      <c r="A434" s="3">
        <v>41751.161458333336</v>
      </c>
      <c r="B434" s="2">
        <v>11.6</v>
      </c>
      <c r="C434" s="2">
        <v>114.8</v>
      </c>
      <c r="D434" s="2">
        <v>0</v>
      </c>
      <c r="E434" s="2">
        <v>26.199999999999939</v>
      </c>
    </row>
    <row r="435" spans="1:5" x14ac:dyDescent="0.25">
      <c r="A435" s="3">
        <v>41751.163831018515</v>
      </c>
      <c r="B435" s="2">
        <v>11.6</v>
      </c>
      <c r="C435" s="2">
        <v>115</v>
      </c>
      <c r="D435" s="2">
        <v>0.2</v>
      </c>
      <c r="E435" s="2">
        <v>26.399999999999938</v>
      </c>
    </row>
    <row r="436" spans="1:5" x14ac:dyDescent="0.25">
      <c r="A436" s="3">
        <v>41751.16574074074</v>
      </c>
      <c r="B436" s="2">
        <v>11.6</v>
      </c>
      <c r="C436" s="2">
        <v>115</v>
      </c>
      <c r="D436" s="2">
        <v>0.2</v>
      </c>
      <c r="E436" s="2">
        <v>26.599999999999937</v>
      </c>
    </row>
    <row r="437" spans="1:5" x14ac:dyDescent="0.25">
      <c r="A437" s="3">
        <v>41751.165914351855</v>
      </c>
      <c r="B437" s="2">
        <v>11.6</v>
      </c>
      <c r="C437" s="2">
        <v>115.2</v>
      </c>
      <c r="D437" s="2">
        <v>0</v>
      </c>
      <c r="E437" s="2">
        <v>26.599999999999937</v>
      </c>
    </row>
    <row r="438" spans="1:5" x14ac:dyDescent="0.25">
      <c r="A438" s="3">
        <v>41751.167129629626</v>
      </c>
      <c r="B438" s="2">
        <v>11.6</v>
      </c>
      <c r="C438" s="2">
        <v>115.2</v>
      </c>
      <c r="D438" s="2">
        <v>0.2</v>
      </c>
      <c r="E438" s="2">
        <v>26.799999999999937</v>
      </c>
    </row>
    <row r="439" spans="1:5" x14ac:dyDescent="0.25">
      <c r="A439" s="3">
        <v>41751.16741898148</v>
      </c>
      <c r="B439" s="2">
        <v>11.6</v>
      </c>
      <c r="C439" s="2">
        <v>115.4</v>
      </c>
      <c r="D439" s="2">
        <v>0</v>
      </c>
      <c r="E439" s="2">
        <v>26.799999999999937</v>
      </c>
    </row>
    <row r="440" spans="1:5" x14ac:dyDescent="0.25">
      <c r="A440" s="3">
        <v>41751.168171296296</v>
      </c>
      <c r="B440" s="2">
        <v>11.6</v>
      </c>
      <c r="C440" s="2">
        <v>115.4</v>
      </c>
      <c r="D440" s="2">
        <v>0.2</v>
      </c>
      <c r="E440" s="2">
        <v>26.999999999999936</v>
      </c>
    </row>
    <row r="441" spans="1:5" x14ac:dyDescent="0.25">
      <c r="A441" s="3">
        <v>41751.168692129628</v>
      </c>
      <c r="B441" s="2">
        <v>11.6</v>
      </c>
      <c r="C441" s="2">
        <v>115.6</v>
      </c>
      <c r="D441" s="2">
        <v>0</v>
      </c>
      <c r="E441" s="2">
        <v>26.999999999999936</v>
      </c>
    </row>
    <row r="442" spans="1:5" x14ac:dyDescent="0.25">
      <c r="A442" s="3">
        <v>41751.169791666667</v>
      </c>
      <c r="B442" s="2">
        <v>11.6</v>
      </c>
      <c r="C442" s="2">
        <v>115.6</v>
      </c>
      <c r="D442" s="2">
        <v>0.2</v>
      </c>
      <c r="E442" s="2">
        <v>27.199999999999935</v>
      </c>
    </row>
    <row r="443" spans="1:5" x14ac:dyDescent="0.25">
      <c r="A443" s="3">
        <v>41751.170543981483</v>
      </c>
      <c r="B443" s="2">
        <v>11.6</v>
      </c>
      <c r="C443" s="2">
        <v>115.8</v>
      </c>
      <c r="D443" s="2">
        <v>0</v>
      </c>
      <c r="E443" s="2">
        <v>27.199999999999935</v>
      </c>
    </row>
    <row r="444" spans="1:5" x14ac:dyDescent="0.25">
      <c r="A444" s="3">
        <v>41751.171180555553</v>
      </c>
      <c r="B444" s="2">
        <v>11.6</v>
      </c>
      <c r="C444" s="2">
        <v>115.8</v>
      </c>
      <c r="D444" s="2">
        <v>0.2</v>
      </c>
      <c r="E444" s="2">
        <v>27.399999999999935</v>
      </c>
    </row>
    <row r="445" spans="1:5" x14ac:dyDescent="0.25">
      <c r="A445" s="3">
        <v>41751.171990740739</v>
      </c>
      <c r="B445" s="2">
        <v>11.6</v>
      </c>
      <c r="C445" s="2">
        <v>116</v>
      </c>
      <c r="D445" s="2">
        <v>0</v>
      </c>
      <c r="E445" s="2">
        <v>27.399999999999935</v>
      </c>
    </row>
    <row r="446" spans="1:5" x14ac:dyDescent="0.25">
      <c r="A446" s="3">
        <v>41751.172569444447</v>
      </c>
      <c r="B446" s="2">
        <v>11.6</v>
      </c>
      <c r="C446" s="2">
        <v>116</v>
      </c>
      <c r="D446" s="2">
        <v>0.2</v>
      </c>
      <c r="E446" s="2">
        <v>27.599999999999934</v>
      </c>
    </row>
    <row r="447" spans="1:5" x14ac:dyDescent="0.25">
      <c r="A447" s="3">
        <v>41751.173437500001</v>
      </c>
      <c r="B447" s="2">
        <v>11.6</v>
      </c>
      <c r="C447" s="2">
        <v>116.2</v>
      </c>
      <c r="D447" s="2">
        <v>0</v>
      </c>
      <c r="E447" s="2">
        <v>27.599999999999934</v>
      </c>
    </row>
    <row r="448" spans="1:5" x14ac:dyDescent="0.25">
      <c r="A448" s="3">
        <v>41751.174363425926</v>
      </c>
      <c r="B448" s="2">
        <v>11.6</v>
      </c>
      <c r="C448" s="2">
        <v>116.2</v>
      </c>
      <c r="D448" s="2">
        <v>0.2</v>
      </c>
      <c r="E448" s="2">
        <v>27.799999999999933</v>
      </c>
    </row>
    <row r="449" spans="1:5" x14ac:dyDescent="0.25">
      <c r="A449" s="3">
        <v>41751.176736111112</v>
      </c>
      <c r="B449" s="2">
        <v>11.6</v>
      </c>
      <c r="C449" s="2">
        <v>116.4</v>
      </c>
      <c r="D449" s="2">
        <v>0</v>
      </c>
      <c r="E449" s="2">
        <v>27.799999999999933</v>
      </c>
    </row>
    <row r="450" spans="1:5" x14ac:dyDescent="0.25">
      <c r="A450" s="3">
        <v>41751.178067129629</v>
      </c>
      <c r="B450" s="2">
        <v>11.6</v>
      </c>
      <c r="C450" s="2">
        <v>116.4</v>
      </c>
      <c r="D450" s="2">
        <v>0.2</v>
      </c>
      <c r="E450" s="2">
        <v>27.999999999999932</v>
      </c>
    </row>
    <row r="451" spans="1:5" x14ac:dyDescent="0.25">
      <c r="A451" s="3">
        <v>41751.181944444441</v>
      </c>
      <c r="B451" s="2">
        <v>11.6</v>
      </c>
      <c r="C451" s="2">
        <v>116.6</v>
      </c>
      <c r="D451" s="2">
        <v>0</v>
      </c>
      <c r="E451" s="2">
        <v>27.999999999999932</v>
      </c>
    </row>
    <row r="452" spans="1:5" x14ac:dyDescent="0.25">
      <c r="A452" s="3">
        <v>41751.182870370372</v>
      </c>
      <c r="B452" s="2">
        <v>11.6</v>
      </c>
      <c r="C452" s="2">
        <v>116.6</v>
      </c>
      <c r="D452" s="2">
        <v>0.2</v>
      </c>
      <c r="E452" s="2">
        <v>28.199999999999932</v>
      </c>
    </row>
    <row r="453" spans="1:5" x14ac:dyDescent="0.25">
      <c r="A453" s="3">
        <v>41751.187847222223</v>
      </c>
      <c r="B453" s="2">
        <v>11.6</v>
      </c>
      <c r="C453" s="2">
        <v>116.8</v>
      </c>
      <c r="D453" s="2">
        <v>0</v>
      </c>
      <c r="E453" s="2">
        <v>28.199999999999932</v>
      </c>
    </row>
    <row r="454" spans="1:5" x14ac:dyDescent="0.25">
      <c r="A454" s="3">
        <v>41751.189756944441</v>
      </c>
      <c r="B454" s="2">
        <v>11.6</v>
      </c>
      <c r="C454" s="2">
        <v>116.8</v>
      </c>
      <c r="D454" s="2">
        <v>0.2</v>
      </c>
      <c r="E454" s="2">
        <v>28.399999999999931</v>
      </c>
    </row>
    <row r="455" spans="1:5" x14ac:dyDescent="0.25">
      <c r="A455" s="3">
        <v>41751.196122685185</v>
      </c>
      <c r="B455" s="2">
        <v>11.5</v>
      </c>
      <c r="C455" s="2">
        <v>117</v>
      </c>
      <c r="D455" s="2">
        <v>0</v>
      </c>
      <c r="E455" s="2">
        <v>28.399999999999931</v>
      </c>
    </row>
    <row r="456" spans="1:5" x14ac:dyDescent="0.25">
      <c r="A456" s="3">
        <v>41751.263078703705</v>
      </c>
      <c r="B456" s="2">
        <v>11.3</v>
      </c>
      <c r="C456" s="2">
        <v>117</v>
      </c>
      <c r="D456" s="2">
        <v>0.2</v>
      </c>
      <c r="E456" s="2">
        <v>28.59999999999993</v>
      </c>
    </row>
    <row r="457" spans="1:5" x14ac:dyDescent="0.25">
      <c r="A457" s="3">
        <v>41751.396874999999</v>
      </c>
      <c r="B457" s="2">
        <v>12.3</v>
      </c>
      <c r="C457" s="2">
        <v>116.8</v>
      </c>
      <c r="D457" s="2">
        <v>0</v>
      </c>
      <c r="E457" s="2">
        <v>28.59999999999993</v>
      </c>
    </row>
    <row r="458" spans="1:5" x14ac:dyDescent="0.25">
      <c r="A458" s="3">
        <v>41751.400810185187</v>
      </c>
      <c r="B458" s="2">
        <v>12.3</v>
      </c>
      <c r="C458" s="2">
        <v>117</v>
      </c>
      <c r="D458" s="2">
        <v>0</v>
      </c>
      <c r="E458" s="2">
        <v>28.59999999999993</v>
      </c>
    </row>
    <row r="459" spans="1:5" x14ac:dyDescent="0.25">
      <c r="A459" s="3">
        <v>41751.404456018521</v>
      </c>
      <c r="B459" s="2">
        <v>12.6</v>
      </c>
      <c r="C459" s="2">
        <v>116.8</v>
      </c>
      <c r="D459" s="2">
        <v>0</v>
      </c>
      <c r="E459" s="2">
        <v>28.59999999999993</v>
      </c>
    </row>
    <row r="460" spans="1:5" x14ac:dyDescent="0.25">
      <c r="A460" s="3">
        <v>41751.409201388888</v>
      </c>
      <c r="B460" s="2">
        <v>12.7</v>
      </c>
      <c r="C460" s="2">
        <v>117</v>
      </c>
      <c r="D460" s="2">
        <v>0</v>
      </c>
      <c r="E460" s="2">
        <v>28.59999999999993</v>
      </c>
    </row>
    <row r="461" spans="1:5" x14ac:dyDescent="0.25">
      <c r="A461" s="3">
        <v>41751.440972222219</v>
      </c>
      <c r="B461" s="2">
        <v>13.9</v>
      </c>
      <c r="C461" s="2">
        <v>116.8</v>
      </c>
      <c r="D461" s="2">
        <v>0</v>
      </c>
      <c r="E461" s="2">
        <v>28.59999999999993</v>
      </c>
    </row>
    <row r="462" spans="1:5" x14ac:dyDescent="0.25">
      <c r="A462" s="3">
        <v>41751.446006944447</v>
      </c>
      <c r="B462" s="2">
        <v>14.2</v>
      </c>
      <c r="C462" s="2">
        <v>117</v>
      </c>
      <c r="D462" s="2">
        <v>0</v>
      </c>
      <c r="E462" s="2">
        <v>28.59999999999993</v>
      </c>
    </row>
    <row r="463" spans="1:5" x14ac:dyDescent="0.25">
      <c r="A463" s="3">
        <v>41751.456655092596</v>
      </c>
      <c r="B463" s="2">
        <v>14.8</v>
      </c>
      <c r="C463" s="2">
        <v>116.8</v>
      </c>
      <c r="D463" s="2">
        <v>0</v>
      </c>
      <c r="E463" s="2">
        <v>28.59999999999993</v>
      </c>
    </row>
    <row r="464" spans="1:5" x14ac:dyDescent="0.25">
      <c r="A464" s="3">
        <v>41751.456712962965</v>
      </c>
      <c r="B464" s="2">
        <v>14.8</v>
      </c>
      <c r="C464" s="2">
        <v>117</v>
      </c>
      <c r="D464" s="2">
        <v>0</v>
      </c>
      <c r="E464" s="2">
        <v>28.59999999999993</v>
      </c>
    </row>
    <row r="465" spans="1:5" x14ac:dyDescent="0.25">
      <c r="A465" s="3">
        <v>41751.484895833331</v>
      </c>
      <c r="B465" s="2">
        <v>16.600000000000001</v>
      </c>
      <c r="C465" s="2">
        <v>117.2</v>
      </c>
      <c r="D465" s="2">
        <v>0</v>
      </c>
      <c r="E465" s="2">
        <v>28.59999999999993</v>
      </c>
    </row>
    <row r="466" spans="1:5" x14ac:dyDescent="0.25">
      <c r="A466" s="3">
        <v>41751.484953703701</v>
      </c>
      <c r="B466" s="2">
        <v>16.600000000000001</v>
      </c>
      <c r="C466" s="2">
        <v>117</v>
      </c>
      <c r="D466" s="2">
        <v>0</v>
      </c>
      <c r="E466" s="2">
        <v>28.59999999999993</v>
      </c>
    </row>
    <row r="467" spans="1:5" x14ac:dyDescent="0.25">
      <c r="A467" s="3">
        <v>41751.532002314816</v>
      </c>
      <c r="B467" s="2">
        <v>19.8</v>
      </c>
      <c r="C467" s="2">
        <v>117.2</v>
      </c>
      <c r="D467" s="2">
        <v>0</v>
      </c>
      <c r="E467" s="2">
        <v>28.59999999999993</v>
      </c>
    </row>
    <row r="468" spans="1:5" x14ac:dyDescent="0.25">
      <c r="A468" s="3">
        <v>41751.532118055555</v>
      </c>
      <c r="B468" s="2">
        <v>19.8</v>
      </c>
      <c r="C468" s="2">
        <v>117</v>
      </c>
      <c r="D468" s="2">
        <v>0</v>
      </c>
      <c r="E468" s="2">
        <v>28.59999999999993</v>
      </c>
    </row>
    <row r="469" spans="1:5" x14ac:dyDescent="0.25">
      <c r="A469" s="3">
        <v>41751.539583333331</v>
      </c>
      <c r="B469" s="2">
        <v>20.2</v>
      </c>
      <c r="C469" s="2">
        <v>117.2</v>
      </c>
      <c r="D469" s="2">
        <v>0</v>
      </c>
      <c r="E469" s="2">
        <v>28.59999999999993</v>
      </c>
    </row>
    <row r="470" spans="1:5" x14ac:dyDescent="0.25">
      <c r="A470" s="3">
        <v>41751.539699074077</v>
      </c>
      <c r="B470" s="2">
        <v>20.100000000000001</v>
      </c>
      <c r="C470" s="2">
        <v>117</v>
      </c>
      <c r="D470" s="2">
        <v>0</v>
      </c>
      <c r="E470" s="2">
        <v>28.59999999999993</v>
      </c>
    </row>
    <row r="471" spans="1:5" x14ac:dyDescent="0.25">
      <c r="A471" s="3">
        <v>41751.545081018521</v>
      </c>
      <c r="B471" s="2">
        <v>20.399999999999999</v>
      </c>
      <c r="C471" s="2">
        <v>117.2</v>
      </c>
      <c r="D471" s="2">
        <v>0</v>
      </c>
      <c r="E471" s="2">
        <v>28.59999999999993</v>
      </c>
    </row>
    <row r="472" spans="1:5" x14ac:dyDescent="0.25">
      <c r="A472" s="3">
        <v>41751.54519675926</v>
      </c>
      <c r="B472" s="2">
        <v>20.399999999999999</v>
      </c>
      <c r="C472" s="2">
        <v>117</v>
      </c>
      <c r="D472" s="2">
        <v>0</v>
      </c>
      <c r="E472" s="2">
        <v>28.59999999999993</v>
      </c>
    </row>
    <row r="473" spans="1:5" x14ac:dyDescent="0.25">
      <c r="A473" s="3">
        <v>41751.546701388892</v>
      </c>
      <c r="B473" s="2">
        <v>20.399999999999999</v>
      </c>
      <c r="C473" s="2">
        <v>117.2</v>
      </c>
      <c r="D473" s="2">
        <v>0</v>
      </c>
      <c r="E473" s="2">
        <v>28.59999999999993</v>
      </c>
    </row>
    <row r="474" spans="1:5" x14ac:dyDescent="0.25">
      <c r="A474" s="3">
        <v>41751.546932870369</v>
      </c>
      <c r="B474" s="2">
        <v>20.399999999999999</v>
      </c>
      <c r="C474" s="2">
        <v>117</v>
      </c>
      <c r="D474" s="2">
        <v>0</v>
      </c>
      <c r="E474" s="2">
        <v>28.59999999999993</v>
      </c>
    </row>
    <row r="475" spans="1:5" x14ac:dyDescent="0.25">
      <c r="A475" s="3">
        <v>41751.547164351854</v>
      </c>
      <c r="B475" s="2">
        <v>20.399999999999999</v>
      </c>
      <c r="C475" s="2">
        <v>117.2</v>
      </c>
      <c r="D475" s="2">
        <v>0</v>
      </c>
      <c r="E475" s="2">
        <v>28.59999999999993</v>
      </c>
    </row>
    <row r="476" spans="1:5" x14ac:dyDescent="0.25">
      <c r="A476" s="3">
        <v>41751.547337962962</v>
      </c>
      <c r="B476" s="2">
        <v>20.399999999999999</v>
      </c>
      <c r="C476" s="2">
        <v>117</v>
      </c>
      <c r="D476" s="2">
        <v>0</v>
      </c>
      <c r="E476" s="2">
        <v>28.59999999999993</v>
      </c>
    </row>
    <row r="477" spans="1:5" x14ac:dyDescent="0.25">
      <c r="A477" s="3">
        <v>41751.547743055555</v>
      </c>
      <c r="B477" s="2">
        <v>20.399999999999999</v>
      </c>
      <c r="C477" s="2">
        <v>117.2</v>
      </c>
      <c r="D477" s="2">
        <v>0</v>
      </c>
      <c r="E477" s="2">
        <v>28.59999999999993</v>
      </c>
    </row>
    <row r="478" spans="1:5" x14ac:dyDescent="0.25">
      <c r="A478" s="3">
        <v>41751.547800925924</v>
      </c>
      <c r="B478" s="2">
        <v>20.399999999999999</v>
      </c>
      <c r="C478" s="2">
        <v>117</v>
      </c>
      <c r="D478" s="2">
        <v>0</v>
      </c>
      <c r="E478" s="2">
        <v>28.59999999999993</v>
      </c>
    </row>
    <row r="479" spans="1:5" x14ac:dyDescent="0.25">
      <c r="A479" s="3">
        <v>41751.548726851855</v>
      </c>
      <c r="B479" s="2">
        <v>20.5</v>
      </c>
      <c r="C479" s="2">
        <v>117.2</v>
      </c>
      <c r="D479" s="2">
        <v>0</v>
      </c>
      <c r="E479" s="2">
        <v>28.59999999999993</v>
      </c>
    </row>
    <row r="480" spans="1:5" x14ac:dyDescent="0.25">
      <c r="A480" s="3">
        <v>41751.549074074072</v>
      </c>
      <c r="B480" s="2">
        <v>20.5</v>
      </c>
      <c r="C480" s="2">
        <v>117</v>
      </c>
      <c r="D480" s="2">
        <v>0</v>
      </c>
      <c r="E480" s="2">
        <v>28.59999999999993</v>
      </c>
    </row>
    <row r="481" spans="1:5" x14ac:dyDescent="0.25">
      <c r="A481" s="3">
        <v>41751.549537037034</v>
      </c>
      <c r="B481" s="2">
        <v>20.5</v>
      </c>
      <c r="C481" s="2">
        <v>117.2</v>
      </c>
      <c r="D481" s="2">
        <v>0</v>
      </c>
      <c r="E481" s="2">
        <v>28.59999999999993</v>
      </c>
    </row>
    <row r="482" spans="1:5" x14ac:dyDescent="0.25">
      <c r="A482" s="3">
        <v>41751.54959490741</v>
      </c>
      <c r="B482" s="2">
        <v>20.5</v>
      </c>
      <c r="C482" s="2">
        <v>117</v>
      </c>
      <c r="D482" s="2">
        <v>0</v>
      </c>
      <c r="E482" s="2">
        <v>28.59999999999993</v>
      </c>
    </row>
    <row r="483" spans="1:5" x14ac:dyDescent="0.25">
      <c r="A483" s="3">
        <v>41751.549768518518</v>
      </c>
      <c r="B483" s="2">
        <v>20.5</v>
      </c>
      <c r="C483" s="2">
        <v>117.2</v>
      </c>
      <c r="D483" s="2">
        <v>0</v>
      </c>
      <c r="E483" s="2">
        <v>28.59999999999993</v>
      </c>
    </row>
    <row r="484" spans="1:5" x14ac:dyDescent="0.25">
      <c r="A484" s="3">
        <v>41751.549884259257</v>
      </c>
      <c r="B484" s="2">
        <v>20.5</v>
      </c>
      <c r="C484" s="2">
        <v>117</v>
      </c>
      <c r="D484" s="2">
        <v>0</v>
      </c>
      <c r="E484" s="2">
        <v>28.59999999999993</v>
      </c>
    </row>
    <row r="485" spans="1:5" x14ac:dyDescent="0.25">
      <c r="A485" s="3">
        <v>41751.549942129626</v>
      </c>
      <c r="B485" s="2">
        <v>20.5</v>
      </c>
      <c r="C485" s="2">
        <v>117.2</v>
      </c>
      <c r="D485" s="2">
        <v>0</v>
      </c>
      <c r="E485" s="2">
        <v>28.59999999999993</v>
      </c>
    </row>
    <row r="486" spans="1:5" x14ac:dyDescent="0.25">
      <c r="A486" s="3">
        <v>41751.550000000003</v>
      </c>
      <c r="B486" s="2">
        <v>20.5</v>
      </c>
      <c r="C486" s="2">
        <v>117</v>
      </c>
      <c r="D486" s="2">
        <v>0</v>
      </c>
      <c r="E486" s="2">
        <v>28.59999999999993</v>
      </c>
    </row>
    <row r="487" spans="1:5" x14ac:dyDescent="0.25">
      <c r="A487" s="3">
        <v>41751.550405092596</v>
      </c>
      <c r="B487" s="2">
        <v>20.5</v>
      </c>
      <c r="C487" s="2">
        <v>117.2</v>
      </c>
      <c r="D487" s="2">
        <v>0</v>
      </c>
      <c r="E487" s="2">
        <v>28.59999999999993</v>
      </c>
    </row>
    <row r="488" spans="1:5" x14ac:dyDescent="0.25">
      <c r="A488" s="3">
        <v>41751.550520833334</v>
      </c>
      <c r="B488" s="2">
        <v>20.6</v>
      </c>
      <c r="C488" s="2">
        <v>117</v>
      </c>
      <c r="D488" s="2">
        <v>0</v>
      </c>
      <c r="E488" s="2">
        <v>28.59999999999993</v>
      </c>
    </row>
    <row r="489" spans="1:5" x14ac:dyDescent="0.25">
      <c r="A489" s="3">
        <v>41751.550694444442</v>
      </c>
      <c r="B489" s="2">
        <v>20.6</v>
      </c>
      <c r="C489" s="2">
        <v>117.2</v>
      </c>
      <c r="D489" s="2">
        <v>0</v>
      </c>
      <c r="E489" s="2">
        <v>28.59999999999993</v>
      </c>
    </row>
    <row r="490" spans="1:5" x14ac:dyDescent="0.25">
      <c r="A490" s="3">
        <v>41751.550752314812</v>
      </c>
      <c r="B490" s="2">
        <v>20.6</v>
      </c>
      <c r="C490" s="2">
        <v>117</v>
      </c>
      <c r="D490" s="2">
        <v>0</v>
      </c>
      <c r="E490" s="2">
        <v>28.59999999999993</v>
      </c>
    </row>
    <row r="491" spans="1:5" x14ac:dyDescent="0.25">
      <c r="A491" s="3">
        <v>41751.551099537035</v>
      </c>
      <c r="B491" s="2">
        <v>20.6</v>
      </c>
      <c r="C491" s="2">
        <v>117.2</v>
      </c>
      <c r="D491" s="2">
        <v>0</v>
      </c>
      <c r="E491" s="2">
        <v>28.59999999999993</v>
      </c>
    </row>
    <row r="492" spans="1:5" x14ac:dyDescent="0.25">
      <c r="A492" s="3">
        <v>41751.551215277781</v>
      </c>
      <c r="B492" s="2">
        <v>20.6</v>
      </c>
      <c r="C492" s="2">
        <v>117</v>
      </c>
      <c r="D492" s="2">
        <v>0</v>
      </c>
      <c r="E492" s="2">
        <v>28.59999999999993</v>
      </c>
    </row>
    <row r="493" spans="1:5" x14ac:dyDescent="0.25">
      <c r="A493" s="3">
        <v>41751.552372685182</v>
      </c>
      <c r="B493" s="2">
        <v>20.6</v>
      </c>
      <c r="C493" s="2">
        <v>117.2</v>
      </c>
      <c r="D493" s="2">
        <v>0</v>
      </c>
      <c r="E493" s="2">
        <v>28.59999999999993</v>
      </c>
    </row>
    <row r="494" spans="1:5" x14ac:dyDescent="0.25">
      <c r="A494" s="3">
        <v>41751.552546296298</v>
      </c>
      <c r="B494" s="2">
        <v>20.6</v>
      </c>
      <c r="C494" s="2">
        <v>117</v>
      </c>
      <c r="D494" s="2">
        <v>0</v>
      </c>
      <c r="E494" s="2">
        <v>28.59999999999993</v>
      </c>
    </row>
    <row r="495" spans="1:5" x14ac:dyDescent="0.25">
      <c r="A495" s="3">
        <v>41751.554861111108</v>
      </c>
      <c r="B495" s="2">
        <v>20.7</v>
      </c>
      <c r="C495" s="2">
        <v>117.2</v>
      </c>
      <c r="D495" s="2">
        <v>0</v>
      </c>
      <c r="E495" s="2">
        <v>28.59999999999993</v>
      </c>
    </row>
    <row r="496" spans="1:5" x14ac:dyDescent="0.25">
      <c r="A496" s="3">
        <v>41751.555092592593</v>
      </c>
      <c r="B496" s="2">
        <v>20.7</v>
      </c>
      <c r="C496" s="2">
        <v>117</v>
      </c>
      <c r="D496" s="2">
        <v>0</v>
      </c>
      <c r="E496" s="2">
        <v>28.59999999999993</v>
      </c>
    </row>
    <row r="497" spans="1:5" x14ac:dyDescent="0.25">
      <c r="A497" s="3">
        <v>41751.555497685185</v>
      </c>
      <c r="B497" s="2">
        <v>20.7</v>
      </c>
      <c r="C497" s="2">
        <v>117.2</v>
      </c>
      <c r="D497" s="2">
        <v>0</v>
      </c>
      <c r="E497" s="2">
        <v>28.59999999999993</v>
      </c>
    </row>
    <row r="498" spans="1:5" x14ac:dyDescent="0.25">
      <c r="A498" s="3">
        <v>41751.555902777778</v>
      </c>
      <c r="B498" s="2">
        <v>20.7</v>
      </c>
      <c r="C498" s="2">
        <v>117</v>
      </c>
      <c r="D498" s="2">
        <v>0</v>
      </c>
      <c r="E498" s="2">
        <v>28.59999999999993</v>
      </c>
    </row>
    <row r="499" spans="1:5" x14ac:dyDescent="0.25">
      <c r="A499" s="3">
        <v>41751.558622685188</v>
      </c>
      <c r="B499" s="2">
        <v>20.7</v>
      </c>
      <c r="C499" s="2">
        <v>117.2</v>
      </c>
      <c r="D499" s="2">
        <v>0</v>
      </c>
      <c r="E499" s="2">
        <v>28.59999999999993</v>
      </c>
    </row>
    <row r="500" spans="1:5" x14ac:dyDescent="0.25">
      <c r="A500" s="3">
        <v>41751.558796296296</v>
      </c>
      <c r="B500" s="2">
        <v>20.7</v>
      </c>
      <c r="C500" s="2">
        <v>117</v>
      </c>
      <c r="D500" s="2">
        <v>0</v>
      </c>
      <c r="E500" s="2">
        <v>28.59999999999993</v>
      </c>
    </row>
    <row r="501" spans="1:5" x14ac:dyDescent="0.25">
      <c r="A501" s="3">
        <v>41751.559027777781</v>
      </c>
      <c r="B501" s="2">
        <v>20.7</v>
      </c>
      <c r="C501" s="2">
        <v>117.2</v>
      </c>
      <c r="D501" s="2">
        <v>0</v>
      </c>
      <c r="E501" s="2">
        <v>28.59999999999993</v>
      </c>
    </row>
    <row r="502" spans="1:5" x14ac:dyDescent="0.25">
      <c r="A502" s="3">
        <v>41751.559317129628</v>
      </c>
      <c r="B502" s="2">
        <v>20.7</v>
      </c>
      <c r="C502" s="2">
        <v>117</v>
      </c>
      <c r="D502" s="2">
        <v>0</v>
      </c>
      <c r="E502" s="2">
        <v>28.59999999999993</v>
      </c>
    </row>
    <row r="503" spans="1:5" x14ac:dyDescent="0.25">
      <c r="A503" s="3">
        <v>41751.560011574074</v>
      </c>
      <c r="B503" s="2">
        <v>20.7</v>
      </c>
      <c r="C503" s="2">
        <v>117.2</v>
      </c>
      <c r="D503" s="2">
        <v>0</v>
      </c>
      <c r="E503" s="2">
        <v>28.59999999999993</v>
      </c>
    </row>
    <row r="504" spans="1:5" x14ac:dyDescent="0.25">
      <c r="A504" s="3">
        <v>41751.560243055559</v>
      </c>
      <c r="B504" s="2">
        <v>20.7</v>
      </c>
      <c r="C504" s="2">
        <v>117</v>
      </c>
      <c r="D504" s="2">
        <v>0</v>
      </c>
      <c r="E504" s="2">
        <v>28.59999999999993</v>
      </c>
    </row>
    <row r="505" spans="1:5" x14ac:dyDescent="0.25">
      <c r="A505" s="3">
        <v>41751.561284722222</v>
      </c>
      <c r="B505" s="2">
        <v>20.7</v>
      </c>
      <c r="C505" s="2">
        <v>117.2</v>
      </c>
      <c r="D505" s="2">
        <v>0</v>
      </c>
      <c r="E505" s="2">
        <v>28.59999999999993</v>
      </c>
    </row>
    <row r="506" spans="1:5" x14ac:dyDescent="0.25">
      <c r="A506" s="3">
        <v>41751.561516203707</v>
      </c>
      <c r="B506" s="2">
        <v>20.7</v>
      </c>
      <c r="C506" s="2">
        <v>117</v>
      </c>
      <c r="D506" s="2">
        <v>0</v>
      </c>
      <c r="E506" s="2">
        <v>28.59999999999993</v>
      </c>
    </row>
    <row r="507" spans="1:5" x14ac:dyDescent="0.25">
      <c r="A507" s="3">
        <v>41751.562615740739</v>
      </c>
      <c r="B507" s="2">
        <v>20.7</v>
      </c>
      <c r="C507" s="2">
        <v>117.2</v>
      </c>
      <c r="D507" s="2">
        <v>0</v>
      </c>
      <c r="E507" s="2">
        <v>28.59999999999993</v>
      </c>
    </row>
    <row r="508" spans="1:5" x14ac:dyDescent="0.25">
      <c r="A508" s="3">
        <v>41751.563252314816</v>
      </c>
      <c r="B508" s="2">
        <v>20.7</v>
      </c>
      <c r="C508" s="2">
        <v>117</v>
      </c>
      <c r="D508" s="2">
        <v>0</v>
      </c>
      <c r="E508" s="2">
        <v>28.59999999999993</v>
      </c>
    </row>
    <row r="509" spans="1:5" x14ac:dyDescent="0.25">
      <c r="A509" s="3">
        <v>41751.56354166667</v>
      </c>
      <c r="B509" s="2">
        <v>20.7</v>
      </c>
      <c r="C509" s="2">
        <v>117.2</v>
      </c>
      <c r="D509" s="2">
        <v>0</v>
      </c>
      <c r="E509" s="2">
        <v>28.59999999999993</v>
      </c>
    </row>
    <row r="510" spans="1:5" x14ac:dyDescent="0.25">
      <c r="A510" s="3">
        <v>41751.563657407409</v>
      </c>
      <c r="B510" s="2">
        <v>20.8</v>
      </c>
      <c r="C510" s="2">
        <v>117</v>
      </c>
      <c r="D510" s="2">
        <v>0</v>
      </c>
      <c r="E510" s="2">
        <v>28.59999999999993</v>
      </c>
    </row>
    <row r="511" spans="1:5" x14ac:dyDescent="0.25">
      <c r="A511" s="3">
        <v>41751.621006944442</v>
      </c>
      <c r="B511" s="2">
        <v>22.5</v>
      </c>
      <c r="C511" s="2">
        <v>116.8</v>
      </c>
      <c r="D511" s="2">
        <v>0</v>
      </c>
      <c r="E511" s="2">
        <v>28.59999999999993</v>
      </c>
    </row>
    <row r="512" spans="1:5" x14ac:dyDescent="0.25">
      <c r="A512" s="3">
        <v>41751.668287037035</v>
      </c>
      <c r="B512" s="2">
        <v>23</v>
      </c>
      <c r="C512" s="2">
        <v>116.6</v>
      </c>
      <c r="D512" s="2">
        <v>0</v>
      </c>
      <c r="E512" s="2">
        <v>28.59999999999993</v>
      </c>
    </row>
    <row r="513" spans="1:5" x14ac:dyDescent="0.25">
      <c r="A513" s="3">
        <v>41751.668402777781</v>
      </c>
      <c r="B513" s="2">
        <v>23</v>
      </c>
      <c r="C513" s="2">
        <v>116.8</v>
      </c>
      <c r="D513" s="2">
        <v>0</v>
      </c>
      <c r="E513" s="2">
        <v>28.59999999999993</v>
      </c>
    </row>
    <row r="514" spans="1:5" x14ac:dyDescent="0.25">
      <c r="A514" s="3">
        <v>41751.672337962962</v>
      </c>
      <c r="B514" s="2">
        <v>22.9</v>
      </c>
      <c r="C514" s="2">
        <v>116.6</v>
      </c>
      <c r="D514" s="2">
        <v>0</v>
      </c>
      <c r="E514" s="2">
        <v>28.59999999999993</v>
      </c>
    </row>
    <row r="515" spans="1:5" x14ac:dyDescent="0.25">
      <c r="A515" s="3">
        <v>41751.675115740742</v>
      </c>
      <c r="B515" s="2">
        <v>22.9</v>
      </c>
      <c r="C515" s="2">
        <v>116.8</v>
      </c>
      <c r="D515" s="2">
        <v>0</v>
      </c>
      <c r="E515" s="2">
        <v>28.59999999999993</v>
      </c>
    </row>
    <row r="516" spans="1:5" x14ac:dyDescent="0.25">
      <c r="A516" s="3">
        <v>41751.67523148148</v>
      </c>
      <c r="B516" s="2">
        <v>22.8</v>
      </c>
      <c r="C516" s="2">
        <v>116.6</v>
      </c>
      <c r="D516" s="2">
        <v>0</v>
      </c>
      <c r="E516" s="2">
        <v>28.59999999999993</v>
      </c>
    </row>
    <row r="517" spans="1:5" x14ac:dyDescent="0.25">
      <c r="A517" s="3">
        <v>41751.680844907409</v>
      </c>
      <c r="B517" s="2">
        <v>22.8</v>
      </c>
      <c r="C517" s="2">
        <v>116.8</v>
      </c>
      <c r="D517" s="2">
        <v>0</v>
      </c>
      <c r="E517" s="2">
        <v>28.59999999999993</v>
      </c>
    </row>
    <row r="518" spans="1:5" x14ac:dyDescent="0.25">
      <c r="A518" s="3">
        <v>41751.681018518517</v>
      </c>
      <c r="B518" s="2">
        <v>22.8</v>
      </c>
      <c r="C518" s="2">
        <v>116.6</v>
      </c>
      <c r="D518" s="2">
        <v>0</v>
      </c>
      <c r="E518" s="2">
        <v>28.59999999999993</v>
      </c>
    </row>
    <row r="519" spans="1:5" x14ac:dyDescent="0.25">
      <c r="A519" s="3">
        <v>41751.70648148148</v>
      </c>
      <c r="B519" s="2">
        <v>22.4</v>
      </c>
      <c r="C519" s="2">
        <v>116.4</v>
      </c>
      <c r="D519" s="2">
        <v>0</v>
      </c>
      <c r="E519" s="2">
        <v>28.59999999999993</v>
      </c>
    </row>
    <row r="520" spans="1:5" x14ac:dyDescent="0.25">
      <c r="A520" s="3">
        <v>41751.722222222219</v>
      </c>
      <c r="B520" s="2">
        <v>22.2</v>
      </c>
      <c r="C520" s="2">
        <v>116.2</v>
      </c>
      <c r="D520" s="2">
        <v>0</v>
      </c>
      <c r="E520" s="2">
        <v>28.59999999999993</v>
      </c>
    </row>
    <row r="521" spans="1:5" x14ac:dyDescent="0.25">
      <c r="A521" s="3">
        <v>41751.722916666666</v>
      </c>
      <c r="B521" s="2">
        <v>22.2</v>
      </c>
      <c r="C521" s="2">
        <v>116.4</v>
      </c>
      <c r="D521" s="2">
        <v>0</v>
      </c>
      <c r="E521" s="2">
        <v>28.59999999999993</v>
      </c>
    </row>
    <row r="522" spans="1:5" x14ac:dyDescent="0.25">
      <c r="A522" s="3">
        <v>41751.723032407404</v>
      </c>
      <c r="B522" s="2">
        <v>22.2</v>
      </c>
      <c r="C522" s="2">
        <v>116.2</v>
      </c>
      <c r="D522" s="2">
        <v>0</v>
      </c>
      <c r="E522" s="2">
        <v>28.59999999999993</v>
      </c>
    </row>
    <row r="523" spans="1:5" x14ac:dyDescent="0.25">
      <c r="A523" s="3">
        <v>41751.728182870371</v>
      </c>
      <c r="B523" s="2">
        <v>22.1</v>
      </c>
      <c r="C523" s="2">
        <v>116.4</v>
      </c>
      <c r="D523" s="2">
        <v>0</v>
      </c>
      <c r="E523" s="2">
        <v>28.59999999999993</v>
      </c>
    </row>
    <row r="524" spans="1:5" x14ac:dyDescent="0.25">
      <c r="A524" s="3">
        <v>41751.72824074074</v>
      </c>
      <c r="B524" s="2">
        <v>22.1</v>
      </c>
      <c r="C524" s="2">
        <v>116.2</v>
      </c>
      <c r="D524" s="2">
        <v>0</v>
      </c>
      <c r="E524" s="2">
        <v>28.59999999999993</v>
      </c>
    </row>
    <row r="525" spans="1:5" x14ac:dyDescent="0.25">
      <c r="A525" s="3">
        <v>41751.734722222223</v>
      </c>
      <c r="B525" s="2">
        <v>22</v>
      </c>
      <c r="C525" s="2">
        <v>116.4</v>
      </c>
      <c r="D525" s="2">
        <v>0</v>
      </c>
      <c r="E525" s="2">
        <v>28.59999999999993</v>
      </c>
    </row>
    <row r="526" spans="1:5" x14ac:dyDescent="0.25">
      <c r="A526" s="3">
        <v>41751.734780092593</v>
      </c>
      <c r="B526" s="2">
        <v>22</v>
      </c>
      <c r="C526" s="2">
        <v>116.2</v>
      </c>
      <c r="D526" s="2">
        <v>0</v>
      </c>
      <c r="E526" s="2">
        <v>28.59999999999993</v>
      </c>
    </row>
    <row r="527" spans="1:5" x14ac:dyDescent="0.25">
      <c r="A527" s="3">
        <v>41751.770138888889</v>
      </c>
      <c r="B527" s="2">
        <v>21.3</v>
      </c>
      <c r="C527" s="2">
        <v>116</v>
      </c>
      <c r="D527" s="2">
        <v>0</v>
      </c>
      <c r="E527" s="2">
        <v>28.59999999999993</v>
      </c>
    </row>
    <row r="528" spans="1:5" x14ac:dyDescent="0.25">
      <c r="A528" s="3">
        <v>41751.770312499997</v>
      </c>
      <c r="B528" s="2">
        <v>21.3</v>
      </c>
      <c r="C528" s="2">
        <v>116.2</v>
      </c>
      <c r="D528" s="2">
        <v>0</v>
      </c>
      <c r="E528" s="2">
        <v>28.59999999999993</v>
      </c>
    </row>
    <row r="529" spans="1:5" x14ac:dyDescent="0.25">
      <c r="A529" s="3">
        <v>41751.770486111112</v>
      </c>
      <c r="B529" s="2">
        <v>21.3</v>
      </c>
      <c r="C529" s="2">
        <v>116</v>
      </c>
      <c r="D529" s="2">
        <v>0</v>
      </c>
      <c r="E529" s="2">
        <v>28.59999999999993</v>
      </c>
    </row>
    <row r="530" spans="1:5" x14ac:dyDescent="0.25">
      <c r="A530" s="3">
        <v>41751.770833333336</v>
      </c>
      <c r="B530" s="2">
        <v>21.3</v>
      </c>
      <c r="C530" s="2">
        <v>116.2</v>
      </c>
      <c r="D530" s="2">
        <v>0</v>
      </c>
      <c r="E530" s="2">
        <v>28.59999999999993</v>
      </c>
    </row>
    <row r="531" spans="1:5" x14ac:dyDescent="0.25">
      <c r="A531" s="3">
        <v>41751.770949074074</v>
      </c>
      <c r="B531" s="2">
        <v>21.3</v>
      </c>
      <c r="C531" s="2">
        <v>116</v>
      </c>
      <c r="D531" s="2">
        <v>0</v>
      </c>
      <c r="E531" s="2">
        <v>28.59999999999993</v>
      </c>
    </row>
    <row r="532" spans="1:5" x14ac:dyDescent="0.25">
      <c r="A532" s="3">
        <v>41751.771180555559</v>
      </c>
      <c r="B532" s="2">
        <v>21.3</v>
      </c>
      <c r="C532" s="2">
        <v>116.2</v>
      </c>
      <c r="D532" s="2">
        <v>0</v>
      </c>
      <c r="E532" s="2">
        <v>28.59999999999993</v>
      </c>
    </row>
    <row r="533" spans="1:5" x14ac:dyDescent="0.25">
      <c r="A533" s="3">
        <v>41751.771412037036</v>
      </c>
      <c r="B533" s="2">
        <v>21.3</v>
      </c>
      <c r="C533" s="2">
        <v>116</v>
      </c>
      <c r="D533" s="2">
        <v>0</v>
      </c>
      <c r="E533" s="2">
        <v>28.59999999999993</v>
      </c>
    </row>
    <row r="534" spans="1:5" x14ac:dyDescent="0.25">
      <c r="A534" s="3">
        <v>41751.772453703707</v>
      </c>
      <c r="B534" s="2">
        <v>21.3</v>
      </c>
      <c r="C534" s="2">
        <v>116.2</v>
      </c>
      <c r="D534" s="2">
        <v>0</v>
      </c>
      <c r="E534" s="2">
        <v>28.59999999999993</v>
      </c>
    </row>
    <row r="535" spans="1:5" x14ac:dyDescent="0.25">
      <c r="A535" s="3">
        <v>41751.772685185184</v>
      </c>
      <c r="B535" s="2">
        <v>21.3</v>
      </c>
      <c r="C535" s="2">
        <v>116</v>
      </c>
      <c r="D535" s="2">
        <v>0</v>
      </c>
      <c r="E535" s="2">
        <v>28.59999999999993</v>
      </c>
    </row>
    <row r="536" spans="1:5" x14ac:dyDescent="0.25">
      <c r="A536" s="3">
        <v>41751.777662037035</v>
      </c>
      <c r="B536" s="2">
        <v>21.1</v>
      </c>
      <c r="C536" s="2">
        <v>116.2</v>
      </c>
      <c r="D536" s="2">
        <v>0</v>
      </c>
      <c r="E536" s="2">
        <v>28.59999999999993</v>
      </c>
    </row>
    <row r="537" spans="1:5" x14ac:dyDescent="0.25">
      <c r="A537" s="3">
        <v>41751.777777777781</v>
      </c>
      <c r="B537" s="2">
        <v>21.1</v>
      </c>
      <c r="C537" s="2">
        <v>116</v>
      </c>
      <c r="D537" s="2">
        <v>0</v>
      </c>
      <c r="E537" s="2">
        <v>28.59999999999993</v>
      </c>
    </row>
    <row r="538" spans="1:5" x14ac:dyDescent="0.25">
      <c r="A538" s="3">
        <v>41751.841493055559</v>
      </c>
      <c r="B538" s="2">
        <v>19.8</v>
      </c>
      <c r="C538" s="2">
        <v>115.8</v>
      </c>
      <c r="D538" s="2">
        <v>0</v>
      </c>
      <c r="E538" s="2">
        <v>28.59999999999993</v>
      </c>
    </row>
    <row r="539" spans="1:5" x14ac:dyDescent="0.25">
      <c r="A539" s="3">
        <v>41751.932812500003</v>
      </c>
      <c r="B539" s="2">
        <v>17.899999999999999</v>
      </c>
      <c r="C539" s="2">
        <v>115.6</v>
      </c>
      <c r="D539" s="2">
        <v>0</v>
      </c>
      <c r="E539" s="2">
        <v>28.59999999999993</v>
      </c>
    </row>
    <row r="540" spans="1:5" x14ac:dyDescent="0.25">
      <c r="A540" s="3">
        <v>41752.082812499997</v>
      </c>
      <c r="B540" s="2">
        <v>15.4</v>
      </c>
      <c r="C540" s="2">
        <v>115.4</v>
      </c>
      <c r="D540" s="2">
        <v>0</v>
      </c>
      <c r="E540" s="2">
        <v>28.59999999999993</v>
      </c>
    </row>
    <row r="541" spans="1:5" x14ac:dyDescent="0.25">
      <c r="A541" s="3">
        <v>41752.122164351851</v>
      </c>
      <c r="B541" s="2">
        <v>14.9</v>
      </c>
      <c r="C541" s="2">
        <v>115.4</v>
      </c>
      <c r="D541" s="2">
        <v>0.2</v>
      </c>
      <c r="E541" s="2">
        <v>28.79999999999993</v>
      </c>
    </row>
    <row r="542" spans="1:5" x14ac:dyDescent="0.25">
      <c r="A542" s="3">
        <v>41752.122337962966</v>
      </c>
      <c r="B542" s="2">
        <v>14.9</v>
      </c>
      <c r="C542" s="2">
        <v>115.6</v>
      </c>
      <c r="D542" s="2">
        <v>0</v>
      </c>
      <c r="E542" s="2">
        <v>28.79999999999993</v>
      </c>
    </row>
    <row r="543" spans="1:5" x14ac:dyDescent="0.25">
      <c r="A543" s="3">
        <v>41752.131481481483</v>
      </c>
      <c r="B543" s="2">
        <v>14.8</v>
      </c>
      <c r="C543" s="2">
        <v>115.6</v>
      </c>
      <c r="D543" s="2">
        <v>0.2</v>
      </c>
      <c r="E543" s="2">
        <v>28.999999999999929</v>
      </c>
    </row>
    <row r="544" spans="1:5" x14ac:dyDescent="0.25">
      <c r="A544" s="3">
        <v>41752.144270833334</v>
      </c>
      <c r="B544" s="2">
        <v>14.7</v>
      </c>
      <c r="C544" s="2">
        <v>115.6</v>
      </c>
      <c r="D544" s="2">
        <v>0.2</v>
      </c>
      <c r="E544" s="2">
        <v>29.199999999999928</v>
      </c>
    </row>
    <row r="545" spans="1:5" x14ac:dyDescent="0.25">
      <c r="A545" s="3">
        <v>41752.14502314815</v>
      </c>
      <c r="B545" s="2">
        <v>14.7</v>
      </c>
      <c r="C545" s="2">
        <v>115.8</v>
      </c>
      <c r="D545" s="2">
        <v>0</v>
      </c>
      <c r="E545" s="2">
        <v>29.199999999999928</v>
      </c>
    </row>
    <row r="546" spans="1:5" x14ac:dyDescent="0.25">
      <c r="A546" s="3">
        <v>41752.149421296293</v>
      </c>
      <c r="B546" s="2">
        <v>14.6</v>
      </c>
      <c r="C546" s="2">
        <v>115.8</v>
      </c>
      <c r="D546" s="2">
        <v>0.2</v>
      </c>
      <c r="E546" s="2">
        <v>29.399999999999928</v>
      </c>
    </row>
    <row r="547" spans="1:5" x14ac:dyDescent="0.25">
      <c r="A547" s="3">
        <v>41752.150347222225</v>
      </c>
      <c r="B547" s="2">
        <v>14.6</v>
      </c>
      <c r="C547" s="2">
        <v>116</v>
      </c>
      <c r="D547" s="2">
        <v>0</v>
      </c>
      <c r="E547" s="2">
        <v>29.399999999999928</v>
      </c>
    </row>
    <row r="548" spans="1:5" x14ac:dyDescent="0.25">
      <c r="A548" s="3">
        <v>41752.152430555558</v>
      </c>
      <c r="B548" s="2">
        <v>14.6</v>
      </c>
      <c r="C548" s="2">
        <v>116</v>
      </c>
      <c r="D548" s="2">
        <v>0.2</v>
      </c>
      <c r="E548" s="2">
        <v>29.599999999999927</v>
      </c>
    </row>
    <row r="549" spans="1:5" x14ac:dyDescent="0.25">
      <c r="A549" s="3">
        <v>41752.675347222219</v>
      </c>
      <c r="B549" s="2">
        <v>20.2</v>
      </c>
      <c r="C549" s="2">
        <v>115.8</v>
      </c>
      <c r="D549" s="2">
        <v>0</v>
      </c>
      <c r="E549" s="2">
        <v>29.599999999999927</v>
      </c>
    </row>
    <row r="550" spans="1:5" x14ac:dyDescent="0.25">
      <c r="A550" s="3">
        <v>41752.675520833334</v>
      </c>
      <c r="B550" s="2">
        <v>20.2</v>
      </c>
      <c r="C550" s="2">
        <v>116</v>
      </c>
      <c r="D550" s="2">
        <v>0</v>
      </c>
      <c r="E550" s="2">
        <v>29.599999999999927</v>
      </c>
    </row>
    <row r="551" spans="1:5" x14ac:dyDescent="0.25">
      <c r="A551" s="3">
        <v>41752.675636574073</v>
      </c>
      <c r="B551" s="2">
        <v>20.2</v>
      </c>
      <c r="C551" s="2">
        <v>115.8</v>
      </c>
      <c r="D551" s="2">
        <v>0</v>
      </c>
      <c r="E551" s="2">
        <v>29.599999999999927</v>
      </c>
    </row>
    <row r="552" spans="1:5" x14ac:dyDescent="0.25">
      <c r="A552" s="3">
        <v>41752.675752314812</v>
      </c>
      <c r="B552" s="2">
        <v>20.2</v>
      </c>
      <c r="C552" s="2">
        <v>116</v>
      </c>
      <c r="D552" s="2">
        <v>0</v>
      </c>
      <c r="E552" s="2">
        <v>29.599999999999927</v>
      </c>
    </row>
    <row r="553" spans="1:5" x14ac:dyDescent="0.25">
      <c r="A553" s="3">
        <v>41752.675983796296</v>
      </c>
      <c r="B553" s="2">
        <v>20.2</v>
      </c>
      <c r="C553" s="2">
        <v>115.8</v>
      </c>
      <c r="D553" s="2">
        <v>0</v>
      </c>
      <c r="E553" s="2">
        <v>29.599999999999927</v>
      </c>
    </row>
    <row r="554" spans="1:5" x14ac:dyDescent="0.25">
      <c r="A554" s="3">
        <v>41752.682175925926</v>
      </c>
      <c r="B554" s="2">
        <v>20.2</v>
      </c>
      <c r="C554" s="2">
        <v>116</v>
      </c>
      <c r="D554" s="2">
        <v>0</v>
      </c>
      <c r="E554" s="2">
        <v>29.599999999999927</v>
      </c>
    </row>
    <row r="555" spans="1:5" x14ac:dyDescent="0.25">
      <c r="A555" s="3">
        <v>41752.682523148149</v>
      </c>
      <c r="B555" s="2">
        <v>20.2</v>
      </c>
      <c r="C555" s="2">
        <v>115.8</v>
      </c>
      <c r="D555" s="2">
        <v>0</v>
      </c>
      <c r="E555" s="2">
        <v>29.599999999999927</v>
      </c>
    </row>
    <row r="556" spans="1:5" x14ac:dyDescent="0.25">
      <c r="A556" s="3">
        <v>41752.682696759257</v>
      </c>
      <c r="B556" s="2">
        <v>20.2</v>
      </c>
      <c r="C556" s="2">
        <v>116</v>
      </c>
      <c r="D556" s="2">
        <v>0</v>
      </c>
      <c r="E556" s="2">
        <v>29.599999999999927</v>
      </c>
    </row>
    <row r="557" spans="1:5" x14ac:dyDescent="0.25">
      <c r="A557" s="3">
        <v>41752.682870370372</v>
      </c>
      <c r="B557" s="2">
        <v>20.2</v>
      </c>
      <c r="C557" s="2">
        <v>115.8</v>
      </c>
      <c r="D557" s="2">
        <v>0</v>
      </c>
      <c r="E557" s="2">
        <v>29.599999999999927</v>
      </c>
    </row>
    <row r="558" spans="1:5" x14ac:dyDescent="0.25">
      <c r="A558" s="3">
        <v>41752.777430555558</v>
      </c>
      <c r="B558" s="2">
        <v>19.8</v>
      </c>
      <c r="C558" s="2">
        <v>115.6</v>
      </c>
      <c r="D558" s="2">
        <v>0</v>
      </c>
      <c r="E558" s="2">
        <v>29.599999999999927</v>
      </c>
    </row>
    <row r="559" spans="1:5" x14ac:dyDescent="0.25">
      <c r="A559" s="3">
        <v>41752.90185185185</v>
      </c>
      <c r="B559" s="2">
        <v>18</v>
      </c>
      <c r="C559" s="2">
        <v>115.4</v>
      </c>
      <c r="D559" s="2">
        <v>0</v>
      </c>
      <c r="E559" s="2">
        <v>29.599999999999927</v>
      </c>
    </row>
    <row r="560" spans="1:5" x14ac:dyDescent="0.25">
      <c r="A560" s="3">
        <v>41753.108391203707</v>
      </c>
      <c r="B560" s="2">
        <v>15.6</v>
      </c>
      <c r="C560" s="2">
        <v>115.2</v>
      </c>
      <c r="D560" s="2">
        <v>0</v>
      </c>
      <c r="E560" s="2">
        <v>29.599999999999927</v>
      </c>
    </row>
    <row r="561" spans="1:5" x14ac:dyDescent="0.25">
      <c r="A561" s="3">
        <v>41753.342534722222</v>
      </c>
      <c r="B561" s="2">
        <v>14.2</v>
      </c>
      <c r="C561" s="2">
        <v>115.2</v>
      </c>
      <c r="D561" s="2">
        <v>0.2</v>
      </c>
      <c r="E561" s="2">
        <v>29.799999999999926</v>
      </c>
    </row>
    <row r="562" spans="1:5" x14ac:dyDescent="0.25">
      <c r="A562" s="3">
        <v>41753.403298611112</v>
      </c>
      <c r="B562" s="2">
        <v>14.5</v>
      </c>
      <c r="C562" s="2">
        <v>115</v>
      </c>
      <c r="D562" s="2">
        <v>0</v>
      </c>
      <c r="E562" s="2">
        <v>29.799999999999926</v>
      </c>
    </row>
    <row r="563" spans="1:5" x14ac:dyDescent="0.25">
      <c r="A563" s="3">
        <v>41753.580960648149</v>
      </c>
      <c r="B563" s="2">
        <v>18</v>
      </c>
      <c r="C563" s="2">
        <v>114.8</v>
      </c>
      <c r="D563" s="2">
        <v>0</v>
      </c>
      <c r="E563" s="2">
        <v>29.799999999999926</v>
      </c>
    </row>
    <row r="564" spans="1:5" x14ac:dyDescent="0.25">
      <c r="A564" s="3">
        <v>41753.667129629626</v>
      </c>
      <c r="B564" s="2">
        <v>19.899999999999999</v>
      </c>
      <c r="C564" s="2">
        <v>115</v>
      </c>
      <c r="D564" s="2">
        <v>0</v>
      </c>
      <c r="E564" s="2">
        <v>29.799999999999926</v>
      </c>
    </row>
    <row r="565" spans="1:5" x14ac:dyDescent="0.25">
      <c r="A565" s="3">
        <v>41753.667245370372</v>
      </c>
      <c r="B565" s="2">
        <v>19.899999999999999</v>
      </c>
      <c r="C565" s="2">
        <v>114.8</v>
      </c>
      <c r="D565" s="2">
        <v>0</v>
      </c>
      <c r="E565" s="2">
        <v>29.799999999999926</v>
      </c>
    </row>
    <row r="566" spans="1:5" x14ac:dyDescent="0.25">
      <c r="A566" s="3">
        <v>41753.741203703707</v>
      </c>
      <c r="B566" s="2">
        <v>19.2</v>
      </c>
      <c r="C566" s="2">
        <v>114.8</v>
      </c>
      <c r="D566" s="2">
        <v>0.2</v>
      </c>
      <c r="E566" s="2">
        <v>29.999999999999925</v>
      </c>
    </row>
    <row r="567" spans="1:5" x14ac:dyDescent="0.25">
      <c r="A567" s="3">
        <v>41753.983159722222</v>
      </c>
      <c r="B567" s="2">
        <v>16.3</v>
      </c>
      <c r="C567" s="2">
        <v>114.6</v>
      </c>
      <c r="D567" s="2">
        <v>0</v>
      </c>
      <c r="E567" s="2">
        <v>29.999999999999925</v>
      </c>
    </row>
    <row r="568" spans="1:5" x14ac:dyDescent="0.25">
      <c r="A568" s="3">
        <v>41754.290798611109</v>
      </c>
      <c r="B568" s="2">
        <v>12.5</v>
      </c>
      <c r="C568" s="2">
        <v>114.4</v>
      </c>
      <c r="D568" s="2">
        <v>0</v>
      </c>
      <c r="E568" s="2">
        <v>29.999999999999925</v>
      </c>
    </row>
    <row r="569" spans="1:5" x14ac:dyDescent="0.25">
      <c r="A569" s="3">
        <v>41754.354803240742</v>
      </c>
      <c r="B569" s="2">
        <v>12.5</v>
      </c>
      <c r="C569" s="2">
        <v>114.2</v>
      </c>
      <c r="D569" s="2">
        <v>0</v>
      </c>
      <c r="E569" s="2">
        <v>29.999999999999925</v>
      </c>
    </row>
    <row r="570" spans="1:5" x14ac:dyDescent="0.25">
      <c r="A570" s="3">
        <v>41754.426793981482</v>
      </c>
      <c r="B570" s="2">
        <v>14.2</v>
      </c>
      <c r="C570" s="2">
        <v>114</v>
      </c>
      <c r="D570" s="2">
        <v>0</v>
      </c>
      <c r="E570" s="2">
        <v>29.999999999999925</v>
      </c>
    </row>
    <row r="571" spans="1:5" x14ac:dyDescent="0.25">
      <c r="A571" s="3">
        <v>41754.433738425927</v>
      </c>
      <c r="B571" s="2">
        <v>14.5</v>
      </c>
      <c r="C571" s="2">
        <v>114.2</v>
      </c>
      <c r="D571" s="2">
        <v>0</v>
      </c>
      <c r="E571" s="2">
        <v>29.999999999999925</v>
      </c>
    </row>
    <row r="572" spans="1:5" x14ac:dyDescent="0.25">
      <c r="A572" s="3">
        <v>41754.473495370374</v>
      </c>
      <c r="B572" s="2">
        <v>15.6</v>
      </c>
      <c r="C572" s="2">
        <v>114</v>
      </c>
      <c r="D572" s="2">
        <v>0</v>
      </c>
      <c r="E572" s="2">
        <v>29.999999999999925</v>
      </c>
    </row>
    <row r="573" spans="1:5" x14ac:dyDescent="0.25">
      <c r="A573" s="3">
        <v>41754.473668981482</v>
      </c>
      <c r="B573" s="2">
        <v>15.7</v>
      </c>
      <c r="C573" s="2">
        <v>114.2</v>
      </c>
      <c r="D573" s="2">
        <v>0</v>
      </c>
      <c r="E573" s="2">
        <v>29.999999999999925</v>
      </c>
    </row>
    <row r="574" spans="1:5" x14ac:dyDescent="0.25">
      <c r="A574" s="3">
        <v>41754.476909722223</v>
      </c>
      <c r="B574" s="2">
        <v>15.8</v>
      </c>
      <c r="C574" s="2">
        <v>114</v>
      </c>
      <c r="D574" s="2">
        <v>0</v>
      </c>
      <c r="E574" s="2">
        <v>29.999999999999925</v>
      </c>
    </row>
    <row r="575" spans="1:5" x14ac:dyDescent="0.25">
      <c r="A575" s="3">
        <v>41754.477430555555</v>
      </c>
      <c r="B575" s="2">
        <v>15.8</v>
      </c>
      <c r="C575" s="2">
        <v>114.2</v>
      </c>
      <c r="D575" s="2">
        <v>0</v>
      </c>
      <c r="E575" s="2">
        <v>29.999999999999925</v>
      </c>
    </row>
    <row r="576" spans="1:5" x14ac:dyDescent="0.25">
      <c r="A576" s="3">
        <v>41754.499016203707</v>
      </c>
      <c r="B576" s="2">
        <v>16.8</v>
      </c>
      <c r="C576" s="2">
        <v>114</v>
      </c>
      <c r="D576" s="2">
        <v>0</v>
      </c>
      <c r="E576" s="2">
        <v>29.999999999999925</v>
      </c>
    </row>
    <row r="577" spans="1:5" x14ac:dyDescent="0.25">
      <c r="A577" s="3">
        <v>41754.514872685184</v>
      </c>
      <c r="B577" s="2">
        <v>18</v>
      </c>
      <c r="C577" s="2">
        <v>114.2</v>
      </c>
      <c r="D577" s="2">
        <v>0</v>
      </c>
      <c r="E577" s="2">
        <v>29.999999999999925</v>
      </c>
    </row>
    <row r="578" spans="1:5" x14ac:dyDescent="0.25">
      <c r="A578" s="3">
        <v>41754.515104166669</v>
      </c>
      <c r="B578" s="2">
        <v>18</v>
      </c>
      <c r="C578" s="2">
        <v>114</v>
      </c>
      <c r="D578" s="2">
        <v>0</v>
      </c>
      <c r="E578" s="2">
        <v>29.999999999999925</v>
      </c>
    </row>
    <row r="579" spans="1:5" x14ac:dyDescent="0.25">
      <c r="A579" s="3">
        <v>41754.520891203705</v>
      </c>
      <c r="B579" s="2">
        <v>18.3</v>
      </c>
      <c r="C579" s="2">
        <v>114.2</v>
      </c>
      <c r="D579" s="2">
        <v>0</v>
      </c>
      <c r="E579" s="2">
        <v>29.999999999999925</v>
      </c>
    </row>
    <row r="580" spans="1:5" x14ac:dyDescent="0.25">
      <c r="A580" s="3">
        <v>41754.522974537038</v>
      </c>
      <c r="B580" s="2">
        <v>18.5</v>
      </c>
      <c r="C580" s="2">
        <v>114</v>
      </c>
      <c r="D580" s="2">
        <v>0</v>
      </c>
      <c r="E580" s="2">
        <v>29.999999999999925</v>
      </c>
    </row>
    <row r="581" spans="1:5" x14ac:dyDescent="0.25">
      <c r="A581" s="3">
        <v>41754.530671296299</v>
      </c>
      <c r="B581" s="2">
        <v>18.899999999999999</v>
      </c>
      <c r="C581" s="2">
        <v>114.2</v>
      </c>
      <c r="D581" s="2">
        <v>0</v>
      </c>
      <c r="E581" s="2">
        <v>29.999999999999925</v>
      </c>
    </row>
    <row r="582" spans="1:5" x14ac:dyDescent="0.25">
      <c r="A582" s="3">
        <v>41754.530960648146</v>
      </c>
      <c r="B582" s="2">
        <v>18.899999999999999</v>
      </c>
      <c r="C582" s="2">
        <v>114</v>
      </c>
      <c r="D582" s="2">
        <v>0</v>
      </c>
      <c r="E582" s="2">
        <v>29.999999999999925</v>
      </c>
    </row>
    <row r="583" spans="1:5" x14ac:dyDescent="0.25">
      <c r="A583" s="3">
        <v>41754.531076388892</v>
      </c>
      <c r="B583" s="2">
        <v>18.899999999999999</v>
      </c>
      <c r="C583" s="2">
        <v>114.2</v>
      </c>
      <c r="D583" s="2">
        <v>0</v>
      </c>
      <c r="E583" s="2">
        <v>29.999999999999925</v>
      </c>
    </row>
    <row r="584" spans="1:5" x14ac:dyDescent="0.25">
      <c r="A584" s="3">
        <v>41754.533101851855</v>
      </c>
      <c r="B584" s="2">
        <v>19.100000000000001</v>
      </c>
      <c r="C584" s="2">
        <v>114</v>
      </c>
      <c r="D584" s="2">
        <v>0</v>
      </c>
      <c r="E584" s="2">
        <v>29.999999999999925</v>
      </c>
    </row>
    <row r="585" spans="1:5" x14ac:dyDescent="0.25">
      <c r="A585" s="3">
        <v>41754.533217592594</v>
      </c>
      <c r="B585" s="2">
        <v>19.100000000000001</v>
      </c>
      <c r="C585" s="2">
        <v>114.2</v>
      </c>
      <c r="D585" s="2">
        <v>0</v>
      </c>
      <c r="E585" s="2">
        <v>29.999999999999925</v>
      </c>
    </row>
    <row r="586" spans="1:5" x14ac:dyDescent="0.25">
      <c r="A586" s="3">
        <v>41754.534432870372</v>
      </c>
      <c r="B586" s="2">
        <v>19.2</v>
      </c>
      <c r="C586" s="2">
        <v>114</v>
      </c>
      <c r="D586" s="2">
        <v>0</v>
      </c>
      <c r="E586" s="2">
        <v>29.999999999999925</v>
      </c>
    </row>
    <row r="587" spans="1:5" x14ac:dyDescent="0.25">
      <c r="A587" s="3">
        <v>41754.535532407404</v>
      </c>
      <c r="B587" s="2">
        <v>19.2</v>
      </c>
      <c r="C587" s="2">
        <v>114.2</v>
      </c>
      <c r="D587" s="2">
        <v>0</v>
      </c>
      <c r="E587" s="2">
        <v>29.999999999999925</v>
      </c>
    </row>
    <row r="588" spans="1:5" x14ac:dyDescent="0.25">
      <c r="A588" s="3">
        <v>41754.53564814815</v>
      </c>
      <c r="B588" s="2">
        <v>19.2</v>
      </c>
      <c r="C588" s="2">
        <v>114</v>
      </c>
      <c r="D588" s="2">
        <v>0</v>
      </c>
      <c r="E588" s="2">
        <v>29.999999999999925</v>
      </c>
    </row>
    <row r="589" spans="1:5" x14ac:dyDescent="0.25">
      <c r="A589" s="3">
        <v>41754.536458333336</v>
      </c>
      <c r="B589" s="2">
        <v>19.2</v>
      </c>
      <c r="C589" s="2">
        <v>114.2</v>
      </c>
      <c r="D589" s="2">
        <v>0</v>
      </c>
      <c r="E589" s="2">
        <v>29.999999999999925</v>
      </c>
    </row>
    <row r="590" spans="1:5" x14ac:dyDescent="0.25">
      <c r="A590" s="3">
        <v>41754.536689814813</v>
      </c>
      <c r="B590" s="2">
        <v>19.3</v>
      </c>
      <c r="C590" s="2">
        <v>114</v>
      </c>
      <c r="D590" s="2">
        <v>0</v>
      </c>
      <c r="E590" s="2">
        <v>29.999999999999925</v>
      </c>
    </row>
    <row r="591" spans="1:5" x14ac:dyDescent="0.25">
      <c r="A591" s="3">
        <v>41754.538425925923</v>
      </c>
      <c r="B591" s="2">
        <v>19.3</v>
      </c>
      <c r="C591" s="2">
        <v>114.2</v>
      </c>
      <c r="D591" s="2">
        <v>0</v>
      </c>
      <c r="E591" s="2">
        <v>29.999999999999925</v>
      </c>
    </row>
    <row r="592" spans="1:5" x14ac:dyDescent="0.25">
      <c r="A592" s="3">
        <v>41754.560995370368</v>
      </c>
      <c r="B592" s="2">
        <v>19.899999999999999</v>
      </c>
      <c r="C592" s="2">
        <v>114</v>
      </c>
      <c r="D592" s="2">
        <v>0</v>
      </c>
      <c r="E592" s="2">
        <v>29.999999999999925</v>
      </c>
    </row>
    <row r="593" spans="1:5" x14ac:dyDescent="0.25">
      <c r="A593" s="3">
        <v>41754.64334490741</v>
      </c>
      <c r="B593" s="2">
        <v>21.1</v>
      </c>
      <c r="C593" s="2">
        <v>113.8</v>
      </c>
      <c r="D593" s="2">
        <v>0</v>
      </c>
      <c r="E593" s="2">
        <v>29.999999999999925</v>
      </c>
    </row>
    <row r="594" spans="1:5" x14ac:dyDescent="0.25">
      <c r="A594" s="3">
        <v>41754.643460648149</v>
      </c>
      <c r="B594" s="2">
        <v>21.1</v>
      </c>
      <c r="C594" s="2">
        <v>114</v>
      </c>
      <c r="D594" s="2">
        <v>0</v>
      </c>
      <c r="E594" s="2">
        <v>29.999999999999925</v>
      </c>
    </row>
    <row r="595" spans="1:5" x14ac:dyDescent="0.25">
      <c r="A595" s="3">
        <v>41754.643634259257</v>
      </c>
      <c r="B595" s="2">
        <v>21.1</v>
      </c>
      <c r="C595" s="2">
        <v>113.8</v>
      </c>
      <c r="D595" s="2">
        <v>0</v>
      </c>
      <c r="E595" s="2">
        <v>29.999999999999925</v>
      </c>
    </row>
    <row r="596" spans="1:5" x14ac:dyDescent="0.25">
      <c r="A596" s="3">
        <v>41754.643750000003</v>
      </c>
      <c r="B596" s="2">
        <v>21.1</v>
      </c>
      <c r="C596" s="2">
        <v>114</v>
      </c>
      <c r="D596" s="2">
        <v>0</v>
      </c>
      <c r="E596" s="2">
        <v>29.999999999999925</v>
      </c>
    </row>
    <row r="597" spans="1:5" x14ac:dyDescent="0.25">
      <c r="A597" s="3">
        <v>41754.644560185188</v>
      </c>
      <c r="B597" s="2">
        <v>21.1</v>
      </c>
      <c r="C597" s="2">
        <v>113.8</v>
      </c>
      <c r="D597" s="2">
        <v>0</v>
      </c>
      <c r="E597" s="2">
        <v>29.999999999999925</v>
      </c>
    </row>
    <row r="598" spans="1:5" x14ac:dyDescent="0.25">
      <c r="A598" s="3">
        <v>41754.644618055558</v>
      </c>
      <c r="B598" s="2">
        <v>21.1</v>
      </c>
      <c r="C598" s="2">
        <v>114</v>
      </c>
      <c r="D598" s="2">
        <v>0</v>
      </c>
      <c r="E598" s="2">
        <v>29.999999999999925</v>
      </c>
    </row>
    <row r="599" spans="1:5" x14ac:dyDescent="0.25">
      <c r="A599" s="3">
        <v>41754.647453703707</v>
      </c>
      <c r="B599" s="2">
        <v>21.1</v>
      </c>
      <c r="C599" s="2">
        <v>113.8</v>
      </c>
      <c r="D599" s="2">
        <v>0</v>
      </c>
      <c r="E599" s="2">
        <v>29.999999999999925</v>
      </c>
    </row>
    <row r="600" spans="1:5" x14ac:dyDescent="0.25">
      <c r="A600" s="3">
        <v>41754.648206018515</v>
      </c>
      <c r="B600" s="2">
        <v>21.1</v>
      </c>
      <c r="C600" s="2">
        <v>114</v>
      </c>
      <c r="D600" s="2">
        <v>0</v>
      </c>
      <c r="E600" s="2">
        <v>29.999999999999925</v>
      </c>
    </row>
    <row r="601" spans="1:5" x14ac:dyDescent="0.25">
      <c r="A601" s="3">
        <v>41754.648495370369</v>
      </c>
      <c r="B601" s="2">
        <v>21.1</v>
      </c>
      <c r="C601" s="2">
        <v>113.8</v>
      </c>
      <c r="D601" s="2">
        <v>0</v>
      </c>
      <c r="E601" s="2">
        <v>29.999999999999925</v>
      </c>
    </row>
    <row r="602" spans="1:5" x14ac:dyDescent="0.25">
      <c r="A602" s="3">
        <v>41754.648726851854</v>
      </c>
      <c r="B602" s="2">
        <v>21.1</v>
      </c>
      <c r="C602" s="2">
        <v>114</v>
      </c>
      <c r="D602" s="2">
        <v>0</v>
      </c>
      <c r="E602" s="2">
        <v>29.999999999999925</v>
      </c>
    </row>
    <row r="603" spans="1:5" x14ac:dyDescent="0.25">
      <c r="A603" s="3">
        <v>41754.648842592593</v>
      </c>
      <c r="B603" s="2">
        <v>21.1</v>
      </c>
      <c r="C603" s="2">
        <v>113.8</v>
      </c>
      <c r="D603" s="2">
        <v>0</v>
      </c>
      <c r="E603" s="2">
        <v>29.999999999999925</v>
      </c>
    </row>
    <row r="604" spans="1:5" x14ac:dyDescent="0.25">
      <c r="A604" s="3">
        <v>41754.648958333331</v>
      </c>
      <c r="B604" s="2">
        <v>21.1</v>
      </c>
      <c r="C604" s="2">
        <v>114</v>
      </c>
      <c r="D604" s="2">
        <v>0</v>
      </c>
      <c r="E604" s="2">
        <v>29.999999999999925</v>
      </c>
    </row>
    <row r="605" spans="1:5" x14ac:dyDescent="0.25">
      <c r="A605" s="3">
        <v>41754.649016203701</v>
      </c>
      <c r="B605" s="2">
        <v>21.1</v>
      </c>
      <c r="C605" s="2">
        <v>113.8</v>
      </c>
      <c r="D605" s="2">
        <v>0</v>
      </c>
      <c r="E605" s="2">
        <v>29.999999999999925</v>
      </c>
    </row>
    <row r="606" spans="1:5" x14ac:dyDescent="0.25">
      <c r="A606" s="3">
        <v>41754.655787037038</v>
      </c>
      <c r="B606" s="2">
        <v>21.1</v>
      </c>
      <c r="C606" s="2">
        <v>114</v>
      </c>
      <c r="D606" s="2">
        <v>0</v>
      </c>
      <c r="E606" s="2">
        <v>29.999999999999925</v>
      </c>
    </row>
    <row r="607" spans="1:5" x14ac:dyDescent="0.25">
      <c r="A607" s="3">
        <v>41754.655844907407</v>
      </c>
      <c r="B607" s="2">
        <v>21.1</v>
      </c>
      <c r="C607" s="2">
        <v>113.8</v>
      </c>
      <c r="D607" s="2">
        <v>0</v>
      </c>
      <c r="E607" s="2">
        <v>29.999999999999925</v>
      </c>
    </row>
    <row r="608" spans="1:5" x14ac:dyDescent="0.25">
      <c r="A608" s="3">
        <v>41754.656018518515</v>
      </c>
      <c r="B608" s="2">
        <v>21.1</v>
      </c>
      <c r="C608" s="2">
        <v>114</v>
      </c>
      <c r="D608" s="2">
        <v>0</v>
      </c>
      <c r="E608" s="2">
        <v>29.999999999999925</v>
      </c>
    </row>
    <row r="609" spans="1:5" x14ac:dyDescent="0.25">
      <c r="A609" s="3">
        <v>41754.656076388892</v>
      </c>
      <c r="B609" s="2">
        <v>21.1</v>
      </c>
      <c r="C609" s="2">
        <v>113.8</v>
      </c>
      <c r="D609" s="2">
        <v>0</v>
      </c>
      <c r="E609" s="2">
        <v>29.999999999999925</v>
      </c>
    </row>
    <row r="610" spans="1:5" x14ac:dyDescent="0.25">
      <c r="A610" s="3">
        <v>41754.656423611108</v>
      </c>
      <c r="B610" s="2">
        <v>21.1</v>
      </c>
      <c r="C610" s="2">
        <v>114</v>
      </c>
      <c r="D610" s="2">
        <v>0</v>
      </c>
      <c r="E610" s="2">
        <v>29.999999999999925</v>
      </c>
    </row>
    <row r="611" spans="1:5" x14ac:dyDescent="0.25">
      <c r="A611" s="3">
        <v>41754.656539351854</v>
      </c>
      <c r="B611" s="2">
        <v>21.1</v>
      </c>
      <c r="C611" s="2">
        <v>113.8</v>
      </c>
      <c r="D611" s="2">
        <v>0</v>
      </c>
      <c r="E611" s="2">
        <v>29.999999999999925</v>
      </c>
    </row>
    <row r="612" spans="1:5" x14ac:dyDescent="0.25">
      <c r="A612" s="3">
        <v>41754.667013888888</v>
      </c>
      <c r="B612" s="2">
        <v>21.1</v>
      </c>
      <c r="C612" s="2">
        <v>114</v>
      </c>
      <c r="D612" s="2">
        <v>0</v>
      </c>
      <c r="E612" s="2">
        <v>29.999999999999925</v>
      </c>
    </row>
    <row r="613" spans="1:5" x14ac:dyDescent="0.25">
      <c r="A613" s="3">
        <v>41754.667187500003</v>
      </c>
      <c r="B613" s="2">
        <v>21.1</v>
      </c>
      <c r="C613" s="2">
        <v>113.8</v>
      </c>
      <c r="D613" s="2">
        <v>0</v>
      </c>
      <c r="E613" s="2">
        <v>29.999999999999925</v>
      </c>
    </row>
    <row r="614" spans="1:5" x14ac:dyDescent="0.25">
      <c r="A614" s="3">
        <v>41754.698553240742</v>
      </c>
      <c r="B614" s="2">
        <v>21.1</v>
      </c>
      <c r="C614" s="2">
        <v>113.6</v>
      </c>
      <c r="D614" s="2">
        <v>0</v>
      </c>
      <c r="E614" s="2">
        <v>29.999999999999925</v>
      </c>
    </row>
    <row r="615" spans="1:5" x14ac:dyDescent="0.25">
      <c r="A615" s="3">
        <v>41754.69872685185</v>
      </c>
      <c r="B615" s="2">
        <v>21.1</v>
      </c>
      <c r="C615" s="2">
        <v>113.8</v>
      </c>
      <c r="D615" s="2">
        <v>0</v>
      </c>
      <c r="E615" s="2">
        <v>29.999999999999925</v>
      </c>
    </row>
    <row r="616" spans="1:5" x14ac:dyDescent="0.25">
      <c r="A616" s="3">
        <v>41754.698900462965</v>
      </c>
      <c r="B616" s="2">
        <v>21.1</v>
      </c>
      <c r="C616" s="2">
        <v>113.6</v>
      </c>
      <c r="D616" s="2">
        <v>0</v>
      </c>
      <c r="E616" s="2">
        <v>29.999999999999925</v>
      </c>
    </row>
    <row r="617" spans="1:5" x14ac:dyDescent="0.25">
      <c r="A617" s="3">
        <v>41754.699074074073</v>
      </c>
      <c r="B617" s="2">
        <v>21.1</v>
      </c>
      <c r="C617" s="2">
        <v>113.8</v>
      </c>
      <c r="D617" s="2">
        <v>0</v>
      </c>
      <c r="E617" s="2">
        <v>29.999999999999925</v>
      </c>
    </row>
    <row r="618" spans="1:5" x14ac:dyDescent="0.25">
      <c r="A618" s="3">
        <v>41754.699131944442</v>
      </c>
      <c r="B618" s="2">
        <v>21.1</v>
      </c>
      <c r="C618" s="2">
        <v>113.6</v>
      </c>
      <c r="D618" s="2">
        <v>0</v>
      </c>
      <c r="E618" s="2">
        <v>29.999999999999925</v>
      </c>
    </row>
    <row r="619" spans="1:5" x14ac:dyDescent="0.25">
      <c r="A619" s="3">
        <v>41754.699247685188</v>
      </c>
      <c r="B619" s="2">
        <v>21.1</v>
      </c>
      <c r="C619" s="2">
        <v>113.8</v>
      </c>
      <c r="D619" s="2">
        <v>0</v>
      </c>
      <c r="E619" s="2">
        <v>29.999999999999925</v>
      </c>
    </row>
    <row r="620" spans="1:5" x14ac:dyDescent="0.25">
      <c r="A620" s="3">
        <v>41754.699421296296</v>
      </c>
      <c r="B620" s="2">
        <v>21.1</v>
      </c>
      <c r="C620" s="2">
        <v>113.6</v>
      </c>
      <c r="D620" s="2">
        <v>0</v>
      </c>
      <c r="E620" s="2">
        <v>29.999999999999925</v>
      </c>
    </row>
    <row r="621" spans="1:5" x14ac:dyDescent="0.25">
      <c r="A621" s="3">
        <v>41754.699479166666</v>
      </c>
      <c r="B621" s="2">
        <v>21.1</v>
      </c>
      <c r="C621" s="2">
        <v>113.8</v>
      </c>
      <c r="D621" s="2">
        <v>0</v>
      </c>
      <c r="E621" s="2">
        <v>29.999999999999925</v>
      </c>
    </row>
    <row r="622" spans="1:5" x14ac:dyDescent="0.25">
      <c r="A622" s="3">
        <v>41754.699594907404</v>
      </c>
      <c r="B622" s="2">
        <v>21.1</v>
      </c>
      <c r="C622" s="2">
        <v>113.6</v>
      </c>
      <c r="D622" s="2">
        <v>0</v>
      </c>
      <c r="E622" s="2">
        <v>29.999999999999925</v>
      </c>
    </row>
    <row r="623" spans="1:5" x14ac:dyDescent="0.25">
      <c r="A623" s="3">
        <v>41754.699826388889</v>
      </c>
      <c r="B623" s="2">
        <v>21.1</v>
      </c>
      <c r="C623" s="2">
        <v>113.8</v>
      </c>
      <c r="D623" s="2">
        <v>0</v>
      </c>
      <c r="E623" s="2">
        <v>29.999999999999925</v>
      </c>
    </row>
    <row r="624" spans="1:5" x14ac:dyDescent="0.25">
      <c r="A624" s="3">
        <v>41754.70040509259</v>
      </c>
      <c r="B624" s="2">
        <v>21.1</v>
      </c>
      <c r="C624" s="2">
        <v>113.6</v>
      </c>
      <c r="D624" s="2">
        <v>0</v>
      </c>
      <c r="E624" s="2">
        <v>29.999999999999925</v>
      </c>
    </row>
    <row r="625" spans="1:5" x14ac:dyDescent="0.25">
      <c r="A625" s="3">
        <v>41754.700520833336</v>
      </c>
      <c r="B625" s="2">
        <v>21.1</v>
      </c>
      <c r="C625" s="2">
        <v>113.8</v>
      </c>
      <c r="D625" s="2">
        <v>0</v>
      </c>
      <c r="E625" s="2">
        <v>29.999999999999925</v>
      </c>
    </row>
    <row r="626" spans="1:5" x14ac:dyDescent="0.25">
      <c r="A626" s="3">
        <v>41754.701215277775</v>
      </c>
      <c r="B626" s="2">
        <v>21.1</v>
      </c>
      <c r="C626" s="2">
        <v>113.6</v>
      </c>
      <c r="D626" s="2">
        <v>0</v>
      </c>
      <c r="E626" s="2">
        <v>29.999999999999925</v>
      </c>
    </row>
    <row r="627" spans="1:5" x14ac:dyDescent="0.25">
      <c r="A627" s="3">
        <v>41754.701909722222</v>
      </c>
      <c r="B627" s="2">
        <v>21.1</v>
      </c>
      <c r="C627" s="2">
        <v>113.8</v>
      </c>
      <c r="D627" s="2">
        <v>0</v>
      </c>
      <c r="E627" s="2">
        <v>29.999999999999925</v>
      </c>
    </row>
    <row r="628" spans="1:5" x14ac:dyDescent="0.25">
      <c r="A628" s="3">
        <v>41754.702314814815</v>
      </c>
      <c r="B628" s="2">
        <v>21.1</v>
      </c>
      <c r="C628" s="2">
        <v>113.6</v>
      </c>
      <c r="D628" s="2">
        <v>0</v>
      </c>
      <c r="E628" s="2">
        <v>29.999999999999925</v>
      </c>
    </row>
    <row r="629" spans="1:5" x14ac:dyDescent="0.25">
      <c r="A629" s="3">
        <v>41754.703645833331</v>
      </c>
      <c r="B629" s="2">
        <v>21.2</v>
      </c>
      <c r="C629" s="2">
        <v>113.8</v>
      </c>
      <c r="D629" s="2">
        <v>0</v>
      </c>
      <c r="E629" s="2">
        <v>29.999999999999925</v>
      </c>
    </row>
    <row r="630" spans="1:5" x14ac:dyDescent="0.25">
      <c r="A630" s="3">
        <v>41754.704224537039</v>
      </c>
      <c r="B630" s="2">
        <v>21.1</v>
      </c>
      <c r="C630" s="2">
        <v>113.6</v>
      </c>
      <c r="D630" s="2">
        <v>0</v>
      </c>
      <c r="E630" s="2">
        <v>29.999999999999925</v>
      </c>
    </row>
    <row r="631" spans="1:5" x14ac:dyDescent="0.25">
      <c r="A631" s="3">
        <v>41754.705555555556</v>
      </c>
      <c r="B631" s="2">
        <v>21.1</v>
      </c>
      <c r="C631" s="2">
        <v>113.8</v>
      </c>
      <c r="D631" s="2">
        <v>0</v>
      </c>
      <c r="E631" s="2">
        <v>29.999999999999925</v>
      </c>
    </row>
    <row r="632" spans="1:5" x14ac:dyDescent="0.25">
      <c r="A632" s="3">
        <v>41754.705787037034</v>
      </c>
      <c r="B632" s="2">
        <v>21.1</v>
      </c>
      <c r="C632" s="2">
        <v>113.6</v>
      </c>
      <c r="D632" s="2">
        <v>0</v>
      </c>
      <c r="E632" s="2">
        <v>29.999999999999925</v>
      </c>
    </row>
    <row r="633" spans="1:5" x14ac:dyDescent="0.25">
      <c r="A633" s="3">
        <v>41754.709143518521</v>
      </c>
      <c r="B633" s="2">
        <v>21.1</v>
      </c>
      <c r="C633" s="2">
        <v>113.8</v>
      </c>
      <c r="D633" s="2">
        <v>0</v>
      </c>
      <c r="E633" s="2">
        <v>29.999999999999925</v>
      </c>
    </row>
    <row r="634" spans="1:5" x14ac:dyDescent="0.25">
      <c r="A634" s="3">
        <v>41754.709432870368</v>
      </c>
      <c r="B634" s="2">
        <v>21.1</v>
      </c>
      <c r="C634" s="2">
        <v>113.6</v>
      </c>
      <c r="D634" s="2">
        <v>0</v>
      </c>
      <c r="E634" s="2">
        <v>29.999999999999925</v>
      </c>
    </row>
    <row r="635" spans="1:5" x14ac:dyDescent="0.25">
      <c r="A635" s="3">
        <v>41754.709606481483</v>
      </c>
      <c r="B635" s="2">
        <v>21.1</v>
      </c>
      <c r="C635" s="2">
        <v>113.8</v>
      </c>
      <c r="D635" s="2">
        <v>0</v>
      </c>
      <c r="E635" s="2">
        <v>29.999999999999925</v>
      </c>
    </row>
    <row r="636" spans="1:5" x14ac:dyDescent="0.25">
      <c r="A636" s="3">
        <v>41754.709780092591</v>
      </c>
      <c r="B636" s="2">
        <v>21.1</v>
      </c>
      <c r="C636" s="2">
        <v>113.6</v>
      </c>
      <c r="D636" s="2">
        <v>0</v>
      </c>
      <c r="E636" s="2">
        <v>29.999999999999925</v>
      </c>
    </row>
    <row r="637" spans="1:5" x14ac:dyDescent="0.25">
      <c r="A637" s="3">
        <v>41754.710763888892</v>
      </c>
      <c r="B637" s="2">
        <v>21.1</v>
      </c>
      <c r="C637" s="2">
        <v>113.8</v>
      </c>
      <c r="D637" s="2">
        <v>0</v>
      </c>
      <c r="E637" s="2">
        <v>29.999999999999925</v>
      </c>
    </row>
    <row r="638" spans="1:5" x14ac:dyDescent="0.25">
      <c r="A638" s="3">
        <v>41754.710995370369</v>
      </c>
      <c r="B638" s="2">
        <v>21.1</v>
      </c>
      <c r="C638" s="2">
        <v>113.6</v>
      </c>
      <c r="D638" s="2">
        <v>0</v>
      </c>
      <c r="E638" s="2">
        <v>29.999999999999925</v>
      </c>
    </row>
    <row r="639" spans="1:5" x14ac:dyDescent="0.25">
      <c r="A639" s="3">
        <v>41754.712384259263</v>
      </c>
      <c r="B639" s="2">
        <v>21.1</v>
      </c>
      <c r="C639" s="2">
        <v>113.8</v>
      </c>
      <c r="D639" s="2">
        <v>0</v>
      </c>
      <c r="E639" s="2">
        <v>29.999999999999925</v>
      </c>
    </row>
    <row r="640" spans="1:5" x14ac:dyDescent="0.25">
      <c r="A640" s="3">
        <v>41754.712557870371</v>
      </c>
      <c r="B640" s="2">
        <v>21.1</v>
      </c>
      <c r="C640" s="2">
        <v>113.6</v>
      </c>
      <c r="D640" s="2">
        <v>0</v>
      </c>
      <c r="E640" s="2">
        <v>29.999999999999925</v>
      </c>
    </row>
    <row r="641" spans="1:5" x14ac:dyDescent="0.25">
      <c r="A641" s="3">
        <v>41754.760648148149</v>
      </c>
      <c r="B641" s="2">
        <v>20.8</v>
      </c>
      <c r="C641" s="2">
        <v>113.6</v>
      </c>
      <c r="D641" s="2">
        <v>0.2</v>
      </c>
      <c r="E641" s="2">
        <v>30.199999999999925</v>
      </c>
    </row>
    <row r="642" spans="1:5" x14ac:dyDescent="0.25">
      <c r="A642" s="3">
        <v>41754.771412037036</v>
      </c>
      <c r="B642" s="2">
        <v>20.7</v>
      </c>
      <c r="C642" s="2">
        <v>113.4</v>
      </c>
      <c r="D642" s="2">
        <v>0</v>
      </c>
      <c r="E642" s="2">
        <v>30.199999999999925</v>
      </c>
    </row>
    <row r="643" spans="1:5" x14ac:dyDescent="0.25">
      <c r="A643" s="3">
        <v>41754.771643518521</v>
      </c>
      <c r="B643" s="2">
        <v>20.7</v>
      </c>
      <c r="C643" s="2">
        <v>113.6</v>
      </c>
      <c r="D643" s="2">
        <v>0</v>
      </c>
      <c r="E643" s="2">
        <v>30.199999999999925</v>
      </c>
    </row>
    <row r="644" spans="1:5" x14ac:dyDescent="0.25">
      <c r="A644" s="3">
        <v>41754.771817129629</v>
      </c>
      <c r="B644" s="2">
        <v>20.7</v>
      </c>
      <c r="C644" s="2">
        <v>113.4</v>
      </c>
      <c r="D644" s="2">
        <v>0</v>
      </c>
      <c r="E644" s="2">
        <v>30.199999999999925</v>
      </c>
    </row>
    <row r="645" spans="1:5" x14ac:dyDescent="0.25">
      <c r="A645" s="3">
        <v>41754.779166666667</v>
      </c>
      <c r="B645" s="2">
        <v>20.7</v>
      </c>
      <c r="C645" s="2">
        <v>113.6</v>
      </c>
      <c r="D645" s="2">
        <v>0</v>
      </c>
      <c r="E645" s="2">
        <v>30.199999999999925</v>
      </c>
    </row>
    <row r="646" spans="1:5" x14ac:dyDescent="0.25">
      <c r="A646" s="3">
        <v>41754.779340277775</v>
      </c>
      <c r="B646" s="2">
        <v>20.7</v>
      </c>
      <c r="C646" s="2">
        <v>113.4</v>
      </c>
      <c r="D646" s="2">
        <v>0</v>
      </c>
      <c r="E646" s="2">
        <v>30.199999999999925</v>
      </c>
    </row>
    <row r="647" spans="1:5" x14ac:dyDescent="0.25">
      <c r="A647" s="3">
        <v>41754.865451388891</v>
      </c>
      <c r="B647" s="2">
        <v>19.2</v>
      </c>
      <c r="C647" s="2">
        <v>113.2</v>
      </c>
      <c r="D647" s="2">
        <v>0</v>
      </c>
      <c r="E647" s="2">
        <v>30.199999999999925</v>
      </c>
    </row>
    <row r="648" spans="1:5" x14ac:dyDescent="0.25">
      <c r="A648" s="3">
        <v>41754.867881944447</v>
      </c>
      <c r="B648" s="2">
        <v>19.2</v>
      </c>
      <c r="C648" s="2">
        <v>113.4</v>
      </c>
      <c r="D648" s="2">
        <v>0</v>
      </c>
      <c r="E648" s="2">
        <v>30.199999999999925</v>
      </c>
    </row>
    <row r="649" spans="1:5" x14ac:dyDescent="0.25">
      <c r="A649" s="3">
        <v>41754.868055555555</v>
      </c>
      <c r="B649" s="2">
        <v>19.100000000000001</v>
      </c>
      <c r="C649" s="2">
        <v>113.2</v>
      </c>
      <c r="D649" s="2">
        <v>0</v>
      </c>
      <c r="E649" s="2">
        <v>30.199999999999925</v>
      </c>
    </row>
    <row r="650" spans="1:5" x14ac:dyDescent="0.25">
      <c r="A650" s="3">
        <v>41755.007696759261</v>
      </c>
      <c r="B650" s="2">
        <v>17.399999999999999</v>
      </c>
      <c r="C650" s="2">
        <v>113</v>
      </c>
      <c r="D650" s="2">
        <v>0</v>
      </c>
      <c r="E650" s="2">
        <v>30.199999999999925</v>
      </c>
    </row>
    <row r="651" spans="1:5" x14ac:dyDescent="0.25">
      <c r="A651" s="3">
        <v>41755.23715277778</v>
      </c>
      <c r="B651" s="2">
        <v>15</v>
      </c>
      <c r="C651" s="2">
        <v>112.8</v>
      </c>
      <c r="D651" s="2">
        <v>0</v>
      </c>
      <c r="E651" s="2">
        <v>30.199999999999925</v>
      </c>
    </row>
    <row r="652" spans="1:5" x14ac:dyDescent="0.25">
      <c r="A652" s="3">
        <v>41755.310590277775</v>
      </c>
      <c r="B652" s="2">
        <v>14.7</v>
      </c>
      <c r="C652" s="2">
        <v>112.6</v>
      </c>
      <c r="D652" s="2">
        <v>0</v>
      </c>
      <c r="E652" s="2">
        <v>30.199999999999925</v>
      </c>
    </row>
    <row r="653" spans="1:5" x14ac:dyDescent="0.25">
      <c r="A653" s="3">
        <v>41755.50335648148</v>
      </c>
      <c r="B653" s="2">
        <v>17.8</v>
      </c>
      <c r="C653" s="2">
        <v>112.4</v>
      </c>
      <c r="D653" s="2">
        <v>0</v>
      </c>
      <c r="E653" s="2">
        <v>30.199999999999925</v>
      </c>
    </row>
    <row r="654" spans="1:5" x14ac:dyDescent="0.25">
      <c r="A654" s="3">
        <v>41755.51053240741</v>
      </c>
      <c r="B654" s="2">
        <v>18.100000000000001</v>
      </c>
      <c r="C654" s="2">
        <v>112.6</v>
      </c>
      <c r="D654" s="2">
        <v>0</v>
      </c>
      <c r="E654" s="2">
        <v>30.199999999999925</v>
      </c>
    </row>
    <row r="655" spans="1:5" x14ac:dyDescent="0.25">
      <c r="A655" s="3">
        <v>41755.510648148149</v>
      </c>
      <c r="B655" s="2">
        <v>18.100000000000001</v>
      </c>
      <c r="C655" s="2">
        <v>112.4</v>
      </c>
      <c r="D655" s="2">
        <v>0</v>
      </c>
      <c r="E655" s="2">
        <v>30.199999999999925</v>
      </c>
    </row>
    <row r="656" spans="1:5" x14ac:dyDescent="0.25">
      <c r="A656" s="3">
        <v>41755.511284722219</v>
      </c>
      <c r="B656" s="2">
        <v>18.2</v>
      </c>
      <c r="C656" s="2">
        <v>112.6</v>
      </c>
      <c r="D656" s="2">
        <v>0</v>
      </c>
      <c r="E656" s="2">
        <v>30.199999999999925</v>
      </c>
    </row>
    <row r="657" spans="1:5" x14ac:dyDescent="0.25">
      <c r="A657" s="3">
        <v>41755.511631944442</v>
      </c>
      <c r="B657" s="2">
        <v>18.2</v>
      </c>
      <c r="C657" s="2">
        <v>112.4</v>
      </c>
      <c r="D657" s="2">
        <v>0</v>
      </c>
      <c r="E657" s="2">
        <v>30.199999999999925</v>
      </c>
    </row>
    <row r="658" spans="1:5" x14ac:dyDescent="0.25">
      <c r="A658" s="3">
        <v>41755.512094907404</v>
      </c>
      <c r="B658" s="2">
        <v>18.2</v>
      </c>
      <c r="C658" s="2">
        <v>112.6</v>
      </c>
      <c r="D658" s="2">
        <v>0</v>
      </c>
      <c r="E658" s="2">
        <v>30.199999999999925</v>
      </c>
    </row>
    <row r="659" spans="1:5" x14ac:dyDescent="0.25">
      <c r="A659" s="3">
        <v>41755.512326388889</v>
      </c>
      <c r="B659" s="2">
        <v>18.2</v>
      </c>
      <c r="C659" s="2">
        <v>112.4</v>
      </c>
      <c r="D659" s="2">
        <v>0</v>
      </c>
      <c r="E659" s="2">
        <v>30.199999999999925</v>
      </c>
    </row>
    <row r="660" spans="1:5" x14ac:dyDescent="0.25">
      <c r="A660" s="3">
        <v>41755.513020833336</v>
      </c>
      <c r="B660" s="2">
        <v>18.3</v>
      </c>
      <c r="C660" s="2">
        <v>112.6</v>
      </c>
      <c r="D660" s="2">
        <v>0</v>
      </c>
      <c r="E660" s="2">
        <v>30.199999999999925</v>
      </c>
    </row>
    <row r="661" spans="1:5" x14ac:dyDescent="0.25">
      <c r="A661" s="3">
        <v>41755.514236111114</v>
      </c>
      <c r="B661" s="2">
        <v>18.3</v>
      </c>
      <c r="C661" s="2">
        <v>112.4</v>
      </c>
      <c r="D661" s="2">
        <v>0</v>
      </c>
      <c r="E661" s="2">
        <v>30.199999999999925</v>
      </c>
    </row>
    <row r="662" spans="1:5" x14ac:dyDescent="0.25">
      <c r="A662" s="3">
        <v>41755.514293981483</v>
      </c>
      <c r="B662" s="2">
        <v>18.399999999999999</v>
      </c>
      <c r="C662" s="2">
        <v>112.6</v>
      </c>
      <c r="D662" s="2">
        <v>0</v>
      </c>
      <c r="E662" s="2">
        <v>30.199999999999925</v>
      </c>
    </row>
    <row r="663" spans="1:5" x14ac:dyDescent="0.25">
      <c r="A663" s="3">
        <v>41755.514525462961</v>
      </c>
      <c r="B663" s="2">
        <v>18.399999999999999</v>
      </c>
      <c r="C663" s="2">
        <v>112.4</v>
      </c>
      <c r="D663" s="2">
        <v>0</v>
      </c>
      <c r="E663" s="2">
        <v>30.199999999999925</v>
      </c>
    </row>
    <row r="664" spans="1:5" x14ac:dyDescent="0.25">
      <c r="A664" s="3">
        <v>41755.514699074076</v>
      </c>
      <c r="B664" s="2">
        <v>18.399999999999999</v>
      </c>
      <c r="C664" s="2">
        <v>112.6</v>
      </c>
      <c r="D664" s="2">
        <v>0</v>
      </c>
      <c r="E664" s="2">
        <v>30.199999999999925</v>
      </c>
    </row>
    <row r="665" spans="1:5" x14ac:dyDescent="0.25">
      <c r="A665" s="3">
        <v>41755.514872685184</v>
      </c>
      <c r="B665" s="2">
        <v>18.399999999999999</v>
      </c>
      <c r="C665" s="2">
        <v>112.4</v>
      </c>
      <c r="D665" s="2">
        <v>0</v>
      </c>
      <c r="E665" s="2">
        <v>30.199999999999925</v>
      </c>
    </row>
    <row r="666" spans="1:5" x14ac:dyDescent="0.25">
      <c r="A666" s="3">
        <v>41755.514988425923</v>
      </c>
      <c r="B666" s="2">
        <v>18.399999999999999</v>
      </c>
      <c r="C666" s="2">
        <v>112.6</v>
      </c>
      <c r="D666" s="2">
        <v>0</v>
      </c>
      <c r="E666" s="2">
        <v>30.199999999999925</v>
      </c>
    </row>
    <row r="667" spans="1:5" x14ac:dyDescent="0.25">
      <c r="A667" s="3">
        <v>41755.515219907407</v>
      </c>
      <c r="B667" s="2">
        <v>18.399999999999999</v>
      </c>
      <c r="C667" s="2">
        <v>112.4</v>
      </c>
      <c r="D667" s="2">
        <v>0</v>
      </c>
      <c r="E667" s="2">
        <v>30.199999999999925</v>
      </c>
    </row>
    <row r="668" spans="1:5" x14ac:dyDescent="0.25">
      <c r="A668" s="3">
        <v>41755.515335648146</v>
      </c>
      <c r="B668" s="2">
        <v>18.399999999999999</v>
      </c>
      <c r="C668" s="2">
        <v>112.6</v>
      </c>
      <c r="D668" s="2">
        <v>0</v>
      </c>
      <c r="E668" s="2">
        <v>30.199999999999925</v>
      </c>
    </row>
    <row r="669" spans="1:5" x14ac:dyDescent="0.25">
      <c r="A669" s="3">
        <v>41755.515393518515</v>
      </c>
      <c r="B669" s="2">
        <v>18.399999999999999</v>
      </c>
      <c r="C669" s="2">
        <v>112.4</v>
      </c>
      <c r="D669" s="2">
        <v>0</v>
      </c>
      <c r="E669" s="2">
        <v>30.199999999999925</v>
      </c>
    </row>
    <row r="670" spans="1:5" x14ac:dyDescent="0.25">
      <c r="A670" s="3">
        <v>41755.515625</v>
      </c>
      <c r="B670" s="2">
        <v>18.399999999999999</v>
      </c>
      <c r="C670" s="2">
        <v>112.6</v>
      </c>
      <c r="D670" s="2">
        <v>0</v>
      </c>
      <c r="E670" s="2">
        <v>30.199999999999925</v>
      </c>
    </row>
    <row r="671" spans="1:5" x14ac:dyDescent="0.25">
      <c r="A671" s="3">
        <v>41755.515740740739</v>
      </c>
      <c r="B671" s="2">
        <v>18.399999999999999</v>
      </c>
      <c r="C671" s="2">
        <v>112.4</v>
      </c>
      <c r="D671" s="2">
        <v>0</v>
      </c>
      <c r="E671" s="2">
        <v>30.199999999999925</v>
      </c>
    </row>
    <row r="672" spans="1:5" x14ac:dyDescent="0.25">
      <c r="A672" s="3">
        <v>41755.515972222223</v>
      </c>
      <c r="B672" s="2">
        <v>18.399999999999999</v>
      </c>
      <c r="C672" s="2">
        <v>112.6</v>
      </c>
      <c r="D672" s="2">
        <v>0</v>
      </c>
      <c r="E672" s="2">
        <v>30.199999999999925</v>
      </c>
    </row>
    <row r="673" spans="1:5" x14ac:dyDescent="0.25">
      <c r="A673" s="3">
        <v>41755.516319444447</v>
      </c>
      <c r="B673" s="2">
        <v>18.5</v>
      </c>
      <c r="C673" s="2">
        <v>112.4</v>
      </c>
      <c r="D673" s="2">
        <v>0</v>
      </c>
      <c r="E673" s="2">
        <v>30.199999999999925</v>
      </c>
    </row>
    <row r="674" spans="1:5" x14ac:dyDescent="0.25">
      <c r="A674" s="3">
        <v>41755.516377314816</v>
      </c>
      <c r="B674" s="2">
        <v>18.5</v>
      </c>
      <c r="C674" s="2">
        <v>112.6</v>
      </c>
      <c r="D674" s="2">
        <v>0</v>
      </c>
      <c r="E674" s="2">
        <v>30.199999999999925</v>
      </c>
    </row>
    <row r="675" spans="1:5" x14ac:dyDescent="0.25">
      <c r="A675" s="3">
        <v>41755.516782407409</v>
      </c>
      <c r="B675" s="2">
        <v>18.5</v>
      </c>
      <c r="C675" s="2">
        <v>112.4</v>
      </c>
      <c r="D675" s="2">
        <v>0</v>
      </c>
      <c r="E675" s="2">
        <v>30.199999999999925</v>
      </c>
    </row>
    <row r="676" spans="1:5" x14ac:dyDescent="0.25">
      <c r="A676" s="3">
        <v>41755.516956018517</v>
      </c>
      <c r="B676" s="2">
        <v>18.5</v>
      </c>
      <c r="C676" s="2">
        <v>112.6</v>
      </c>
      <c r="D676" s="2">
        <v>0</v>
      </c>
      <c r="E676" s="2">
        <v>30.199999999999925</v>
      </c>
    </row>
    <row r="677" spans="1:5" x14ac:dyDescent="0.25">
      <c r="A677" s="3">
        <v>41755.517013888886</v>
      </c>
      <c r="B677" s="2">
        <v>18.5</v>
      </c>
      <c r="C677" s="2">
        <v>112.4</v>
      </c>
      <c r="D677" s="2">
        <v>0</v>
      </c>
      <c r="E677" s="2">
        <v>30.199999999999925</v>
      </c>
    </row>
    <row r="678" spans="1:5" x14ac:dyDescent="0.25">
      <c r="A678" s="3">
        <v>41755.517129629632</v>
      </c>
      <c r="B678" s="2">
        <v>18.5</v>
      </c>
      <c r="C678" s="2">
        <v>112.6</v>
      </c>
      <c r="D678" s="2">
        <v>0</v>
      </c>
      <c r="E678" s="2">
        <v>30.199999999999925</v>
      </c>
    </row>
    <row r="679" spans="1:5" x14ac:dyDescent="0.25">
      <c r="A679" s="3">
        <v>41755.517476851855</v>
      </c>
      <c r="B679" s="2">
        <v>18.5</v>
      </c>
      <c r="C679" s="2">
        <v>112.4</v>
      </c>
      <c r="D679" s="2">
        <v>0</v>
      </c>
      <c r="E679" s="2">
        <v>30.199999999999925</v>
      </c>
    </row>
    <row r="680" spans="1:5" x14ac:dyDescent="0.25">
      <c r="A680" s="3">
        <v>41755.517650462964</v>
      </c>
      <c r="B680" s="2">
        <v>18.5</v>
      </c>
      <c r="C680" s="2">
        <v>112.6</v>
      </c>
      <c r="D680" s="2">
        <v>0</v>
      </c>
      <c r="E680" s="2">
        <v>30.199999999999925</v>
      </c>
    </row>
    <row r="681" spans="1:5" x14ac:dyDescent="0.25">
      <c r="A681" s="3">
        <v>41755.517939814818</v>
      </c>
      <c r="B681" s="2">
        <v>18.600000000000001</v>
      </c>
      <c r="C681" s="2">
        <v>112.4</v>
      </c>
      <c r="D681" s="2">
        <v>0</v>
      </c>
      <c r="E681" s="2">
        <v>30.199999999999925</v>
      </c>
    </row>
    <row r="682" spans="1:5" x14ac:dyDescent="0.25">
      <c r="A682" s="3">
        <v>41755.518113425926</v>
      </c>
      <c r="B682" s="2">
        <v>18.600000000000001</v>
      </c>
      <c r="C682" s="2">
        <v>112.6</v>
      </c>
      <c r="D682" s="2">
        <v>0</v>
      </c>
      <c r="E682" s="2">
        <v>30.199999999999925</v>
      </c>
    </row>
    <row r="683" spans="1:5" x14ac:dyDescent="0.25">
      <c r="A683" s="3">
        <v>41755.51840277778</v>
      </c>
      <c r="B683" s="2">
        <v>18.7</v>
      </c>
      <c r="C683" s="2">
        <v>112.4</v>
      </c>
      <c r="D683" s="2">
        <v>0</v>
      </c>
      <c r="E683" s="2">
        <v>30.199999999999925</v>
      </c>
    </row>
    <row r="684" spans="1:5" x14ac:dyDescent="0.25">
      <c r="A684" s="3">
        <v>41755.519155092596</v>
      </c>
      <c r="B684" s="2">
        <v>18.7</v>
      </c>
      <c r="C684" s="2">
        <v>112.6</v>
      </c>
      <c r="D684" s="2">
        <v>0</v>
      </c>
      <c r="E684" s="2">
        <v>30.199999999999925</v>
      </c>
    </row>
    <row r="685" spans="1:5" x14ac:dyDescent="0.25">
      <c r="A685" s="3">
        <v>41755.519328703704</v>
      </c>
      <c r="B685" s="2">
        <v>18.600000000000001</v>
      </c>
      <c r="C685" s="2">
        <v>112.4</v>
      </c>
      <c r="D685" s="2">
        <v>0</v>
      </c>
      <c r="E685" s="2">
        <v>30.199999999999925</v>
      </c>
    </row>
    <row r="686" spans="1:5" x14ac:dyDescent="0.25">
      <c r="A686" s="3">
        <v>41755.523148148146</v>
      </c>
      <c r="B686" s="2">
        <v>18.899999999999999</v>
      </c>
      <c r="C686" s="2">
        <v>112.6</v>
      </c>
      <c r="D686" s="2">
        <v>0</v>
      </c>
      <c r="E686" s="2">
        <v>30.199999999999925</v>
      </c>
    </row>
    <row r="687" spans="1:5" x14ac:dyDescent="0.25">
      <c r="A687" s="3">
        <v>41755.523263888892</v>
      </c>
      <c r="B687" s="2">
        <v>18.899999999999999</v>
      </c>
      <c r="C687" s="2">
        <v>112.4</v>
      </c>
      <c r="D687" s="2">
        <v>0</v>
      </c>
      <c r="E687" s="2">
        <v>30.199999999999925</v>
      </c>
    </row>
    <row r="688" spans="1:5" x14ac:dyDescent="0.25">
      <c r="A688" s="3">
        <v>41755.525694444441</v>
      </c>
      <c r="B688" s="2">
        <v>18.899999999999999</v>
      </c>
      <c r="C688" s="2">
        <v>112.6</v>
      </c>
      <c r="D688" s="2">
        <v>0</v>
      </c>
      <c r="E688" s="2">
        <v>30.199999999999925</v>
      </c>
    </row>
    <row r="689" spans="1:5" x14ac:dyDescent="0.25">
      <c r="A689" s="3">
        <v>41755.525810185187</v>
      </c>
      <c r="B689" s="2">
        <v>18.899999999999999</v>
      </c>
      <c r="C689" s="2">
        <v>112.4</v>
      </c>
      <c r="D689" s="2">
        <v>0</v>
      </c>
      <c r="E689" s="2">
        <v>30.199999999999925</v>
      </c>
    </row>
    <row r="690" spans="1:5" x14ac:dyDescent="0.25">
      <c r="A690" s="3">
        <v>41755.527025462965</v>
      </c>
      <c r="B690" s="2">
        <v>18.899999999999999</v>
      </c>
      <c r="C690" s="2">
        <v>112.6</v>
      </c>
      <c r="D690" s="2">
        <v>0</v>
      </c>
      <c r="E690" s="2">
        <v>30.199999999999925</v>
      </c>
    </row>
    <row r="691" spans="1:5" x14ac:dyDescent="0.25">
      <c r="A691" s="3">
        <v>41755.527199074073</v>
      </c>
      <c r="B691" s="2">
        <v>18.899999999999999</v>
      </c>
      <c r="C691" s="2">
        <v>112.4</v>
      </c>
      <c r="D691" s="2">
        <v>0</v>
      </c>
      <c r="E691" s="2">
        <v>30.199999999999925</v>
      </c>
    </row>
    <row r="692" spans="1:5" x14ac:dyDescent="0.25">
      <c r="A692" s="3">
        <v>41755.527777777781</v>
      </c>
      <c r="B692" s="2">
        <v>19</v>
      </c>
      <c r="C692" s="2">
        <v>112.6</v>
      </c>
      <c r="D692" s="2">
        <v>0</v>
      </c>
      <c r="E692" s="2">
        <v>30.199999999999925</v>
      </c>
    </row>
    <row r="693" spans="1:5" x14ac:dyDescent="0.25">
      <c r="A693" s="3">
        <v>41755.528240740743</v>
      </c>
      <c r="B693" s="2">
        <v>19</v>
      </c>
      <c r="C693" s="2">
        <v>112.4</v>
      </c>
      <c r="D693" s="2">
        <v>0</v>
      </c>
      <c r="E693" s="2">
        <v>30.199999999999925</v>
      </c>
    </row>
    <row r="694" spans="1:5" x14ac:dyDescent="0.25">
      <c r="A694" s="3">
        <v>41755.528587962966</v>
      </c>
      <c r="B694" s="2">
        <v>19.100000000000001</v>
      </c>
      <c r="C694" s="2">
        <v>112.6</v>
      </c>
      <c r="D694" s="2">
        <v>0</v>
      </c>
      <c r="E694" s="2">
        <v>30.199999999999925</v>
      </c>
    </row>
    <row r="695" spans="1:5" x14ac:dyDescent="0.25">
      <c r="A695" s="3">
        <v>41755.528703703705</v>
      </c>
      <c r="B695" s="2">
        <v>19.100000000000001</v>
      </c>
      <c r="C695" s="2">
        <v>112.4</v>
      </c>
      <c r="D695" s="2">
        <v>0</v>
      </c>
      <c r="E695" s="2">
        <v>30.199999999999925</v>
      </c>
    </row>
    <row r="696" spans="1:5" x14ac:dyDescent="0.25">
      <c r="A696" s="3">
        <v>41755.529224537036</v>
      </c>
      <c r="B696" s="2">
        <v>19.100000000000001</v>
      </c>
      <c r="C696" s="2">
        <v>112.6</v>
      </c>
      <c r="D696" s="2">
        <v>0</v>
      </c>
      <c r="E696" s="2">
        <v>30.199999999999925</v>
      </c>
    </row>
    <row r="697" spans="1:5" x14ac:dyDescent="0.25">
      <c r="A697" s="3">
        <v>41755.529340277775</v>
      </c>
      <c r="B697" s="2">
        <v>19.100000000000001</v>
      </c>
      <c r="C697" s="2">
        <v>112.4</v>
      </c>
      <c r="D697" s="2">
        <v>0</v>
      </c>
      <c r="E697" s="2">
        <v>30.199999999999925</v>
      </c>
    </row>
    <row r="698" spans="1:5" x14ac:dyDescent="0.25">
      <c r="A698" s="3">
        <v>41755.529456018521</v>
      </c>
      <c r="B698" s="2">
        <v>19.100000000000001</v>
      </c>
      <c r="C698" s="2">
        <v>112.6</v>
      </c>
      <c r="D698" s="2">
        <v>0</v>
      </c>
      <c r="E698" s="2">
        <v>30.199999999999925</v>
      </c>
    </row>
    <row r="699" spans="1:5" x14ac:dyDescent="0.25">
      <c r="A699" s="3">
        <v>41755.529687499999</v>
      </c>
      <c r="B699" s="2">
        <v>19</v>
      </c>
      <c r="C699" s="2">
        <v>112.4</v>
      </c>
      <c r="D699" s="2">
        <v>0</v>
      </c>
      <c r="E699" s="2">
        <v>30.199999999999925</v>
      </c>
    </row>
    <row r="700" spans="1:5" x14ac:dyDescent="0.25">
      <c r="A700" s="3">
        <v>41755.530034722222</v>
      </c>
      <c r="B700" s="2">
        <v>19.100000000000001</v>
      </c>
      <c r="C700" s="2">
        <v>112.6</v>
      </c>
      <c r="D700" s="2">
        <v>0</v>
      </c>
      <c r="E700" s="2">
        <v>30.199999999999925</v>
      </c>
    </row>
    <row r="701" spans="1:5" x14ac:dyDescent="0.25">
      <c r="A701" s="3">
        <v>41755.530092592591</v>
      </c>
      <c r="B701" s="2">
        <v>19.100000000000001</v>
      </c>
      <c r="C701" s="2">
        <v>112.4</v>
      </c>
      <c r="D701" s="2">
        <v>0</v>
      </c>
      <c r="E701" s="2">
        <v>30.199999999999925</v>
      </c>
    </row>
    <row r="702" spans="1:5" x14ac:dyDescent="0.25">
      <c r="A702" s="3">
        <v>41755.530150462961</v>
      </c>
      <c r="B702" s="2">
        <v>19.100000000000001</v>
      </c>
      <c r="C702" s="2">
        <v>112.6</v>
      </c>
      <c r="D702" s="2">
        <v>0</v>
      </c>
      <c r="E702" s="2">
        <v>30.199999999999925</v>
      </c>
    </row>
    <row r="703" spans="1:5" x14ac:dyDescent="0.25">
      <c r="A703" s="3">
        <v>41755.530266203707</v>
      </c>
      <c r="B703" s="2">
        <v>19.100000000000001</v>
      </c>
      <c r="C703" s="2">
        <v>112.4</v>
      </c>
      <c r="D703" s="2">
        <v>0</v>
      </c>
      <c r="E703" s="2">
        <v>30.199999999999925</v>
      </c>
    </row>
    <row r="704" spans="1:5" x14ac:dyDescent="0.25">
      <c r="A704" s="3">
        <v>41755.530555555553</v>
      </c>
      <c r="B704" s="2">
        <v>19.100000000000001</v>
      </c>
      <c r="C704" s="2">
        <v>112.6</v>
      </c>
      <c r="D704" s="2">
        <v>0</v>
      </c>
      <c r="E704" s="2">
        <v>30.199999999999925</v>
      </c>
    </row>
    <row r="705" spans="1:5" x14ac:dyDescent="0.25">
      <c r="A705" s="3">
        <v>41755.530671296299</v>
      </c>
      <c r="B705" s="2">
        <v>19.100000000000001</v>
      </c>
      <c r="C705" s="2">
        <v>112.4</v>
      </c>
      <c r="D705" s="2">
        <v>0</v>
      </c>
      <c r="E705" s="2">
        <v>30.199999999999925</v>
      </c>
    </row>
    <row r="706" spans="1:5" x14ac:dyDescent="0.25">
      <c r="A706" s="3">
        <v>41755.530902777777</v>
      </c>
      <c r="B706" s="2">
        <v>19.100000000000001</v>
      </c>
      <c r="C706" s="2">
        <v>112.6</v>
      </c>
      <c r="D706" s="2">
        <v>0</v>
      </c>
      <c r="E706" s="2">
        <v>30.199999999999925</v>
      </c>
    </row>
    <row r="707" spans="1:5" x14ac:dyDescent="0.25">
      <c r="A707" s="3">
        <v>41755.53125</v>
      </c>
      <c r="B707" s="2">
        <v>19.100000000000001</v>
      </c>
      <c r="C707" s="2">
        <v>112.4</v>
      </c>
      <c r="D707" s="2">
        <v>0</v>
      </c>
      <c r="E707" s="2">
        <v>30.199999999999925</v>
      </c>
    </row>
    <row r="708" spans="1:5" x14ac:dyDescent="0.25">
      <c r="A708" s="3">
        <v>41755.531481481485</v>
      </c>
      <c r="B708" s="2">
        <v>19.100000000000001</v>
      </c>
      <c r="C708" s="2">
        <v>112.6</v>
      </c>
      <c r="D708" s="2">
        <v>0</v>
      </c>
      <c r="E708" s="2">
        <v>30.199999999999925</v>
      </c>
    </row>
    <row r="709" spans="1:5" x14ac:dyDescent="0.25">
      <c r="A709" s="3">
        <v>41755.531655092593</v>
      </c>
      <c r="B709" s="2">
        <v>19.100000000000001</v>
      </c>
      <c r="C709" s="2">
        <v>112.4</v>
      </c>
      <c r="D709" s="2">
        <v>0</v>
      </c>
      <c r="E709" s="2">
        <v>30.199999999999925</v>
      </c>
    </row>
    <row r="710" spans="1:5" x14ac:dyDescent="0.25">
      <c r="A710" s="3">
        <v>41755.532465277778</v>
      </c>
      <c r="B710" s="2">
        <v>19.2</v>
      </c>
      <c r="C710" s="2">
        <v>112.6</v>
      </c>
      <c r="D710" s="2">
        <v>0</v>
      </c>
      <c r="E710" s="2">
        <v>30.199999999999925</v>
      </c>
    </row>
    <row r="711" spans="1:5" x14ac:dyDescent="0.25">
      <c r="A711" s="3">
        <v>41755.532523148147</v>
      </c>
      <c r="B711" s="2">
        <v>19.2</v>
      </c>
      <c r="C711" s="2">
        <v>112.4</v>
      </c>
      <c r="D711" s="2">
        <v>0</v>
      </c>
      <c r="E711" s="2">
        <v>30.199999999999925</v>
      </c>
    </row>
    <row r="712" spans="1:5" x14ac:dyDescent="0.25">
      <c r="A712" s="3">
        <v>41755.532638888886</v>
      </c>
      <c r="B712" s="2">
        <v>19.2</v>
      </c>
      <c r="C712" s="2">
        <v>112.6</v>
      </c>
      <c r="D712" s="2">
        <v>0</v>
      </c>
      <c r="E712" s="2">
        <v>30.199999999999925</v>
      </c>
    </row>
    <row r="713" spans="1:5" x14ac:dyDescent="0.25">
      <c r="A713" s="3">
        <v>41755.53292824074</v>
      </c>
      <c r="B713" s="2">
        <v>19.2</v>
      </c>
      <c r="C713" s="2">
        <v>112.4</v>
      </c>
      <c r="D713" s="2">
        <v>0</v>
      </c>
      <c r="E713" s="2">
        <v>30.199999999999925</v>
      </c>
    </row>
    <row r="714" spans="1:5" x14ac:dyDescent="0.25">
      <c r="A714" s="3">
        <v>41755.537731481483</v>
      </c>
      <c r="B714" s="2">
        <v>19.399999999999999</v>
      </c>
      <c r="C714" s="2">
        <v>112.6</v>
      </c>
      <c r="D714" s="2">
        <v>0</v>
      </c>
      <c r="E714" s="2">
        <v>30.199999999999925</v>
      </c>
    </row>
    <row r="715" spans="1:5" x14ac:dyDescent="0.25">
      <c r="A715" s="3">
        <v>41755.537905092591</v>
      </c>
      <c r="B715" s="2">
        <v>19.399999999999999</v>
      </c>
      <c r="C715" s="2">
        <v>112.4</v>
      </c>
      <c r="D715" s="2">
        <v>0</v>
      </c>
      <c r="E715" s="2">
        <v>30.199999999999925</v>
      </c>
    </row>
    <row r="716" spans="1:5" x14ac:dyDescent="0.25">
      <c r="A716" s="3">
        <v>41755.539293981485</v>
      </c>
      <c r="B716" s="2">
        <v>19.399999999999999</v>
      </c>
      <c r="C716" s="2">
        <v>112.6</v>
      </c>
      <c r="D716" s="2">
        <v>0</v>
      </c>
      <c r="E716" s="2">
        <v>30.199999999999925</v>
      </c>
    </row>
    <row r="717" spans="1:5" x14ac:dyDescent="0.25">
      <c r="A717" s="3">
        <v>41755.539409722223</v>
      </c>
      <c r="B717" s="2">
        <v>19.5</v>
      </c>
      <c r="C717" s="2">
        <v>112.4</v>
      </c>
      <c r="D717" s="2">
        <v>0</v>
      </c>
      <c r="E717" s="2">
        <v>30.199999999999925</v>
      </c>
    </row>
    <row r="718" spans="1:5" x14ac:dyDescent="0.25">
      <c r="A718" s="3">
        <v>41755.543229166666</v>
      </c>
      <c r="B718" s="2">
        <v>19.7</v>
      </c>
      <c r="C718" s="2">
        <v>112.6</v>
      </c>
      <c r="D718" s="2">
        <v>0</v>
      </c>
      <c r="E718" s="2">
        <v>30.199999999999925</v>
      </c>
    </row>
    <row r="719" spans="1:5" x14ac:dyDescent="0.25">
      <c r="A719" s="3">
        <v>41755.543402777781</v>
      </c>
      <c r="B719" s="2">
        <v>19.7</v>
      </c>
      <c r="C719" s="2">
        <v>112.4</v>
      </c>
      <c r="D719" s="2">
        <v>0</v>
      </c>
      <c r="E719" s="2">
        <v>30.199999999999925</v>
      </c>
    </row>
    <row r="720" spans="1:5" x14ac:dyDescent="0.25">
      <c r="A720" s="3">
        <v>41755.543576388889</v>
      </c>
      <c r="B720" s="2">
        <v>19.7</v>
      </c>
      <c r="C720" s="2">
        <v>112.6</v>
      </c>
      <c r="D720" s="2">
        <v>0</v>
      </c>
      <c r="E720" s="2">
        <v>30.199999999999925</v>
      </c>
    </row>
    <row r="721" spans="1:5" x14ac:dyDescent="0.25">
      <c r="A721" s="3">
        <v>41755.543807870374</v>
      </c>
      <c r="B721" s="2">
        <v>19.7</v>
      </c>
      <c r="C721" s="2">
        <v>112.4</v>
      </c>
      <c r="D721" s="2">
        <v>0</v>
      </c>
      <c r="E721" s="2">
        <v>30.199999999999925</v>
      </c>
    </row>
    <row r="722" spans="1:5" x14ac:dyDescent="0.25">
      <c r="A722" s="3">
        <v>41755.544328703705</v>
      </c>
      <c r="B722" s="2">
        <v>19.7</v>
      </c>
      <c r="C722" s="2">
        <v>112.6</v>
      </c>
      <c r="D722" s="2">
        <v>0</v>
      </c>
      <c r="E722" s="2">
        <v>30.199999999999925</v>
      </c>
    </row>
    <row r="723" spans="1:5" x14ac:dyDescent="0.25">
      <c r="A723" s="3">
        <v>41755.544444444444</v>
      </c>
      <c r="B723" s="2">
        <v>19.7</v>
      </c>
      <c r="C723" s="2">
        <v>112.4</v>
      </c>
      <c r="D723" s="2">
        <v>0</v>
      </c>
      <c r="E723" s="2">
        <v>30.199999999999925</v>
      </c>
    </row>
    <row r="724" spans="1:5" x14ac:dyDescent="0.25">
      <c r="A724" s="3">
        <v>41755.547164351854</v>
      </c>
      <c r="B724" s="2">
        <v>19.8</v>
      </c>
      <c r="C724" s="2">
        <v>112.6</v>
      </c>
      <c r="D724" s="2">
        <v>0</v>
      </c>
      <c r="E724" s="2">
        <v>30.199999999999925</v>
      </c>
    </row>
    <row r="725" spans="1:5" x14ac:dyDescent="0.25">
      <c r="A725" s="3">
        <v>41755.547280092593</v>
      </c>
      <c r="B725" s="2">
        <v>19.8</v>
      </c>
      <c r="C725" s="2">
        <v>112.4</v>
      </c>
      <c r="D725" s="2">
        <v>0</v>
      </c>
      <c r="E725" s="2">
        <v>30.199999999999925</v>
      </c>
    </row>
    <row r="726" spans="1:5" x14ac:dyDescent="0.25">
      <c r="A726" s="3">
        <v>41755.54791666667</v>
      </c>
      <c r="B726" s="2">
        <v>19.8</v>
      </c>
      <c r="C726" s="2">
        <v>112.6</v>
      </c>
      <c r="D726" s="2">
        <v>0</v>
      </c>
      <c r="E726" s="2">
        <v>30.199999999999925</v>
      </c>
    </row>
    <row r="727" spans="1:5" x14ac:dyDescent="0.25">
      <c r="A727" s="3">
        <v>41755.548032407409</v>
      </c>
      <c r="B727" s="2">
        <v>19.8</v>
      </c>
      <c r="C727" s="2">
        <v>112.4</v>
      </c>
      <c r="D727" s="2">
        <v>0</v>
      </c>
      <c r="E727" s="2">
        <v>30.199999999999925</v>
      </c>
    </row>
    <row r="728" spans="1:5" x14ac:dyDescent="0.25">
      <c r="A728" s="3">
        <v>41755.550520833334</v>
      </c>
      <c r="B728" s="2">
        <v>19.899999999999999</v>
      </c>
      <c r="C728" s="2">
        <v>112.6</v>
      </c>
      <c r="D728" s="2">
        <v>0</v>
      </c>
      <c r="E728" s="2">
        <v>30.199999999999925</v>
      </c>
    </row>
    <row r="729" spans="1:5" x14ac:dyDescent="0.25">
      <c r="A729" s="3">
        <v>41755.550636574073</v>
      </c>
      <c r="B729" s="2">
        <v>19.899999999999999</v>
      </c>
      <c r="C729" s="2">
        <v>112.4</v>
      </c>
      <c r="D729" s="2">
        <v>0</v>
      </c>
      <c r="E729" s="2">
        <v>30.199999999999925</v>
      </c>
    </row>
    <row r="730" spans="1:5" x14ac:dyDescent="0.25">
      <c r="A730" s="3">
        <v>41755.554282407407</v>
      </c>
      <c r="B730" s="2">
        <v>20.100000000000001</v>
      </c>
      <c r="C730" s="2">
        <v>112.6</v>
      </c>
      <c r="D730" s="2">
        <v>0</v>
      </c>
      <c r="E730" s="2">
        <v>30.199999999999925</v>
      </c>
    </row>
    <row r="731" spans="1:5" x14ac:dyDescent="0.25">
      <c r="A731" s="3">
        <v>41755.554398148146</v>
      </c>
      <c r="B731" s="2">
        <v>20.100000000000001</v>
      </c>
      <c r="C731" s="2">
        <v>112.4</v>
      </c>
      <c r="D731" s="2">
        <v>0</v>
      </c>
      <c r="E731" s="2">
        <v>30.199999999999925</v>
      </c>
    </row>
    <row r="732" spans="1:5" x14ac:dyDescent="0.25">
      <c r="A732" s="3">
        <v>41755.555034722223</v>
      </c>
      <c r="B732" s="2">
        <v>20.100000000000001</v>
      </c>
      <c r="C732" s="2">
        <v>112.6</v>
      </c>
      <c r="D732" s="2">
        <v>0</v>
      </c>
      <c r="E732" s="2">
        <v>30.199999999999925</v>
      </c>
    </row>
    <row r="733" spans="1:5" x14ac:dyDescent="0.25">
      <c r="A733" s="3">
        <v>41755.555092592593</v>
      </c>
      <c r="B733" s="2">
        <v>20.100000000000001</v>
      </c>
      <c r="C733" s="2">
        <v>112.4</v>
      </c>
      <c r="D733" s="2">
        <v>0</v>
      </c>
      <c r="E733" s="2">
        <v>30.199999999999925</v>
      </c>
    </row>
    <row r="734" spans="1:5" x14ac:dyDescent="0.25">
      <c r="A734" s="3">
        <v>41755.562847222223</v>
      </c>
      <c r="B734" s="2">
        <v>20.399999999999999</v>
      </c>
      <c r="C734" s="2">
        <v>112.6</v>
      </c>
      <c r="D734" s="2">
        <v>0</v>
      </c>
      <c r="E734" s="2">
        <v>30.199999999999925</v>
      </c>
    </row>
    <row r="735" spans="1:5" x14ac:dyDescent="0.25">
      <c r="A735" s="3">
        <v>41755.562962962962</v>
      </c>
      <c r="B735" s="2">
        <v>20.5</v>
      </c>
      <c r="C735" s="2">
        <v>112.4</v>
      </c>
      <c r="D735" s="2">
        <v>0</v>
      </c>
      <c r="E735" s="2">
        <v>30.199999999999925</v>
      </c>
    </row>
    <row r="736" spans="1:5" x14ac:dyDescent="0.25">
      <c r="A736" s="3">
        <v>41755.571064814816</v>
      </c>
      <c r="B736" s="2">
        <v>20.9</v>
      </c>
      <c r="C736" s="2">
        <v>112.6</v>
      </c>
      <c r="D736" s="2">
        <v>0</v>
      </c>
      <c r="E736" s="2">
        <v>30.199999999999925</v>
      </c>
    </row>
    <row r="737" spans="1:5" x14ac:dyDescent="0.25">
      <c r="A737" s="3">
        <v>41755.571122685185</v>
      </c>
      <c r="B737" s="2">
        <v>20.9</v>
      </c>
      <c r="C737" s="2">
        <v>112.4</v>
      </c>
      <c r="D737" s="2">
        <v>0</v>
      </c>
      <c r="E737" s="2">
        <v>30.199999999999925</v>
      </c>
    </row>
    <row r="738" spans="1:5" x14ac:dyDescent="0.25">
      <c r="A738" s="3">
        <v>41755.599363425928</v>
      </c>
      <c r="B738" s="2">
        <v>21.8</v>
      </c>
      <c r="C738" s="2">
        <v>112.2</v>
      </c>
      <c r="D738" s="2">
        <v>0</v>
      </c>
      <c r="E738" s="2">
        <v>30.199999999999925</v>
      </c>
    </row>
    <row r="739" spans="1:5" x14ac:dyDescent="0.25">
      <c r="A739" s="3">
        <v>41755.602025462962</v>
      </c>
      <c r="B739" s="2">
        <v>21.9</v>
      </c>
      <c r="C739" s="2">
        <v>112.4</v>
      </c>
      <c r="D739" s="2">
        <v>0</v>
      </c>
      <c r="E739" s="2">
        <v>30.199999999999925</v>
      </c>
    </row>
    <row r="740" spans="1:5" x14ac:dyDescent="0.25">
      <c r="A740" s="3">
        <v>41755.602662037039</v>
      </c>
      <c r="B740" s="2">
        <v>21.9</v>
      </c>
      <c r="C740" s="2">
        <v>112.2</v>
      </c>
      <c r="D740" s="2">
        <v>0</v>
      </c>
      <c r="E740" s="2">
        <v>30.199999999999925</v>
      </c>
    </row>
    <row r="741" spans="1:5" x14ac:dyDescent="0.25">
      <c r="A741" s="3">
        <v>41755.602719907409</v>
      </c>
      <c r="B741" s="2">
        <v>21.9</v>
      </c>
      <c r="C741" s="2">
        <v>112.4</v>
      </c>
      <c r="D741" s="2">
        <v>0</v>
      </c>
      <c r="E741" s="2">
        <v>30.199999999999925</v>
      </c>
    </row>
    <row r="742" spans="1:5" x14ac:dyDescent="0.25">
      <c r="A742" s="3">
        <v>41755.60596064815</v>
      </c>
      <c r="B742" s="2">
        <v>22.1</v>
      </c>
      <c r="C742" s="2">
        <v>112.2</v>
      </c>
      <c r="D742" s="2">
        <v>0</v>
      </c>
      <c r="E742" s="2">
        <v>30.199999999999925</v>
      </c>
    </row>
    <row r="743" spans="1:5" x14ac:dyDescent="0.25">
      <c r="A743" s="3">
        <v>41755.606076388889</v>
      </c>
      <c r="B743" s="2">
        <v>22.1</v>
      </c>
      <c r="C743" s="2">
        <v>112.4</v>
      </c>
      <c r="D743" s="2">
        <v>0</v>
      </c>
      <c r="E743" s="2">
        <v>30.199999999999925</v>
      </c>
    </row>
    <row r="744" spans="1:5" x14ac:dyDescent="0.25">
      <c r="A744" s="3">
        <v>41755.606249999997</v>
      </c>
      <c r="B744" s="2">
        <v>22.1</v>
      </c>
      <c r="C744" s="2">
        <v>112.2</v>
      </c>
      <c r="D744" s="2">
        <v>0</v>
      </c>
      <c r="E744" s="2">
        <v>30.199999999999925</v>
      </c>
    </row>
    <row r="745" spans="1:5" x14ac:dyDescent="0.25">
      <c r="A745" s="3">
        <v>41755.61383101852</v>
      </c>
      <c r="B745" s="2">
        <v>22.3</v>
      </c>
      <c r="C745" s="2">
        <v>112.4</v>
      </c>
      <c r="D745" s="2">
        <v>0</v>
      </c>
      <c r="E745" s="2">
        <v>30.199999999999925</v>
      </c>
    </row>
    <row r="746" spans="1:5" x14ac:dyDescent="0.25">
      <c r="A746" s="3">
        <v>41755.613946759258</v>
      </c>
      <c r="B746" s="2">
        <v>22.3</v>
      </c>
      <c r="C746" s="2">
        <v>112.2</v>
      </c>
      <c r="D746" s="2">
        <v>0</v>
      </c>
      <c r="E746" s="2">
        <v>30.199999999999925</v>
      </c>
    </row>
    <row r="747" spans="1:5" x14ac:dyDescent="0.25">
      <c r="A747" s="3">
        <v>41755.61550925926</v>
      </c>
      <c r="B747" s="2">
        <v>22.3</v>
      </c>
      <c r="C747" s="2">
        <v>112.4</v>
      </c>
      <c r="D747" s="2">
        <v>0</v>
      </c>
      <c r="E747" s="2">
        <v>30.199999999999925</v>
      </c>
    </row>
    <row r="748" spans="1:5" x14ac:dyDescent="0.25">
      <c r="A748" s="3">
        <v>41755.615567129629</v>
      </c>
      <c r="B748" s="2">
        <v>22.3</v>
      </c>
      <c r="C748" s="2">
        <v>112.2</v>
      </c>
      <c r="D748" s="2">
        <v>0</v>
      </c>
      <c r="E748" s="2">
        <v>30.199999999999925</v>
      </c>
    </row>
    <row r="749" spans="1:5" x14ac:dyDescent="0.25">
      <c r="A749" s="3">
        <v>41755.616493055553</v>
      </c>
      <c r="B749" s="2">
        <v>22.3</v>
      </c>
      <c r="C749" s="2">
        <v>112.4</v>
      </c>
      <c r="D749" s="2">
        <v>0</v>
      </c>
      <c r="E749" s="2">
        <v>30.199999999999925</v>
      </c>
    </row>
    <row r="750" spans="1:5" x14ac:dyDescent="0.25">
      <c r="A750" s="3">
        <v>41755.616666666669</v>
      </c>
      <c r="B750" s="2">
        <v>22.3</v>
      </c>
      <c r="C750" s="2">
        <v>112.2</v>
      </c>
      <c r="D750" s="2">
        <v>0</v>
      </c>
      <c r="E750" s="2">
        <v>30.199999999999925</v>
      </c>
    </row>
    <row r="751" spans="1:5" x14ac:dyDescent="0.25">
      <c r="A751" s="3">
        <v>41755.6171875</v>
      </c>
      <c r="B751" s="2">
        <v>22.3</v>
      </c>
      <c r="C751" s="2">
        <v>112.4</v>
      </c>
      <c r="D751" s="2">
        <v>0</v>
      </c>
      <c r="E751" s="2">
        <v>30.199999999999925</v>
      </c>
    </row>
    <row r="752" spans="1:5" x14ac:dyDescent="0.25">
      <c r="A752" s="3">
        <v>41755.617592592593</v>
      </c>
      <c r="B752" s="2">
        <v>22.3</v>
      </c>
      <c r="C752" s="2">
        <v>112.2</v>
      </c>
      <c r="D752" s="2">
        <v>0</v>
      </c>
      <c r="E752" s="2">
        <v>30.199999999999925</v>
      </c>
    </row>
    <row r="753" spans="1:5" x14ac:dyDescent="0.25">
      <c r="A753" s="3">
        <v>41755.618113425924</v>
      </c>
      <c r="B753" s="2">
        <v>22.3</v>
      </c>
      <c r="C753" s="2">
        <v>112.4</v>
      </c>
      <c r="D753" s="2">
        <v>0</v>
      </c>
      <c r="E753" s="2">
        <v>30.199999999999925</v>
      </c>
    </row>
    <row r="754" spans="1:5" x14ac:dyDescent="0.25">
      <c r="A754" s="3">
        <v>41755.61822916667</v>
      </c>
      <c r="B754" s="2">
        <v>22.3</v>
      </c>
      <c r="C754" s="2">
        <v>112.2</v>
      </c>
      <c r="D754" s="2">
        <v>0</v>
      </c>
      <c r="E754" s="2">
        <v>30.199999999999925</v>
      </c>
    </row>
    <row r="755" spans="1:5" x14ac:dyDescent="0.25">
      <c r="A755" s="3">
        <v>41755.619039351855</v>
      </c>
      <c r="B755" s="2">
        <v>22.3</v>
      </c>
      <c r="C755" s="2">
        <v>112.4</v>
      </c>
      <c r="D755" s="2">
        <v>0</v>
      </c>
      <c r="E755" s="2">
        <v>30.199999999999925</v>
      </c>
    </row>
    <row r="756" spans="1:5" x14ac:dyDescent="0.25">
      <c r="A756" s="3">
        <v>41755.619097222225</v>
      </c>
      <c r="B756" s="2">
        <v>22.3</v>
      </c>
      <c r="C756" s="2">
        <v>112.2</v>
      </c>
      <c r="D756" s="2">
        <v>0</v>
      </c>
      <c r="E756" s="2">
        <v>30.199999999999925</v>
      </c>
    </row>
    <row r="757" spans="1:5" x14ac:dyDescent="0.25">
      <c r="A757" s="3">
        <v>41755.622106481482</v>
      </c>
      <c r="B757" s="2">
        <v>22.4</v>
      </c>
      <c r="C757" s="2">
        <v>112.4</v>
      </c>
      <c r="D757" s="2">
        <v>0</v>
      </c>
      <c r="E757" s="2">
        <v>30.199999999999925</v>
      </c>
    </row>
    <row r="758" spans="1:5" x14ac:dyDescent="0.25">
      <c r="A758" s="3">
        <v>41755.62222222222</v>
      </c>
      <c r="B758" s="2">
        <v>22.4</v>
      </c>
      <c r="C758" s="2">
        <v>112.2</v>
      </c>
      <c r="D758" s="2">
        <v>0</v>
      </c>
      <c r="E758" s="2">
        <v>30.199999999999925</v>
      </c>
    </row>
    <row r="759" spans="1:5" x14ac:dyDescent="0.25">
      <c r="A759" s="3">
        <v>41755.62228009259</v>
      </c>
      <c r="B759" s="2">
        <v>22.3</v>
      </c>
      <c r="C759" s="2">
        <v>112.4</v>
      </c>
      <c r="D759" s="2">
        <v>0</v>
      </c>
      <c r="E759" s="2">
        <v>30.199999999999925</v>
      </c>
    </row>
    <row r="760" spans="1:5" x14ac:dyDescent="0.25">
      <c r="A760" s="3">
        <v>41755.622337962966</v>
      </c>
      <c r="B760" s="2">
        <v>22.3</v>
      </c>
      <c r="C760" s="2">
        <v>112.2</v>
      </c>
      <c r="D760" s="2">
        <v>0</v>
      </c>
      <c r="E760" s="2">
        <v>30.199999999999925</v>
      </c>
    </row>
    <row r="761" spans="1:5" x14ac:dyDescent="0.25">
      <c r="A761" s="3">
        <v>41755.622685185182</v>
      </c>
      <c r="B761" s="2">
        <v>22.3</v>
      </c>
      <c r="C761" s="2">
        <v>112.4</v>
      </c>
      <c r="D761" s="2">
        <v>0</v>
      </c>
      <c r="E761" s="2">
        <v>30.199999999999925</v>
      </c>
    </row>
    <row r="762" spans="1:5" x14ac:dyDescent="0.25">
      <c r="A762" s="3">
        <v>41755.622743055559</v>
      </c>
      <c r="B762" s="2">
        <v>22.4</v>
      </c>
      <c r="C762" s="2">
        <v>112.2</v>
      </c>
      <c r="D762" s="2">
        <v>0</v>
      </c>
      <c r="E762" s="2">
        <v>30.199999999999925</v>
      </c>
    </row>
    <row r="763" spans="1:5" x14ac:dyDescent="0.25">
      <c r="A763" s="3">
        <v>41755.625578703701</v>
      </c>
      <c r="B763" s="2">
        <v>22.3</v>
      </c>
      <c r="C763" s="2">
        <v>112.4</v>
      </c>
      <c r="D763" s="2">
        <v>0</v>
      </c>
      <c r="E763" s="2">
        <v>30.199999999999925</v>
      </c>
    </row>
    <row r="764" spans="1:5" x14ac:dyDescent="0.25">
      <c r="A764" s="3">
        <v>41755.625694444447</v>
      </c>
      <c r="B764" s="2">
        <v>22.3</v>
      </c>
      <c r="C764" s="2">
        <v>112.2</v>
      </c>
      <c r="D764" s="2">
        <v>0</v>
      </c>
      <c r="E764" s="2">
        <v>30.199999999999925</v>
      </c>
    </row>
    <row r="765" spans="1:5" x14ac:dyDescent="0.25">
      <c r="A765" s="3">
        <v>41755.627662037034</v>
      </c>
      <c r="B765" s="2">
        <v>22.3</v>
      </c>
      <c r="C765" s="2">
        <v>112.4</v>
      </c>
      <c r="D765" s="2">
        <v>0</v>
      </c>
      <c r="E765" s="2">
        <v>30.199999999999925</v>
      </c>
    </row>
    <row r="766" spans="1:5" x14ac:dyDescent="0.25">
      <c r="A766" s="3">
        <v>41755.627835648149</v>
      </c>
      <c r="B766" s="2">
        <v>22.3</v>
      </c>
      <c r="C766" s="2">
        <v>112.2</v>
      </c>
      <c r="D766" s="2">
        <v>0</v>
      </c>
      <c r="E766" s="2">
        <v>30.199999999999925</v>
      </c>
    </row>
    <row r="767" spans="1:5" x14ac:dyDescent="0.25">
      <c r="A767" s="3">
        <v>41755.628125000003</v>
      </c>
      <c r="B767" s="2">
        <v>22.3</v>
      </c>
      <c r="C767" s="2">
        <v>112.4</v>
      </c>
      <c r="D767" s="2">
        <v>0</v>
      </c>
      <c r="E767" s="2">
        <v>30.199999999999925</v>
      </c>
    </row>
    <row r="768" spans="1:5" x14ac:dyDescent="0.25">
      <c r="A768" s="3">
        <v>41755.62841435185</v>
      </c>
      <c r="B768" s="2">
        <v>22.3</v>
      </c>
      <c r="C768" s="2">
        <v>112.2</v>
      </c>
      <c r="D768" s="2">
        <v>0</v>
      </c>
      <c r="E768" s="2">
        <v>30.199999999999925</v>
      </c>
    </row>
    <row r="769" spans="1:5" x14ac:dyDescent="0.25">
      <c r="A769" s="3">
        <v>41755.630787037036</v>
      </c>
      <c r="B769" s="2">
        <v>22.4</v>
      </c>
      <c r="C769" s="2">
        <v>112.4</v>
      </c>
      <c r="D769" s="2">
        <v>0</v>
      </c>
      <c r="E769" s="2">
        <v>30.199999999999925</v>
      </c>
    </row>
    <row r="770" spans="1:5" x14ac:dyDescent="0.25">
      <c r="A770" s="3">
        <v>41755.631018518521</v>
      </c>
      <c r="B770" s="2">
        <v>22.4</v>
      </c>
      <c r="C770" s="2">
        <v>112.2</v>
      </c>
      <c r="D770" s="2">
        <v>0</v>
      </c>
      <c r="E770" s="2">
        <v>30.199999999999925</v>
      </c>
    </row>
    <row r="771" spans="1:5" x14ac:dyDescent="0.25">
      <c r="A771" s="3">
        <v>41755.633217592593</v>
      </c>
      <c r="B771" s="2">
        <v>22.3</v>
      </c>
      <c r="C771" s="2">
        <v>112.4</v>
      </c>
      <c r="D771" s="2">
        <v>0</v>
      </c>
      <c r="E771" s="2">
        <v>30.199999999999925</v>
      </c>
    </row>
    <row r="772" spans="1:5" x14ac:dyDescent="0.25">
      <c r="A772" s="3">
        <v>41755.633391203701</v>
      </c>
      <c r="B772" s="2">
        <v>22.3</v>
      </c>
      <c r="C772" s="2">
        <v>112.2</v>
      </c>
      <c r="D772" s="2">
        <v>0</v>
      </c>
      <c r="E772" s="2">
        <v>30.199999999999925</v>
      </c>
    </row>
    <row r="773" spans="1:5" x14ac:dyDescent="0.25">
      <c r="A773" s="3">
        <v>41755.633912037039</v>
      </c>
      <c r="B773" s="2">
        <v>22.3</v>
      </c>
      <c r="C773" s="2">
        <v>112.4</v>
      </c>
      <c r="D773" s="2">
        <v>0</v>
      </c>
      <c r="E773" s="2">
        <v>30.199999999999925</v>
      </c>
    </row>
    <row r="774" spans="1:5" x14ac:dyDescent="0.25">
      <c r="A774" s="3">
        <v>41755.633969907409</v>
      </c>
      <c r="B774" s="2">
        <v>22.3</v>
      </c>
      <c r="C774" s="2">
        <v>112.2</v>
      </c>
      <c r="D774" s="2">
        <v>0</v>
      </c>
      <c r="E774" s="2">
        <v>30.199999999999925</v>
      </c>
    </row>
    <row r="775" spans="1:5" x14ac:dyDescent="0.25">
      <c r="A775" s="3">
        <v>41755.634432870371</v>
      </c>
      <c r="B775" s="2">
        <v>22.3</v>
      </c>
      <c r="C775" s="2">
        <v>112.4</v>
      </c>
      <c r="D775" s="2">
        <v>0</v>
      </c>
      <c r="E775" s="2">
        <v>30.199999999999925</v>
      </c>
    </row>
    <row r="776" spans="1:5" x14ac:dyDescent="0.25">
      <c r="A776" s="3">
        <v>41755.634606481479</v>
      </c>
      <c r="B776" s="2">
        <v>22.3</v>
      </c>
      <c r="C776" s="2">
        <v>112.2</v>
      </c>
      <c r="D776" s="2">
        <v>0</v>
      </c>
      <c r="E776" s="2">
        <v>30.199999999999925</v>
      </c>
    </row>
    <row r="777" spans="1:5" x14ac:dyDescent="0.25">
      <c r="A777" s="3">
        <v>41755.634780092594</v>
      </c>
      <c r="B777" s="2">
        <v>22.3</v>
      </c>
      <c r="C777" s="2">
        <v>112.4</v>
      </c>
      <c r="D777" s="2">
        <v>0</v>
      </c>
      <c r="E777" s="2">
        <v>30.199999999999925</v>
      </c>
    </row>
    <row r="778" spans="1:5" x14ac:dyDescent="0.25">
      <c r="A778" s="3">
        <v>41755.635011574072</v>
      </c>
      <c r="B778" s="2">
        <v>22.3</v>
      </c>
      <c r="C778" s="2">
        <v>112.2</v>
      </c>
      <c r="D778" s="2">
        <v>0</v>
      </c>
      <c r="E778" s="2">
        <v>30.199999999999925</v>
      </c>
    </row>
    <row r="779" spans="1:5" x14ac:dyDescent="0.25">
      <c r="A779" s="3">
        <v>41755.635358796295</v>
      </c>
      <c r="B779" s="2">
        <v>22.3</v>
      </c>
      <c r="C779" s="2">
        <v>112.4</v>
      </c>
      <c r="D779" s="2">
        <v>0</v>
      </c>
      <c r="E779" s="2">
        <v>30.199999999999925</v>
      </c>
    </row>
    <row r="780" spans="1:5" x14ac:dyDescent="0.25">
      <c r="A780" s="3">
        <v>41755.63553240741</v>
      </c>
      <c r="B780" s="2">
        <v>22.3</v>
      </c>
      <c r="C780" s="2">
        <v>112.2</v>
      </c>
      <c r="D780" s="2">
        <v>0</v>
      </c>
      <c r="E780" s="2">
        <v>30.199999999999925</v>
      </c>
    </row>
    <row r="781" spans="1:5" x14ac:dyDescent="0.25">
      <c r="A781" s="3">
        <v>41755.667071759257</v>
      </c>
      <c r="B781" s="2">
        <v>22.4</v>
      </c>
      <c r="C781" s="2">
        <v>112</v>
      </c>
      <c r="D781" s="2">
        <v>0</v>
      </c>
      <c r="E781" s="2">
        <v>30.199999999999925</v>
      </c>
    </row>
    <row r="782" spans="1:5" x14ac:dyDescent="0.25">
      <c r="A782" s="3">
        <v>41755.667303240742</v>
      </c>
      <c r="B782" s="2">
        <v>22.4</v>
      </c>
      <c r="C782" s="2">
        <v>112.2</v>
      </c>
      <c r="D782" s="2">
        <v>0</v>
      </c>
      <c r="E782" s="2">
        <v>30.199999999999925</v>
      </c>
    </row>
    <row r="783" spans="1:5" x14ac:dyDescent="0.25">
      <c r="A783" s="3">
        <v>41755.667824074073</v>
      </c>
      <c r="B783" s="2">
        <v>22.3</v>
      </c>
      <c r="C783" s="2">
        <v>112</v>
      </c>
      <c r="D783" s="2">
        <v>0</v>
      </c>
      <c r="E783" s="2">
        <v>30.199999999999925</v>
      </c>
    </row>
    <row r="784" spans="1:5" x14ac:dyDescent="0.25">
      <c r="A784" s="3">
        <v>41755.667997685188</v>
      </c>
      <c r="B784" s="2">
        <v>22.3</v>
      </c>
      <c r="C784" s="2">
        <v>112.2</v>
      </c>
      <c r="D784" s="2">
        <v>0</v>
      </c>
      <c r="E784" s="2">
        <v>30.199999999999925</v>
      </c>
    </row>
    <row r="785" spans="1:5" x14ac:dyDescent="0.25">
      <c r="A785" s="3">
        <v>41755.668923611112</v>
      </c>
      <c r="B785" s="2">
        <v>22.3</v>
      </c>
      <c r="C785" s="2">
        <v>112</v>
      </c>
      <c r="D785" s="2">
        <v>0</v>
      </c>
      <c r="E785" s="2">
        <v>30.199999999999925</v>
      </c>
    </row>
    <row r="786" spans="1:5" x14ac:dyDescent="0.25">
      <c r="A786" s="3">
        <v>41755.669039351851</v>
      </c>
      <c r="B786" s="2">
        <v>22.3</v>
      </c>
      <c r="C786" s="2">
        <v>112.2</v>
      </c>
      <c r="D786" s="2">
        <v>0</v>
      </c>
      <c r="E786" s="2">
        <v>30.199999999999925</v>
      </c>
    </row>
    <row r="787" spans="1:5" x14ac:dyDescent="0.25">
      <c r="A787" s="3">
        <v>41755.66915509259</v>
      </c>
      <c r="B787" s="2">
        <v>22.3</v>
      </c>
      <c r="C787" s="2">
        <v>112</v>
      </c>
      <c r="D787" s="2">
        <v>0</v>
      </c>
      <c r="E787" s="2">
        <v>30.199999999999925</v>
      </c>
    </row>
    <row r="788" spans="1:5" x14ac:dyDescent="0.25">
      <c r="A788" s="3">
        <v>41755.669212962966</v>
      </c>
      <c r="B788" s="2">
        <v>22.3</v>
      </c>
      <c r="C788" s="2">
        <v>112.2</v>
      </c>
      <c r="D788" s="2">
        <v>0</v>
      </c>
      <c r="E788" s="2">
        <v>30.199999999999925</v>
      </c>
    </row>
    <row r="789" spans="1:5" x14ac:dyDescent="0.25">
      <c r="A789" s="3">
        <v>41755.669560185182</v>
      </c>
      <c r="B789" s="2">
        <v>22.3</v>
      </c>
      <c r="C789" s="2">
        <v>112</v>
      </c>
      <c r="D789" s="2">
        <v>0</v>
      </c>
      <c r="E789" s="2">
        <v>30.199999999999925</v>
      </c>
    </row>
    <row r="790" spans="1:5" x14ac:dyDescent="0.25">
      <c r="A790" s="3">
        <v>41755.670370370368</v>
      </c>
      <c r="B790" s="2">
        <v>22.3</v>
      </c>
      <c r="C790" s="2">
        <v>112.2</v>
      </c>
      <c r="D790" s="2">
        <v>0</v>
      </c>
      <c r="E790" s="2">
        <v>30.199999999999925</v>
      </c>
    </row>
    <row r="791" spans="1:5" x14ac:dyDescent="0.25">
      <c r="A791" s="3">
        <v>41755.670659722222</v>
      </c>
      <c r="B791" s="2">
        <v>22.3</v>
      </c>
      <c r="C791" s="2">
        <v>112</v>
      </c>
      <c r="D791" s="2">
        <v>0</v>
      </c>
      <c r="E791" s="2">
        <v>30.199999999999925</v>
      </c>
    </row>
    <row r="792" spans="1:5" x14ac:dyDescent="0.25">
      <c r="A792" s="3">
        <v>41755.671238425923</v>
      </c>
      <c r="B792" s="2">
        <v>22.3</v>
      </c>
      <c r="C792" s="2">
        <v>112.2</v>
      </c>
      <c r="D792" s="2">
        <v>0</v>
      </c>
      <c r="E792" s="2">
        <v>30.199999999999925</v>
      </c>
    </row>
    <row r="793" spans="1:5" x14ac:dyDescent="0.25">
      <c r="A793" s="3">
        <v>41755.671412037038</v>
      </c>
      <c r="B793" s="2">
        <v>22.3</v>
      </c>
      <c r="C793" s="2">
        <v>112</v>
      </c>
      <c r="D793" s="2">
        <v>0</v>
      </c>
      <c r="E793" s="2">
        <v>30.199999999999925</v>
      </c>
    </row>
    <row r="794" spans="1:5" x14ac:dyDescent="0.25">
      <c r="A794" s="3">
        <v>41755.673148148147</v>
      </c>
      <c r="B794" s="2">
        <v>22.2</v>
      </c>
      <c r="C794" s="2">
        <v>112.2</v>
      </c>
      <c r="D794" s="2">
        <v>0</v>
      </c>
      <c r="E794" s="2">
        <v>30.199999999999925</v>
      </c>
    </row>
    <row r="795" spans="1:5" x14ac:dyDescent="0.25">
      <c r="A795" s="3">
        <v>41755.673495370371</v>
      </c>
      <c r="B795" s="2">
        <v>22.2</v>
      </c>
      <c r="C795" s="2">
        <v>112</v>
      </c>
      <c r="D795" s="2">
        <v>0</v>
      </c>
      <c r="E795" s="2">
        <v>30.199999999999925</v>
      </c>
    </row>
    <row r="796" spans="1:5" x14ac:dyDescent="0.25">
      <c r="A796" s="3">
        <v>41755.675347222219</v>
      </c>
      <c r="B796" s="2">
        <v>22.2</v>
      </c>
      <c r="C796" s="2">
        <v>112.2</v>
      </c>
      <c r="D796" s="2">
        <v>0</v>
      </c>
      <c r="E796" s="2">
        <v>30.199999999999925</v>
      </c>
    </row>
    <row r="797" spans="1:5" x14ac:dyDescent="0.25">
      <c r="A797" s="3">
        <v>41755.675578703704</v>
      </c>
      <c r="B797" s="2">
        <v>22.2</v>
      </c>
      <c r="C797" s="2">
        <v>112</v>
      </c>
      <c r="D797" s="2">
        <v>0</v>
      </c>
      <c r="E797" s="2">
        <v>30.199999999999925</v>
      </c>
    </row>
    <row r="798" spans="1:5" x14ac:dyDescent="0.25">
      <c r="A798" s="3">
        <v>41755.675636574073</v>
      </c>
      <c r="B798" s="2">
        <v>22.2</v>
      </c>
      <c r="C798" s="2">
        <v>112.2</v>
      </c>
      <c r="D798" s="2">
        <v>0</v>
      </c>
      <c r="E798" s="2">
        <v>30.199999999999925</v>
      </c>
    </row>
    <row r="799" spans="1:5" x14ac:dyDescent="0.25">
      <c r="A799" s="3">
        <v>41755.675810185188</v>
      </c>
      <c r="B799" s="2">
        <v>22.2</v>
      </c>
      <c r="C799" s="2">
        <v>112</v>
      </c>
      <c r="D799" s="2">
        <v>0</v>
      </c>
      <c r="E799" s="2">
        <v>30.199999999999925</v>
      </c>
    </row>
    <row r="800" spans="1:5" x14ac:dyDescent="0.25">
      <c r="A800" s="3">
        <v>41755.685243055559</v>
      </c>
      <c r="B800" s="2">
        <v>22</v>
      </c>
      <c r="C800" s="2">
        <v>112.2</v>
      </c>
      <c r="D800" s="2">
        <v>0</v>
      </c>
      <c r="E800" s="2">
        <v>30.199999999999925</v>
      </c>
    </row>
    <row r="801" spans="1:5" x14ac:dyDescent="0.25">
      <c r="A801" s="3">
        <v>41755.685358796298</v>
      </c>
      <c r="B801" s="2">
        <v>22</v>
      </c>
      <c r="C801" s="2">
        <v>112</v>
      </c>
      <c r="D801" s="2">
        <v>0</v>
      </c>
      <c r="E801" s="2">
        <v>30.199999999999925</v>
      </c>
    </row>
    <row r="802" spans="1:5" x14ac:dyDescent="0.25">
      <c r="A802" s="3">
        <v>41755.716377314813</v>
      </c>
      <c r="B802" s="2">
        <v>21.4</v>
      </c>
      <c r="C802" s="2">
        <v>111.8</v>
      </c>
      <c r="D802" s="2">
        <v>0</v>
      </c>
      <c r="E802" s="2">
        <v>30.199999999999925</v>
      </c>
    </row>
    <row r="803" spans="1:5" x14ac:dyDescent="0.25">
      <c r="A803" s="3">
        <v>41755.716840277775</v>
      </c>
      <c r="B803" s="2">
        <v>21.4</v>
      </c>
      <c r="C803" s="2">
        <v>112</v>
      </c>
      <c r="D803" s="2">
        <v>0</v>
      </c>
      <c r="E803" s="2">
        <v>30.199999999999925</v>
      </c>
    </row>
    <row r="804" spans="1:5" x14ac:dyDescent="0.25">
      <c r="A804" s="3">
        <v>41755.71707175926</v>
      </c>
      <c r="B804" s="2">
        <v>21.3</v>
      </c>
      <c r="C804" s="2">
        <v>111.8</v>
      </c>
      <c r="D804" s="2">
        <v>0</v>
      </c>
      <c r="E804" s="2">
        <v>30.199999999999925</v>
      </c>
    </row>
    <row r="805" spans="1:5" x14ac:dyDescent="0.25">
      <c r="A805" s="3">
        <v>41755.717187499999</v>
      </c>
      <c r="B805" s="2">
        <v>21.3</v>
      </c>
      <c r="C805" s="2">
        <v>112</v>
      </c>
      <c r="D805" s="2">
        <v>0</v>
      </c>
      <c r="E805" s="2">
        <v>30.199999999999925</v>
      </c>
    </row>
    <row r="806" spans="1:5" x14ac:dyDescent="0.25">
      <c r="A806" s="3">
        <v>41755.717361111114</v>
      </c>
      <c r="B806" s="2">
        <v>21.3</v>
      </c>
      <c r="C806" s="2">
        <v>111.8</v>
      </c>
      <c r="D806" s="2">
        <v>0</v>
      </c>
      <c r="E806" s="2">
        <v>30.199999999999925</v>
      </c>
    </row>
    <row r="807" spans="1:5" x14ac:dyDescent="0.25">
      <c r="A807" s="3">
        <v>41755.721759259257</v>
      </c>
      <c r="B807" s="2">
        <v>21.2</v>
      </c>
      <c r="C807" s="2">
        <v>112</v>
      </c>
      <c r="D807" s="2">
        <v>0</v>
      </c>
      <c r="E807" s="2">
        <v>30.199999999999925</v>
      </c>
    </row>
    <row r="808" spans="1:5" x14ac:dyDescent="0.25">
      <c r="A808" s="3">
        <v>41755.721817129626</v>
      </c>
      <c r="B808" s="2">
        <v>21.2</v>
      </c>
      <c r="C808" s="2">
        <v>111.8</v>
      </c>
      <c r="D808" s="2">
        <v>0</v>
      </c>
      <c r="E808" s="2">
        <v>30.199999999999925</v>
      </c>
    </row>
    <row r="809" spans="1:5" x14ac:dyDescent="0.25">
      <c r="A809" s="3">
        <v>41755.721875000003</v>
      </c>
      <c r="B809" s="2">
        <v>21.2</v>
      </c>
      <c r="C809" s="2">
        <v>112</v>
      </c>
      <c r="D809" s="2">
        <v>0</v>
      </c>
      <c r="E809" s="2">
        <v>30.199999999999925</v>
      </c>
    </row>
    <row r="810" spans="1:5" x14ac:dyDescent="0.25">
      <c r="A810" s="3">
        <v>41755.722048611111</v>
      </c>
      <c r="B810" s="2">
        <v>21.2</v>
      </c>
      <c r="C810" s="2">
        <v>111.8</v>
      </c>
      <c r="D810" s="2">
        <v>0</v>
      </c>
      <c r="E810" s="2">
        <v>30.199999999999925</v>
      </c>
    </row>
    <row r="811" spans="1:5" x14ac:dyDescent="0.25">
      <c r="A811" s="3">
        <v>41755.724305555559</v>
      </c>
      <c r="B811" s="2">
        <v>21.2</v>
      </c>
      <c r="C811" s="2">
        <v>112</v>
      </c>
      <c r="D811" s="2">
        <v>0</v>
      </c>
      <c r="E811" s="2">
        <v>30.199999999999925</v>
      </c>
    </row>
    <row r="812" spans="1:5" x14ac:dyDescent="0.25">
      <c r="A812" s="3">
        <v>41755.724363425928</v>
      </c>
      <c r="B812" s="2">
        <v>21.2</v>
      </c>
      <c r="C812" s="2">
        <v>111.8</v>
      </c>
      <c r="D812" s="2">
        <v>0</v>
      </c>
      <c r="E812" s="2">
        <v>30.199999999999925</v>
      </c>
    </row>
    <row r="813" spans="1:5" x14ac:dyDescent="0.25">
      <c r="A813" s="3">
        <v>41755.729629629626</v>
      </c>
      <c r="B813" s="2">
        <v>21.1</v>
      </c>
      <c r="C813" s="2">
        <v>112</v>
      </c>
      <c r="D813" s="2">
        <v>0</v>
      </c>
      <c r="E813" s="2">
        <v>30.199999999999925</v>
      </c>
    </row>
    <row r="814" spans="1:5" x14ac:dyDescent="0.25">
      <c r="A814" s="3">
        <v>41755.729745370372</v>
      </c>
      <c r="B814" s="2">
        <v>21.1</v>
      </c>
      <c r="C814" s="2">
        <v>111.8</v>
      </c>
      <c r="D814" s="2">
        <v>0</v>
      </c>
      <c r="E814" s="2">
        <v>30.199999999999925</v>
      </c>
    </row>
    <row r="815" spans="1:5" x14ac:dyDescent="0.25">
      <c r="A815" s="3">
        <v>41755.748842592591</v>
      </c>
      <c r="B815" s="2">
        <v>20.8</v>
      </c>
      <c r="C815" s="2">
        <v>111.6</v>
      </c>
      <c r="D815" s="2">
        <v>0</v>
      </c>
      <c r="E815" s="2">
        <v>30.199999999999925</v>
      </c>
    </row>
    <row r="816" spans="1:5" x14ac:dyDescent="0.25">
      <c r="A816" s="3">
        <v>41755.749016203707</v>
      </c>
      <c r="B816" s="2">
        <v>20.7</v>
      </c>
      <c r="C816" s="2">
        <v>111.8</v>
      </c>
      <c r="D816" s="2">
        <v>0</v>
      </c>
      <c r="E816" s="2">
        <v>30.199999999999925</v>
      </c>
    </row>
    <row r="817" spans="1:5" x14ac:dyDescent="0.25">
      <c r="A817" s="3">
        <v>41755.750810185185</v>
      </c>
      <c r="B817" s="2">
        <v>20.7</v>
      </c>
      <c r="C817" s="2">
        <v>111.6</v>
      </c>
      <c r="D817" s="2">
        <v>0</v>
      </c>
      <c r="E817" s="2">
        <v>30.199999999999925</v>
      </c>
    </row>
    <row r="818" spans="1:5" x14ac:dyDescent="0.25">
      <c r="A818" s="3">
        <v>41755.75167824074</v>
      </c>
      <c r="B818" s="2">
        <v>20.7</v>
      </c>
      <c r="C818" s="2">
        <v>111.8</v>
      </c>
      <c r="D818" s="2">
        <v>0</v>
      </c>
      <c r="E818" s="2">
        <v>30.199999999999925</v>
      </c>
    </row>
    <row r="819" spans="1:5" x14ac:dyDescent="0.25">
      <c r="A819" s="3">
        <v>41755.751967592594</v>
      </c>
      <c r="B819" s="2">
        <v>20.7</v>
      </c>
      <c r="C819" s="2">
        <v>111.6</v>
      </c>
      <c r="D819" s="2">
        <v>0</v>
      </c>
      <c r="E819" s="2">
        <v>30.199999999999925</v>
      </c>
    </row>
    <row r="820" spans="1:5" x14ac:dyDescent="0.25">
      <c r="A820" s="3">
        <v>41755.752025462964</v>
      </c>
      <c r="B820" s="2">
        <v>20.7</v>
      </c>
      <c r="C820" s="2">
        <v>111.8</v>
      </c>
      <c r="D820" s="2">
        <v>0</v>
      </c>
      <c r="E820" s="2">
        <v>30.199999999999925</v>
      </c>
    </row>
    <row r="821" spans="1:5" x14ac:dyDescent="0.25">
      <c r="A821" s="3">
        <v>41755.753240740742</v>
      </c>
      <c r="B821" s="2">
        <v>20.7</v>
      </c>
      <c r="C821" s="2">
        <v>111.6</v>
      </c>
      <c r="D821" s="2">
        <v>0</v>
      </c>
      <c r="E821" s="2">
        <v>30.199999999999925</v>
      </c>
    </row>
    <row r="822" spans="1:5" x14ac:dyDescent="0.25">
      <c r="A822" s="3">
        <v>41755.753935185188</v>
      </c>
      <c r="B822" s="2">
        <v>20.7</v>
      </c>
      <c r="C822" s="2">
        <v>111.8</v>
      </c>
      <c r="D822" s="2">
        <v>0</v>
      </c>
      <c r="E822" s="2">
        <v>30.199999999999925</v>
      </c>
    </row>
    <row r="823" spans="1:5" x14ac:dyDescent="0.25">
      <c r="A823" s="3">
        <v>41755.754513888889</v>
      </c>
      <c r="B823" s="2">
        <v>20.7</v>
      </c>
      <c r="C823" s="2">
        <v>111.6</v>
      </c>
      <c r="D823" s="2">
        <v>0</v>
      </c>
      <c r="E823" s="2">
        <v>30.199999999999925</v>
      </c>
    </row>
    <row r="824" spans="1:5" x14ac:dyDescent="0.25">
      <c r="A824" s="3">
        <v>41755.754918981482</v>
      </c>
      <c r="B824" s="2">
        <v>20.7</v>
      </c>
      <c r="C824" s="2">
        <v>111.8</v>
      </c>
      <c r="D824" s="2">
        <v>0</v>
      </c>
      <c r="E824" s="2">
        <v>30.199999999999925</v>
      </c>
    </row>
    <row r="825" spans="1:5" x14ac:dyDescent="0.25">
      <c r="A825" s="3">
        <v>41755.755208333336</v>
      </c>
      <c r="B825" s="2">
        <v>20.7</v>
      </c>
      <c r="C825" s="2">
        <v>111.6</v>
      </c>
      <c r="D825" s="2">
        <v>0</v>
      </c>
      <c r="E825" s="2">
        <v>30.199999999999925</v>
      </c>
    </row>
    <row r="826" spans="1:5" x14ac:dyDescent="0.25">
      <c r="A826" s="3">
        <v>41755.757175925923</v>
      </c>
      <c r="B826" s="2">
        <v>20.6</v>
      </c>
      <c r="C826" s="2">
        <v>111.8</v>
      </c>
      <c r="D826" s="2">
        <v>0</v>
      </c>
      <c r="E826" s="2">
        <v>30.199999999999925</v>
      </c>
    </row>
    <row r="827" spans="1:5" x14ac:dyDescent="0.25">
      <c r="A827" s="3">
        <v>41755.757291666669</v>
      </c>
      <c r="B827" s="2">
        <v>20.6</v>
      </c>
      <c r="C827" s="2">
        <v>111.6</v>
      </c>
      <c r="D827" s="2">
        <v>0</v>
      </c>
      <c r="E827" s="2">
        <v>30.199999999999925</v>
      </c>
    </row>
    <row r="828" spans="1:5" x14ac:dyDescent="0.25">
      <c r="A828" s="3">
        <v>41755.760069444441</v>
      </c>
      <c r="B828" s="2">
        <v>20.6</v>
      </c>
      <c r="C828" s="2">
        <v>111.8</v>
      </c>
      <c r="D828" s="2">
        <v>0</v>
      </c>
      <c r="E828" s="2">
        <v>30.199999999999925</v>
      </c>
    </row>
    <row r="829" spans="1:5" x14ac:dyDescent="0.25">
      <c r="A829" s="3">
        <v>41755.760185185187</v>
      </c>
      <c r="B829" s="2">
        <v>20.6</v>
      </c>
      <c r="C829" s="2">
        <v>111.6</v>
      </c>
      <c r="D829" s="2">
        <v>0</v>
      </c>
      <c r="E829" s="2">
        <v>30.199999999999925</v>
      </c>
    </row>
    <row r="830" spans="1:5" x14ac:dyDescent="0.25">
      <c r="A830" s="3">
        <v>41755.797974537039</v>
      </c>
      <c r="B830" s="2">
        <v>19.8</v>
      </c>
      <c r="C830" s="2">
        <v>111.4</v>
      </c>
      <c r="D830" s="2">
        <v>0</v>
      </c>
      <c r="E830" s="2">
        <v>30.199999999999925</v>
      </c>
    </row>
    <row r="831" spans="1:5" x14ac:dyDescent="0.25">
      <c r="A831" s="3">
        <v>41755.798206018517</v>
      </c>
      <c r="B831" s="2">
        <v>19.8</v>
      </c>
      <c r="C831" s="2">
        <v>111.6</v>
      </c>
      <c r="D831" s="2">
        <v>0</v>
      </c>
      <c r="E831" s="2">
        <v>30.199999999999925</v>
      </c>
    </row>
    <row r="832" spans="1:5" x14ac:dyDescent="0.25">
      <c r="A832" s="3">
        <v>41755.798842592594</v>
      </c>
      <c r="B832" s="2">
        <v>19.8</v>
      </c>
      <c r="C832" s="2">
        <v>111.4</v>
      </c>
      <c r="D832" s="2">
        <v>0</v>
      </c>
      <c r="E832" s="2">
        <v>30.199999999999925</v>
      </c>
    </row>
    <row r="833" spans="1:5" x14ac:dyDescent="0.25">
      <c r="A833" s="3">
        <v>41755.798958333333</v>
      </c>
      <c r="B833" s="2">
        <v>19.8</v>
      </c>
      <c r="C833" s="2">
        <v>111.6</v>
      </c>
      <c r="D833" s="2">
        <v>0</v>
      </c>
      <c r="E833" s="2">
        <v>30.199999999999925</v>
      </c>
    </row>
    <row r="834" spans="1:5" x14ac:dyDescent="0.25">
      <c r="A834" s="3">
        <v>41755.799247685187</v>
      </c>
      <c r="B834" s="2">
        <v>19.8</v>
      </c>
      <c r="C834" s="2">
        <v>111.4</v>
      </c>
      <c r="D834" s="2">
        <v>0</v>
      </c>
      <c r="E834" s="2">
        <v>30.199999999999925</v>
      </c>
    </row>
    <row r="835" spans="1:5" x14ac:dyDescent="0.25">
      <c r="A835" s="3">
        <v>41755.799363425926</v>
      </c>
      <c r="B835" s="2">
        <v>19.8</v>
      </c>
      <c r="C835" s="2">
        <v>111.6</v>
      </c>
      <c r="D835" s="2">
        <v>0</v>
      </c>
      <c r="E835" s="2">
        <v>30.199999999999925</v>
      </c>
    </row>
    <row r="836" spans="1:5" x14ac:dyDescent="0.25">
      <c r="A836" s="3">
        <v>41755.79959490741</v>
      </c>
      <c r="B836" s="2">
        <v>19.8</v>
      </c>
      <c r="C836" s="2">
        <v>111.4</v>
      </c>
      <c r="D836" s="2">
        <v>0</v>
      </c>
      <c r="E836" s="2">
        <v>30.199999999999925</v>
      </c>
    </row>
    <row r="837" spans="1:5" x14ac:dyDescent="0.25">
      <c r="A837" s="3">
        <v>41755.801041666666</v>
      </c>
      <c r="B837" s="2">
        <v>19.8</v>
      </c>
      <c r="C837" s="2">
        <v>111.6</v>
      </c>
      <c r="D837" s="2">
        <v>0</v>
      </c>
      <c r="E837" s="2">
        <v>30.199999999999925</v>
      </c>
    </row>
    <row r="838" spans="1:5" x14ac:dyDescent="0.25">
      <c r="A838" s="3">
        <v>41755.80133101852</v>
      </c>
      <c r="B838" s="2">
        <v>19.8</v>
      </c>
      <c r="C838" s="2">
        <v>111.4</v>
      </c>
      <c r="D838" s="2">
        <v>0</v>
      </c>
      <c r="E838" s="2">
        <v>30.199999999999925</v>
      </c>
    </row>
    <row r="839" spans="1:5" x14ac:dyDescent="0.25">
      <c r="A839" s="3">
        <v>41755.801446759258</v>
      </c>
      <c r="B839" s="2">
        <v>19.8</v>
      </c>
      <c r="C839" s="2">
        <v>111.6</v>
      </c>
      <c r="D839" s="2">
        <v>0</v>
      </c>
      <c r="E839" s="2">
        <v>30.199999999999925</v>
      </c>
    </row>
    <row r="840" spans="1:5" x14ac:dyDescent="0.25">
      <c r="A840" s="3">
        <v>41755.801736111112</v>
      </c>
      <c r="B840" s="2">
        <v>19.8</v>
      </c>
      <c r="C840" s="2">
        <v>111.4</v>
      </c>
      <c r="D840" s="2">
        <v>0</v>
      </c>
      <c r="E840" s="2">
        <v>30.199999999999925</v>
      </c>
    </row>
    <row r="841" spans="1:5" x14ac:dyDescent="0.25">
      <c r="A841" s="3">
        <v>41755.802083333336</v>
      </c>
      <c r="B841" s="2">
        <v>19.8</v>
      </c>
      <c r="C841" s="2">
        <v>111.6</v>
      </c>
      <c r="D841" s="2">
        <v>0</v>
      </c>
      <c r="E841" s="2">
        <v>30.199999999999925</v>
      </c>
    </row>
    <row r="842" spans="1:5" x14ac:dyDescent="0.25">
      <c r="A842" s="3">
        <v>41755.802256944444</v>
      </c>
      <c r="B842" s="2">
        <v>19.8</v>
      </c>
      <c r="C842" s="2">
        <v>111.4</v>
      </c>
      <c r="D842" s="2">
        <v>0</v>
      </c>
      <c r="E842" s="2">
        <v>30.199999999999925</v>
      </c>
    </row>
    <row r="843" spans="1:5" x14ac:dyDescent="0.25">
      <c r="A843" s="3">
        <v>41755.808449074073</v>
      </c>
      <c r="B843" s="2">
        <v>19.600000000000001</v>
      </c>
      <c r="C843" s="2">
        <v>111.6</v>
      </c>
      <c r="D843" s="2">
        <v>0</v>
      </c>
      <c r="E843" s="2">
        <v>30.199999999999925</v>
      </c>
    </row>
    <row r="844" spans="1:5" x14ac:dyDescent="0.25">
      <c r="A844" s="3">
        <v>41755.808680555558</v>
      </c>
      <c r="B844" s="2">
        <v>19.5</v>
      </c>
      <c r="C844" s="2">
        <v>111.4</v>
      </c>
      <c r="D844" s="2">
        <v>0</v>
      </c>
      <c r="E844" s="2">
        <v>30.199999999999925</v>
      </c>
    </row>
    <row r="845" spans="1:5" x14ac:dyDescent="0.25">
      <c r="A845" s="3">
        <v>41755.809548611112</v>
      </c>
      <c r="B845" s="2">
        <v>19.600000000000001</v>
      </c>
      <c r="C845" s="2">
        <v>111.6</v>
      </c>
      <c r="D845" s="2">
        <v>0</v>
      </c>
      <c r="E845" s="2">
        <v>30.199999999999925</v>
      </c>
    </row>
    <row r="846" spans="1:5" x14ac:dyDescent="0.25">
      <c r="A846" s="3">
        <v>41755.809837962966</v>
      </c>
      <c r="B846" s="2">
        <v>19.600000000000001</v>
      </c>
      <c r="C846" s="2">
        <v>111.4</v>
      </c>
      <c r="D846" s="2">
        <v>0</v>
      </c>
      <c r="E846" s="2">
        <v>30.199999999999925</v>
      </c>
    </row>
    <row r="847" spans="1:5" x14ac:dyDescent="0.25">
      <c r="A847" s="3">
        <v>41755.885185185187</v>
      </c>
      <c r="B847" s="2">
        <v>18.2</v>
      </c>
      <c r="C847" s="2">
        <v>111.2</v>
      </c>
      <c r="D847" s="2">
        <v>0</v>
      </c>
      <c r="E847" s="2">
        <v>30.199999999999925</v>
      </c>
    </row>
    <row r="848" spans="1:5" x14ac:dyDescent="0.25">
      <c r="A848" s="3">
        <v>41755.88894675926</v>
      </c>
      <c r="B848" s="2">
        <v>18.100000000000001</v>
      </c>
      <c r="C848" s="2">
        <v>111.4</v>
      </c>
      <c r="D848" s="2">
        <v>0</v>
      </c>
      <c r="E848" s="2">
        <v>30.199999999999925</v>
      </c>
    </row>
    <row r="849" spans="1:5" x14ac:dyDescent="0.25">
      <c r="A849" s="3">
        <v>41755.889062499999</v>
      </c>
      <c r="B849" s="2">
        <v>18.100000000000001</v>
      </c>
      <c r="C849" s="2">
        <v>111.2</v>
      </c>
      <c r="D849" s="2">
        <v>0</v>
      </c>
      <c r="E849" s="2">
        <v>30.199999999999925</v>
      </c>
    </row>
    <row r="850" spans="1:5" x14ac:dyDescent="0.25">
      <c r="A850" s="3">
        <v>41755.903587962966</v>
      </c>
      <c r="B850" s="2">
        <v>17.899999999999999</v>
      </c>
      <c r="C850" s="2">
        <v>111.4</v>
      </c>
      <c r="D850" s="2">
        <v>0</v>
      </c>
      <c r="E850" s="2">
        <v>30.199999999999925</v>
      </c>
    </row>
    <row r="851" spans="1:5" x14ac:dyDescent="0.25">
      <c r="A851" s="3">
        <v>41755.903645833336</v>
      </c>
      <c r="B851" s="2">
        <v>17.8</v>
      </c>
      <c r="C851" s="2">
        <v>111.2</v>
      </c>
      <c r="D851" s="2">
        <v>0</v>
      </c>
      <c r="E851" s="2">
        <v>30.199999999999925</v>
      </c>
    </row>
    <row r="852" spans="1:5" x14ac:dyDescent="0.25">
      <c r="A852" s="3">
        <v>41756.017187500001</v>
      </c>
      <c r="B852" s="2">
        <v>16.5</v>
      </c>
      <c r="C852" s="2">
        <v>111</v>
      </c>
      <c r="D852" s="2">
        <v>0</v>
      </c>
      <c r="E852" s="2">
        <v>30.199999999999925</v>
      </c>
    </row>
    <row r="853" spans="1:5" x14ac:dyDescent="0.25">
      <c r="A853" s="3">
        <v>41756.280497685184</v>
      </c>
      <c r="B853" s="2">
        <v>14.6</v>
      </c>
      <c r="C853" s="2">
        <v>110.8</v>
      </c>
      <c r="D853" s="2">
        <v>0</v>
      </c>
      <c r="E853" s="2">
        <v>30.199999999999925</v>
      </c>
    </row>
    <row r="854" spans="1:5" x14ac:dyDescent="0.25">
      <c r="A854" s="3">
        <v>41756.375868055555</v>
      </c>
      <c r="B854" s="2">
        <v>15</v>
      </c>
      <c r="C854" s="2">
        <v>110.6</v>
      </c>
      <c r="D854" s="2">
        <v>0</v>
      </c>
      <c r="E854" s="2">
        <v>30.199999999999925</v>
      </c>
    </row>
    <row r="855" spans="1:5" x14ac:dyDescent="0.25">
      <c r="A855" s="3">
        <v>41756.559606481482</v>
      </c>
      <c r="B855" s="2">
        <v>18.399999999999999</v>
      </c>
      <c r="C855" s="2">
        <v>110.4</v>
      </c>
      <c r="D855" s="2">
        <v>0</v>
      </c>
      <c r="E855" s="2">
        <v>30.199999999999925</v>
      </c>
    </row>
    <row r="856" spans="1:5" x14ac:dyDescent="0.25">
      <c r="A856" s="3">
        <v>41756.55978009259</v>
      </c>
      <c r="B856" s="2">
        <v>18.399999999999999</v>
      </c>
      <c r="C856" s="2">
        <v>110.6</v>
      </c>
      <c r="D856" s="2">
        <v>0</v>
      </c>
      <c r="E856" s="2">
        <v>30.199999999999925</v>
      </c>
    </row>
    <row r="857" spans="1:5" x14ac:dyDescent="0.25">
      <c r="A857" s="3">
        <v>41756.560300925928</v>
      </c>
      <c r="B857" s="2">
        <v>18.399999999999999</v>
      </c>
      <c r="C857" s="2">
        <v>110.4</v>
      </c>
      <c r="D857" s="2">
        <v>0</v>
      </c>
      <c r="E857" s="2">
        <v>30.199999999999925</v>
      </c>
    </row>
    <row r="858" spans="1:5" x14ac:dyDescent="0.25">
      <c r="A858" s="3">
        <v>41756.606886574074</v>
      </c>
      <c r="B858" s="2">
        <v>19.399999999999999</v>
      </c>
      <c r="C858" s="2">
        <v>110.6</v>
      </c>
      <c r="D858" s="2">
        <v>0</v>
      </c>
      <c r="E858" s="2">
        <v>30.199999999999925</v>
      </c>
    </row>
    <row r="859" spans="1:5" x14ac:dyDescent="0.25">
      <c r="A859" s="3">
        <v>41756.607002314813</v>
      </c>
      <c r="B859" s="2">
        <v>19.399999999999999</v>
      </c>
      <c r="C859" s="2">
        <v>110.4</v>
      </c>
      <c r="D859" s="2">
        <v>0</v>
      </c>
      <c r="E859" s="2">
        <v>30.199999999999925</v>
      </c>
    </row>
    <row r="860" spans="1:5" x14ac:dyDescent="0.25">
      <c r="A860" s="3">
        <v>41756.607870370368</v>
      </c>
      <c r="B860" s="2">
        <v>19.399999999999999</v>
      </c>
      <c r="C860" s="2">
        <v>110.6</v>
      </c>
      <c r="D860" s="2">
        <v>0</v>
      </c>
      <c r="E860" s="2">
        <v>30.199999999999925</v>
      </c>
    </row>
    <row r="861" spans="1:5" x14ac:dyDescent="0.25">
      <c r="A861" s="3">
        <v>41756.608217592591</v>
      </c>
      <c r="B861" s="2">
        <v>19.3</v>
      </c>
      <c r="C861" s="2">
        <v>110.4</v>
      </c>
      <c r="D861" s="2">
        <v>0</v>
      </c>
      <c r="E861" s="2">
        <v>30.199999999999925</v>
      </c>
    </row>
    <row r="862" spans="1:5" x14ac:dyDescent="0.25">
      <c r="A862" s="3">
        <v>41756.608564814815</v>
      </c>
      <c r="B862" s="2">
        <v>19.3</v>
      </c>
      <c r="C862" s="2">
        <v>110.6</v>
      </c>
      <c r="D862" s="2">
        <v>0</v>
      </c>
      <c r="E862" s="2">
        <v>30.199999999999925</v>
      </c>
    </row>
    <row r="863" spans="1:5" x14ac:dyDescent="0.25">
      <c r="A863" s="3">
        <v>41756.610011574077</v>
      </c>
      <c r="B863" s="2">
        <v>19.3</v>
      </c>
      <c r="C863" s="2">
        <v>110.6</v>
      </c>
      <c r="D863" s="2">
        <v>0.2</v>
      </c>
      <c r="E863" s="2">
        <v>30.399999999999924</v>
      </c>
    </row>
    <row r="864" spans="1:5" x14ac:dyDescent="0.25">
      <c r="A864" s="3">
        <v>41756.610127314816</v>
      </c>
      <c r="B864" s="2">
        <v>19.3</v>
      </c>
      <c r="C864" s="2">
        <v>110.8</v>
      </c>
      <c r="D864" s="2">
        <v>0.2</v>
      </c>
      <c r="E864" s="2">
        <v>30.599999999999923</v>
      </c>
    </row>
    <row r="865" spans="1:5" x14ac:dyDescent="0.25">
      <c r="A865" s="3">
        <v>41756.610243055555</v>
      </c>
      <c r="B865" s="2">
        <v>19.3</v>
      </c>
      <c r="C865" s="2">
        <v>110.8</v>
      </c>
      <c r="D865" s="2">
        <v>0.2</v>
      </c>
      <c r="E865" s="2">
        <v>30.799999999999923</v>
      </c>
    </row>
    <row r="866" spans="1:5" x14ac:dyDescent="0.25">
      <c r="A866" s="3">
        <v>41756.610300925924</v>
      </c>
      <c r="B866" s="2">
        <v>19.3</v>
      </c>
      <c r="C866" s="2">
        <v>111</v>
      </c>
      <c r="D866" s="2">
        <v>0</v>
      </c>
      <c r="E866" s="2">
        <v>30.799999999999923</v>
      </c>
    </row>
    <row r="867" spans="1:5" x14ac:dyDescent="0.25">
      <c r="A867" s="3">
        <v>41756.610358796293</v>
      </c>
      <c r="B867" s="2">
        <v>19.3</v>
      </c>
      <c r="C867" s="2">
        <v>111</v>
      </c>
      <c r="D867" s="2">
        <v>0.2</v>
      </c>
      <c r="E867" s="2">
        <v>30.999999999999922</v>
      </c>
    </row>
    <row r="868" spans="1:5" x14ac:dyDescent="0.25">
      <c r="A868" s="3">
        <v>41756.61041666667</v>
      </c>
      <c r="B868" s="2">
        <v>19.3</v>
      </c>
      <c r="C868" s="2">
        <v>111.2</v>
      </c>
      <c r="D868" s="2">
        <v>0</v>
      </c>
      <c r="E868" s="2">
        <v>30.999999999999922</v>
      </c>
    </row>
    <row r="869" spans="1:5" x14ac:dyDescent="0.25">
      <c r="A869" s="3">
        <v>41756.610474537039</v>
      </c>
      <c r="B869" s="2">
        <v>19.3</v>
      </c>
      <c r="C869" s="2">
        <v>111.2</v>
      </c>
      <c r="D869" s="2">
        <v>0.2</v>
      </c>
      <c r="E869" s="2">
        <v>31.199999999999921</v>
      </c>
    </row>
    <row r="870" spans="1:5" x14ac:dyDescent="0.25">
      <c r="A870" s="3">
        <v>41756.610532407409</v>
      </c>
      <c r="B870" s="2">
        <v>19.3</v>
      </c>
      <c r="C870" s="2">
        <v>111.4</v>
      </c>
      <c r="D870" s="2">
        <v>0.2</v>
      </c>
      <c r="E870" s="2">
        <v>31.39999999999992</v>
      </c>
    </row>
    <row r="871" spans="1:5" x14ac:dyDescent="0.25">
      <c r="A871" s="3">
        <v>41756.610590277778</v>
      </c>
      <c r="B871" s="2">
        <v>19.2</v>
      </c>
      <c r="C871" s="2">
        <v>111.4</v>
      </c>
      <c r="D871" s="2">
        <v>0.2</v>
      </c>
      <c r="E871" s="2">
        <v>31.59999999999992</v>
      </c>
    </row>
    <row r="872" spans="1:5" x14ac:dyDescent="0.25">
      <c r="A872" s="3">
        <v>41756.610648148147</v>
      </c>
      <c r="B872" s="2">
        <v>19.2</v>
      </c>
      <c r="C872" s="2">
        <v>111.6</v>
      </c>
      <c r="D872" s="2">
        <v>0.2</v>
      </c>
      <c r="E872" s="2">
        <v>31.799999999999919</v>
      </c>
    </row>
    <row r="873" spans="1:5" x14ac:dyDescent="0.25">
      <c r="A873" s="3">
        <v>41756.610706018517</v>
      </c>
      <c r="B873" s="2">
        <v>19.100000000000001</v>
      </c>
      <c r="C873" s="2">
        <v>111.8</v>
      </c>
      <c r="D873" s="2">
        <v>0</v>
      </c>
      <c r="E873" s="2">
        <v>31.799999999999919</v>
      </c>
    </row>
    <row r="874" spans="1:5" x14ac:dyDescent="0.25">
      <c r="A874" s="3">
        <v>41756.610763888886</v>
      </c>
      <c r="B874" s="2">
        <v>19.100000000000001</v>
      </c>
      <c r="C874" s="2">
        <v>112</v>
      </c>
      <c r="D874" s="2">
        <v>0.2</v>
      </c>
      <c r="E874" s="2">
        <v>31.999999999999918</v>
      </c>
    </row>
    <row r="875" spans="1:5" x14ac:dyDescent="0.25">
      <c r="A875" s="3">
        <v>41756.610821759263</v>
      </c>
      <c r="B875" s="2">
        <v>19.100000000000001</v>
      </c>
      <c r="C875" s="2">
        <v>112</v>
      </c>
      <c r="D875" s="2">
        <v>0.2</v>
      </c>
      <c r="E875" s="2">
        <v>32.199999999999918</v>
      </c>
    </row>
    <row r="876" spans="1:5" x14ac:dyDescent="0.25">
      <c r="A876" s="3">
        <v>41756.610879629632</v>
      </c>
      <c r="B876" s="2">
        <v>19.100000000000001</v>
      </c>
      <c r="C876" s="2">
        <v>112.2</v>
      </c>
      <c r="D876" s="2">
        <v>0.2</v>
      </c>
      <c r="E876" s="2">
        <v>32.39999999999992</v>
      </c>
    </row>
    <row r="877" spans="1:5" x14ac:dyDescent="0.25">
      <c r="A877" s="3">
        <v>41756.610937500001</v>
      </c>
      <c r="B877" s="2">
        <v>19.100000000000001</v>
      </c>
      <c r="C877" s="2">
        <v>112.4</v>
      </c>
      <c r="D877" s="2">
        <v>0.2</v>
      </c>
      <c r="E877" s="2">
        <v>32.599999999999923</v>
      </c>
    </row>
    <row r="878" spans="1:5" x14ac:dyDescent="0.25">
      <c r="A878" s="3">
        <v>41756.610995370371</v>
      </c>
      <c r="B878" s="2">
        <v>19.100000000000001</v>
      </c>
      <c r="C878" s="2">
        <v>112.6</v>
      </c>
      <c r="D878" s="2">
        <v>0.2</v>
      </c>
      <c r="E878" s="2">
        <v>32.799999999999926</v>
      </c>
    </row>
    <row r="879" spans="1:5" x14ac:dyDescent="0.25">
      <c r="A879" s="3">
        <v>41756.61105324074</v>
      </c>
      <c r="B879" s="2">
        <v>19.100000000000001</v>
      </c>
      <c r="C879" s="2">
        <v>112.8</v>
      </c>
      <c r="D879" s="2">
        <v>0.2</v>
      </c>
      <c r="E879" s="2">
        <v>32.999999999999929</v>
      </c>
    </row>
    <row r="880" spans="1:5" x14ac:dyDescent="0.25">
      <c r="A880" s="3">
        <v>41756.611111111109</v>
      </c>
      <c r="B880" s="2">
        <v>19.100000000000001</v>
      </c>
      <c r="C880" s="2">
        <v>113</v>
      </c>
      <c r="D880" s="2">
        <v>0.2</v>
      </c>
      <c r="E880" s="2">
        <v>33.199999999999932</v>
      </c>
    </row>
    <row r="881" spans="1:5" x14ac:dyDescent="0.25">
      <c r="A881" s="3">
        <v>41756.611168981479</v>
      </c>
      <c r="B881" s="2">
        <v>19.100000000000001</v>
      </c>
      <c r="C881" s="2">
        <v>113.2</v>
      </c>
      <c r="D881" s="2">
        <v>0.2</v>
      </c>
      <c r="E881" s="2">
        <v>33.399999999999935</v>
      </c>
    </row>
    <row r="882" spans="1:5" x14ac:dyDescent="0.25">
      <c r="A882" s="3">
        <v>41756.611226851855</v>
      </c>
      <c r="B882" s="2">
        <v>19</v>
      </c>
      <c r="C882" s="2">
        <v>113.4</v>
      </c>
      <c r="D882" s="2">
        <v>0</v>
      </c>
      <c r="E882" s="2">
        <v>33.399999999999935</v>
      </c>
    </row>
    <row r="883" spans="1:5" x14ac:dyDescent="0.25">
      <c r="A883" s="3">
        <v>41756.611284722225</v>
      </c>
      <c r="B883" s="2">
        <v>18.899999999999999</v>
      </c>
      <c r="C883" s="2">
        <v>113.6</v>
      </c>
      <c r="D883" s="2">
        <v>0.2</v>
      </c>
      <c r="E883" s="2">
        <v>33.599999999999937</v>
      </c>
    </row>
    <row r="884" spans="1:5" x14ac:dyDescent="0.25">
      <c r="A884" s="3">
        <v>41756.611342592594</v>
      </c>
      <c r="B884" s="2">
        <v>18.899999999999999</v>
      </c>
      <c r="C884" s="2">
        <v>113.8</v>
      </c>
      <c r="D884" s="2">
        <v>0</v>
      </c>
      <c r="E884" s="2">
        <v>33.599999999999937</v>
      </c>
    </row>
    <row r="885" spans="1:5" x14ac:dyDescent="0.25">
      <c r="A885" s="3">
        <v>41756.611400462964</v>
      </c>
      <c r="B885" s="2">
        <v>18.899999999999999</v>
      </c>
      <c r="C885" s="2">
        <v>114</v>
      </c>
      <c r="D885" s="2">
        <v>0.2</v>
      </c>
      <c r="E885" s="2">
        <v>33.79999999999994</v>
      </c>
    </row>
    <row r="886" spans="1:5" x14ac:dyDescent="0.25">
      <c r="A886" s="3">
        <v>41756.611516203702</v>
      </c>
      <c r="B886" s="2">
        <v>18.899999999999999</v>
      </c>
      <c r="C886" s="2">
        <v>114.2</v>
      </c>
      <c r="D886" s="2">
        <v>0.2</v>
      </c>
      <c r="E886" s="2">
        <v>33.999999999999943</v>
      </c>
    </row>
    <row r="887" spans="1:5" x14ac:dyDescent="0.25">
      <c r="A887" s="3">
        <v>41756.611574074072</v>
      </c>
      <c r="B887" s="2">
        <v>18.899999999999999</v>
      </c>
      <c r="C887" s="2">
        <v>114.4</v>
      </c>
      <c r="D887" s="2">
        <v>0</v>
      </c>
      <c r="E887" s="2">
        <v>33.999999999999943</v>
      </c>
    </row>
    <row r="888" spans="1:5" x14ac:dyDescent="0.25">
      <c r="A888" s="3">
        <v>41756.611631944441</v>
      </c>
      <c r="B888" s="2">
        <v>18.899999999999999</v>
      </c>
      <c r="C888" s="2">
        <v>114.4</v>
      </c>
      <c r="D888" s="2">
        <v>0.2</v>
      </c>
      <c r="E888" s="2">
        <v>34.199999999999946</v>
      </c>
    </row>
    <row r="889" spans="1:5" x14ac:dyDescent="0.25">
      <c r="A889" s="3">
        <v>41756.611689814818</v>
      </c>
      <c r="B889" s="2">
        <v>18.899999999999999</v>
      </c>
      <c r="C889" s="2">
        <v>114.6</v>
      </c>
      <c r="D889" s="2">
        <v>0</v>
      </c>
      <c r="E889" s="2">
        <v>34.199999999999946</v>
      </c>
    </row>
    <row r="890" spans="1:5" x14ac:dyDescent="0.25">
      <c r="A890" s="3">
        <v>41756.611747685187</v>
      </c>
      <c r="B890" s="2">
        <v>18.899999999999999</v>
      </c>
      <c r="C890" s="2">
        <v>114.6</v>
      </c>
      <c r="D890" s="2">
        <v>0.2</v>
      </c>
      <c r="E890" s="2">
        <v>34.399999999999949</v>
      </c>
    </row>
    <row r="891" spans="1:5" x14ac:dyDescent="0.25">
      <c r="A891" s="3">
        <v>41756.611805555556</v>
      </c>
      <c r="B891" s="2">
        <v>18.899999999999999</v>
      </c>
      <c r="C891" s="2">
        <v>114.8</v>
      </c>
      <c r="D891" s="2">
        <v>0</v>
      </c>
      <c r="E891" s="2">
        <v>34.399999999999949</v>
      </c>
    </row>
    <row r="892" spans="1:5" x14ac:dyDescent="0.25">
      <c r="A892" s="3">
        <v>41756.611921296295</v>
      </c>
      <c r="B892" s="2">
        <v>18.899999999999999</v>
      </c>
      <c r="C892" s="2">
        <v>115</v>
      </c>
      <c r="D892" s="2">
        <v>0</v>
      </c>
      <c r="E892" s="2">
        <v>34.399999999999949</v>
      </c>
    </row>
    <row r="893" spans="1:5" x14ac:dyDescent="0.25">
      <c r="A893" s="3">
        <v>41756.611979166664</v>
      </c>
      <c r="B893" s="2">
        <v>18.899999999999999</v>
      </c>
      <c r="C893" s="2">
        <v>115</v>
      </c>
      <c r="D893" s="2">
        <v>0.2</v>
      </c>
      <c r="E893" s="2">
        <v>34.599999999999952</v>
      </c>
    </row>
    <row r="894" spans="1:5" x14ac:dyDescent="0.25">
      <c r="A894" s="3">
        <v>41756.612037037034</v>
      </c>
      <c r="B894" s="2">
        <v>18.899999999999999</v>
      </c>
      <c r="C894" s="2">
        <v>115.2</v>
      </c>
      <c r="D894" s="2">
        <v>0</v>
      </c>
      <c r="E894" s="2">
        <v>34.599999999999952</v>
      </c>
    </row>
    <row r="895" spans="1:5" x14ac:dyDescent="0.25">
      <c r="A895" s="3">
        <v>41756.612210648149</v>
      </c>
      <c r="B895" s="2">
        <v>18.8</v>
      </c>
      <c r="C895" s="2">
        <v>115.4</v>
      </c>
      <c r="D895" s="2">
        <v>0.2</v>
      </c>
      <c r="E895" s="2">
        <v>34.799999999999955</v>
      </c>
    </row>
    <row r="896" spans="1:5" x14ac:dyDescent="0.25">
      <c r="A896" s="3">
        <v>41756.612384259257</v>
      </c>
      <c r="B896" s="2">
        <v>18.8</v>
      </c>
      <c r="C896" s="2">
        <v>115.6</v>
      </c>
      <c r="D896" s="2">
        <v>0.2</v>
      </c>
      <c r="E896" s="2">
        <v>34.999999999999957</v>
      </c>
    </row>
    <row r="897" spans="1:5" x14ac:dyDescent="0.25">
      <c r="A897" s="3">
        <v>41756.612615740742</v>
      </c>
      <c r="B897" s="2">
        <v>18.8</v>
      </c>
      <c r="C897" s="2">
        <v>115.8</v>
      </c>
      <c r="D897" s="2">
        <v>0.2</v>
      </c>
      <c r="E897" s="2">
        <v>35.19999999999996</v>
      </c>
    </row>
    <row r="898" spans="1:5" x14ac:dyDescent="0.25">
      <c r="A898" s="3">
        <v>41756.61278935185</v>
      </c>
      <c r="B898" s="2">
        <v>18.899999999999999</v>
      </c>
      <c r="C898" s="2">
        <v>116</v>
      </c>
      <c r="D898" s="2">
        <v>0.2</v>
      </c>
      <c r="E898" s="2">
        <v>35.399999999999963</v>
      </c>
    </row>
    <row r="899" spans="1:5" x14ac:dyDescent="0.25">
      <c r="A899" s="3">
        <v>41756.613020833334</v>
      </c>
      <c r="B899" s="2">
        <v>18.8</v>
      </c>
      <c r="C899" s="2">
        <v>116.2</v>
      </c>
      <c r="D899" s="2">
        <v>0.2</v>
      </c>
      <c r="E899" s="2">
        <v>35.599999999999966</v>
      </c>
    </row>
    <row r="900" spans="1:5" x14ac:dyDescent="0.25">
      <c r="A900" s="3">
        <v>41756.613136574073</v>
      </c>
      <c r="B900" s="2">
        <v>18.8</v>
      </c>
      <c r="C900" s="2">
        <v>116.2</v>
      </c>
      <c r="D900" s="2">
        <v>0.2</v>
      </c>
      <c r="E900" s="2">
        <v>35.799999999999969</v>
      </c>
    </row>
    <row r="901" spans="1:5" x14ac:dyDescent="0.25">
      <c r="A901" s="3">
        <v>41756.613194444442</v>
      </c>
      <c r="B901" s="2">
        <v>18.8</v>
      </c>
      <c r="C901" s="2">
        <v>116.4</v>
      </c>
      <c r="D901" s="2">
        <v>0</v>
      </c>
      <c r="E901" s="2">
        <v>35.799999999999969</v>
      </c>
    </row>
    <row r="902" spans="1:5" x14ac:dyDescent="0.25">
      <c r="A902" s="3">
        <v>41756.613310185188</v>
      </c>
      <c r="B902" s="2">
        <v>18.8</v>
      </c>
      <c r="C902" s="2">
        <v>116.6</v>
      </c>
      <c r="D902" s="2">
        <v>0.2</v>
      </c>
      <c r="E902" s="2">
        <v>35.999999999999972</v>
      </c>
    </row>
    <row r="903" spans="1:5" x14ac:dyDescent="0.25">
      <c r="A903" s="3">
        <v>41756.613425925927</v>
      </c>
      <c r="B903" s="2">
        <v>18.8</v>
      </c>
      <c r="C903" s="2">
        <v>116.8</v>
      </c>
      <c r="D903" s="2">
        <v>0.2</v>
      </c>
      <c r="E903" s="2">
        <v>36.199999999999974</v>
      </c>
    </row>
    <row r="904" spans="1:5" x14ac:dyDescent="0.25">
      <c r="A904" s="3">
        <v>41756.613541666666</v>
      </c>
      <c r="B904" s="2">
        <v>18.7</v>
      </c>
      <c r="C904" s="2">
        <v>117</v>
      </c>
      <c r="D904" s="2">
        <v>0.2</v>
      </c>
      <c r="E904" s="2">
        <v>36.399999999999977</v>
      </c>
    </row>
    <row r="905" spans="1:5" x14ac:dyDescent="0.25">
      <c r="A905" s="3">
        <v>41756.613657407404</v>
      </c>
      <c r="B905" s="2">
        <v>18.7</v>
      </c>
      <c r="C905" s="2">
        <v>117.2</v>
      </c>
      <c r="D905" s="2">
        <v>0.2</v>
      </c>
      <c r="E905" s="2">
        <v>36.59999999999998</v>
      </c>
    </row>
    <row r="906" spans="1:5" x14ac:dyDescent="0.25">
      <c r="A906" s="3">
        <v>41756.61377314815</v>
      </c>
      <c r="B906" s="2">
        <v>18.7</v>
      </c>
      <c r="C906" s="2">
        <v>117.4</v>
      </c>
      <c r="D906" s="2">
        <v>0</v>
      </c>
      <c r="E906" s="2">
        <v>36.59999999999998</v>
      </c>
    </row>
    <row r="907" spans="1:5" x14ac:dyDescent="0.25">
      <c r="A907" s="3">
        <v>41756.61383101852</v>
      </c>
      <c r="B907" s="2">
        <v>18.7</v>
      </c>
      <c r="C907" s="2">
        <v>117.4</v>
      </c>
      <c r="D907" s="2">
        <v>0.2</v>
      </c>
      <c r="E907" s="2">
        <v>36.799999999999983</v>
      </c>
    </row>
    <row r="908" spans="1:5" x14ac:dyDescent="0.25">
      <c r="A908" s="3">
        <v>41756.613888888889</v>
      </c>
      <c r="B908" s="2">
        <v>18.7</v>
      </c>
      <c r="C908" s="2">
        <v>117.6</v>
      </c>
      <c r="D908" s="2">
        <v>0.2</v>
      </c>
      <c r="E908" s="2">
        <v>36.999999999999986</v>
      </c>
    </row>
    <row r="909" spans="1:5" x14ac:dyDescent="0.25">
      <c r="A909" s="3">
        <v>41756.614062499997</v>
      </c>
      <c r="B909" s="2">
        <v>18.7</v>
      </c>
      <c r="C909" s="2">
        <v>117.8</v>
      </c>
      <c r="D909" s="2">
        <v>0.2</v>
      </c>
      <c r="E909" s="2">
        <v>37.199999999999989</v>
      </c>
    </row>
    <row r="910" spans="1:5" x14ac:dyDescent="0.25">
      <c r="A910" s="3">
        <v>41756.614236111112</v>
      </c>
      <c r="B910" s="2">
        <v>18.600000000000001</v>
      </c>
      <c r="C910" s="2">
        <v>118</v>
      </c>
      <c r="D910" s="2">
        <v>0</v>
      </c>
      <c r="E910" s="2">
        <v>37.199999999999989</v>
      </c>
    </row>
    <row r="911" spans="1:5" x14ac:dyDescent="0.25">
      <c r="A911" s="3">
        <v>41756.614293981482</v>
      </c>
      <c r="B911" s="2">
        <v>18.600000000000001</v>
      </c>
      <c r="C911" s="2">
        <v>118</v>
      </c>
      <c r="D911" s="2">
        <v>0.2</v>
      </c>
      <c r="E911" s="2">
        <v>37.399999999999991</v>
      </c>
    </row>
    <row r="912" spans="1:5" x14ac:dyDescent="0.25">
      <c r="A912" s="3">
        <v>41756.61440972222</v>
      </c>
      <c r="B912" s="2">
        <v>18.600000000000001</v>
      </c>
      <c r="C912" s="2">
        <v>118.2</v>
      </c>
      <c r="D912" s="2">
        <v>0</v>
      </c>
      <c r="E912" s="2">
        <v>37.399999999999991</v>
      </c>
    </row>
    <row r="913" spans="1:5" x14ac:dyDescent="0.25">
      <c r="A913" s="3">
        <v>41756.61446759259</v>
      </c>
      <c r="B913" s="2">
        <v>18.600000000000001</v>
      </c>
      <c r="C913" s="2">
        <v>118.2</v>
      </c>
      <c r="D913" s="2">
        <v>0.2</v>
      </c>
      <c r="E913" s="2">
        <v>37.599999999999994</v>
      </c>
    </row>
    <row r="914" spans="1:5" x14ac:dyDescent="0.25">
      <c r="A914" s="3">
        <v>41756.614583333336</v>
      </c>
      <c r="B914" s="2">
        <v>18.600000000000001</v>
      </c>
      <c r="C914" s="2">
        <v>118.4</v>
      </c>
      <c r="D914" s="2">
        <v>0</v>
      </c>
      <c r="E914" s="2">
        <v>37.599999999999994</v>
      </c>
    </row>
    <row r="915" spans="1:5" x14ac:dyDescent="0.25">
      <c r="A915" s="3">
        <v>41756.614641203705</v>
      </c>
      <c r="B915" s="2">
        <v>18.600000000000001</v>
      </c>
      <c r="C915" s="2">
        <v>118.4</v>
      </c>
      <c r="D915" s="2">
        <v>0.2</v>
      </c>
      <c r="E915" s="2">
        <v>37.799999999999997</v>
      </c>
    </row>
    <row r="916" spans="1:5" x14ac:dyDescent="0.25">
      <c r="A916" s="3">
        <v>41756.614814814813</v>
      </c>
      <c r="B916" s="2">
        <v>18.600000000000001</v>
      </c>
      <c r="C916" s="2">
        <v>118.6</v>
      </c>
      <c r="D916" s="2">
        <v>0</v>
      </c>
      <c r="E916" s="2">
        <v>37.799999999999997</v>
      </c>
    </row>
    <row r="917" spans="1:5" x14ac:dyDescent="0.25">
      <c r="A917" s="3">
        <v>41756.614930555559</v>
      </c>
      <c r="B917" s="2">
        <v>18.600000000000001</v>
      </c>
      <c r="C917" s="2">
        <v>118.6</v>
      </c>
      <c r="D917" s="2">
        <v>0.2</v>
      </c>
      <c r="E917" s="2">
        <v>38</v>
      </c>
    </row>
    <row r="918" spans="1:5" x14ac:dyDescent="0.25">
      <c r="A918" s="3">
        <v>41756.614988425928</v>
      </c>
      <c r="B918" s="2">
        <v>18.600000000000001</v>
      </c>
      <c r="C918" s="2">
        <v>118.8</v>
      </c>
      <c r="D918" s="2">
        <v>0</v>
      </c>
      <c r="E918" s="2">
        <v>38</v>
      </c>
    </row>
    <row r="919" spans="1:5" x14ac:dyDescent="0.25">
      <c r="A919" s="3">
        <v>41756.615104166667</v>
      </c>
      <c r="B919" s="2">
        <v>18.600000000000001</v>
      </c>
      <c r="C919" s="2">
        <v>118.8</v>
      </c>
      <c r="D919" s="2">
        <v>0.2</v>
      </c>
      <c r="E919" s="2">
        <v>38.200000000000003</v>
      </c>
    </row>
    <row r="920" spans="1:5" x14ac:dyDescent="0.25">
      <c r="A920" s="3">
        <v>41756.615219907406</v>
      </c>
      <c r="B920" s="2">
        <v>18.600000000000001</v>
      </c>
      <c r="C920" s="2">
        <v>119</v>
      </c>
      <c r="D920" s="2">
        <v>0</v>
      </c>
      <c r="E920" s="2">
        <v>38.200000000000003</v>
      </c>
    </row>
    <row r="921" spans="1:5" x14ac:dyDescent="0.25">
      <c r="A921" s="3">
        <v>41756.615335648145</v>
      </c>
      <c r="B921" s="2">
        <v>18.600000000000001</v>
      </c>
      <c r="C921" s="2">
        <v>119</v>
      </c>
      <c r="D921" s="2">
        <v>0.2</v>
      </c>
      <c r="E921" s="2">
        <v>38.400000000000006</v>
      </c>
    </row>
    <row r="922" spans="1:5" x14ac:dyDescent="0.25">
      <c r="A922" s="3">
        <v>41756.615451388891</v>
      </c>
      <c r="B922" s="2">
        <v>18.600000000000001</v>
      </c>
      <c r="C922" s="2">
        <v>119.2</v>
      </c>
      <c r="D922" s="2">
        <v>0</v>
      </c>
      <c r="E922" s="2">
        <v>38.400000000000006</v>
      </c>
    </row>
    <row r="923" spans="1:5" x14ac:dyDescent="0.25">
      <c r="A923" s="3">
        <v>41756.615624999999</v>
      </c>
      <c r="B923" s="2">
        <v>18.600000000000001</v>
      </c>
      <c r="C923" s="2">
        <v>119.2</v>
      </c>
      <c r="D923" s="2">
        <v>0.2</v>
      </c>
      <c r="E923" s="2">
        <v>38.600000000000009</v>
      </c>
    </row>
    <row r="924" spans="1:5" x14ac:dyDescent="0.25">
      <c r="A924" s="3">
        <v>41756.615740740737</v>
      </c>
      <c r="B924" s="2">
        <v>18.600000000000001</v>
      </c>
      <c r="C924" s="2">
        <v>119.4</v>
      </c>
      <c r="D924" s="2">
        <v>0</v>
      </c>
      <c r="E924" s="2">
        <v>38.600000000000009</v>
      </c>
    </row>
    <row r="925" spans="1:5" x14ac:dyDescent="0.25">
      <c r="A925" s="3">
        <v>41756.615798611114</v>
      </c>
      <c r="B925" s="2">
        <v>18.600000000000001</v>
      </c>
      <c r="C925" s="2">
        <v>119.4</v>
      </c>
      <c r="D925" s="2">
        <v>0.2</v>
      </c>
      <c r="E925" s="2">
        <v>38.800000000000011</v>
      </c>
    </row>
    <row r="926" spans="1:5" x14ac:dyDescent="0.25">
      <c r="A926" s="3">
        <v>41756.615914351853</v>
      </c>
      <c r="B926" s="2">
        <v>18.600000000000001</v>
      </c>
      <c r="C926" s="2">
        <v>119.6</v>
      </c>
      <c r="D926" s="2">
        <v>0</v>
      </c>
      <c r="E926" s="2">
        <v>38.800000000000011</v>
      </c>
    </row>
    <row r="927" spans="1:5" x14ac:dyDescent="0.25">
      <c r="A927" s="3">
        <v>41756.615972222222</v>
      </c>
      <c r="B927" s="2">
        <v>18.600000000000001</v>
      </c>
      <c r="C927" s="2">
        <v>119.6</v>
      </c>
      <c r="D927" s="2">
        <v>0.2</v>
      </c>
      <c r="E927" s="2">
        <v>39.000000000000014</v>
      </c>
    </row>
    <row r="928" spans="1:5" x14ac:dyDescent="0.25">
      <c r="A928" s="3">
        <v>41756.61614583333</v>
      </c>
      <c r="B928" s="2">
        <v>18.600000000000001</v>
      </c>
      <c r="C928" s="2">
        <v>119.8</v>
      </c>
      <c r="D928" s="2">
        <v>0</v>
      </c>
      <c r="E928" s="2">
        <v>39.000000000000014</v>
      </c>
    </row>
    <row r="929" spans="1:5" x14ac:dyDescent="0.25">
      <c r="A929" s="3">
        <v>41756.6171875</v>
      </c>
      <c r="B929" s="2">
        <v>18.600000000000001</v>
      </c>
      <c r="C929" s="2">
        <v>119.8</v>
      </c>
      <c r="D929" s="2">
        <v>0.2</v>
      </c>
      <c r="E929" s="2">
        <v>39.200000000000017</v>
      </c>
    </row>
    <row r="930" spans="1:5" x14ac:dyDescent="0.25">
      <c r="A930" s="3">
        <v>41756.625231481485</v>
      </c>
      <c r="B930" s="2">
        <v>18.600000000000001</v>
      </c>
      <c r="C930" s="2">
        <v>120</v>
      </c>
      <c r="D930" s="2">
        <v>0</v>
      </c>
      <c r="E930" s="2">
        <v>39.200000000000017</v>
      </c>
    </row>
    <row r="931" spans="1:5" x14ac:dyDescent="0.25">
      <c r="A931" s="3">
        <v>41756.62667824074</v>
      </c>
      <c r="B931" s="2">
        <v>18.600000000000001</v>
      </c>
      <c r="C931" s="2">
        <v>120</v>
      </c>
      <c r="D931" s="2">
        <v>0.2</v>
      </c>
      <c r="E931" s="2">
        <v>39.40000000000002</v>
      </c>
    </row>
    <row r="932" spans="1:5" x14ac:dyDescent="0.25">
      <c r="A932" s="3">
        <v>41756.76053240741</v>
      </c>
      <c r="B932" s="2">
        <v>18.5</v>
      </c>
      <c r="C932" s="2">
        <v>120.2</v>
      </c>
      <c r="D932" s="2">
        <v>0</v>
      </c>
      <c r="E932" s="2">
        <v>39.40000000000002</v>
      </c>
    </row>
    <row r="933" spans="1:5" x14ac:dyDescent="0.25">
      <c r="A933" s="3">
        <v>41756.761516203704</v>
      </c>
      <c r="B933" s="2">
        <v>18.5</v>
      </c>
      <c r="C933" s="2">
        <v>120.2</v>
      </c>
      <c r="D933" s="2">
        <v>0.2</v>
      </c>
      <c r="E933" s="2">
        <v>39.600000000000023</v>
      </c>
    </row>
    <row r="934" spans="1:5" x14ac:dyDescent="0.25">
      <c r="A934" s="3">
        <v>41756.762499999997</v>
      </c>
      <c r="B934" s="2">
        <v>18.5</v>
      </c>
      <c r="C934" s="2">
        <v>120.2</v>
      </c>
      <c r="D934" s="2">
        <v>0.2</v>
      </c>
      <c r="E934" s="2">
        <v>39.800000000000026</v>
      </c>
    </row>
    <row r="935" spans="1:5" x14ac:dyDescent="0.25">
      <c r="A935" s="3">
        <v>41756.762673611112</v>
      </c>
      <c r="B935" s="2">
        <v>18.5</v>
      </c>
      <c r="C935" s="2">
        <v>120.4</v>
      </c>
      <c r="D935" s="2">
        <v>0</v>
      </c>
      <c r="E935" s="2">
        <v>39.800000000000026</v>
      </c>
    </row>
    <row r="936" spans="1:5" x14ac:dyDescent="0.25">
      <c r="A936" s="3">
        <v>41756.762731481482</v>
      </c>
      <c r="B936" s="2">
        <v>18.5</v>
      </c>
      <c r="C936" s="2">
        <v>120.4</v>
      </c>
      <c r="D936" s="2">
        <v>0.2</v>
      </c>
      <c r="E936" s="2">
        <v>40.000000000000028</v>
      </c>
    </row>
    <row r="937" spans="1:5" x14ac:dyDescent="0.25">
      <c r="A937" s="3">
        <v>41756.763020833336</v>
      </c>
      <c r="B937" s="2">
        <v>18.5</v>
      </c>
      <c r="C937" s="2">
        <v>120.6</v>
      </c>
      <c r="D937" s="2">
        <v>0</v>
      </c>
      <c r="E937" s="2">
        <v>40.000000000000028</v>
      </c>
    </row>
    <row r="938" spans="1:5" x14ac:dyDescent="0.25">
      <c r="A938" s="3">
        <v>41756.763136574074</v>
      </c>
      <c r="B938" s="2">
        <v>18.5</v>
      </c>
      <c r="C938" s="2">
        <v>120.6</v>
      </c>
      <c r="D938" s="2">
        <v>0.2</v>
      </c>
      <c r="E938" s="2">
        <v>40.200000000000031</v>
      </c>
    </row>
    <row r="939" spans="1:5" x14ac:dyDescent="0.25">
      <c r="A939" s="3">
        <v>41756.763541666667</v>
      </c>
      <c r="B939" s="2">
        <v>18.5</v>
      </c>
      <c r="C939" s="2">
        <v>120.8</v>
      </c>
      <c r="D939" s="2">
        <v>0</v>
      </c>
      <c r="E939" s="2">
        <v>40.200000000000031</v>
      </c>
    </row>
    <row r="940" spans="1:5" x14ac:dyDescent="0.25">
      <c r="A940" s="3">
        <v>41756.76394675926</v>
      </c>
      <c r="B940" s="2">
        <v>18.5</v>
      </c>
      <c r="C940" s="2">
        <v>120.8</v>
      </c>
      <c r="D940" s="2">
        <v>0.2</v>
      </c>
      <c r="E940" s="2">
        <v>40.400000000000034</v>
      </c>
    </row>
    <row r="941" spans="1:5" x14ac:dyDescent="0.25">
      <c r="A941" s="3">
        <v>41756.764236111114</v>
      </c>
      <c r="B941" s="2">
        <v>18.399999999999999</v>
      </c>
      <c r="C941" s="2">
        <v>121</v>
      </c>
      <c r="D941" s="2">
        <v>0</v>
      </c>
      <c r="E941" s="2">
        <v>40.400000000000034</v>
      </c>
    </row>
    <row r="942" spans="1:5" x14ac:dyDescent="0.25">
      <c r="A942" s="3">
        <v>41756.764293981483</v>
      </c>
      <c r="B942" s="2">
        <v>18.5</v>
      </c>
      <c r="C942" s="2">
        <v>121</v>
      </c>
      <c r="D942" s="2">
        <v>0.2</v>
      </c>
      <c r="E942" s="2">
        <v>40.600000000000037</v>
      </c>
    </row>
    <row r="943" spans="1:5" x14ac:dyDescent="0.25">
      <c r="A943" s="3">
        <v>41756.764525462961</v>
      </c>
      <c r="B943" s="2">
        <v>18.5</v>
      </c>
      <c r="C943" s="2">
        <v>121.2</v>
      </c>
      <c r="D943" s="2">
        <v>0</v>
      </c>
      <c r="E943" s="2">
        <v>40.600000000000037</v>
      </c>
    </row>
    <row r="944" spans="1:5" x14ac:dyDescent="0.25">
      <c r="A944" s="3">
        <v>41756.764641203707</v>
      </c>
      <c r="B944" s="2">
        <v>18.399999999999999</v>
      </c>
      <c r="C944" s="2">
        <v>121.2</v>
      </c>
      <c r="D944" s="2">
        <v>0.2</v>
      </c>
      <c r="E944" s="2">
        <v>40.80000000000004</v>
      </c>
    </row>
    <row r="945" spans="1:5" x14ac:dyDescent="0.25">
      <c r="A945" s="3">
        <v>41756.764814814815</v>
      </c>
      <c r="B945" s="2">
        <v>18.399999999999999</v>
      </c>
      <c r="C945" s="2">
        <v>121.4</v>
      </c>
      <c r="D945" s="2">
        <v>0</v>
      </c>
      <c r="E945" s="2">
        <v>40.80000000000004</v>
      </c>
    </row>
    <row r="946" spans="1:5" x14ac:dyDescent="0.25">
      <c r="A946" s="3">
        <v>41756.764872685184</v>
      </c>
      <c r="B946" s="2">
        <v>18.399999999999999</v>
      </c>
      <c r="C946" s="2">
        <v>121.4</v>
      </c>
      <c r="D946" s="2">
        <v>0.2</v>
      </c>
      <c r="E946" s="2">
        <v>41.000000000000043</v>
      </c>
    </row>
    <row r="947" spans="1:5" x14ac:dyDescent="0.25">
      <c r="A947" s="3">
        <v>41756.764988425923</v>
      </c>
      <c r="B947" s="2">
        <v>18.399999999999999</v>
      </c>
      <c r="C947" s="2">
        <v>121.6</v>
      </c>
      <c r="D947" s="2">
        <v>0</v>
      </c>
      <c r="E947" s="2">
        <v>41.000000000000043</v>
      </c>
    </row>
    <row r="948" spans="1:5" x14ac:dyDescent="0.25">
      <c r="A948" s="3">
        <v>41756.765104166669</v>
      </c>
      <c r="B948" s="2">
        <v>18.399999999999999</v>
      </c>
      <c r="C948" s="2">
        <v>121.6</v>
      </c>
      <c r="D948" s="2">
        <v>0.2</v>
      </c>
      <c r="E948" s="2">
        <v>41.200000000000045</v>
      </c>
    </row>
    <row r="949" spans="1:5" x14ac:dyDescent="0.25">
      <c r="A949" s="3">
        <v>41756.765219907407</v>
      </c>
      <c r="B949" s="2">
        <v>18.399999999999999</v>
      </c>
      <c r="C949" s="2">
        <v>121.8</v>
      </c>
      <c r="D949" s="2">
        <v>0</v>
      </c>
      <c r="E949" s="2">
        <v>41.200000000000045</v>
      </c>
    </row>
    <row r="950" spans="1:5" x14ac:dyDescent="0.25">
      <c r="A950" s="3">
        <v>41756.765451388892</v>
      </c>
      <c r="B950" s="2">
        <v>18.399999999999999</v>
      </c>
      <c r="C950" s="2">
        <v>121.8</v>
      </c>
      <c r="D950" s="2">
        <v>0.2</v>
      </c>
      <c r="E950" s="2">
        <v>41.400000000000048</v>
      </c>
    </row>
    <row r="951" spans="1:5" x14ac:dyDescent="0.25">
      <c r="A951" s="3">
        <v>41756.765567129631</v>
      </c>
      <c r="B951" s="2">
        <v>18.399999999999999</v>
      </c>
      <c r="C951" s="2">
        <v>122</v>
      </c>
      <c r="D951" s="2">
        <v>0</v>
      </c>
      <c r="E951" s="2">
        <v>41.400000000000048</v>
      </c>
    </row>
    <row r="952" spans="1:5" x14ac:dyDescent="0.25">
      <c r="A952" s="3">
        <v>41756.766030092593</v>
      </c>
      <c r="B952" s="2">
        <v>18.399999999999999</v>
      </c>
      <c r="C952" s="2">
        <v>122</v>
      </c>
      <c r="D952" s="2">
        <v>0.2</v>
      </c>
      <c r="E952" s="2">
        <v>41.600000000000051</v>
      </c>
    </row>
    <row r="953" spans="1:5" x14ac:dyDescent="0.25">
      <c r="A953" s="3">
        <v>41756.766203703701</v>
      </c>
      <c r="B953" s="2">
        <v>18.399999999999999</v>
      </c>
      <c r="C953" s="2">
        <v>122.2</v>
      </c>
      <c r="D953" s="2">
        <v>0</v>
      </c>
      <c r="E953" s="2">
        <v>41.600000000000051</v>
      </c>
    </row>
    <row r="954" spans="1:5" x14ac:dyDescent="0.25">
      <c r="A954" s="3">
        <v>41756.766550925924</v>
      </c>
      <c r="B954" s="2">
        <v>18.399999999999999</v>
      </c>
      <c r="C954" s="2">
        <v>122.2</v>
      </c>
      <c r="D954" s="2">
        <v>0.2</v>
      </c>
      <c r="E954" s="2">
        <v>41.800000000000054</v>
      </c>
    </row>
    <row r="955" spans="1:5" x14ac:dyDescent="0.25">
      <c r="A955" s="3">
        <v>41756.76666666667</v>
      </c>
      <c r="B955" s="2">
        <v>18.399999999999999</v>
      </c>
      <c r="C955" s="2">
        <v>122.4</v>
      </c>
      <c r="D955" s="2">
        <v>0</v>
      </c>
      <c r="E955" s="2">
        <v>41.800000000000054</v>
      </c>
    </row>
    <row r="956" spans="1:5" x14ac:dyDescent="0.25">
      <c r="A956" s="3">
        <v>41756.767534722225</v>
      </c>
      <c r="B956" s="2">
        <v>18.399999999999999</v>
      </c>
      <c r="C956" s="2">
        <v>122.4</v>
      </c>
      <c r="D956" s="2">
        <v>0.2</v>
      </c>
      <c r="E956" s="2">
        <v>42.000000000000057</v>
      </c>
    </row>
    <row r="957" spans="1:5" x14ac:dyDescent="0.25">
      <c r="A957" s="3">
        <v>41756.767650462964</v>
      </c>
      <c r="B957" s="2">
        <v>18.399999999999999</v>
      </c>
      <c r="C957" s="2">
        <v>122.6</v>
      </c>
      <c r="D957" s="2">
        <v>0</v>
      </c>
      <c r="E957" s="2">
        <v>42.000000000000057</v>
      </c>
    </row>
    <row r="958" spans="1:5" x14ac:dyDescent="0.25">
      <c r="A958" s="3">
        <v>41756.768287037034</v>
      </c>
      <c r="B958" s="2">
        <v>18.399999999999999</v>
      </c>
      <c r="C958" s="2">
        <v>122.6</v>
      </c>
      <c r="D958" s="2">
        <v>0.2</v>
      </c>
      <c r="E958" s="2">
        <v>42.20000000000006</v>
      </c>
    </row>
    <row r="959" spans="1:5" x14ac:dyDescent="0.25">
      <c r="A959" s="3">
        <v>41756.768518518518</v>
      </c>
      <c r="B959" s="2">
        <v>18.399999999999999</v>
      </c>
      <c r="C959" s="2">
        <v>122.8</v>
      </c>
      <c r="D959" s="2">
        <v>0</v>
      </c>
      <c r="E959" s="2">
        <v>42.20000000000006</v>
      </c>
    </row>
    <row r="960" spans="1:5" x14ac:dyDescent="0.25">
      <c r="A960" s="3">
        <v>41756.768692129626</v>
      </c>
      <c r="B960" s="2">
        <v>18.3</v>
      </c>
      <c r="C960" s="2">
        <v>122.8</v>
      </c>
      <c r="D960" s="2">
        <v>0.2</v>
      </c>
      <c r="E960" s="2">
        <v>42.400000000000063</v>
      </c>
    </row>
    <row r="961" spans="1:5" x14ac:dyDescent="0.25">
      <c r="A961" s="3">
        <v>41756.768865740742</v>
      </c>
      <c r="B961" s="2">
        <v>18.3</v>
      </c>
      <c r="C961" s="2">
        <v>123</v>
      </c>
      <c r="D961" s="2">
        <v>0</v>
      </c>
      <c r="E961" s="2">
        <v>42.400000000000063</v>
      </c>
    </row>
    <row r="962" spans="1:5" x14ac:dyDescent="0.25">
      <c r="A962" s="3">
        <v>41756.76898148148</v>
      </c>
      <c r="B962" s="2">
        <v>18.3</v>
      </c>
      <c r="C962" s="2">
        <v>123</v>
      </c>
      <c r="D962" s="2">
        <v>0.2</v>
      </c>
      <c r="E962" s="2">
        <v>42.600000000000065</v>
      </c>
    </row>
    <row r="963" spans="1:5" x14ac:dyDescent="0.25">
      <c r="A963" s="3">
        <v>41756.769212962965</v>
      </c>
      <c r="B963" s="2">
        <v>18.3</v>
      </c>
      <c r="C963" s="2">
        <v>123.2</v>
      </c>
      <c r="D963" s="2">
        <v>0</v>
      </c>
      <c r="E963" s="2">
        <v>42.600000000000065</v>
      </c>
    </row>
    <row r="964" spans="1:5" x14ac:dyDescent="0.25">
      <c r="A964" s="3">
        <v>41756.769270833334</v>
      </c>
      <c r="B964" s="2">
        <v>18.3</v>
      </c>
      <c r="C964" s="2">
        <v>123.2</v>
      </c>
      <c r="D964" s="2">
        <v>0.2</v>
      </c>
      <c r="E964" s="2">
        <v>42.800000000000068</v>
      </c>
    </row>
    <row r="965" spans="1:5" x14ac:dyDescent="0.25">
      <c r="A965" s="3">
        <v>41756.769502314812</v>
      </c>
      <c r="B965" s="2">
        <v>18.3</v>
      </c>
      <c r="C965" s="2">
        <v>123.4</v>
      </c>
      <c r="D965" s="2">
        <v>0.2</v>
      </c>
      <c r="E965" s="2">
        <v>43.000000000000071</v>
      </c>
    </row>
    <row r="966" spans="1:5" x14ac:dyDescent="0.25">
      <c r="A966" s="3">
        <v>41756.769733796296</v>
      </c>
      <c r="B966" s="2">
        <v>18.3</v>
      </c>
      <c r="C966" s="2">
        <v>123.6</v>
      </c>
      <c r="D966" s="2">
        <v>0</v>
      </c>
      <c r="E966" s="2">
        <v>43.000000000000071</v>
      </c>
    </row>
    <row r="967" spans="1:5" x14ac:dyDescent="0.25">
      <c r="A967" s="3">
        <v>41756.769791666666</v>
      </c>
      <c r="B967" s="2">
        <v>18.3</v>
      </c>
      <c r="C967" s="2">
        <v>123.6</v>
      </c>
      <c r="D967" s="2">
        <v>0.2</v>
      </c>
      <c r="E967" s="2">
        <v>43.200000000000074</v>
      </c>
    </row>
    <row r="968" spans="1:5" x14ac:dyDescent="0.25">
      <c r="A968" s="3">
        <v>41756.769965277781</v>
      </c>
      <c r="B968" s="2">
        <v>18.3</v>
      </c>
      <c r="C968" s="2">
        <v>123.6</v>
      </c>
      <c r="D968" s="2">
        <v>0.2</v>
      </c>
      <c r="E968" s="2">
        <v>43.400000000000077</v>
      </c>
    </row>
    <row r="969" spans="1:5" x14ac:dyDescent="0.25">
      <c r="A969" s="3">
        <v>41756.77008101852</v>
      </c>
      <c r="B969" s="2">
        <v>18.3</v>
      </c>
      <c r="C969" s="2">
        <v>123.8</v>
      </c>
      <c r="D969" s="2">
        <v>0</v>
      </c>
      <c r="E969" s="2">
        <v>43.400000000000077</v>
      </c>
    </row>
    <row r="970" spans="1:5" x14ac:dyDescent="0.25">
      <c r="A970" s="3">
        <v>41756.770254629628</v>
      </c>
      <c r="B970" s="2">
        <v>18.2</v>
      </c>
      <c r="C970" s="2">
        <v>123.8</v>
      </c>
      <c r="D970" s="2">
        <v>0.2</v>
      </c>
      <c r="E970" s="2">
        <v>43.60000000000008</v>
      </c>
    </row>
    <row r="971" spans="1:5" x14ac:dyDescent="0.25">
      <c r="A971" s="3">
        <v>41756.770312499997</v>
      </c>
      <c r="B971" s="2">
        <v>18.2</v>
      </c>
      <c r="C971" s="2">
        <v>124</v>
      </c>
      <c r="D971" s="2">
        <v>0</v>
      </c>
      <c r="E971" s="2">
        <v>43.60000000000008</v>
      </c>
    </row>
    <row r="972" spans="1:5" x14ac:dyDescent="0.25">
      <c r="A972" s="3">
        <v>41756.770601851851</v>
      </c>
      <c r="B972" s="2">
        <v>18.2</v>
      </c>
      <c r="C972" s="2">
        <v>124.2</v>
      </c>
      <c r="D972" s="2">
        <v>0.2</v>
      </c>
      <c r="E972" s="2">
        <v>43.800000000000082</v>
      </c>
    </row>
    <row r="973" spans="1:5" x14ac:dyDescent="0.25">
      <c r="A973" s="3">
        <v>41756.770833333336</v>
      </c>
      <c r="B973" s="2">
        <v>18.2</v>
      </c>
      <c r="C973" s="2">
        <v>124.2</v>
      </c>
      <c r="D973" s="2">
        <v>0.2</v>
      </c>
      <c r="E973" s="2">
        <v>44.000000000000085</v>
      </c>
    </row>
    <row r="974" spans="1:5" x14ac:dyDescent="0.25">
      <c r="A974" s="3">
        <v>41756.770891203705</v>
      </c>
      <c r="B974" s="2">
        <v>18.2</v>
      </c>
      <c r="C974" s="2">
        <v>124.4</v>
      </c>
      <c r="D974" s="2">
        <v>0</v>
      </c>
      <c r="E974" s="2">
        <v>44.000000000000085</v>
      </c>
    </row>
    <row r="975" spans="1:5" x14ac:dyDescent="0.25">
      <c r="A975" s="3">
        <v>41756.771064814813</v>
      </c>
      <c r="B975" s="2">
        <v>18.2</v>
      </c>
      <c r="C975" s="2">
        <v>124.4</v>
      </c>
      <c r="D975" s="2">
        <v>0.2</v>
      </c>
      <c r="E975" s="2">
        <v>44.200000000000088</v>
      </c>
    </row>
    <row r="976" spans="1:5" x14ac:dyDescent="0.25">
      <c r="A976" s="3">
        <v>41756.771122685182</v>
      </c>
      <c r="B976" s="2">
        <v>18.2</v>
      </c>
      <c r="C976" s="2">
        <v>124.6</v>
      </c>
      <c r="D976" s="2">
        <v>0</v>
      </c>
      <c r="E976" s="2">
        <v>44.200000000000088</v>
      </c>
    </row>
    <row r="977" spans="1:5" x14ac:dyDescent="0.25">
      <c r="A977" s="3">
        <v>41756.771354166667</v>
      </c>
      <c r="B977" s="2">
        <v>18.2</v>
      </c>
      <c r="C977" s="2">
        <v>124.6</v>
      </c>
      <c r="D977" s="2">
        <v>0.2</v>
      </c>
      <c r="E977" s="2">
        <v>44.400000000000091</v>
      </c>
    </row>
    <row r="978" spans="1:5" x14ac:dyDescent="0.25">
      <c r="A978" s="3">
        <v>41756.771412037036</v>
      </c>
      <c r="B978" s="2">
        <v>18.2</v>
      </c>
      <c r="C978" s="2">
        <v>124.8</v>
      </c>
      <c r="D978" s="2">
        <v>0</v>
      </c>
      <c r="E978" s="2">
        <v>44.400000000000091</v>
      </c>
    </row>
    <row r="979" spans="1:5" x14ac:dyDescent="0.25">
      <c r="A979" s="3">
        <v>41756.771643518521</v>
      </c>
      <c r="B979" s="2">
        <v>18.2</v>
      </c>
      <c r="C979" s="2">
        <v>124.8</v>
      </c>
      <c r="D979" s="2">
        <v>0.2</v>
      </c>
      <c r="E979" s="2">
        <v>44.600000000000094</v>
      </c>
    </row>
    <row r="980" spans="1:5" x14ac:dyDescent="0.25">
      <c r="A980" s="3">
        <v>41756.771701388891</v>
      </c>
      <c r="B980" s="2">
        <v>18.2</v>
      </c>
      <c r="C980" s="2">
        <v>125</v>
      </c>
      <c r="D980" s="2">
        <v>0</v>
      </c>
      <c r="E980" s="2">
        <v>44.600000000000094</v>
      </c>
    </row>
    <row r="981" spans="1:5" x14ac:dyDescent="0.25">
      <c r="A981" s="3">
        <v>41756.772106481483</v>
      </c>
      <c r="B981" s="2">
        <v>18.2</v>
      </c>
      <c r="C981" s="2">
        <v>125</v>
      </c>
      <c r="D981" s="2">
        <v>0.2</v>
      </c>
      <c r="E981" s="2">
        <v>44.800000000000097</v>
      </c>
    </row>
    <row r="982" spans="1:5" x14ac:dyDescent="0.25">
      <c r="A982" s="3">
        <v>41756.772164351853</v>
      </c>
      <c r="B982" s="2">
        <v>18.2</v>
      </c>
      <c r="C982" s="2">
        <v>125.2</v>
      </c>
      <c r="D982" s="2">
        <v>0</v>
      </c>
      <c r="E982" s="2">
        <v>44.800000000000097</v>
      </c>
    </row>
    <row r="983" spans="1:5" x14ac:dyDescent="0.25">
      <c r="A983" s="3">
        <v>41756.772511574076</v>
      </c>
      <c r="B983" s="2">
        <v>18.2</v>
      </c>
      <c r="C983" s="2">
        <v>125.2</v>
      </c>
      <c r="D983" s="2">
        <v>0.2</v>
      </c>
      <c r="E983" s="2">
        <v>45.000000000000099</v>
      </c>
    </row>
    <row r="984" spans="1:5" x14ac:dyDescent="0.25">
      <c r="A984" s="3">
        <v>41756.772685185184</v>
      </c>
      <c r="B984" s="2">
        <v>18.2</v>
      </c>
      <c r="C984" s="2">
        <v>125.4</v>
      </c>
      <c r="D984" s="2">
        <v>0</v>
      </c>
      <c r="E984" s="2">
        <v>45.000000000000099</v>
      </c>
    </row>
    <row r="985" spans="1:5" x14ac:dyDescent="0.25">
      <c r="A985" s="3">
        <v>41756.772974537038</v>
      </c>
      <c r="B985" s="2">
        <v>18.2</v>
      </c>
      <c r="C985" s="2">
        <v>125.4</v>
      </c>
      <c r="D985" s="2">
        <v>0.2</v>
      </c>
      <c r="E985" s="2">
        <v>45.200000000000102</v>
      </c>
    </row>
    <row r="986" spans="1:5" x14ac:dyDescent="0.25">
      <c r="A986" s="3">
        <v>41756.773090277777</v>
      </c>
      <c r="B986" s="2">
        <v>18.2</v>
      </c>
      <c r="C986" s="2">
        <v>125.6</v>
      </c>
      <c r="D986" s="2">
        <v>0</v>
      </c>
      <c r="E986" s="2">
        <v>45.200000000000102</v>
      </c>
    </row>
    <row r="987" spans="1:5" x14ac:dyDescent="0.25">
      <c r="A987" s="3">
        <v>41756.773206018515</v>
      </c>
      <c r="B987" s="2">
        <v>18.2</v>
      </c>
      <c r="C987" s="2">
        <v>125.6</v>
      </c>
      <c r="D987" s="2">
        <v>0.2</v>
      </c>
      <c r="E987" s="2">
        <v>45.400000000000105</v>
      </c>
    </row>
    <row r="988" spans="1:5" x14ac:dyDescent="0.25">
      <c r="A988" s="3">
        <v>41756.7734375</v>
      </c>
      <c r="B988" s="2">
        <v>18.2</v>
      </c>
      <c r="C988" s="2">
        <v>125.8</v>
      </c>
      <c r="D988" s="2">
        <v>0</v>
      </c>
      <c r="E988" s="2">
        <v>45.400000000000105</v>
      </c>
    </row>
    <row r="989" spans="1:5" x14ac:dyDescent="0.25">
      <c r="A989" s="3">
        <v>41756.773726851854</v>
      </c>
      <c r="B989" s="2">
        <v>18.2</v>
      </c>
      <c r="C989" s="2">
        <v>125.8</v>
      </c>
      <c r="D989" s="2">
        <v>0.2</v>
      </c>
      <c r="E989" s="2">
        <v>45.600000000000108</v>
      </c>
    </row>
    <row r="990" spans="1:5" x14ac:dyDescent="0.25">
      <c r="A990" s="3">
        <v>41756.773900462962</v>
      </c>
      <c r="B990" s="2">
        <v>18.100000000000001</v>
      </c>
      <c r="C990" s="2">
        <v>126</v>
      </c>
      <c r="D990" s="2">
        <v>0</v>
      </c>
      <c r="E990" s="2">
        <v>45.600000000000108</v>
      </c>
    </row>
    <row r="991" spans="1:5" x14ac:dyDescent="0.25">
      <c r="A991" s="3">
        <v>41756.774537037039</v>
      </c>
      <c r="B991" s="2">
        <v>18.100000000000001</v>
      </c>
      <c r="C991" s="2">
        <v>126</v>
      </c>
      <c r="D991" s="2">
        <v>0.2</v>
      </c>
      <c r="E991" s="2">
        <v>45.800000000000111</v>
      </c>
    </row>
    <row r="992" spans="1:5" x14ac:dyDescent="0.25">
      <c r="A992" s="3">
        <v>41756.775752314818</v>
      </c>
      <c r="B992" s="2">
        <v>18.100000000000001</v>
      </c>
      <c r="C992" s="2">
        <v>126.2</v>
      </c>
      <c r="D992" s="2">
        <v>0</v>
      </c>
      <c r="E992" s="2">
        <v>45.800000000000111</v>
      </c>
    </row>
    <row r="993" spans="1:5" x14ac:dyDescent="0.25">
      <c r="A993" s="3">
        <v>41756.777199074073</v>
      </c>
      <c r="B993" s="2">
        <v>18.100000000000001</v>
      </c>
      <c r="C993" s="2">
        <v>126.2</v>
      </c>
      <c r="D993" s="2">
        <v>0.2</v>
      </c>
      <c r="E993" s="2">
        <v>46.000000000000114</v>
      </c>
    </row>
    <row r="994" spans="1:5" x14ac:dyDescent="0.25">
      <c r="A994" s="3">
        <v>41756.777604166666</v>
      </c>
      <c r="B994" s="2">
        <v>18.100000000000001</v>
      </c>
      <c r="C994" s="2">
        <v>126.4</v>
      </c>
      <c r="D994" s="2">
        <v>0</v>
      </c>
      <c r="E994" s="2">
        <v>46.000000000000114</v>
      </c>
    </row>
    <row r="995" spans="1:5" x14ac:dyDescent="0.25">
      <c r="A995" s="3">
        <v>41756.777777777781</v>
      </c>
      <c r="B995" s="2">
        <v>18.100000000000001</v>
      </c>
      <c r="C995" s="2">
        <v>126.4</v>
      </c>
      <c r="D995" s="2">
        <v>0.2</v>
      </c>
      <c r="E995" s="2">
        <v>46.200000000000117</v>
      </c>
    </row>
    <row r="996" spans="1:5" x14ac:dyDescent="0.25">
      <c r="A996" s="3">
        <v>41756.778182870374</v>
      </c>
      <c r="B996" s="2">
        <v>18.100000000000001</v>
      </c>
      <c r="C996" s="2">
        <v>126.6</v>
      </c>
      <c r="D996" s="2">
        <v>0</v>
      </c>
      <c r="E996" s="2">
        <v>46.200000000000117</v>
      </c>
    </row>
    <row r="997" spans="1:5" x14ac:dyDescent="0.25">
      <c r="A997" s="3">
        <v>41756.77847222222</v>
      </c>
      <c r="B997" s="2">
        <v>18.100000000000001</v>
      </c>
      <c r="C997" s="2">
        <v>126.6</v>
      </c>
      <c r="D997" s="2">
        <v>0.2</v>
      </c>
      <c r="E997" s="2">
        <v>46.400000000000119</v>
      </c>
    </row>
    <row r="998" spans="1:5" x14ac:dyDescent="0.25">
      <c r="A998" s="3">
        <v>41756.778993055559</v>
      </c>
      <c r="B998" s="2">
        <v>18.100000000000001</v>
      </c>
      <c r="C998" s="2">
        <v>126.8</v>
      </c>
      <c r="D998" s="2">
        <v>0</v>
      </c>
      <c r="E998" s="2">
        <v>46.400000000000119</v>
      </c>
    </row>
    <row r="999" spans="1:5" x14ac:dyDescent="0.25">
      <c r="A999" s="3">
        <v>41756.779282407406</v>
      </c>
      <c r="B999" s="2">
        <v>18.100000000000001</v>
      </c>
      <c r="C999" s="2">
        <v>126.8</v>
      </c>
      <c r="D999" s="2">
        <v>0.2</v>
      </c>
      <c r="E999" s="2">
        <v>46.600000000000122</v>
      </c>
    </row>
    <row r="1000" spans="1:5" x14ac:dyDescent="0.25">
      <c r="A1000" s="3">
        <v>41756.779629629629</v>
      </c>
      <c r="B1000" s="2">
        <v>18.100000000000001</v>
      </c>
      <c r="C1000" s="2">
        <v>127</v>
      </c>
      <c r="D1000" s="2">
        <v>0</v>
      </c>
      <c r="E1000" s="2">
        <v>46.600000000000122</v>
      </c>
    </row>
    <row r="1001" spans="1:5" x14ac:dyDescent="0.25">
      <c r="A1001" s="3">
        <v>41756.779745370368</v>
      </c>
      <c r="B1001" s="2">
        <v>18.100000000000001</v>
      </c>
      <c r="C1001" s="2">
        <v>127</v>
      </c>
      <c r="D1001" s="2">
        <v>0.2</v>
      </c>
      <c r="E1001" s="2">
        <v>46.800000000000125</v>
      </c>
    </row>
    <row r="1002" spans="1:5" x14ac:dyDescent="0.25">
      <c r="A1002" s="3">
        <v>41756.780266203707</v>
      </c>
      <c r="B1002" s="2">
        <v>18</v>
      </c>
      <c r="C1002" s="2">
        <v>127.2</v>
      </c>
      <c r="D1002" s="2">
        <v>0</v>
      </c>
      <c r="E1002" s="2">
        <v>46.800000000000125</v>
      </c>
    </row>
    <row r="1003" spans="1:5" x14ac:dyDescent="0.25">
      <c r="A1003" s="3">
        <v>41756.78570601852</v>
      </c>
      <c r="B1003" s="2">
        <v>18</v>
      </c>
      <c r="C1003" s="2">
        <v>127.2</v>
      </c>
      <c r="D1003" s="2">
        <v>0.2</v>
      </c>
      <c r="E1003" s="2">
        <v>47.000000000000128</v>
      </c>
    </row>
    <row r="1004" spans="1:5" x14ac:dyDescent="0.25">
      <c r="A1004" s="3">
        <v>41756.790046296293</v>
      </c>
      <c r="B1004" s="2">
        <v>17.899999999999999</v>
      </c>
      <c r="C1004" s="2">
        <v>127.4</v>
      </c>
      <c r="D1004" s="2">
        <v>0</v>
      </c>
      <c r="E1004" s="2">
        <v>47.000000000000128</v>
      </c>
    </row>
    <row r="1005" spans="1:5" x14ac:dyDescent="0.25">
      <c r="A1005" s="3">
        <v>41756.790625000001</v>
      </c>
      <c r="B1005" s="2">
        <v>17.899999999999999</v>
      </c>
      <c r="C1005" s="2">
        <v>127.4</v>
      </c>
      <c r="D1005" s="2">
        <v>0.2</v>
      </c>
      <c r="E1005" s="2">
        <v>47.200000000000131</v>
      </c>
    </row>
    <row r="1006" spans="1:5" x14ac:dyDescent="0.25">
      <c r="A1006" s="3">
        <v>41756.791030092594</v>
      </c>
      <c r="B1006" s="2">
        <v>17.899999999999999</v>
      </c>
      <c r="C1006" s="2">
        <v>127.6</v>
      </c>
      <c r="D1006" s="2">
        <v>0.2</v>
      </c>
      <c r="E1006" s="2">
        <v>47.400000000000134</v>
      </c>
    </row>
    <row r="1007" spans="1:5" x14ac:dyDescent="0.25">
      <c r="A1007" s="3">
        <v>41756.791261574072</v>
      </c>
      <c r="B1007" s="2">
        <v>17.899999999999999</v>
      </c>
      <c r="C1007" s="2">
        <v>127.6</v>
      </c>
      <c r="D1007" s="2">
        <v>0.2</v>
      </c>
      <c r="E1007" s="2">
        <v>47.600000000000136</v>
      </c>
    </row>
    <row r="1008" spans="1:5" x14ac:dyDescent="0.25">
      <c r="A1008" s="3">
        <v>41756.791319444441</v>
      </c>
      <c r="B1008" s="2">
        <v>17.899999999999999</v>
      </c>
      <c r="C1008" s="2">
        <v>127.8</v>
      </c>
      <c r="D1008" s="2">
        <v>0</v>
      </c>
      <c r="E1008" s="2">
        <v>47.600000000000136</v>
      </c>
    </row>
    <row r="1009" spans="1:5" x14ac:dyDescent="0.25">
      <c r="A1009" s="3">
        <v>41756.791493055556</v>
      </c>
      <c r="B1009" s="2">
        <v>17.899999999999999</v>
      </c>
      <c r="C1009" s="2">
        <v>127.8</v>
      </c>
      <c r="D1009" s="2">
        <v>0.2</v>
      </c>
      <c r="E1009" s="2">
        <v>47.800000000000139</v>
      </c>
    </row>
    <row r="1010" spans="1:5" x14ac:dyDescent="0.25">
      <c r="A1010" s="3">
        <v>41756.791550925926</v>
      </c>
      <c r="B1010" s="2">
        <v>17.899999999999999</v>
      </c>
      <c r="C1010" s="2">
        <v>128</v>
      </c>
      <c r="D1010" s="2">
        <v>0</v>
      </c>
      <c r="E1010" s="2">
        <v>47.800000000000139</v>
      </c>
    </row>
    <row r="1011" spans="1:5" x14ac:dyDescent="0.25">
      <c r="A1011" s="3">
        <v>41756.791666666664</v>
      </c>
      <c r="B1011" s="2">
        <v>17.899999999999999</v>
      </c>
      <c r="C1011" s="2">
        <v>128</v>
      </c>
      <c r="D1011" s="2">
        <v>0.2</v>
      </c>
      <c r="E1011" s="2">
        <v>48.000000000000142</v>
      </c>
    </row>
    <row r="1012" spans="1:5" x14ac:dyDescent="0.25">
      <c r="A1012" s="3">
        <v>41756.79178240741</v>
      </c>
      <c r="B1012" s="2">
        <v>17.899999999999999</v>
      </c>
      <c r="C1012" s="2">
        <v>128.19999999999999</v>
      </c>
      <c r="D1012" s="2">
        <v>0</v>
      </c>
      <c r="E1012" s="2">
        <v>48.000000000000142</v>
      </c>
    </row>
    <row r="1013" spans="1:5" x14ac:dyDescent="0.25">
      <c r="A1013" s="3">
        <v>41756.79184027778</v>
      </c>
      <c r="B1013" s="2">
        <v>17.899999999999999</v>
      </c>
      <c r="C1013" s="2">
        <v>128.19999999999999</v>
      </c>
      <c r="D1013" s="2">
        <v>0.2</v>
      </c>
      <c r="E1013" s="2">
        <v>48.200000000000145</v>
      </c>
    </row>
    <row r="1014" spans="1:5" x14ac:dyDescent="0.25">
      <c r="A1014" s="3">
        <v>41756.791956018518</v>
      </c>
      <c r="B1014" s="2">
        <v>17.8</v>
      </c>
      <c r="C1014" s="2">
        <v>128.4</v>
      </c>
      <c r="D1014" s="2">
        <v>0</v>
      </c>
      <c r="E1014" s="2">
        <v>48.200000000000145</v>
      </c>
    </row>
    <row r="1015" spans="1:5" x14ac:dyDescent="0.25">
      <c r="A1015" s="3">
        <v>41756.792129629626</v>
      </c>
      <c r="B1015" s="2">
        <v>17.8</v>
      </c>
      <c r="C1015" s="2">
        <v>128.4</v>
      </c>
      <c r="D1015" s="2">
        <v>0.2</v>
      </c>
      <c r="E1015" s="2">
        <v>48.400000000000148</v>
      </c>
    </row>
    <row r="1016" spans="1:5" x14ac:dyDescent="0.25">
      <c r="A1016" s="3">
        <v>41756.792187500003</v>
      </c>
      <c r="B1016" s="2">
        <v>17.8</v>
      </c>
      <c r="C1016" s="2">
        <v>128.6</v>
      </c>
      <c r="D1016" s="2">
        <v>0</v>
      </c>
      <c r="E1016" s="2">
        <v>48.400000000000148</v>
      </c>
    </row>
    <row r="1017" spans="1:5" x14ac:dyDescent="0.25">
      <c r="A1017" s="3">
        <v>41756.79247685185</v>
      </c>
      <c r="B1017" s="2">
        <v>17.8</v>
      </c>
      <c r="C1017" s="2">
        <v>128.6</v>
      </c>
      <c r="D1017" s="2">
        <v>0.2</v>
      </c>
      <c r="E1017" s="2">
        <v>48.600000000000151</v>
      </c>
    </row>
    <row r="1018" spans="1:5" x14ac:dyDescent="0.25">
      <c r="A1018" s="3">
        <v>41756.792592592596</v>
      </c>
      <c r="B1018" s="2">
        <v>17.8</v>
      </c>
      <c r="C1018" s="2">
        <v>128.80000000000001</v>
      </c>
      <c r="D1018" s="2">
        <v>0</v>
      </c>
      <c r="E1018" s="2">
        <v>48.600000000000151</v>
      </c>
    </row>
    <row r="1019" spans="1:5" x14ac:dyDescent="0.25">
      <c r="A1019" s="3">
        <v>41756.792881944442</v>
      </c>
      <c r="B1019" s="2">
        <v>17.8</v>
      </c>
      <c r="C1019" s="2">
        <v>128.80000000000001</v>
      </c>
      <c r="D1019" s="2">
        <v>0.2</v>
      </c>
      <c r="E1019" s="2">
        <v>48.800000000000153</v>
      </c>
    </row>
    <row r="1020" spans="1:5" x14ac:dyDescent="0.25">
      <c r="A1020" s="3">
        <v>41756.792997685188</v>
      </c>
      <c r="B1020" s="2">
        <v>17.8</v>
      </c>
      <c r="C1020" s="2">
        <v>129</v>
      </c>
      <c r="D1020" s="2">
        <v>0</v>
      </c>
      <c r="E1020" s="2">
        <v>48.800000000000153</v>
      </c>
    </row>
    <row r="1021" spans="1:5" x14ac:dyDescent="0.25">
      <c r="A1021" s="3">
        <v>41756.793055555558</v>
      </c>
      <c r="B1021" s="2">
        <v>17.8</v>
      </c>
      <c r="C1021" s="2">
        <v>129</v>
      </c>
      <c r="D1021" s="2">
        <v>0.2</v>
      </c>
      <c r="E1021" s="2">
        <v>49.000000000000156</v>
      </c>
    </row>
    <row r="1022" spans="1:5" x14ac:dyDescent="0.25">
      <c r="A1022" s="3">
        <v>41756.793229166666</v>
      </c>
      <c r="B1022" s="2">
        <v>17.8</v>
      </c>
      <c r="C1022" s="2">
        <v>129.19999999999999</v>
      </c>
      <c r="D1022" s="2">
        <v>0</v>
      </c>
      <c r="E1022" s="2">
        <v>49.000000000000156</v>
      </c>
    </row>
    <row r="1023" spans="1:5" x14ac:dyDescent="0.25">
      <c r="A1023" s="3">
        <v>41756.793344907404</v>
      </c>
      <c r="B1023" s="2">
        <v>17.8</v>
      </c>
      <c r="C1023" s="2">
        <v>129.19999999999999</v>
      </c>
      <c r="D1023" s="2">
        <v>0.2</v>
      </c>
      <c r="E1023" s="2">
        <v>49.200000000000159</v>
      </c>
    </row>
    <row r="1024" spans="1:5" x14ac:dyDescent="0.25">
      <c r="A1024" s="3">
        <v>41756.79346064815</v>
      </c>
      <c r="B1024" s="2">
        <v>17.8</v>
      </c>
      <c r="C1024" s="2">
        <v>129.4</v>
      </c>
      <c r="D1024" s="2">
        <v>0</v>
      </c>
      <c r="E1024" s="2">
        <v>49.200000000000159</v>
      </c>
    </row>
    <row r="1025" spans="1:5" x14ac:dyDescent="0.25">
      <c r="A1025" s="3">
        <v>41756.79351851852</v>
      </c>
      <c r="B1025" s="2">
        <v>17.7</v>
      </c>
      <c r="C1025" s="2">
        <v>129.4</v>
      </c>
      <c r="D1025" s="2">
        <v>0.2</v>
      </c>
      <c r="E1025" s="2">
        <v>49.400000000000162</v>
      </c>
    </row>
    <row r="1026" spans="1:5" x14ac:dyDescent="0.25">
      <c r="A1026" s="3">
        <v>41756.793634259258</v>
      </c>
      <c r="B1026" s="2">
        <v>17.8</v>
      </c>
      <c r="C1026" s="2">
        <v>129.6</v>
      </c>
      <c r="D1026" s="2">
        <v>0</v>
      </c>
      <c r="E1026" s="2">
        <v>49.400000000000162</v>
      </c>
    </row>
    <row r="1027" spans="1:5" x14ac:dyDescent="0.25">
      <c r="A1027" s="3">
        <v>41756.793692129628</v>
      </c>
      <c r="B1027" s="2">
        <v>17.8</v>
      </c>
      <c r="C1027" s="2">
        <v>129.6</v>
      </c>
      <c r="D1027" s="2">
        <v>0.2</v>
      </c>
      <c r="E1027" s="2">
        <v>49.600000000000165</v>
      </c>
    </row>
    <row r="1028" spans="1:5" x14ac:dyDescent="0.25">
      <c r="A1028" s="3">
        <v>41756.793865740743</v>
      </c>
      <c r="B1028" s="2">
        <v>17.7</v>
      </c>
      <c r="C1028" s="2">
        <v>129.80000000000001</v>
      </c>
      <c r="D1028" s="2">
        <v>0.2</v>
      </c>
      <c r="E1028" s="2">
        <v>49.800000000000168</v>
      </c>
    </row>
    <row r="1029" spans="1:5" x14ac:dyDescent="0.25">
      <c r="A1029" s="3">
        <v>41756.794039351851</v>
      </c>
      <c r="B1029" s="2">
        <v>17.7</v>
      </c>
      <c r="C1029" s="2">
        <v>130</v>
      </c>
      <c r="D1029" s="2">
        <v>0</v>
      </c>
      <c r="E1029" s="2">
        <v>49.800000000000168</v>
      </c>
    </row>
    <row r="1030" spans="1:5" x14ac:dyDescent="0.25">
      <c r="A1030" s="3">
        <v>41756.79409722222</v>
      </c>
      <c r="B1030" s="2">
        <v>17.7</v>
      </c>
      <c r="C1030" s="2">
        <v>130</v>
      </c>
      <c r="D1030" s="2">
        <v>0.2</v>
      </c>
      <c r="E1030" s="2">
        <v>50.000000000000171</v>
      </c>
    </row>
    <row r="1031" spans="1:5" x14ac:dyDescent="0.25">
      <c r="A1031" s="3">
        <v>41756.794270833336</v>
      </c>
      <c r="B1031" s="2">
        <v>17.7</v>
      </c>
      <c r="C1031" s="2">
        <v>130.19999999999999</v>
      </c>
      <c r="D1031" s="2">
        <v>0</v>
      </c>
      <c r="E1031" s="2">
        <v>50.000000000000171</v>
      </c>
    </row>
    <row r="1032" spans="1:5" x14ac:dyDescent="0.25">
      <c r="A1032" s="3">
        <v>41756.794386574074</v>
      </c>
      <c r="B1032" s="2">
        <v>17.7</v>
      </c>
      <c r="C1032" s="2">
        <v>130.19999999999999</v>
      </c>
      <c r="D1032" s="2">
        <v>0.2</v>
      </c>
      <c r="E1032" s="2">
        <v>50.200000000000173</v>
      </c>
    </row>
    <row r="1033" spans="1:5" x14ac:dyDescent="0.25">
      <c r="A1033" s="3">
        <v>41756.794560185182</v>
      </c>
      <c r="B1033" s="2">
        <v>17.7</v>
      </c>
      <c r="C1033" s="2">
        <v>130.4</v>
      </c>
      <c r="D1033" s="2">
        <v>0</v>
      </c>
      <c r="E1033" s="2">
        <v>50.200000000000173</v>
      </c>
    </row>
    <row r="1034" spans="1:5" x14ac:dyDescent="0.25">
      <c r="A1034" s="3">
        <v>41756.794791666667</v>
      </c>
      <c r="B1034" s="2">
        <v>17.7</v>
      </c>
      <c r="C1034" s="2">
        <v>130.4</v>
      </c>
      <c r="D1034" s="2">
        <v>0.2</v>
      </c>
      <c r="E1034" s="2">
        <v>50.400000000000176</v>
      </c>
    </row>
    <row r="1035" spans="1:5" x14ac:dyDescent="0.25">
      <c r="A1035" s="3">
        <v>41756.794965277775</v>
      </c>
      <c r="B1035" s="2">
        <v>17.600000000000001</v>
      </c>
      <c r="C1035" s="2">
        <v>130.6</v>
      </c>
      <c r="D1035" s="2">
        <v>0</v>
      </c>
      <c r="E1035" s="2">
        <v>50.400000000000176</v>
      </c>
    </row>
    <row r="1036" spans="1:5" x14ac:dyDescent="0.25">
      <c r="A1036" s="3">
        <v>41756.795254629629</v>
      </c>
      <c r="B1036" s="2">
        <v>17.7</v>
      </c>
      <c r="C1036" s="2">
        <v>130.6</v>
      </c>
      <c r="D1036" s="2">
        <v>0.2</v>
      </c>
      <c r="E1036" s="2">
        <v>50.600000000000179</v>
      </c>
    </row>
    <row r="1037" spans="1:5" x14ac:dyDescent="0.25">
      <c r="A1037" s="3">
        <v>41756.795543981483</v>
      </c>
      <c r="B1037" s="2">
        <v>17.7</v>
      </c>
      <c r="C1037" s="2">
        <v>130.80000000000001</v>
      </c>
      <c r="D1037" s="2">
        <v>0</v>
      </c>
      <c r="E1037" s="2">
        <v>50.600000000000179</v>
      </c>
    </row>
    <row r="1038" spans="1:5" x14ac:dyDescent="0.25">
      <c r="A1038" s="3">
        <v>41756.79583333333</v>
      </c>
      <c r="B1038" s="2">
        <v>17.7</v>
      </c>
      <c r="C1038" s="2">
        <v>130.80000000000001</v>
      </c>
      <c r="D1038" s="2">
        <v>0.2</v>
      </c>
      <c r="E1038" s="2">
        <v>50.800000000000182</v>
      </c>
    </row>
    <row r="1039" spans="1:5" x14ac:dyDescent="0.25">
      <c r="A1039" s="3">
        <v>41756.796064814815</v>
      </c>
      <c r="B1039" s="2">
        <v>17.7</v>
      </c>
      <c r="C1039" s="2">
        <v>131</v>
      </c>
      <c r="D1039" s="2">
        <v>0</v>
      </c>
      <c r="E1039" s="2">
        <v>50.800000000000182</v>
      </c>
    </row>
    <row r="1040" spans="1:5" x14ac:dyDescent="0.25">
      <c r="A1040" s="3">
        <v>41756.796296296299</v>
      </c>
      <c r="B1040" s="2">
        <v>17.7</v>
      </c>
      <c r="C1040" s="2">
        <v>131</v>
      </c>
      <c r="D1040" s="2">
        <v>0.2</v>
      </c>
      <c r="E1040" s="2">
        <v>51.000000000000185</v>
      </c>
    </row>
    <row r="1041" spans="1:5" x14ac:dyDescent="0.25">
      <c r="A1041" s="3">
        <v>41756.796817129631</v>
      </c>
      <c r="B1041" s="2">
        <v>17.7</v>
      </c>
      <c r="C1041" s="2">
        <v>131.19999999999999</v>
      </c>
      <c r="D1041" s="2">
        <v>0</v>
      </c>
      <c r="E1041" s="2">
        <v>51.000000000000185</v>
      </c>
    </row>
    <row r="1042" spans="1:5" x14ac:dyDescent="0.25">
      <c r="A1042" s="3">
        <v>41756.797337962962</v>
      </c>
      <c r="B1042" s="2">
        <v>17.600000000000001</v>
      </c>
      <c r="C1042" s="2">
        <v>131.19999999999999</v>
      </c>
      <c r="D1042" s="2">
        <v>0.2</v>
      </c>
      <c r="E1042" s="2">
        <v>51.200000000000188</v>
      </c>
    </row>
    <row r="1043" spans="1:5" x14ac:dyDescent="0.25">
      <c r="A1043" s="3">
        <v>41756.797685185185</v>
      </c>
      <c r="B1043" s="2">
        <v>17.600000000000001</v>
      </c>
      <c r="C1043" s="2">
        <v>131.4</v>
      </c>
      <c r="D1043" s="2">
        <v>0</v>
      </c>
      <c r="E1043" s="2">
        <v>51.200000000000188</v>
      </c>
    </row>
    <row r="1044" spans="1:5" x14ac:dyDescent="0.25">
      <c r="A1044" s="3">
        <v>41756.79791666667</v>
      </c>
      <c r="B1044" s="2">
        <v>17.600000000000001</v>
      </c>
      <c r="C1044" s="2">
        <v>131.4</v>
      </c>
      <c r="D1044" s="2">
        <v>0.2</v>
      </c>
      <c r="E1044" s="2">
        <v>51.40000000000019</v>
      </c>
    </row>
    <row r="1045" spans="1:5" x14ac:dyDescent="0.25">
      <c r="A1045" s="3">
        <v>41756.798437500001</v>
      </c>
      <c r="B1045" s="2">
        <v>17.600000000000001</v>
      </c>
      <c r="C1045" s="2">
        <v>131.6</v>
      </c>
      <c r="D1045" s="2">
        <v>0</v>
      </c>
      <c r="E1045" s="2">
        <v>51.40000000000019</v>
      </c>
    </row>
    <row r="1046" spans="1:5" x14ac:dyDescent="0.25">
      <c r="A1046" s="3">
        <v>41756.799479166664</v>
      </c>
      <c r="B1046" s="2">
        <v>17.600000000000001</v>
      </c>
      <c r="C1046" s="2">
        <v>131.6</v>
      </c>
      <c r="D1046" s="2">
        <v>0.2</v>
      </c>
      <c r="E1046" s="2">
        <v>51.600000000000193</v>
      </c>
    </row>
    <row r="1047" spans="1:5" x14ac:dyDescent="0.25">
      <c r="A1047" s="3">
        <v>41756.800173611111</v>
      </c>
      <c r="B1047" s="2">
        <v>17.600000000000001</v>
      </c>
      <c r="C1047" s="2">
        <v>131.80000000000001</v>
      </c>
      <c r="D1047" s="2">
        <v>0</v>
      </c>
      <c r="E1047" s="2">
        <v>51.600000000000193</v>
      </c>
    </row>
    <row r="1048" spans="1:5" x14ac:dyDescent="0.25">
      <c r="A1048" s="3">
        <v>41756.800636574073</v>
      </c>
      <c r="B1048" s="2">
        <v>17.5</v>
      </c>
      <c r="C1048" s="2">
        <v>131.80000000000001</v>
      </c>
      <c r="D1048" s="2">
        <v>0.2</v>
      </c>
      <c r="E1048" s="2">
        <v>51.800000000000196</v>
      </c>
    </row>
    <row r="1049" spans="1:5" x14ac:dyDescent="0.25">
      <c r="A1049" s="3">
        <v>41756.801215277781</v>
      </c>
      <c r="B1049" s="2">
        <v>17.5</v>
      </c>
      <c r="C1049" s="2">
        <v>132</v>
      </c>
      <c r="D1049" s="2">
        <v>0</v>
      </c>
      <c r="E1049" s="2">
        <v>51.800000000000196</v>
      </c>
    </row>
    <row r="1050" spans="1:5" x14ac:dyDescent="0.25">
      <c r="A1050" s="3">
        <v>41756.802025462966</v>
      </c>
      <c r="B1050" s="2">
        <v>17.5</v>
      </c>
      <c r="C1050" s="2">
        <v>132</v>
      </c>
      <c r="D1050" s="2">
        <v>0.2</v>
      </c>
      <c r="E1050" s="2">
        <v>52.000000000000199</v>
      </c>
    </row>
    <row r="1051" spans="1:5" x14ac:dyDescent="0.25">
      <c r="A1051" s="3">
        <v>41756.802488425928</v>
      </c>
      <c r="B1051" s="2">
        <v>17.5</v>
      </c>
      <c r="C1051" s="2">
        <v>132.19999999999999</v>
      </c>
      <c r="D1051" s="2">
        <v>0</v>
      </c>
      <c r="E1051" s="2">
        <v>52.000000000000199</v>
      </c>
    </row>
    <row r="1052" spans="1:5" x14ac:dyDescent="0.25">
      <c r="A1052" s="3">
        <v>41756.803124999999</v>
      </c>
      <c r="B1052" s="2">
        <v>17.5</v>
      </c>
      <c r="C1052" s="2">
        <v>132.19999999999999</v>
      </c>
      <c r="D1052" s="2">
        <v>0.2</v>
      </c>
      <c r="E1052" s="2">
        <v>52.200000000000202</v>
      </c>
    </row>
    <row r="1053" spans="1:5" x14ac:dyDescent="0.25">
      <c r="A1053" s="3">
        <v>41756.80364583333</v>
      </c>
      <c r="B1053" s="2">
        <v>17.5</v>
      </c>
      <c r="C1053" s="2">
        <v>132.4</v>
      </c>
      <c r="D1053" s="2">
        <v>0</v>
      </c>
      <c r="E1053" s="2">
        <v>52.200000000000202</v>
      </c>
    </row>
    <row r="1054" spans="1:5" x14ac:dyDescent="0.25">
      <c r="A1054" s="3">
        <v>41756.804340277777</v>
      </c>
      <c r="B1054" s="2">
        <v>17.5</v>
      </c>
      <c r="C1054" s="2">
        <v>132.4</v>
      </c>
      <c r="D1054" s="2">
        <v>0.2</v>
      </c>
      <c r="E1054" s="2">
        <v>52.400000000000205</v>
      </c>
    </row>
    <row r="1055" spans="1:5" x14ac:dyDescent="0.25">
      <c r="A1055" s="3">
        <v>41756.804629629631</v>
      </c>
      <c r="B1055" s="2">
        <v>17.5</v>
      </c>
      <c r="C1055" s="2">
        <v>132.6</v>
      </c>
      <c r="D1055" s="2">
        <v>0</v>
      </c>
      <c r="E1055" s="2">
        <v>52.400000000000205</v>
      </c>
    </row>
    <row r="1056" spans="1:5" x14ac:dyDescent="0.25">
      <c r="A1056" s="3">
        <v>41756.805150462962</v>
      </c>
      <c r="B1056" s="2">
        <v>17.5</v>
      </c>
      <c r="C1056" s="2">
        <v>132.6</v>
      </c>
      <c r="D1056" s="2">
        <v>0.2</v>
      </c>
      <c r="E1056" s="2">
        <v>52.600000000000207</v>
      </c>
    </row>
    <row r="1057" spans="1:5" x14ac:dyDescent="0.25">
      <c r="A1057" s="3">
        <v>41756.805613425924</v>
      </c>
      <c r="B1057" s="2">
        <v>17.5</v>
      </c>
      <c r="C1057" s="2">
        <v>132.80000000000001</v>
      </c>
      <c r="D1057" s="2">
        <v>0</v>
      </c>
      <c r="E1057" s="2">
        <v>52.600000000000207</v>
      </c>
    </row>
    <row r="1058" spans="1:5" x14ac:dyDescent="0.25">
      <c r="A1058" s="3">
        <v>41756.806307870371</v>
      </c>
      <c r="B1058" s="2">
        <v>17.399999999999999</v>
      </c>
      <c r="C1058" s="2">
        <v>132.80000000000001</v>
      </c>
      <c r="D1058" s="2">
        <v>0.2</v>
      </c>
      <c r="E1058" s="2">
        <v>52.80000000000021</v>
      </c>
    </row>
    <row r="1059" spans="1:5" x14ac:dyDescent="0.25">
      <c r="A1059" s="3">
        <v>41756.806828703702</v>
      </c>
      <c r="B1059" s="2">
        <v>17.399999999999999</v>
      </c>
      <c r="C1059" s="2">
        <v>133</v>
      </c>
      <c r="D1059" s="2">
        <v>0</v>
      </c>
      <c r="E1059" s="2">
        <v>52.80000000000021</v>
      </c>
    </row>
    <row r="1060" spans="1:5" x14ac:dyDescent="0.25">
      <c r="A1060" s="3">
        <v>41756.807349537034</v>
      </c>
      <c r="B1060" s="2">
        <v>17.399999999999999</v>
      </c>
      <c r="C1060" s="2">
        <v>133</v>
      </c>
      <c r="D1060" s="2">
        <v>0.2</v>
      </c>
      <c r="E1060" s="2">
        <v>53.000000000000213</v>
      </c>
    </row>
    <row r="1061" spans="1:5" x14ac:dyDescent="0.25">
      <c r="A1061" s="3">
        <v>41756.80810185185</v>
      </c>
      <c r="B1061" s="2">
        <v>17.399999999999999</v>
      </c>
      <c r="C1061" s="2">
        <v>133.19999999999999</v>
      </c>
      <c r="D1061" s="2">
        <v>0</v>
      </c>
      <c r="E1061" s="2">
        <v>53.000000000000213</v>
      </c>
    </row>
    <row r="1062" spans="1:5" x14ac:dyDescent="0.25">
      <c r="A1062" s="3">
        <v>41756.808912037035</v>
      </c>
      <c r="B1062" s="2">
        <v>17.399999999999999</v>
      </c>
      <c r="C1062" s="2">
        <v>133.19999999999999</v>
      </c>
      <c r="D1062" s="2">
        <v>0.2</v>
      </c>
      <c r="E1062" s="2">
        <v>53.200000000000216</v>
      </c>
    </row>
    <row r="1063" spans="1:5" x14ac:dyDescent="0.25">
      <c r="A1063" s="3">
        <v>41756.809259259258</v>
      </c>
      <c r="B1063" s="2">
        <v>17.399999999999999</v>
      </c>
      <c r="C1063" s="2">
        <v>133.4</v>
      </c>
      <c r="D1063" s="2">
        <v>0</v>
      </c>
      <c r="E1063" s="2">
        <v>53.200000000000216</v>
      </c>
    </row>
    <row r="1064" spans="1:5" x14ac:dyDescent="0.25">
      <c r="A1064" s="3">
        <v>41756.810069444444</v>
      </c>
      <c r="B1064" s="2">
        <v>17.399999999999999</v>
      </c>
      <c r="C1064" s="2">
        <v>133.4</v>
      </c>
      <c r="D1064" s="2">
        <v>0.2</v>
      </c>
      <c r="E1064" s="2">
        <v>53.400000000000219</v>
      </c>
    </row>
    <row r="1065" spans="1:5" x14ac:dyDescent="0.25">
      <c r="A1065" s="3">
        <v>41756.810358796298</v>
      </c>
      <c r="B1065" s="2">
        <v>17.399999999999999</v>
      </c>
      <c r="C1065" s="2">
        <v>133.6</v>
      </c>
      <c r="D1065" s="2">
        <v>0</v>
      </c>
      <c r="E1065" s="2">
        <v>53.400000000000219</v>
      </c>
    </row>
    <row r="1066" spans="1:5" x14ac:dyDescent="0.25">
      <c r="A1066" s="3">
        <v>41756.81145833333</v>
      </c>
      <c r="B1066" s="2">
        <v>17.399999999999999</v>
      </c>
      <c r="C1066" s="2">
        <v>133.80000000000001</v>
      </c>
      <c r="D1066" s="2">
        <v>0.2</v>
      </c>
      <c r="E1066" s="2">
        <v>53.600000000000222</v>
      </c>
    </row>
    <row r="1067" spans="1:5" x14ac:dyDescent="0.25">
      <c r="A1067" s="3">
        <v>41756.812905092593</v>
      </c>
      <c r="B1067" s="2">
        <v>17.3</v>
      </c>
      <c r="C1067" s="2">
        <v>133.80000000000001</v>
      </c>
      <c r="D1067" s="2">
        <v>0.2</v>
      </c>
      <c r="E1067" s="2">
        <v>53.800000000000225</v>
      </c>
    </row>
    <row r="1068" spans="1:5" x14ac:dyDescent="0.25">
      <c r="A1068" s="3">
        <v>41756.813310185185</v>
      </c>
      <c r="B1068" s="2">
        <v>17.3</v>
      </c>
      <c r="C1068" s="2">
        <v>134</v>
      </c>
      <c r="D1068" s="2">
        <v>0</v>
      </c>
      <c r="E1068" s="2">
        <v>53.800000000000225</v>
      </c>
    </row>
    <row r="1069" spans="1:5" x14ac:dyDescent="0.25">
      <c r="A1069" s="3">
        <v>41756.814467592594</v>
      </c>
      <c r="B1069" s="2">
        <v>17.3</v>
      </c>
      <c r="C1069" s="2">
        <v>134</v>
      </c>
      <c r="D1069" s="2">
        <v>0.2</v>
      </c>
      <c r="E1069" s="2">
        <v>54.000000000000227</v>
      </c>
    </row>
    <row r="1070" spans="1:5" x14ac:dyDescent="0.25">
      <c r="A1070" s="3">
        <v>41756.814872685187</v>
      </c>
      <c r="B1070" s="2">
        <v>17.3</v>
      </c>
      <c r="C1070" s="2">
        <v>134.19999999999999</v>
      </c>
      <c r="D1070" s="2">
        <v>0</v>
      </c>
      <c r="E1070" s="2">
        <v>54.000000000000227</v>
      </c>
    </row>
    <row r="1071" spans="1:5" x14ac:dyDescent="0.25">
      <c r="A1071" s="3">
        <v>41756.816145833334</v>
      </c>
      <c r="B1071" s="2">
        <v>17.3</v>
      </c>
      <c r="C1071" s="2">
        <v>134.19999999999999</v>
      </c>
      <c r="D1071" s="2">
        <v>0.2</v>
      </c>
      <c r="E1071" s="2">
        <v>54.20000000000023</v>
      </c>
    </row>
    <row r="1072" spans="1:5" x14ac:dyDescent="0.25">
      <c r="A1072" s="3">
        <v>41756.816608796296</v>
      </c>
      <c r="B1072" s="2">
        <v>17.3</v>
      </c>
      <c r="C1072" s="2">
        <v>134.4</v>
      </c>
      <c r="D1072" s="2">
        <v>0</v>
      </c>
      <c r="E1072" s="2">
        <v>54.20000000000023</v>
      </c>
    </row>
    <row r="1073" spans="1:5" x14ac:dyDescent="0.25">
      <c r="A1073" s="3">
        <v>41756.817997685182</v>
      </c>
      <c r="B1073" s="2">
        <v>17.2</v>
      </c>
      <c r="C1073" s="2">
        <v>134.4</v>
      </c>
      <c r="D1073" s="2">
        <v>0.2</v>
      </c>
      <c r="E1073" s="2">
        <v>54.400000000000233</v>
      </c>
    </row>
    <row r="1074" spans="1:5" x14ac:dyDescent="0.25">
      <c r="A1074" s="3">
        <v>41756.818518518521</v>
      </c>
      <c r="B1074" s="2">
        <v>17.2</v>
      </c>
      <c r="C1074" s="2">
        <v>134.6</v>
      </c>
      <c r="D1074" s="2">
        <v>0</v>
      </c>
      <c r="E1074" s="2">
        <v>54.400000000000233</v>
      </c>
    </row>
    <row r="1075" spans="1:5" x14ac:dyDescent="0.25">
      <c r="A1075" s="3">
        <v>41756.819675925923</v>
      </c>
      <c r="B1075" s="2">
        <v>17.2</v>
      </c>
      <c r="C1075" s="2">
        <v>134.6</v>
      </c>
      <c r="D1075" s="2">
        <v>0.2</v>
      </c>
      <c r="E1075" s="2">
        <v>54.600000000000236</v>
      </c>
    </row>
    <row r="1076" spans="1:5" x14ac:dyDescent="0.25">
      <c r="A1076" s="3">
        <v>41756.8203125</v>
      </c>
      <c r="B1076" s="2">
        <v>17.2</v>
      </c>
      <c r="C1076" s="2">
        <v>134.80000000000001</v>
      </c>
      <c r="D1076" s="2">
        <v>0</v>
      </c>
      <c r="E1076" s="2">
        <v>54.600000000000236</v>
      </c>
    </row>
    <row r="1077" spans="1:5" x14ac:dyDescent="0.25">
      <c r="A1077" s="3">
        <v>41756.821527777778</v>
      </c>
      <c r="B1077" s="2">
        <v>17.2</v>
      </c>
      <c r="C1077" s="2">
        <v>134.80000000000001</v>
      </c>
      <c r="D1077" s="2">
        <v>0.2</v>
      </c>
      <c r="E1077" s="2">
        <v>54.800000000000239</v>
      </c>
    </row>
    <row r="1078" spans="1:5" x14ac:dyDescent="0.25">
      <c r="A1078" s="3">
        <v>41756.821875000001</v>
      </c>
      <c r="B1078" s="2">
        <v>17.2</v>
      </c>
      <c r="C1078" s="2">
        <v>135</v>
      </c>
      <c r="D1078" s="2">
        <v>0</v>
      </c>
      <c r="E1078" s="2">
        <v>54.800000000000239</v>
      </c>
    </row>
    <row r="1079" spans="1:5" x14ac:dyDescent="0.25">
      <c r="A1079" s="3">
        <v>41756.822974537034</v>
      </c>
      <c r="B1079" s="2">
        <v>17.2</v>
      </c>
      <c r="C1079" s="2">
        <v>135</v>
      </c>
      <c r="D1079" s="2">
        <v>0.2</v>
      </c>
      <c r="E1079" s="2">
        <v>55.000000000000242</v>
      </c>
    </row>
    <row r="1080" spans="1:5" x14ac:dyDescent="0.25">
      <c r="A1080" s="3">
        <v>41756.82366898148</v>
      </c>
      <c r="B1080" s="2">
        <v>17.2</v>
      </c>
      <c r="C1080" s="2">
        <v>135.19999999999999</v>
      </c>
      <c r="D1080" s="2">
        <v>0</v>
      </c>
      <c r="E1080" s="2">
        <v>55.000000000000242</v>
      </c>
    </row>
    <row r="1081" spans="1:5" x14ac:dyDescent="0.25">
      <c r="A1081" s="3">
        <v>41756.82471064815</v>
      </c>
      <c r="B1081" s="2">
        <v>17.100000000000001</v>
      </c>
      <c r="C1081" s="2">
        <v>135.19999999999999</v>
      </c>
      <c r="D1081" s="2">
        <v>0.2</v>
      </c>
      <c r="E1081" s="2">
        <v>55.200000000000244</v>
      </c>
    </row>
    <row r="1082" spans="1:5" x14ac:dyDescent="0.25">
      <c r="A1082" s="3">
        <v>41756.82644675926</v>
      </c>
      <c r="B1082" s="2">
        <v>17.100000000000001</v>
      </c>
      <c r="C1082" s="2">
        <v>135.4</v>
      </c>
      <c r="D1082" s="2">
        <v>0</v>
      </c>
      <c r="E1082" s="2">
        <v>55.200000000000244</v>
      </c>
    </row>
    <row r="1083" spans="1:5" x14ac:dyDescent="0.25">
      <c r="A1083" s="3">
        <v>41756.826793981483</v>
      </c>
      <c r="B1083" s="2">
        <v>17.100000000000001</v>
      </c>
      <c r="C1083" s="2">
        <v>135.4</v>
      </c>
      <c r="D1083" s="2">
        <v>0.2</v>
      </c>
      <c r="E1083" s="2">
        <v>55.400000000000247</v>
      </c>
    </row>
    <row r="1084" spans="1:5" x14ac:dyDescent="0.25">
      <c r="A1084" s="3">
        <v>41756.828935185185</v>
      </c>
      <c r="B1084" s="2">
        <v>17.100000000000001</v>
      </c>
      <c r="C1084" s="2">
        <v>135.6</v>
      </c>
      <c r="D1084" s="2">
        <v>0</v>
      </c>
      <c r="E1084" s="2">
        <v>55.400000000000247</v>
      </c>
    </row>
    <row r="1085" spans="1:5" x14ac:dyDescent="0.25">
      <c r="A1085" s="3">
        <v>41756.830150462964</v>
      </c>
      <c r="B1085" s="2">
        <v>17.100000000000001</v>
      </c>
      <c r="C1085" s="2">
        <v>135.6</v>
      </c>
      <c r="D1085" s="2">
        <v>0.2</v>
      </c>
      <c r="E1085" s="2">
        <v>55.60000000000025</v>
      </c>
    </row>
    <row r="1086" spans="1:5" x14ac:dyDescent="0.25">
      <c r="A1086" s="3">
        <v>41756.83084490741</v>
      </c>
      <c r="B1086" s="2">
        <v>17.100000000000001</v>
      </c>
      <c r="C1086" s="2">
        <v>135.80000000000001</v>
      </c>
      <c r="D1086" s="2">
        <v>0</v>
      </c>
      <c r="E1086" s="2">
        <v>55.60000000000025</v>
      </c>
    </row>
    <row r="1087" spans="1:5" x14ac:dyDescent="0.25">
      <c r="A1087" s="3">
        <v>41756.835069444445</v>
      </c>
      <c r="B1087" s="2">
        <v>17</v>
      </c>
      <c r="C1087" s="2">
        <v>135.80000000000001</v>
      </c>
      <c r="D1087" s="2">
        <v>0.2</v>
      </c>
      <c r="E1087" s="2">
        <v>55.800000000000253</v>
      </c>
    </row>
    <row r="1088" spans="1:5" x14ac:dyDescent="0.25">
      <c r="A1088" s="3">
        <v>41756.836168981485</v>
      </c>
      <c r="B1088" s="2">
        <v>17</v>
      </c>
      <c r="C1088" s="2">
        <v>136</v>
      </c>
      <c r="D1088" s="2">
        <v>0</v>
      </c>
      <c r="E1088" s="2">
        <v>55.800000000000253</v>
      </c>
    </row>
    <row r="1089" spans="1:5" x14ac:dyDescent="0.25">
      <c r="A1089" s="3">
        <v>41756.842187499999</v>
      </c>
      <c r="B1089" s="2">
        <v>16.899999999999999</v>
      </c>
      <c r="C1089" s="2">
        <v>136</v>
      </c>
      <c r="D1089" s="2">
        <v>0.2</v>
      </c>
      <c r="E1089" s="2">
        <v>56.000000000000256</v>
      </c>
    </row>
    <row r="1090" spans="1:5" x14ac:dyDescent="0.25">
      <c r="A1090" s="3">
        <v>41756.846122685187</v>
      </c>
      <c r="B1090" s="2">
        <v>16.899999999999999</v>
      </c>
      <c r="C1090" s="2">
        <v>136.19999999999999</v>
      </c>
      <c r="D1090" s="2">
        <v>0</v>
      </c>
      <c r="E1090" s="2">
        <v>56.000000000000256</v>
      </c>
    </row>
    <row r="1091" spans="1:5" x14ac:dyDescent="0.25">
      <c r="A1091" s="3">
        <v>41756.847800925927</v>
      </c>
      <c r="B1091" s="2">
        <v>16.899999999999999</v>
      </c>
      <c r="C1091" s="2">
        <v>136.19999999999999</v>
      </c>
      <c r="D1091" s="2">
        <v>0.2</v>
      </c>
      <c r="E1091" s="2">
        <v>56.200000000000259</v>
      </c>
    </row>
    <row r="1092" spans="1:5" x14ac:dyDescent="0.25">
      <c r="A1092" s="3">
        <v>41756.851331018515</v>
      </c>
      <c r="B1092" s="2">
        <v>16.8</v>
      </c>
      <c r="C1092" s="2">
        <v>136.4</v>
      </c>
      <c r="D1092" s="2">
        <v>0</v>
      </c>
      <c r="E1092" s="2">
        <v>56.200000000000259</v>
      </c>
    </row>
    <row r="1093" spans="1:5" x14ac:dyDescent="0.25">
      <c r="A1093" s="3">
        <v>41756.852141203701</v>
      </c>
      <c r="B1093" s="2">
        <v>16.8</v>
      </c>
      <c r="C1093" s="2">
        <v>136.4</v>
      </c>
      <c r="D1093" s="2">
        <v>0.2</v>
      </c>
      <c r="E1093" s="2">
        <v>56.400000000000261</v>
      </c>
    </row>
    <row r="1094" spans="1:5" x14ac:dyDescent="0.25">
      <c r="A1094" s="3">
        <v>41756.853935185187</v>
      </c>
      <c r="B1094" s="2">
        <v>16.8</v>
      </c>
      <c r="C1094" s="2">
        <v>136.6</v>
      </c>
      <c r="D1094" s="2">
        <v>0</v>
      </c>
      <c r="E1094" s="2">
        <v>56.400000000000261</v>
      </c>
    </row>
    <row r="1095" spans="1:5" x14ac:dyDescent="0.25">
      <c r="A1095" s="3">
        <v>41756.855092592596</v>
      </c>
      <c r="B1095" s="2">
        <v>16.8</v>
      </c>
      <c r="C1095" s="2">
        <v>136.6</v>
      </c>
      <c r="D1095" s="2">
        <v>0.2</v>
      </c>
      <c r="E1095" s="2">
        <v>56.600000000000264</v>
      </c>
    </row>
    <row r="1096" spans="1:5" x14ac:dyDescent="0.25">
      <c r="A1096" s="3">
        <v>41756.857233796298</v>
      </c>
      <c r="B1096" s="2">
        <v>16.8</v>
      </c>
      <c r="C1096" s="2">
        <v>136.80000000000001</v>
      </c>
      <c r="D1096" s="2">
        <v>0</v>
      </c>
      <c r="E1096" s="2">
        <v>56.600000000000264</v>
      </c>
    </row>
    <row r="1097" spans="1:5" x14ac:dyDescent="0.25">
      <c r="A1097" s="3">
        <v>41756.858912037038</v>
      </c>
      <c r="B1097" s="2">
        <v>16.7</v>
      </c>
      <c r="C1097" s="2">
        <v>136.80000000000001</v>
      </c>
      <c r="D1097" s="2">
        <v>0.2</v>
      </c>
      <c r="E1097" s="2">
        <v>56.800000000000267</v>
      </c>
    </row>
    <row r="1098" spans="1:5" x14ac:dyDescent="0.25">
      <c r="A1098" s="3">
        <v>41756.885416666664</v>
      </c>
      <c r="B1098" s="2">
        <v>16.5</v>
      </c>
      <c r="C1098" s="2">
        <v>137</v>
      </c>
      <c r="D1098" s="2">
        <v>0</v>
      </c>
      <c r="E1098" s="2">
        <v>56.800000000000267</v>
      </c>
    </row>
    <row r="1099" spans="1:5" x14ac:dyDescent="0.25">
      <c r="A1099" s="3">
        <v>41756.885763888888</v>
      </c>
      <c r="B1099" s="2">
        <v>16.5</v>
      </c>
      <c r="C1099" s="2">
        <v>137</v>
      </c>
      <c r="D1099" s="2">
        <v>0.2</v>
      </c>
      <c r="E1099" s="2">
        <v>57.00000000000027</v>
      </c>
    </row>
    <row r="1100" spans="1:5" x14ac:dyDescent="0.25">
      <c r="A1100" s="3">
        <v>41756.889236111114</v>
      </c>
      <c r="B1100" s="2">
        <v>16.5</v>
      </c>
      <c r="C1100" s="2">
        <v>137.19999999999999</v>
      </c>
      <c r="D1100" s="2">
        <v>0</v>
      </c>
      <c r="E1100" s="2">
        <v>57.00000000000027</v>
      </c>
    </row>
    <row r="1101" spans="1:5" x14ac:dyDescent="0.25">
      <c r="A1101" s="3">
        <v>41756.889988425923</v>
      </c>
      <c r="B1101" s="2">
        <v>16.5</v>
      </c>
      <c r="C1101" s="2">
        <v>137.19999999999999</v>
      </c>
      <c r="D1101" s="2">
        <v>0.2</v>
      </c>
      <c r="E1101" s="2">
        <v>57.200000000000273</v>
      </c>
    </row>
    <row r="1102" spans="1:5" x14ac:dyDescent="0.25">
      <c r="A1102" s="3">
        <v>41756.891550925924</v>
      </c>
      <c r="B1102" s="2">
        <v>16.5</v>
      </c>
      <c r="C1102" s="2">
        <v>137.4</v>
      </c>
      <c r="D1102" s="2">
        <v>0</v>
      </c>
      <c r="E1102" s="2">
        <v>57.200000000000273</v>
      </c>
    </row>
    <row r="1103" spans="1:5" x14ac:dyDescent="0.25">
      <c r="A1103" s="3">
        <v>41756.891608796293</v>
      </c>
      <c r="B1103" s="2">
        <v>16.5</v>
      </c>
      <c r="C1103" s="2">
        <v>137.4</v>
      </c>
      <c r="D1103" s="2">
        <v>0.2</v>
      </c>
      <c r="E1103" s="2">
        <v>57.400000000000276</v>
      </c>
    </row>
    <row r="1104" spans="1:5" x14ac:dyDescent="0.25">
      <c r="A1104" s="3">
        <v>41756.892997685187</v>
      </c>
      <c r="B1104" s="2">
        <v>16.399999999999999</v>
      </c>
      <c r="C1104" s="2">
        <v>137.6</v>
      </c>
      <c r="D1104" s="2">
        <v>0</v>
      </c>
      <c r="E1104" s="2">
        <v>57.400000000000276</v>
      </c>
    </row>
    <row r="1105" spans="1:5" x14ac:dyDescent="0.25">
      <c r="A1105" s="3">
        <v>41756.894733796296</v>
      </c>
      <c r="B1105" s="2">
        <v>16.399999999999999</v>
      </c>
      <c r="C1105" s="2">
        <v>137.6</v>
      </c>
      <c r="D1105" s="2">
        <v>0.2</v>
      </c>
      <c r="E1105" s="2">
        <v>57.600000000000279</v>
      </c>
    </row>
    <row r="1106" spans="1:5" x14ac:dyDescent="0.25">
      <c r="A1106" s="3">
        <v>41756.897743055553</v>
      </c>
      <c r="B1106" s="2">
        <v>16.399999999999999</v>
      </c>
      <c r="C1106" s="2">
        <v>137.80000000000001</v>
      </c>
      <c r="D1106" s="2">
        <v>0</v>
      </c>
      <c r="E1106" s="2">
        <v>57.600000000000279</v>
      </c>
    </row>
    <row r="1107" spans="1:5" x14ac:dyDescent="0.25">
      <c r="A1107" s="3">
        <v>41756.897974537038</v>
      </c>
      <c r="B1107" s="2">
        <v>16.399999999999999</v>
      </c>
      <c r="C1107" s="2">
        <v>137.80000000000001</v>
      </c>
      <c r="D1107" s="2">
        <v>0.2</v>
      </c>
      <c r="E1107" s="2">
        <v>57.800000000000281</v>
      </c>
    </row>
    <row r="1108" spans="1:5" x14ac:dyDescent="0.25">
      <c r="A1108" s="3">
        <v>41756.899768518517</v>
      </c>
      <c r="B1108" s="2">
        <v>16.399999999999999</v>
      </c>
      <c r="C1108" s="2">
        <v>138</v>
      </c>
      <c r="D1108" s="2">
        <v>0</v>
      </c>
      <c r="E1108" s="2">
        <v>57.800000000000281</v>
      </c>
    </row>
    <row r="1109" spans="1:5" x14ac:dyDescent="0.25">
      <c r="A1109" s="3">
        <v>41756.900405092594</v>
      </c>
      <c r="B1109" s="2">
        <v>16.399999999999999</v>
      </c>
      <c r="C1109" s="2">
        <v>138</v>
      </c>
      <c r="D1109" s="2">
        <v>0.2</v>
      </c>
      <c r="E1109" s="2">
        <v>58.000000000000284</v>
      </c>
    </row>
    <row r="1110" spans="1:5" x14ac:dyDescent="0.25">
      <c r="A1110" s="3">
        <v>41756.90347222222</v>
      </c>
      <c r="B1110" s="2">
        <v>16.3</v>
      </c>
      <c r="C1110" s="2">
        <v>138.19999999999999</v>
      </c>
      <c r="D1110" s="2">
        <v>0</v>
      </c>
      <c r="E1110" s="2">
        <v>58.000000000000284</v>
      </c>
    </row>
    <row r="1111" spans="1:5" x14ac:dyDescent="0.25">
      <c r="A1111" s="3">
        <v>41756.903993055559</v>
      </c>
      <c r="B1111" s="2">
        <v>16.3</v>
      </c>
      <c r="C1111" s="2">
        <v>138.19999999999999</v>
      </c>
      <c r="D1111" s="2">
        <v>0.2</v>
      </c>
      <c r="E1111" s="2">
        <v>58.200000000000287</v>
      </c>
    </row>
    <row r="1112" spans="1:5" x14ac:dyDescent="0.25">
      <c r="A1112" s="3">
        <v>41756.907118055555</v>
      </c>
      <c r="B1112" s="2">
        <v>16.3</v>
      </c>
      <c r="C1112" s="2">
        <v>138.4</v>
      </c>
      <c r="D1112" s="2">
        <v>0</v>
      </c>
      <c r="E1112" s="2">
        <v>58.200000000000287</v>
      </c>
    </row>
    <row r="1113" spans="1:5" x14ac:dyDescent="0.25">
      <c r="A1113" s="3">
        <v>41756.907407407409</v>
      </c>
      <c r="B1113" s="2">
        <v>16.3</v>
      </c>
      <c r="C1113" s="2">
        <v>138.4</v>
      </c>
      <c r="D1113" s="2">
        <v>0.2</v>
      </c>
      <c r="E1113" s="2">
        <v>58.40000000000029</v>
      </c>
    </row>
    <row r="1114" spans="1:5" x14ac:dyDescent="0.25">
      <c r="A1114" s="3">
        <v>41756.908796296295</v>
      </c>
      <c r="B1114" s="2">
        <v>16.3</v>
      </c>
      <c r="C1114" s="2">
        <v>138.4</v>
      </c>
      <c r="D1114" s="2">
        <v>0.2</v>
      </c>
      <c r="E1114" s="2">
        <v>58.600000000000293</v>
      </c>
    </row>
    <row r="1115" spans="1:5" x14ac:dyDescent="0.25">
      <c r="A1115" s="3">
        <v>41756.90902777778</v>
      </c>
      <c r="B1115" s="2">
        <v>16.3</v>
      </c>
      <c r="C1115" s="2">
        <v>138.6</v>
      </c>
      <c r="D1115" s="2">
        <v>0</v>
      </c>
      <c r="E1115" s="2">
        <v>58.600000000000293</v>
      </c>
    </row>
    <row r="1116" spans="1:5" x14ac:dyDescent="0.25">
      <c r="A1116" s="3">
        <v>41756.910127314812</v>
      </c>
      <c r="B1116" s="2">
        <v>16.3</v>
      </c>
      <c r="C1116" s="2">
        <v>138.6</v>
      </c>
      <c r="D1116" s="2">
        <v>0.2</v>
      </c>
      <c r="E1116" s="2">
        <v>58.800000000000296</v>
      </c>
    </row>
    <row r="1117" spans="1:5" x14ac:dyDescent="0.25">
      <c r="A1117" s="3">
        <v>41756.910300925927</v>
      </c>
      <c r="B1117" s="2">
        <v>16.3</v>
      </c>
      <c r="C1117" s="2">
        <v>138.80000000000001</v>
      </c>
      <c r="D1117" s="2">
        <v>0</v>
      </c>
      <c r="E1117" s="2">
        <v>58.800000000000296</v>
      </c>
    </row>
    <row r="1118" spans="1:5" x14ac:dyDescent="0.25">
      <c r="A1118" s="3">
        <v>41756.911689814813</v>
      </c>
      <c r="B1118" s="2">
        <v>16.2</v>
      </c>
      <c r="C1118" s="2">
        <v>138.80000000000001</v>
      </c>
      <c r="D1118" s="2">
        <v>0.2</v>
      </c>
      <c r="E1118" s="2">
        <v>59.000000000000298</v>
      </c>
    </row>
    <row r="1119" spans="1:5" x14ac:dyDescent="0.25">
      <c r="A1119" s="3">
        <v>41756.91238425926</v>
      </c>
      <c r="B1119" s="2">
        <v>16.2</v>
      </c>
      <c r="C1119" s="2">
        <v>139</v>
      </c>
      <c r="D1119" s="2">
        <v>0</v>
      </c>
      <c r="E1119" s="2">
        <v>59.000000000000298</v>
      </c>
    </row>
    <row r="1120" spans="1:5" x14ac:dyDescent="0.25">
      <c r="A1120" s="3">
        <v>41756.915856481479</v>
      </c>
      <c r="B1120" s="2">
        <v>16.100000000000001</v>
      </c>
      <c r="C1120" s="2">
        <v>139.19999999999999</v>
      </c>
      <c r="D1120" s="2">
        <v>0</v>
      </c>
      <c r="E1120" s="2">
        <v>59.000000000000298</v>
      </c>
    </row>
    <row r="1121" spans="1:5" x14ac:dyDescent="0.25">
      <c r="A1121" s="3">
        <v>41756.915972222225</v>
      </c>
      <c r="B1121" s="2">
        <v>16.100000000000001</v>
      </c>
      <c r="C1121" s="2">
        <v>139.19999999999999</v>
      </c>
      <c r="D1121" s="2">
        <v>0.2</v>
      </c>
      <c r="E1121" s="2">
        <v>59.200000000000301</v>
      </c>
    </row>
    <row r="1122" spans="1:5" x14ac:dyDescent="0.25">
      <c r="A1122" s="3">
        <v>41756.921238425923</v>
      </c>
      <c r="B1122" s="2">
        <v>16.100000000000001</v>
      </c>
      <c r="C1122" s="2">
        <v>139.19999999999999</v>
      </c>
      <c r="D1122" s="2">
        <v>0.2</v>
      </c>
      <c r="E1122" s="2">
        <v>59.400000000000304</v>
      </c>
    </row>
    <row r="1123" spans="1:5" x14ac:dyDescent="0.25">
      <c r="A1123" s="3">
        <v>41756.921527777777</v>
      </c>
      <c r="B1123" s="2">
        <v>16.100000000000001</v>
      </c>
      <c r="C1123" s="2">
        <v>139.4</v>
      </c>
      <c r="D1123" s="2">
        <v>0</v>
      </c>
      <c r="E1123" s="2">
        <v>59.400000000000304</v>
      </c>
    </row>
    <row r="1124" spans="1:5" x14ac:dyDescent="0.25">
      <c r="A1124" s="3">
        <v>41756.927025462966</v>
      </c>
      <c r="B1124" s="2">
        <v>16</v>
      </c>
      <c r="C1124" s="2">
        <v>139.4</v>
      </c>
      <c r="D1124" s="2">
        <v>0.2</v>
      </c>
      <c r="E1124" s="2">
        <v>59.600000000000307</v>
      </c>
    </row>
    <row r="1125" spans="1:5" x14ac:dyDescent="0.25">
      <c r="A1125" s="3">
        <v>41756.927314814813</v>
      </c>
      <c r="B1125" s="2">
        <v>16</v>
      </c>
      <c r="C1125" s="2">
        <v>139.6</v>
      </c>
      <c r="D1125" s="2">
        <v>0</v>
      </c>
      <c r="E1125" s="2">
        <v>59.600000000000307</v>
      </c>
    </row>
    <row r="1126" spans="1:5" x14ac:dyDescent="0.25">
      <c r="A1126" s="3">
        <v>41756.929282407407</v>
      </c>
      <c r="B1126" s="2">
        <v>16</v>
      </c>
      <c r="C1126" s="2">
        <v>139.6</v>
      </c>
      <c r="D1126" s="2">
        <v>0.2</v>
      </c>
      <c r="E1126" s="2">
        <v>59.80000000000031</v>
      </c>
    </row>
    <row r="1127" spans="1:5" x14ac:dyDescent="0.25">
      <c r="A1127" s="3">
        <v>41756.929976851854</v>
      </c>
      <c r="B1127" s="2">
        <v>16</v>
      </c>
      <c r="C1127" s="2">
        <v>139.80000000000001</v>
      </c>
      <c r="D1127" s="2">
        <v>0</v>
      </c>
      <c r="E1127" s="2">
        <v>59.80000000000031</v>
      </c>
    </row>
    <row r="1128" spans="1:5" x14ac:dyDescent="0.25">
      <c r="A1128" s="3">
        <v>41756.931597222225</v>
      </c>
      <c r="B1128" s="2">
        <v>16</v>
      </c>
      <c r="C1128" s="2">
        <v>139.80000000000001</v>
      </c>
      <c r="D1128" s="2">
        <v>0.2</v>
      </c>
      <c r="E1128" s="2">
        <v>60.000000000000313</v>
      </c>
    </row>
    <row r="1129" spans="1:5" x14ac:dyDescent="0.25">
      <c r="A1129" s="3">
        <v>41756.932118055556</v>
      </c>
      <c r="B1129" s="2">
        <v>16</v>
      </c>
      <c r="C1129" s="2">
        <v>140</v>
      </c>
      <c r="D1129" s="2">
        <v>0</v>
      </c>
      <c r="E1129" s="2">
        <v>60.000000000000313</v>
      </c>
    </row>
    <row r="1130" spans="1:5" x14ac:dyDescent="0.25">
      <c r="A1130" s="3">
        <v>41756.93304398148</v>
      </c>
      <c r="B1130" s="2">
        <v>16</v>
      </c>
      <c r="C1130" s="2">
        <v>140</v>
      </c>
      <c r="D1130" s="2">
        <v>0.2</v>
      </c>
      <c r="E1130" s="2">
        <v>60.200000000000315</v>
      </c>
    </row>
    <row r="1131" spans="1:5" x14ac:dyDescent="0.25">
      <c r="A1131" s="3">
        <v>41756.933506944442</v>
      </c>
      <c r="B1131" s="2">
        <v>16</v>
      </c>
      <c r="C1131" s="2">
        <v>140.19999999999999</v>
      </c>
      <c r="D1131" s="2">
        <v>0</v>
      </c>
      <c r="E1131" s="2">
        <v>60.200000000000315</v>
      </c>
    </row>
    <row r="1132" spans="1:5" x14ac:dyDescent="0.25">
      <c r="A1132" s="3">
        <v>41756.934606481482</v>
      </c>
      <c r="B1132" s="2">
        <v>15.9</v>
      </c>
      <c r="C1132" s="2">
        <v>140.19999999999999</v>
      </c>
      <c r="D1132" s="2">
        <v>0.2</v>
      </c>
      <c r="E1132" s="2">
        <v>60.400000000000318</v>
      </c>
    </row>
    <row r="1133" spans="1:5" x14ac:dyDescent="0.25">
      <c r="A1133" s="3">
        <v>41756.935185185182</v>
      </c>
      <c r="B1133" s="2">
        <v>15.9</v>
      </c>
      <c r="C1133" s="2">
        <v>140.4</v>
      </c>
      <c r="D1133" s="2">
        <v>0</v>
      </c>
      <c r="E1133" s="2">
        <v>60.400000000000318</v>
      </c>
    </row>
    <row r="1134" spans="1:5" x14ac:dyDescent="0.25">
      <c r="A1134" s="3">
        <v>41756.936053240737</v>
      </c>
      <c r="B1134" s="2">
        <v>15.9</v>
      </c>
      <c r="C1134" s="2">
        <v>140.4</v>
      </c>
      <c r="D1134" s="2">
        <v>0.2</v>
      </c>
      <c r="E1134" s="2">
        <v>60.600000000000321</v>
      </c>
    </row>
    <row r="1135" spans="1:5" x14ac:dyDescent="0.25">
      <c r="A1135" s="3">
        <v>41756.937268518515</v>
      </c>
      <c r="B1135" s="2">
        <v>15.9</v>
      </c>
      <c r="C1135" s="2">
        <v>140.6</v>
      </c>
      <c r="D1135" s="2">
        <v>0</v>
      </c>
      <c r="E1135" s="2">
        <v>60.600000000000321</v>
      </c>
    </row>
    <row r="1136" spans="1:5" x14ac:dyDescent="0.25">
      <c r="A1136" s="3">
        <v>41756.938136574077</v>
      </c>
      <c r="B1136" s="2">
        <v>15.9</v>
      </c>
      <c r="C1136" s="2">
        <v>140.6</v>
      </c>
      <c r="D1136" s="2">
        <v>0.2</v>
      </c>
      <c r="E1136" s="2">
        <v>60.800000000000324</v>
      </c>
    </row>
    <row r="1137" spans="1:5" x14ac:dyDescent="0.25">
      <c r="A1137" s="3">
        <v>41756.93917824074</v>
      </c>
      <c r="B1137" s="2">
        <v>15.9</v>
      </c>
      <c r="C1137" s="2">
        <v>140.80000000000001</v>
      </c>
      <c r="D1137" s="2">
        <v>0</v>
      </c>
      <c r="E1137" s="2">
        <v>60.800000000000324</v>
      </c>
    </row>
    <row r="1138" spans="1:5" x14ac:dyDescent="0.25">
      <c r="A1138" s="3">
        <v>41756.939293981479</v>
      </c>
      <c r="B1138" s="2">
        <v>15.9</v>
      </c>
      <c r="C1138" s="2">
        <v>140.80000000000001</v>
      </c>
      <c r="D1138" s="2">
        <v>0.2</v>
      </c>
      <c r="E1138" s="2">
        <v>61.000000000000327</v>
      </c>
    </row>
    <row r="1139" spans="1:5" x14ac:dyDescent="0.25">
      <c r="A1139" s="3">
        <v>41756.94021990741</v>
      </c>
      <c r="B1139" s="2">
        <v>15.9</v>
      </c>
      <c r="C1139" s="2">
        <v>141</v>
      </c>
      <c r="D1139" s="2">
        <v>0</v>
      </c>
      <c r="E1139" s="2">
        <v>61.000000000000327</v>
      </c>
    </row>
    <row r="1140" spans="1:5" x14ac:dyDescent="0.25">
      <c r="A1140" s="3">
        <v>41756.940509259257</v>
      </c>
      <c r="B1140" s="2">
        <v>15.9</v>
      </c>
      <c r="C1140" s="2">
        <v>141</v>
      </c>
      <c r="D1140" s="2">
        <v>0.2</v>
      </c>
      <c r="E1140" s="2">
        <v>61.20000000000033</v>
      </c>
    </row>
    <row r="1141" spans="1:5" x14ac:dyDescent="0.25">
      <c r="A1141" s="3">
        <v>41756.941261574073</v>
      </c>
      <c r="B1141" s="2">
        <v>15.9</v>
      </c>
      <c r="C1141" s="2">
        <v>141.19999999999999</v>
      </c>
      <c r="D1141" s="2">
        <v>0</v>
      </c>
      <c r="E1141" s="2">
        <v>61.20000000000033</v>
      </c>
    </row>
    <row r="1142" spans="1:5" x14ac:dyDescent="0.25">
      <c r="A1142" s="3">
        <v>41756.941724537035</v>
      </c>
      <c r="B1142" s="2">
        <v>15.9</v>
      </c>
      <c r="C1142" s="2">
        <v>141.19999999999999</v>
      </c>
      <c r="D1142" s="2">
        <v>0.2</v>
      </c>
      <c r="E1142" s="2">
        <v>61.400000000000333</v>
      </c>
    </row>
    <row r="1143" spans="1:5" x14ac:dyDescent="0.25">
      <c r="A1143" s="3">
        <v>41756.942476851851</v>
      </c>
      <c r="B1143" s="2">
        <v>15.9</v>
      </c>
      <c r="C1143" s="2">
        <v>141.4</v>
      </c>
      <c r="D1143" s="2">
        <v>0</v>
      </c>
      <c r="E1143" s="2">
        <v>61.400000000000333</v>
      </c>
    </row>
    <row r="1144" spans="1:5" x14ac:dyDescent="0.25">
      <c r="A1144" s="3">
        <v>41756.943171296298</v>
      </c>
      <c r="B1144" s="2">
        <v>15.9</v>
      </c>
      <c r="C1144" s="2">
        <v>141.4</v>
      </c>
      <c r="D1144" s="2">
        <v>0.2</v>
      </c>
      <c r="E1144" s="2">
        <v>61.600000000000335</v>
      </c>
    </row>
    <row r="1145" spans="1:5" x14ac:dyDescent="0.25">
      <c r="A1145" s="3">
        <v>41756.944097222222</v>
      </c>
      <c r="B1145" s="2">
        <v>15.8</v>
      </c>
      <c r="C1145" s="2">
        <v>141.6</v>
      </c>
      <c r="D1145" s="2">
        <v>0</v>
      </c>
      <c r="E1145" s="2">
        <v>61.600000000000335</v>
      </c>
    </row>
    <row r="1146" spans="1:5" x14ac:dyDescent="0.25">
      <c r="A1146" s="3">
        <v>41756.944386574076</v>
      </c>
      <c r="B1146" s="2">
        <v>15.8</v>
      </c>
      <c r="C1146" s="2">
        <v>141.6</v>
      </c>
      <c r="D1146" s="2">
        <v>0.2</v>
      </c>
      <c r="E1146" s="2">
        <v>61.800000000000338</v>
      </c>
    </row>
    <row r="1147" spans="1:5" x14ac:dyDescent="0.25">
      <c r="A1147" s="3">
        <v>41756.9453125</v>
      </c>
      <c r="B1147" s="2">
        <v>15.8</v>
      </c>
      <c r="C1147" s="2">
        <v>141.80000000000001</v>
      </c>
      <c r="D1147" s="2">
        <v>0</v>
      </c>
      <c r="E1147" s="2">
        <v>61.800000000000338</v>
      </c>
    </row>
    <row r="1148" spans="1:5" x14ac:dyDescent="0.25">
      <c r="A1148" s="3">
        <v>41756.945949074077</v>
      </c>
      <c r="B1148" s="2">
        <v>15.8</v>
      </c>
      <c r="C1148" s="2">
        <v>141.80000000000001</v>
      </c>
      <c r="D1148" s="2">
        <v>0.2</v>
      </c>
      <c r="E1148" s="2">
        <v>62.000000000000341</v>
      </c>
    </row>
    <row r="1149" spans="1:5" x14ac:dyDescent="0.25">
      <c r="A1149" s="3">
        <v>41756.946759259263</v>
      </c>
      <c r="B1149" s="2">
        <v>15.8</v>
      </c>
      <c r="C1149" s="2">
        <v>142</v>
      </c>
      <c r="D1149" s="2">
        <v>0</v>
      </c>
      <c r="E1149" s="2">
        <v>62.000000000000341</v>
      </c>
    </row>
    <row r="1150" spans="1:5" x14ac:dyDescent="0.25">
      <c r="A1150" s="3">
        <v>41756.946875000001</v>
      </c>
      <c r="B1150" s="2">
        <v>15.8</v>
      </c>
      <c r="C1150" s="2">
        <v>142</v>
      </c>
      <c r="D1150" s="2">
        <v>0.2</v>
      </c>
      <c r="E1150" s="2">
        <v>62.200000000000344</v>
      </c>
    </row>
    <row r="1151" spans="1:5" x14ac:dyDescent="0.25">
      <c r="A1151" s="3">
        <v>41756.947858796295</v>
      </c>
      <c r="B1151" s="2">
        <v>15.8</v>
      </c>
      <c r="C1151" s="2">
        <v>142.19999999999999</v>
      </c>
      <c r="D1151" s="2">
        <v>0</v>
      </c>
      <c r="E1151" s="2">
        <v>62.200000000000344</v>
      </c>
    </row>
    <row r="1152" spans="1:5" x14ac:dyDescent="0.25">
      <c r="A1152" s="3">
        <v>41756.94809027778</v>
      </c>
      <c r="B1152" s="2">
        <v>15.8</v>
      </c>
      <c r="C1152" s="2">
        <v>142.19999999999999</v>
      </c>
      <c r="D1152" s="2">
        <v>0.2</v>
      </c>
      <c r="E1152" s="2">
        <v>62.400000000000347</v>
      </c>
    </row>
    <row r="1153" spans="1:5" x14ac:dyDescent="0.25">
      <c r="A1153" s="3">
        <v>41756.949189814812</v>
      </c>
      <c r="B1153" s="2">
        <v>15.8</v>
      </c>
      <c r="C1153" s="2">
        <v>142.4</v>
      </c>
      <c r="D1153" s="2">
        <v>0</v>
      </c>
      <c r="E1153" s="2">
        <v>62.400000000000347</v>
      </c>
    </row>
    <row r="1154" spans="1:5" x14ac:dyDescent="0.25">
      <c r="A1154" s="3">
        <v>41756.949305555558</v>
      </c>
      <c r="B1154" s="2">
        <v>15.8</v>
      </c>
      <c r="C1154" s="2">
        <v>142.4</v>
      </c>
      <c r="D1154" s="2">
        <v>0.2</v>
      </c>
      <c r="E1154" s="2">
        <v>62.60000000000035</v>
      </c>
    </row>
    <row r="1155" spans="1:5" x14ac:dyDescent="0.25">
      <c r="A1155" s="3">
        <v>41756.950868055559</v>
      </c>
      <c r="B1155" s="2">
        <v>15.8</v>
      </c>
      <c r="C1155" s="2">
        <v>142.6</v>
      </c>
      <c r="D1155" s="2">
        <v>0</v>
      </c>
      <c r="E1155" s="2">
        <v>62.60000000000035</v>
      </c>
    </row>
    <row r="1156" spans="1:5" x14ac:dyDescent="0.25">
      <c r="A1156" s="3">
        <v>41756.951967592591</v>
      </c>
      <c r="B1156" s="2">
        <v>15.8</v>
      </c>
      <c r="C1156" s="2">
        <v>142.6</v>
      </c>
      <c r="D1156" s="2">
        <v>0.2</v>
      </c>
      <c r="E1156" s="2">
        <v>62.800000000000352</v>
      </c>
    </row>
    <row r="1157" spans="1:5" x14ac:dyDescent="0.25">
      <c r="A1157" s="3">
        <v>41756.968402777777</v>
      </c>
      <c r="B1157" s="2">
        <v>15.6</v>
      </c>
      <c r="C1157" s="2">
        <v>142.6</v>
      </c>
      <c r="D1157" s="2">
        <v>0.2</v>
      </c>
      <c r="E1157" s="2">
        <v>63.000000000000355</v>
      </c>
    </row>
    <row r="1158" spans="1:5" x14ac:dyDescent="0.25">
      <c r="A1158" s="3">
        <v>41756.968460648146</v>
      </c>
      <c r="B1158" s="2">
        <v>15.6</v>
      </c>
      <c r="C1158" s="2">
        <v>142.80000000000001</v>
      </c>
      <c r="D1158" s="2">
        <v>0</v>
      </c>
      <c r="E1158" s="2">
        <v>63.000000000000355</v>
      </c>
    </row>
    <row r="1159" spans="1:5" x14ac:dyDescent="0.25">
      <c r="A1159" s="3">
        <v>41756.983680555553</v>
      </c>
      <c r="B1159" s="2">
        <v>15.5</v>
      </c>
      <c r="C1159" s="2">
        <v>143</v>
      </c>
      <c r="D1159" s="2">
        <v>0</v>
      </c>
      <c r="E1159" s="2">
        <v>63.000000000000355</v>
      </c>
    </row>
    <row r="1160" spans="1:5" x14ac:dyDescent="0.25">
      <c r="A1160" s="3">
        <v>41756.983969907407</v>
      </c>
      <c r="B1160" s="2">
        <v>15.5</v>
      </c>
      <c r="C1160" s="2">
        <v>143</v>
      </c>
      <c r="D1160" s="2">
        <v>0.2</v>
      </c>
      <c r="E1160" s="2">
        <v>63.200000000000358</v>
      </c>
    </row>
    <row r="1161" spans="1:5" x14ac:dyDescent="0.25">
      <c r="A1161" s="3">
        <v>41757.121817129628</v>
      </c>
      <c r="B1161" s="2">
        <v>14.7</v>
      </c>
      <c r="C1161" s="2">
        <v>143</v>
      </c>
      <c r="D1161" s="2">
        <v>0.2</v>
      </c>
      <c r="E1161" s="2">
        <v>63.400000000000361</v>
      </c>
    </row>
    <row r="1162" spans="1:5" x14ac:dyDescent="0.25">
      <c r="A1162" s="3">
        <v>41757.192476851851</v>
      </c>
      <c r="B1162" s="2">
        <v>14.4</v>
      </c>
      <c r="C1162" s="2">
        <v>143.19999999999999</v>
      </c>
      <c r="D1162" s="2">
        <v>0</v>
      </c>
      <c r="E1162" s="2">
        <v>63.400000000000361</v>
      </c>
    </row>
    <row r="1163" spans="1:5" x14ac:dyDescent="0.25">
      <c r="A1163" s="3">
        <v>41757.211516203701</v>
      </c>
      <c r="B1163" s="2">
        <v>14.3</v>
      </c>
      <c r="C1163" s="2">
        <v>143.19999999999999</v>
      </c>
      <c r="D1163" s="2">
        <v>0.2</v>
      </c>
      <c r="E1163" s="2">
        <v>63.600000000000364</v>
      </c>
    </row>
    <row r="1164" spans="1:5" x14ac:dyDescent="0.25">
      <c r="A1164" s="3">
        <v>41757.302141203705</v>
      </c>
      <c r="B1164" s="2">
        <v>14</v>
      </c>
      <c r="C1164" s="2">
        <v>143.4</v>
      </c>
      <c r="D1164" s="2">
        <v>0</v>
      </c>
      <c r="E1164" s="2">
        <v>63.600000000000364</v>
      </c>
    </row>
    <row r="1165" spans="1:5" x14ac:dyDescent="0.25">
      <c r="A1165" s="3">
        <v>41757.307696759257</v>
      </c>
      <c r="B1165" s="2">
        <v>14</v>
      </c>
      <c r="C1165" s="2">
        <v>143.4</v>
      </c>
      <c r="D1165" s="2">
        <v>0.2</v>
      </c>
      <c r="E1165" s="2">
        <v>63.800000000000367</v>
      </c>
    </row>
    <row r="1166" spans="1:5" x14ac:dyDescent="0.25">
      <c r="A1166" s="3">
        <v>41757.322743055556</v>
      </c>
      <c r="B1166" s="2">
        <v>14</v>
      </c>
      <c r="C1166" s="2">
        <v>143.6</v>
      </c>
      <c r="D1166" s="2">
        <v>0</v>
      </c>
      <c r="E1166" s="2">
        <v>63.800000000000367</v>
      </c>
    </row>
    <row r="1167" spans="1:5" x14ac:dyDescent="0.25">
      <c r="A1167" s="3">
        <v>41757.323321759257</v>
      </c>
      <c r="B1167" s="2">
        <v>14</v>
      </c>
      <c r="C1167" s="2">
        <v>143.6</v>
      </c>
      <c r="D1167" s="2">
        <v>0.2</v>
      </c>
      <c r="E1167" s="2">
        <v>64.000000000000369</v>
      </c>
    </row>
    <row r="1168" spans="1:5" x14ac:dyDescent="0.25">
      <c r="A1168" s="3">
        <v>41757.324594907404</v>
      </c>
      <c r="B1168" s="2">
        <v>14</v>
      </c>
      <c r="C1168" s="2">
        <v>143.80000000000001</v>
      </c>
      <c r="D1168" s="2">
        <v>0</v>
      </c>
      <c r="E1168" s="2">
        <v>64.000000000000369</v>
      </c>
    </row>
    <row r="1169" spans="1:5" x14ac:dyDescent="0.25">
      <c r="A1169" s="3">
        <v>41757.324826388889</v>
      </c>
      <c r="B1169" s="2">
        <v>14</v>
      </c>
      <c r="C1169" s="2">
        <v>143.80000000000001</v>
      </c>
      <c r="D1169" s="2">
        <v>0.2</v>
      </c>
      <c r="E1169" s="2">
        <v>64.200000000000372</v>
      </c>
    </row>
    <row r="1170" spans="1:5" x14ac:dyDescent="0.25">
      <c r="A1170" s="3">
        <v>41757.326620370368</v>
      </c>
      <c r="B1170" s="2">
        <v>14</v>
      </c>
      <c r="C1170" s="2">
        <v>144</v>
      </c>
      <c r="D1170" s="2">
        <v>0</v>
      </c>
      <c r="E1170" s="2">
        <v>64.200000000000372</v>
      </c>
    </row>
    <row r="1171" spans="1:5" x14ac:dyDescent="0.25">
      <c r="A1171" s="3">
        <v>41757.326851851853</v>
      </c>
      <c r="B1171" s="2">
        <v>14</v>
      </c>
      <c r="C1171" s="2">
        <v>144</v>
      </c>
      <c r="D1171" s="2">
        <v>0.2</v>
      </c>
      <c r="E1171" s="2">
        <v>64.400000000000375</v>
      </c>
    </row>
    <row r="1172" spans="1:5" x14ac:dyDescent="0.25">
      <c r="A1172" s="3">
        <v>41757.328935185185</v>
      </c>
      <c r="B1172" s="2">
        <v>14</v>
      </c>
      <c r="C1172" s="2">
        <v>144.19999999999999</v>
      </c>
      <c r="D1172" s="2">
        <v>0</v>
      </c>
      <c r="E1172" s="2">
        <v>64.400000000000375</v>
      </c>
    </row>
    <row r="1173" spans="1:5" x14ac:dyDescent="0.25">
      <c r="A1173" s="3">
        <v>41757.329108796293</v>
      </c>
      <c r="B1173" s="2">
        <v>14</v>
      </c>
      <c r="C1173" s="2">
        <v>144.19999999999999</v>
      </c>
      <c r="D1173" s="2">
        <v>0.2</v>
      </c>
      <c r="E1173" s="2">
        <v>64.600000000000378</v>
      </c>
    </row>
    <row r="1174" spans="1:5" x14ac:dyDescent="0.25">
      <c r="A1174" s="3">
        <v>41757.343113425923</v>
      </c>
      <c r="B1174" s="2">
        <v>14</v>
      </c>
      <c r="C1174" s="2">
        <v>144.4</v>
      </c>
      <c r="D1174" s="2">
        <v>0</v>
      </c>
      <c r="E1174" s="2">
        <v>64.600000000000378</v>
      </c>
    </row>
    <row r="1175" spans="1:5" x14ac:dyDescent="0.25">
      <c r="A1175" s="3">
        <v>41757.407118055555</v>
      </c>
      <c r="B1175" s="2">
        <v>14</v>
      </c>
      <c r="C1175" s="2">
        <v>144.4</v>
      </c>
      <c r="D1175" s="2">
        <v>0.2</v>
      </c>
      <c r="E1175" s="2">
        <v>64.800000000000381</v>
      </c>
    </row>
    <row r="1176" spans="1:5" x14ac:dyDescent="0.25">
      <c r="A1176" s="3">
        <v>41757.411979166667</v>
      </c>
      <c r="B1176" s="2">
        <v>14.1</v>
      </c>
      <c r="C1176" s="2">
        <v>144.6</v>
      </c>
      <c r="D1176" s="2">
        <v>0</v>
      </c>
      <c r="E1176" s="2">
        <v>64.800000000000381</v>
      </c>
    </row>
    <row r="1177" spans="1:5" x14ac:dyDescent="0.25">
      <c r="A1177" s="3">
        <v>41757.412094907406</v>
      </c>
      <c r="B1177" s="2">
        <v>14.1</v>
      </c>
      <c r="C1177" s="2">
        <v>144.6</v>
      </c>
      <c r="D1177" s="2">
        <v>0.2</v>
      </c>
      <c r="E1177" s="2">
        <v>65.000000000000384</v>
      </c>
    </row>
    <row r="1178" spans="1:5" x14ac:dyDescent="0.25">
      <c r="A1178" s="3">
        <v>41757.416203703702</v>
      </c>
      <c r="B1178" s="2">
        <v>14.1</v>
      </c>
      <c r="C1178" s="2">
        <v>144.80000000000001</v>
      </c>
      <c r="D1178" s="2">
        <v>0</v>
      </c>
      <c r="E1178" s="2">
        <v>65.000000000000384</v>
      </c>
    </row>
    <row r="1179" spans="1:5" x14ac:dyDescent="0.25">
      <c r="A1179" s="3">
        <v>41757.41684027778</v>
      </c>
      <c r="B1179" s="2">
        <v>14.1</v>
      </c>
      <c r="C1179" s="2">
        <v>144.80000000000001</v>
      </c>
      <c r="D1179" s="2">
        <v>0.2</v>
      </c>
      <c r="E1179" s="2">
        <v>65.200000000000387</v>
      </c>
    </row>
    <row r="1180" spans="1:5" x14ac:dyDescent="0.25">
      <c r="A1180" s="3">
        <v>41757.42459490741</v>
      </c>
      <c r="B1180" s="2">
        <v>14.2</v>
      </c>
      <c r="C1180" s="2">
        <v>145</v>
      </c>
      <c r="D1180" s="2">
        <v>0</v>
      </c>
      <c r="E1180" s="2">
        <v>65.200000000000387</v>
      </c>
    </row>
    <row r="1181" spans="1:5" x14ac:dyDescent="0.25">
      <c r="A1181" s="3">
        <v>41757.425578703704</v>
      </c>
      <c r="B1181" s="2">
        <v>14.2</v>
      </c>
      <c r="C1181" s="2">
        <v>145</v>
      </c>
      <c r="D1181" s="2">
        <v>0.2</v>
      </c>
      <c r="E1181" s="2">
        <v>65.400000000000389</v>
      </c>
    </row>
    <row r="1182" spans="1:5" x14ac:dyDescent="0.25">
      <c r="A1182" s="3">
        <v>41757.44091435185</v>
      </c>
      <c r="B1182" s="2">
        <v>14.3</v>
      </c>
      <c r="C1182" s="2">
        <v>145.19999999999999</v>
      </c>
      <c r="D1182" s="2">
        <v>0</v>
      </c>
      <c r="E1182" s="2">
        <v>65.400000000000389</v>
      </c>
    </row>
    <row r="1183" spans="1:5" x14ac:dyDescent="0.25">
      <c r="A1183" s="3">
        <v>41757.44427083333</v>
      </c>
      <c r="B1183" s="2">
        <v>14.3</v>
      </c>
      <c r="C1183" s="2">
        <v>145.19999999999999</v>
      </c>
      <c r="D1183" s="2">
        <v>0.2</v>
      </c>
      <c r="E1183" s="2">
        <v>65.600000000000392</v>
      </c>
    </row>
    <row r="1184" spans="1:5" x14ac:dyDescent="0.25">
      <c r="A1184" s="3">
        <v>41757.444444444445</v>
      </c>
      <c r="B1184" s="2">
        <v>14.3</v>
      </c>
      <c r="C1184" s="2">
        <v>145.4</v>
      </c>
      <c r="D1184" s="2">
        <v>0</v>
      </c>
      <c r="E1184" s="2">
        <v>65.600000000000392</v>
      </c>
    </row>
    <row r="1185" spans="1:5" x14ac:dyDescent="0.25">
      <c r="A1185" s="3">
        <v>41757.444618055553</v>
      </c>
      <c r="B1185" s="2">
        <v>14.3</v>
      </c>
      <c r="C1185" s="2">
        <v>145.19999999999999</v>
      </c>
      <c r="D1185" s="2">
        <v>0</v>
      </c>
      <c r="E1185" s="2">
        <v>65.600000000000392</v>
      </c>
    </row>
    <row r="1186" spans="1:5" x14ac:dyDescent="0.25">
      <c r="A1186" s="3">
        <v>41757.459953703707</v>
      </c>
      <c r="B1186" s="2">
        <v>14.5</v>
      </c>
      <c r="C1186" s="2">
        <v>145.4</v>
      </c>
      <c r="D1186" s="2">
        <v>0</v>
      </c>
      <c r="E1186" s="2">
        <v>65.600000000000392</v>
      </c>
    </row>
    <row r="1187" spans="1:5" x14ac:dyDescent="0.25">
      <c r="A1187" s="3">
        <v>41757.460532407407</v>
      </c>
      <c r="B1187" s="2">
        <v>14.5</v>
      </c>
      <c r="C1187" s="2">
        <v>145.19999999999999</v>
      </c>
      <c r="D1187" s="2">
        <v>0</v>
      </c>
      <c r="E1187" s="2">
        <v>65.600000000000392</v>
      </c>
    </row>
    <row r="1188" spans="1:5" x14ac:dyDescent="0.25">
      <c r="A1188" s="3">
        <v>41757.467766203707</v>
      </c>
      <c r="B1188" s="2">
        <v>14.6</v>
      </c>
      <c r="C1188" s="2">
        <v>145.4</v>
      </c>
      <c r="D1188" s="2">
        <v>0</v>
      </c>
      <c r="E1188" s="2">
        <v>65.600000000000392</v>
      </c>
    </row>
    <row r="1189" spans="1:5" x14ac:dyDescent="0.25">
      <c r="A1189" s="3">
        <v>41757.467881944445</v>
      </c>
      <c r="B1189" s="2">
        <v>14.6</v>
      </c>
      <c r="C1189" s="2">
        <v>145.19999999999999</v>
      </c>
      <c r="D1189" s="2">
        <v>0</v>
      </c>
      <c r="E1189" s="2">
        <v>65.600000000000392</v>
      </c>
    </row>
    <row r="1190" spans="1:5" x14ac:dyDescent="0.25">
      <c r="A1190" s="3">
        <v>41757.467997685184</v>
      </c>
      <c r="B1190" s="2">
        <v>14.6</v>
      </c>
      <c r="C1190" s="2">
        <v>145.4</v>
      </c>
      <c r="D1190" s="2">
        <v>0</v>
      </c>
      <c r="E1190" s="2">
        <v>65.600000000000392</v>
      </c>
    </row>
    <row r="1191" spans="1:5" x14ac:dyDescent="0.25">
      <c r="A1191" s="3">
        <v>41757.468113425923</v>
      </c>
      <c r="B1191" s="2">
        <v>14.6</v>
      </c>
      <c r="C1191" s="2">
        <v>145.19999999999999</v>
      </c>
      <c r="D1191" s="2">
        <v>0</v>
      </c>
      <c r="E1191" s="2">
        <v>65.600000000000392</v>
      </c>
    </row>
    <row r="1192" spans="1:5" x14ac:dyDescent="0.25">
      <c r="A1192" s="3">
        <v>41757.468344907407</v>
      </c>
      <c r="B1192" s="2">
        <v>14.6</v>
      </c>
      <c r="C1192" s="2">
        <v>145.4</v>
      </c>
      <c r="D1192" s="2">
        <v>0</v>
      </c>
      <c r="E1192" s="2">
        <v>65.600000000000392</v>
      </c>
    </row>
    <row r="1193" spans="1:5" x14ac:dyDescent="0.25">
      <c r="A1193" s="3">
        <v>41757.468692129631</v>
      </c>
      <c r="B1193" s="2">
        <v>14.6</v>
      </c>
      <c r="C1193" s="2">
        <v>145.19999999999999</v>
      </c>
      <c r="D1193" s="2">
        <v>0</v>
      </c>
      <c r="E1193" s="2">
        <v>65.600000000000392</v>
      </c>
    </row>
    <row r="1194" spans="1:5" x14ac:dyDescent="0.25">
      <c r="A1194" s="3">
        <v>41757.472337962965</v>
      </c>
      <c r="B1194" s="2">
        <v>14.7</v>
      </c>
      <c r="C1194" s="2">
        <v>145.4</v>
      </c>
      <c r="D1194" s="2">
        <v>0</v>
      </c>
      <c r="E1194" s="2">
        <v>65.600000000000392</v>
      </c>
    </row>
    <row r="1195" spans="1:5" x14ac:dyDescent="0.25">
      <c r="A1195" s="3">
        <v>41757.472569444442</v>
      </c>
      <c r="B1195" s="2">
        <v>14.7</v>
      </c>
      <c r="C1195" s="2">
        <v>145.19999999999999</v>
      </c>
      <c r="D1195" s="2">
        <v>0</v>
      </c>
      <c r="E1195" s="2">
        <v>65.600000000000392</v>
      </c>
    </row>
    <row r="1196" spans="1:5" x14ac:dyDescent="0.25">
      <c r="A1196" s="3">
        <v>41757.472743055558</v>
      </c>
      <c r="B1196" s="2">
        <v>14.7</v>
      </c>
      <c r="C1196" s="2">
        <v>145.4</v>
      </c>
      <c r="D1196" s="2">
        <v>0</v>
      </c>
      <c r="E1196" s="2">
        <v>65.600000000000392</v>
      </c>
    </row>
    <row r="1197" spans="1:5" x14ac:dyDescent="0.25">
      <c r="A1197" s="3">
        <v>41757.472800925927</v>
      </c>
      <c r="B1197" s="2">
        <v>14.7</v>
      </c>
      <c r="C1197" s="2">
        <v>145.19999999999999</v>
      </c>
      <c r="D1197" s="2">
        <v>0</v>
      </c>
      <c r="E1197" s="2">
        <v>65.600000000000392</v>
      </c>
    </row>
    <row r="1198" spans="1:5" x14ac:dyDescent="0.25">
      <c r="A1198" s="3">
        <v>41757.47320601852</v>
      </c>
      <c r="B1198" s="2">
        <v>14.7</v>
      </c>
      <c r="C1198" s="2">
        <v>145.4</v>
      </c>
      <c r="D1198" s="2">
        <v>0</v>
      </c>
      <c r="E1198" s="2">
        <v>65.600000000000392</v>
      </c>
    </row>
    <row r="1199" spans="1:5" x14ac:dyDescent="0.25">
      <c r="A1199" s="3">
        <v>41757.473553240743</v>
      </c>
      <c r="B1199" s="2">
        <v>14.7</v>
      </c>
      <c r="C1199" s="2">
        <v>145.19999999999999</v>
      </c>
      <c r="D1199" s="2">
        <v>0</v>
      </c>
      <c r="E1199" s="2">
        <v>65.600000000000392</v>
      </c>
    </row>
    <row r="1200" spans="1:5" x14ac:dyDescent="0.25">
      <c r="A1200" s="3">
        <v>41757.481712962966</v>
      </c>
      <c r="B1200" s="2">
        <v>14.7</v>
      </c>
      <c r="C1200" s="2">
        <v>145.4</v>
      </c>
      <c r="D1200" s="2">
        <v>0</v>
      </c>
      <c r="E1200" s="2">
        <v>65.600000000000392</v>
      </c>
    </row>
    <row r="1201" spans="1:5" x14ac:dyDescent="0.25">
      <c r="A1201" s="3">
        <v>41757.481886574074</v>
      </c>
      <c r="B1201" s="2">
        <v>14.8</v>
      </c>
      <c r="C1201" s="2">
        <v>145.19999999999999</v>
      </c>
      <c r="D1201" s="2">
        <v>0</v>
      </c>
      <c r="E1201" s="2">
        <v>65.600000000000392</v>
      </c>
    </row>
    <row r="1202" spans="1:5" x14ac:dyDescent="0.25">
      <c r="A1202" s="3">
        <v>41757.482465277775</v>
      </c>
      <c r="B1202" s="2">
        <v>14.7</v>
      </c>
      <c r="C1202" s="2">
        <v>145.4</v>
      </c>
      <c r="D1202" s="2">
        <v>0</v>
      </c>
      <c r="E1202" s="2">
        <v>65.600000000000392</v>
      </c>
    </row>
    <row r="1203" spans="1:5" x14ac:dyDescent="0.25">
      <c r="A1203" s="3">
        <v>41757.482581018521</v>
      </c>
      <c r="B1203" s="2">
        <v>14.7</v>
      </c>
      <c r="C1203" s="2">
        <v>145.19999999999999</v>
      </c>
      <c r="D1203" s="2">
        <v>0</v>
      </c>
      <c r="E1203" s="2">
        <v>65.600000000000392</v>
      </c>
    </row>
    <row r="1204" spans="1:5" x14ac:dyDescent="0.25">
      <c r="A1204" s="3">
        <v>41757.483391203707</v>
      </c>
      <c r="B1204" s="2">
        <v>14.7</v>
      </c>
      <c r="C1204" s="2">
        <v>145.4</v>
      </c>
      <c r="D1204" s="2">
        <v>0</v>
      </c>
      <c r="E1204" s="2">
        <v>65.600000000000392</v>
      </c>
    </row>
    <row r="1205" spans="1:5" x14ac:dyDescent="0.25">
      <c r="A1205" s="3">
        <v>41757.483506944445</v>
      </c>
      <c r="B1205" s="2">
        <v>14.7</v>
      </c>
      <c r="C1205" s="2">
        <v>145.19999999999999</v>
      </c>
      <c r="D1205" s="2">
        <v>0</v>
      </c>
      <c r="E1205" s="2">
        <v>65.600000000000392</v>
      </c>
    </row>
    <row r="1206" spans="1:5" x14ac:dyDescent="0.25">
      <c r="A1206" s="3">
        <v>41757.483796296299</v>
      </c>
      <c r="B1206" s="2">
        <v>14.8</v>
      </c>
      <c r="C1206" s="2">
        <v>145.4</v>
      </c>
      <c r="D1206" s="2">
        <v>0</v>
      </c>
      <c r="E1206" s="2">
        <v>65.600000000000392</v>
      </c>
    </row>
    <row r="1207" spans="1:5" x14ac:dyDescent="0.25">
      <c r="A1207" s="3">
        <v>41757.484664351854</v>
      </c>
      <c r="B1207" s="2">
        <v>14.8</v>
      </c>
      <c r="C1207" s="2">
        <v>145.19999999999999</v>
      </c>
      <c r="D1207" s="2">
        <v>0</v>
      </c>
      <c r="E1207" s="2">
        <v>65.600000000000392</v>
      </c>
    </row>
    <row r="1208" spans="1:5" x14ac:dyDescent="0.25">
      <c r="A1208" s="3">
        <v>41757.484953703701</v>
      </c>
      <c r="B1208" s="2">
        <v>14.8</v>
      </c>
      <c r="C1208" s="2">
        <v>145.4</v>
      </c>
      <c r="D1208" s="2">
        <v>0</v>
      </c>
      <c r="E1208" s="2">
        <v>65.600000000000392</v>
      </c>
    </row>
    <row r="1209" spans="1:5" x14ac:dyDescent="0.25">
      <c r="A1209" s="3">
        <v>41757.485358796293</v>
      </c>
      <c r="B1209" s="2">
        <v>14.8</v>
      </c>
      <c r="C1209" s="2">
        <v>145.19999999999999</v>
      </c>
      <c r="D1209" s="2">
        <v>0</v>
      </c>
      <c r="E1209" s="2">
        <v>65.600000000000392</v>
      </c>
    </row>
    <row r="1210" spans="1:5" x14ac:dyDescent="0.25">
      <c r="A1210" s="3">
        <v>41757.48541666667</v>
      </c>
      <c r="B1210" s="2">
        <v>14.8</v>
      </c>
      <c r="C1210" s="2">
        <v>145.4</v>
      </c>
      <c r="D1210" s="2">
        <v>0</v>
      </c>
      <c r="E1210" s="2">
        <v>65.600000000000392</v>
      </c>
    </row>
    <row r="1211" spans="1:5" x14ac:dyDescent="0.25">
      <c r="A1211" s="3">
        <v>41757.485937500001</v>
      </c>
      <c r="B1211" s="2">
        <v>14.8</v>
      </c>
      <c r="C1211" s="2">
        <v>145.19999999999999</v>
      </c>
      <c r="D1211" s="2">
        <v>0</v>
      </c>
      <c r="E1211" s="2">
        <v>65.600000000000392</v>
      </c>
    </row>
    <row r="1212" spans="1:5" x14ac:dyDescent="0.25">
      <c r="A1212" s="3">
        <v>41757.48605324074</v>
      </c>
      <c r="B1212" s="2">
        <v>14.8</v>
      </c>
      <c r="C1212" s="2">
        <v>145.4</v>
      </c>
      <c r="D1212" s="2">
        <v>0</v>
      </c>
      <c r="E1212" s="2">
        <v>65.600000000000392</v>
      </c>
    </row>
    <row r="1213" spans="1:5" x14ac:dyDescent="0.25">
      <c r="A1213" s="3">
        <v>41757.486226851855</v>
      </c>
      <c r="B1213" s="2">
        <v>14.8</v>
      </c>
      <c r="C1213" s="2">
        <v>145.19999999999999</v>
      </c>
      <c r="D1213" s="2">
        <v>0</v>
      </c>
      <c r="E1213" s="2">
        <v>65.600000000000392</v>
      </c>
    </row>
    <row r="1214" spans="1:5" x14ac:dyDescent="0.25">
      <c r="A1214" s="3">
        <v>41757.486747685187</v>
      </c>
      <c r="B1214" s="2">
        <v>14.8</v>
      </c>
      <c r="C1214" s="2">
        <v>145.4</v>
      </c>
      <c r="D1214" s="2">
        <v>0</v>
      </c>
      <c r="E1214" s="2">
        <v>65.600000000000392</v>
      </c>
    </row>
    <row r="1215" spans="1:5" x14ac:dyDescent="0.25">
      <c r="A1215" s="3">
        <v>41757.48709490741</v>
      </c>
      <c r="B1215" s="2">
        <v>14.8</v>
      </c>
      <c r="C1215" s="2">
        <v>145.19999999999999</v>
      </c>
      <c r="D1215" s="2">
        <v>0</v>
      </c>
      <c r="E1215" s="2">
        <v>65.600000000000392</v>
      </c>
    </row>
    <row r="1216" spans="1:5" x14ac:dyDescent="0.25">
      <c r="A1216" s="3">
        <v>41757.487500000003</v>
      </c>
      <c r="B1216" s="2">
        <v>14.8</v>
      </c>
      <c r="C1216" s="2">
        <v>145.4</v>
      </c>
      <c r="D1216" s="2">
        <v>0</v>
      </c>
      <c r="E1216" s="2">
        <v>65.600000000000392</v>
      </c>
    </row>
    <row r="1217" spans="1:5" x14ac:dyDescent="0.25">
      <c r="A1217" s="3">
        <v>41757.487962962965</v>
      </c>
      <c r="B1217" s="2">
        <v>14.8</v>
      </c>
      <c r="C1217" s="2">
        <v>145.19999999999999</v>
      </c>
      <c r="D1217" s="2">
        <v>0</v>
      </c>
      <c r="E1217" s="2">
        <v>65.600000000000392</v>
      </c>
    </row>
    <row r="1218" spans="1:5" x14ac:dyDescent="0.25">
      <c r="A1218" s="3">
        <v>41757.488194444442</v>
      </c>
      <c r="B1218" s="2">
        <v>14.8</v>
      </c>
      <c r="C1218" s="2">
        <v>145.4</v>
      </c>
      <c r="D1218" s="2">
        <v>0</v>
      </c>
      <c r="E1218" s="2">
        <v>65.600000000000392</v>
      </c>
    </row>
    <row r="1219" spans="1:5" x14ac:dyDescent="0.25">
      <c r="A1219" s="3">
        <v>41757.488310185188</v>
      </c>
      <c r="B1219" s="2">
        <v>14.8</v>
      </c>
      <c r="C1219" s="2">
        <v>145.19999999999999</v>
      </c>
      <c r="D1219" s="2">
        <v>0</v>
      </c>
      <c r="E1219" s="2">
        <v>65.600000000000392</v>
      </c>
    </row>
    <row r="1220" spans="1:5" x14ac:dyDescent="0.25">
      <c r="A1220" s="3">
        <v>41757.488541666666</v>
      </c>
      <c r="B1220" s="2">
        <v>14.8</v>
      </c>
      <c r="C1220" s="2">
        <v>145.4</v>
      </c>
      <c r="D1220" s="2">
        <v>0</v>
      </c>
      <c r="E1220" s="2">
        <v>65.600000000000392</v>
      </c>
    </row>
    <row r="1221" spans="1:5" x14ac:dyDescent="0.25">
      <c r="A1221" s="3">
        <v>41757.490219907406</v>
      </c>
      <c r="B1221" s="2">
        <v>14.8</v>
      </c>
      <c r="C1221" s="2">
        <v>145.19999999999999</v>
      </c>
      <c r="D1221" s="2">
        <v>0</v>
      </c>
      <c r="E1221" s="2">
        <v>65.600000000000392</v>
      </c>
    </row>
    <row r="1222" spans="1:5" x14ac:dyDescent="0.25">
      <c r="A1222" s="3">
        <v>41757.491030092591</v>
      </c>
      <c r="B1222" s="2">
        <v>14.8</v>
      </c>
      <c r="C1222" s="2">
        <v>145.4</v>
      </c>
      <c r="D1222" s="2">
        <v>0</v>
      </c>
      <c r="E1222" s="2">
        <v>65.600000000000392</v>
      </c>
    </row>
    <row r="1223" spans="1:5" x14ac:dyDescent="0.25">
      <c r="A1223" s="3">
        <v>41757.491435185184</v>
      </c>
      <c r="B1223" s="2">
        <v>14.8</v>
      </c>
      <c r="C1223" s="2">
        <v>145.19999999999999</v>
      </c>
      <c r="D1223" s="2">
        <v>0</v>
      </c>
      <c r="E1223" s="2">
        <v>65.600000000000392</v>
      </c>
    </row>
    <row r="1224" spans="1:5" x14ac:dyDescent="0.25">
      <c r="A1224" s="3">
        <v>41757.506192129629</v>
      </c>
      <c r="B1224" s="2">
        <v>15</v>
      </c>
      <c r="C1224" s="2">
        <v>145.4</v>
      </c>
      <c r="D1224" s="2">
        <v>0</v>
      </c>
      <c r="E1224" s="2">
        <v>65.600000000000392</v>
      </c>
    </row>
    <row r="1225" spans="1:5" x14ac:dyDescent="0.25">
      <c r="A1225" s="3">
        <v>41757.506307870368</v>
      </c>
      <c r="B1225" s="2">
        <v>15.1</v>
      </c>
      <c r="C1225" s="2">
        <v>145.19999999999999</v>
      </c>
      <c r="D1225" s="2">
        <v>0</v>
      </c>
      <c r="E1225" s="2">
        <v>65.600000000000392</v>
      </c>
    </row>
    <row r="1226" spans="1:5" x14ac:dyDescent="0.25">
      <c r="A1226" s="3">
        <v>41757.507581018515</v>
      </c>
      <c r="B1226" s="2">
        <v>15.1</v>
      </c>
      <c r="C1226" s="2">
        <v>145.4</v>
      </c>
      <c r="D1226" s="2">
        <v>0</v>
      </c>
      <c r="E1226" s="2">
        <v>65.600000000000392</v>
      </c>
    </row>
    <row r="1227" spans="1:5" x14ac:dyDescent="0.25">
      <c r="A1227" s="3">
        <v>41757.507638888892</v>
      </c>
      <c r="B1227" s="2">
        <v>15.1</v>
      </c>
      <c r="C1227" s="2">
        <v>145.19999999999999</v>
      </c>
      <c r="D1227" s="2">
        <v>0</v>
      </c>
      <c r="E1227" s="2">
        <v>65.600000000000392</v>
      </c>
    </row>
    <row r="1228" spans="1:5" x14ac:dyDescent="0.25">
      <c r="A1228" s="3">
        <v>41757.507754629631</v>
      </c>
      <c r="B1228" s="2">
        <v>15.1</v>
      </c>
      <c r="C1228" s="2">
        <v>145.4</v>
      </c>
      <c r="D1228" s="2">
        <v>0</v>
      </c>
      <c r="E1228" s="2">
        <v>65.600000000000392</v>
      </c>
    </row>
    <row r="1229" spans="1:5" x14ac:dyDescent="0.25">
      <c r="A1229" s="3">
        <v>41757.507870370369</v>
      </c>
      <c r="B1229" s="2">
        <v>15.1</v>
      </c>
      <c r="C1229" s="2">
        <v>145.19999999999999</v>
      </c>
      <c r="D1229" s="2">
        <v>0</v>
      </c>
      <c r="E1229" s="2">
        <v>65.600000000000392</v>
      </c>
    </row>
    <row r="1230" spans="1:5" x14ac:dyDescent="0.25">
      <c r="A1230" s="3">
        <v>41757.597337962965</v>
      </c>
      <c r="B1230" s="2">
        <v>17.5</v>
      </c>
      <c r="C1230" s="2">
        <v>145.4</v>
      </c>
      <c r="D1230" s="2">
        <v>0</v>
      </c>
      <c r="E1230" s="2">
        <v>65.600000000000392</v>
      </c>
    </row>
    <row r="1231" spans="1:5" x14ac:dyDescent="0.25">
      <c r="A1231" s="3">
        <v>41757.597395833334</v>
      </c>
      <c r="B1231" s="2">
        <v>17.5</v>
      </c>
      <c r="C1231" s="2">
        <v>145.19999999999999</v>
      </c>
      <c r="D1231" s="2">
        <v>0</v>
      </c>
      <c r="E1231" s="2">
        <v>65.600000000000392</v>
      </c>
    </row>
    <row r="1232" spans="1:5" x14ac:dyDescent="0.25">
      <c r="A1232" s="3">
        <v>41757.749942129631</v>
      </c>
      <c r="B1232" s="2">
        <v>18.600000000000001</v>
      </c>
      <c r="C1232" s="2">
        <v>145</v>
      </c>
      <c r="D1232" s="2">
        <v>0</v>
      </c>
      <c r="E1232" s="2">
        <v>65.600000000000392</v>
      </c>
    </row>
    <row r="1233" spans="1:5" x14ac:dyDescent="0.25">
      <c r="A1233" s="3">
        <v>41757.891493055555</v>
      </c>
      <c r="B1233" s="2">
        <v>17.399999999999999</v>
      </c>
      <c r="C1233" s="2">
        <v>145</v>
      </c>
      <c r="D1233" s="2">
        <v>0.2</v>
      </c>
      <c r="E1233" s="2">
        <v>65.800000000000395</v>
      </c>
    </row>
    <row r="1234" spans="1:5" x14ac:dyDescent="0.25">
      <c r="A1234" s="3">
        <v>41757.982870370368</v>
      </c>
      <c r="B1234" s="2">
        <v>16.7</v>
      </c>
      <c r="C1234" s="2">
        <v>145</v>
      </c>
      <c r="D1234" s="2">
        <v>0.2</v>
      </c>
      <c r="E1234" s="2">
        <v>66.000000000000398</v>
      </c>
    </row>
    <row r="1235" spans="1:5" x14ac:dyDescent="0.25">
      <c r="A1235" s="3">
        <v>41757.983217592591</v>
      </c>
      <c r="B1235" s="2">
        <v>16.7</v>
      </c>
      <c r="C1235" s="2">
        <v>145.19999999999999</v>
      </c>
      <c r="D1235" s="2">
        <v>0</v>
      </c>
      <c r="E1235" s="2">
        <v>66.000000000000398</v>
      </c>
    </row>
    <row r="1236" spans="1:5" x14ac:dyDescent="0.25">
      <c r="A1236" s="3">
        <v>41757.984953703701</v>
      </c>
      <c r="B1236" s="2">
        <v>16.7</v>
      </c>
      <c r="C1236" s="2">
        <v>145.19999999999999</v>
      </c>
      <c r="D1236" s="2">
        <v>0.2</v>
      </c>
      <c r="E1236" s="2">
        <v>66.200000000000401</v>
      </c>
    </row>
    <row r="1237" spans="1:5" x14ac:dyDescent="0.25">
      <c r="A1237" s="3">
        <v>41757.985358796293</v>
      </c>
      <c r="B1237" s="2">
        <v>16.7</v>
      </c>
      <c r="C1237" s="2">
        <v>145.4</v>
      </c>
      <c r="D1237" s="2">
        <v>0</v>
      </c>
      <c r="E1237" s="2">
        <v>66.200000000000401</v>
      </c>
    </row>
    <row r="1238" spans="1:5" x14ac:dyDescent="0.25">
      <c r="A1238" s="3">
        <v>41757.985648148147</v>
      </c>
      <c r="B1238" s="2">
        <v>16.7</v>
      </c>
      <c r="C1238" s="2">
        <v>145.4</v>
      </c>
      <c r="D1238" s="2">
        <v>0.2</v>
      </c>
      <c r="E1238" s="2">
        <v>66.400000000000404</v>
      </c>
    </row>
    <row r="1239" spans="1:5" x14ac:dyDescent="0.25">
      <c r="A1239" s="3">
        <v>41757.98773148148</v>
      </c>
      <c r="B1239" s="2">
        <v>16.600000000000001</v>
      </c>
      <c r="C1239" s="2">
        <v>145.4</v>
      </c>
      <c r="D1239" s="2">
        <v>0.2</v>
      </c>
      <c r="E1239" s="2">
        <v>66.600000000000406</v>
      </c>
    </row>
    <row r="1240" spans="1:5" x14ac:dyDescent="0.25">
      <c r="A1240" s="3">
        <v>41757.987847222219</v>
      </c>
      <c r="B1240" s="2">
        <v>16.600000000000001</v>
      </c>
      <c r="C1240" s="2">
        <v>145.6</v>
      </c>
      <c r="D1240" s="2">
        <v>0</v>
      </c>
      <c r="E1240" s="2">
        <v>66.600000000000406</v>
      </c>
    </row>
    <row r="1241" spans="1:5" x14ac:dyDescent="0.25">
      <c r="A1241" s="3">
        <v>41757.989583333336</v>
      </c>
      <c r="B1241" s="2">
        <v>16.600000000000001</v>
      </c>
      <c r="C1241" s="2">
        <v>145.80000000000001</v>
      </c>
      <c r="D1241" s="2">
        <v>0</v>
      </c>
      <c r="E1241" s="2">
        <v>66.600000000000406</v>
      </c>
    </row>
    <row r="1242" spans="1:5" x14ac:dyDescent="0.25">
      <c r="A1242" s="3">
        <v>41757.989699074074</v>
      </c>
      <c r="B1242" s="2">
        <v>16.600000000000001</v>
      </c>
      <c r="C1242" s="2">
        <v>145.80000000000001</v>
      </c>
      <c r="D1242" s="2">
        <v>0.2</v>
      </c>
      <c r="E1242" s="2">
        <v>66.800000000000409</v>
      </c>
    </row>
    <row r="1243" spans="1:5" x14ac:dyDescent="0.25">
      <c r="A1243" s="3">
        <v>41757.994328703702</v>
      </c>
      <c r="B1243" s="2">
        <v>16.600000000000001</v>
      </c>
      <c r="C1243" s="2">
        <v>146</v>
      </c>
      <c r="D1243" s="2">
        <v>0.2</v>
      </c>
      <c r="E1243" s="2">
        <v>67.000000000000412</v>
      </c>
    </row>
    <row r="1244" spans="1:5" x14ac:dyDescent="0.25">
      <c r="A1244" s="3">
        <v>41758.007233796299</v>
      </c>
      <c r="B1244" s="2">
        <v>16.399999999999999</v>
      </c>
      <c r="C1244" s="2">
        <v>146</v>
      </c>
      <c r="D1244" s="2">
        <v>0.2</v>
      </c>
      <c r="E1244" s="2">
        <v>67.200000000000415</v>
      </c>
    </row>
    <row r="1245" spans="1:5" x14ac:dyDescent="0.25">
      <c r="A1245" s="3">
        <v>41758.007465277777</v>
      </c>
      <c r="B1245" s="2">
        <v>16.399999999999999</v>
      </c>
      <c r="C1245" s="2">
        <v>146.19999999999999</v>
      </c>
      <c r="D1245" s="2">
        <v>0</v>
      </c>
      <c r="E1245" s="2">
        <v>67.200000000000415</v>
      </c>
    </row>
    <row r="1246" spans="1:5" x14ac:dyDescent="0.25">
      <c r="A1246" s="3">
        <v>41758.008449074077</v>
      </c>
      <c r="B1246" s="2">
        <v>16.399999999999999</v>
      </c>
      <c r="C1246" s="2">
        <v>146.19999999999999</v>
      </c>
      <c r="D1246" s="2">
        <v>0.2</v>
      </c>
      <c r="E1246" s="2">
        <v>67.400000000000418</v>
      </c>
    </row>
    <row r="1247" spans="1:5" x14ac:dyDescent="0.25">
      <c r="A1247" s="3">
        <v>41758.008738425924</v>
      </c>
      <c r="B1247" s="2">
        <v>16.399999999999999</v>
      </c>
      <c r="C1247" s="2">
        <v>146.4</v>
      </c>
      <c r="D1247" s="2">
        <v>0</v>
      </c>
      <c r="E1247" s="2">
        <v>67.400000000000418</v>
      </c>
    </row>
    <row r="1248" spans="1:5" x14ac:dyDescent="0.25">
      <c r="A1248" s="3">
        <v>41758.009780092594</v>
      </c>
      <c r="B1248" s="2">
        <v>16.399999999999999</v>
      </c>
      <c r="C1248" s="2">
        <v>146.4</v>
      </c>
      <c r="D1248" s="2">
        <v>0.2</v>
      </c>
      <c r="E1248" s="2">
        <v>67.600000000000421</v>
      </c>
    </row>
    <row r="1249" spans="1:5" x14ac:dyDescent="0.25">
      <c r="A1249" s="3">
        <v>41758.010011574072</v>
      </c>
      <c r="B1249" s="2">
        <v>16.399999999999999</v>
      </c>
      <c r="C1249" s="2">
        <v>146.6</v>
      </c>
      <c r="D1249" s="2">
        <v>0</v>
      </c>
      <c r="E1249" s="2">
        <v>67.600000000000421</v>
      </c>
    </row>
    <row r="1250" spans="1:5" x14ac:dyDescent="0.25">
      <c r="A1250" s="3">
        <v>41758.011516203704</v>
      </c>
      <c r="B1250" s="2">
        <v>16.399999999999999</v>
      </c>
      <c r="C1250" s="2">
        <v>146.6</v>
      </c>
      <c r="D1250" s="2">
        <v>0.2</v>
      </c>
      <c r="E1250" s="2">
        <v>67.800000000000423</v>
      </c>
    </row>
    <row r="1251" spans="1:5" x14ac:dyDescent="0.25">
      <c r="A1251" s="3">
        <v>41758.011863425927</v>
      </c>
      <c r="B1251" s="2">
        <v>16.399999999999999</v>
      </c>
      <c r="C1251" s="2">
        <v>146.80000000000001</v>
      </c>
      <c r="D1251" s="2">
        <v>0</v>
      </c>
      <c r="E1251" s="2">
        <v>67.800000000000423</v>
      </c>
    </row>
    <row r="1252" spans="1:5" x14ac:dyDescent="0.25">
      <c r="A1252" s="3">
        <v>41758.01284722222</v>
      </c>
      <c r="B1252" s="2">
        <v>16.399999999999999</v>
      </c>
      <c r="C1252" s="2">
        <v>146.80000000000001</v>
      </c>
      <c r="D1252" s="2">
        <v>0.2</v>
      </c>
      <c r="E1252" s="2">
        <v>68.000000000000426</v>
      </c>
    </row>
    <row r="1253" spans="1:5" x14ac:dyDescent="0.25">
      <c r="A1253" s="3">
        <v>41758.013020833336</v>
      </c>
      <c r="B1253" s="2">
        <v>16.399999999999999</v>
      </c>
      <c r="C1253" s="2">
        <v>147</v>
      </c>
      <c r="D1253" s="2">
        <v>0</v>
      </c>
      <c r="E1253" s="2">
        <v>68.000000000000426</v>
      </c>
    </row>
    <row r="1254" spans="1:5" x14ac:dyDescent="0.25">
      <c r="A1254" s="3">
        <v>41758.015219907407</v>
      </c>
      <c r="B1254" s="2">
        <v>16.3</v>
      </c>
      <c r="C1254" s="2">
        <v>147.19999999999999</v>
      </c>
      <c r="D1254" s="2">
        <v>0</v>
      </c>
      <c r="E1254" s="2">
        <v>68.000000000000426</v>
      </c>
    </row>
    <row r="1255" spans="1:5" x14ac:dyDescent="0.25">
      <c r="A1255" s="3">
        <v>41758.015740740739</v>
      </c>
      <c r="B1255" s="2">
        <v>16.3</v>
      </c>
      <c r="C1255" s="2">
        <v>147.19999999999999</v>
      </c>
      <c r="D1255" s="2">
        <v>0.2</v>
      </c>
      <c r="E1255" s="2">
        <v>68.200000000000429</v>
      </c>
    </row>
    <row r="1256" spans="1:5" x14ac:dyDescent="0.25">
      <c r="A1256" s="3">
        <v>41758.019502314812</v>
      </c>
      <c r="B1256" s="2">
        <v>16.3</v>
      </c>
      <c r="C1256" s="2">
        <v>147.19999999999999</v>
      </c>
      <c r="D1256" s="2">
        <v>0.2</v>
      </c>
      <c r="E1256" s="2">
        <v>68.400000000000432</v>
      </c>
    </row>
    <row r="1257" spans="1:5" x14ac:dyDescent="0.25">
      <c r="A1257" s="3">
        <v>41758.019733796296</v>
      </c>
      <c r="B1257" s="2">
        <v>16.3</v>
      </c>
      <c r="C1257" s="2">
        <v>147.4</v>
      </c>
      <c r="D1257" s="2">
        <v>0</v>
      </c>
      <c r="E1257" s="2">
        <v>68.400000000000432</v>
      </c>
    </row>
    <row r="1258" spans="1:5" x14ac:dyDescent="0.25">
      <c r="A1258" s="3">
        <v>41758.021064814813</v>
      </c>
      <c r="B1258" s="2">
        <v>16.3</v>
      </c>
      <c r="C1258" s="2">
        <v>147.4</v>
      </c>
      <c r="D1258" s="2">
        <v>0.2</v>
      </c>
      <c r="E1258" s="2">
        <v>68.600000000000435</v>
      </c>
    </row>
    <row r="1259" spans="1:5" x14ac:dyDescent="0.25">
      <c r="A1259" s="3">
        <v>41758.021469907406</v>
      </c>
      <c r="B1259" s="2">
        <v>16.3</v>
      </c>
      <c r="C1259" s="2">
        <v>147.6</v>
      </c>
      <c r="D1259" s="2">
        <v>0</v>
      </c>
      <c r="E1259" s="2">
        <v>68.600000000000435</v>
      </c>
    </row>
    <row r="1260" spans="1:5" x14ac:dyDescent="0.25">
      <c r="A1260" s="3">
        <v>41758.022974537038</v>
      </c>
      <c r="B1260" s="2">
        <v>16.2</v>
      </c>
      <c r="C1260" s="2">
        <v>147.6</v>
      </c>
      <c r="D1260" s="2">
        <v>0.2</v>
      </c>
      <c r="E1260" s="2">
        <v>68.800000000000438</v>
      </c>
    </row>
    <row r="1261" spans="1:5" x14ac:dyDescent="0.25">
      <c r="A1261" s="3">
        <v>41758.023206018515</v>
      </c>
      <c r="B1261" s="2">
        <v>16.2</v>
      </c>
      <c r="C1261" s="2">
        <v>147.80000000000001</v>
      </c>
      <c r="D1261" s="2">
        <v>0</v>
      </c>
      <c r="E1261" s="2">
        <v>68.800000000000438</v>
      </c>
    </row>
    <row r="1262" spans="1:5" x14ac:dyDescent="0.25">
      <c r="A1262" s="3">
        <v>41758.024305555555</v>
      </c>
      <c r="B1262" s="2">
        <v>16.2</v>
      </c>
      <c r="C1262" s="2">
        <v>147.80000000000001</v>
      </c>
      <c r="D1262" s="2">
        <v>0.2</v>
      </c>
      <c r="E1262" s="2">
        <v>69.000000000000441</v>
      </c>
    </row>
    <row r="1263" spans="1:5" x14ac:dyDescent="0.25">
      <c r="A1263" s="3">
        <v>41758.024652777778</v>
      </c>
      <c r="B1263" s="2">
        <v>16.2</v>
      </c>
      <c r="C1263" s="2">
        <v>148</v>
      </c>
      <c r="D1263" s="2">
        <v>0</v>
      </c>
      <c r="E1263" s="2">
        <v>69.000000000000441</v>
      </c>
    </row>
    <row r="1264" spans="1:5" x14ac:dyDescent="0.25">
      <c r="A1264" s="3">
        <v>41758.026273148149</v>
      </c>
      <c r="B1264" s="2">
        <v>16.100000000000001</v>
      </c>
      <c r="C1264" s="2">
        <v>148</v>
      </c>
      <c r="D1264" s="2">
        <v>0.2</v>
      </c>
      <c r="E1264" s="2">
        <v>69.200000000000443</v>
      </c>
    </row>
    <row r="1265" spans="1:5" x14ac:dyDescent="0.25">
      <c r="A1265" s="3">
        <v>41758.026504629626</v>
      </c>
      <c r="B1265" s="2">
        <v>16.100000000000001</v>
      </c>
      <c r="C1265" s="2">
        <v>148.19999999999999</v>
      </c>
      <c r="D1265" s="2">
        <v>0</v>
      </c>
      <c r="E1265" s="2">
        <v>69.200000000000443</v>
      </c>
    </row>
    <row r="1266" spans="1:5" x14ac:dyDescent="0.25">
      <c r="A1266" s="3">
        <v>41758.028993055559</v>
      </c>
      <c r="B1266" s="2">
        <v>16.100000000000001</v>
      </c>
      <c r="C1266" s="2">
        <v>148.19999999999999</v>
      </c>
      <c r="D1266" s="2">
        <v>0.2</v>
      </c>
      <c r="E1266" s="2">
        <v>69.400000000000446</v>
      </c>
    </row>
    <row r="1267" spans="1:5" x14ac:dyDescent="0.25">
      <c r="A1267" s="3">
        <v>41758.029108796298</v>
      </c>
      <c r="B1267" s="2">
        <v>16.100000000000001</v>
      </c>
      <c r="C1267" s="2">
        <v>148.4</v>
      </c>
      <c r="D1267" s="2">
        <v>0</v>
      </c>
      <c r="E1267" s="2">
        <v>69.400000000000446</v>
      </c>
    </row>
    <row r="1268" spans="1:5" x14ac:dyDescent="0.25">
      <c r="A1268" s="3">
        <v>41758.03020833333</v>
      </c>
      <c r="B1268" s="2">
        <v>16.100000000000001</v>
      </c>
      <c r="C1268" s="2">
        <v>148.4</v>
      </c>
      <c r="D1268" s="2">
        <v>0.2</v>
      </c>
      <c r="E1268" s="2">
        <v>69.600000000000449</v>
      </c>
    </row>
    <row r="1269" spans="1:5" x14ac:dyDescent="0.25">
      <c r="A1269" s="3">
        <v>41758.030266203707</v>
      </c>
      <c r="B1269" s="2">
        <v>16.100000000000001</v>
      </c>
      <c r="C1269" s="2">
        <v>148.6</v>
      </c>
      <c r="D1269" s="2">
        <v>0</v>
      </c>
      <c r="E1269" s="2">
        <v>69.600000000000449</v>
      </c>
    </row>
    <row r="1270" spans="1:5" x14ac:dyDescent="0.25">
      <c r="A1270" s="3">
        <v>41758.032754629632</v>
      </c>
      <c r="B1270" s="2">
        <v>16.100000000000001</v>
      </c>
      <c r="C1270" s="2">
        <v>148.6</v>
      </c>
      <c r="D1270" s="2">
        <v>0.2</v>
      </c>
      <c r="E1270" s="2">
        <v>69.800000000000452</v>
      </c>
    </row>
    <row r="1271" spans="1:5" x14ac:dyDescent="0.25">
      <c r="A1271" s="3">
        <v>41758.03292824074</v>
      </c>
      <c r="B1271" s="2">
        <v>16.100000000000001</v>
      </c>
      <c r="C1271" s="2">
        <v>148.80000000000001</v>
      </c>
      <c r="D1271" s="2">
        <v>0</v>
      </c>
      <c r="E1271" s="2">
        <v>69.800000000000452</v>
      </c>
    </row>
    <row r="1272" spans="1:5" x14ac:dyDescent="0.25">
      <c r="A1272" s="3">
        <v>41758.037847222222</v>
      </c>
      <c r="B1272" s="2">
        <v>16</v>
      </c>
      <c r="C1272" s="2">
        <v>148.80000000000001</v>
      </c>
      <c r="D1272" s="2">
        <v>0.2</v>
      </c>
      <c r="E1272" s="2">
        <v>70.000000000000455</v>
      </c>
    </row>
    <row r="1273" spans="1:5" x14ac:dyDescent="0.25">
      <c r="A1273" s="3">
        <v>41758.039293981485</v>
      </c>
      <c r="B1273" s="2">
        <v>16</v>
      </c>
      <c r="C1273" s="2">
        <v>149</v>
      </c>
      <c r="D1273" s="2">
        <v>0</v>
      </c>
      <c r="E1273" s="2">
        <v>70.000000000000455</v>
      </c>
    </row>
    <row r="1274" spans="1:5" x14ac:dyDescent="0.25">
      <c r="A1274" s="3">
        <v>41758.043055555558</v>
      </c>
      <c r="B1274" s="2">
        <v>16</v>
      </c>
      <c r="C1274" s="2">
        <v>149</v>
      </c>
      <c r="D1274" s="2">
        <v>0.2</v>
      </c>
      <c r="E1274" s="2">
        <v>70.200000000000458</v>
      </c>
    </row>
    <row r="1275" spans="1:5" x14ac:dyDescent="0.25">
      <c r="A1275" s="3">
        <v>41758.043402777781</v>
      </c>
      <c r="B1275" s="2">
        <v>16</v>
      </c>
      <c r="C1275" s="2">
        <v>149.19999999999999</v>
      </c>
      <c r="D1275" s="2">
        <v>0</v>
      </c>
      <c r="E1275" s="2">
        <v>70.200000000000458</v>
      </c>
    </row>
    <row r="1276" spans="1:5" x14ac:dyDescent="0.25">
      <c r="A1276" s="3">
        <v>41758.046238425923</v>
      </c>
      <c r="B1276" s="2">
        <v>15.9</v>
      </c>
      <c r="C1276" s="2">
        <v>149.19999999999999</v>
      </c>
      <c r="D1276" s="2">
        <v>0.2</v>
      </c>
      <c r="E1276" s="2">
        <v>70.40000000000046</v>
      </c>
    </row>
    <row r="1277" spans="1:5" x14ac:dyDescent="0.25">
      <c r="A1277" s="3">
        <v>41758.047106481485</v>
      </c>
      <c r="B1277" s="2">
        <v>15.9</v>
      </c>
      <c r="C1277" s="2">
        <v>149.4</v>
      </c>
      <c r="D1277" s="2">
        <v>0</v>
      </c>
      <c r="E1277" s="2">
        <v>70.40000000000046</v>
      </c>
    </row>
    <row r="1278" spans="1:5" x14ac:dyDescent="0.25">
      <c r="A1278" s="3">
        <v>41758.057349537034</v>
      </c>
      <c r="B1278" s="2">
        <v>15.8</v>
      </c>
      <c r="C1278" s="2">
        <v>149.4</v>
      </c>
      <c r="D1278" s="2">
        <v>0.2</v>
      </c>
      <c r="E1278" s="2">
        <v>70.600000000000463</v>
      </c>
    </row>
    <row r="1279" spans="1:5" x14ac:dyDescent="0.25">
      <c r="A1279" s="3">
        <v>41758.058391203704</v>
      </c>
      <c r="B1279" s="2">
        <v>15.8</v>
      </c>
      <c r="C1279" s="2">
        <v>149.6</v>
      </c>
      <c r="D1279" s="2">
        <v>0</v>
      </c>
      <c r="E1279" s="2">
        <v>70.600000000000463</v>
      </c>
    </row>
    <row r="1280" spans="1:5" x14ac:dyDescent="0.25">
      <c r="A1280" s="3">
        <v>41758.062094907407</v>
      </c>
      <c r="B1280" s="2">
        <v>15.8</v>
      </c>
      <c r="C1280" s="2">
        <v>149.80000000000001</v>
      </c>
      <c r="D1280" s="2">
        <v>0</v>
      </c>
      <c r="E1280" s="2">
        <v>70.600000000000463</v>
      </c>
    </row>
    <row r="1281" spans="1:5" x14ac:dyDescent="0.25">
      <c r="A1281" s="3">
        <v>41758.062210648146</v>
      </c>
      <c r="B1281" s="2">
        <v>15.8</v>
      </c>
      <c r="C1281" s="2">
        <v>149.80000000000001</v>
      </c>
      <c r="D1281" s="2">
        <v>0.2</v>
      </c>
      <c r="E1281" s="2">
        <v>70.800000000000466</v>
      </c>
    </row>
    <row r="1282" spans="1:5" x14ac:dyDescent="0.25">
      <c r="A1282" s="3">
        <v>41758.086921296293</v>
      </c>
      <c r="B1282" s="2">
        <v>15.6</v>
      </c>
      <c r="C1282" s="2">
        <v>149.80000000000001</v>
      </c>
      <c r="D1282" s="2">
        <v>0.2</v>
      </c>
      <c r="E1282" s="2">
        <v>71.000000000000469</v>
      </c>
    </row>
    <row r="1283" spans="1:5" x14ac:dyDescent="0.25">
      <c r="A1283" s="3">
        <v>41758.08761574074</v>
      </c>
      <c r="B1283" s="2">
        <v>15.6</v>
      </c>
      <c r="C1283" s="2">
        <v>150</v>
      </c>
      <c r="D1283" s="2">
        <v>0</v>
      </c>
      <c r="E1283" s="2">
        <v>71.000000000000469</v>
      </c>
    </row>
    <row r="1284" spans="1:5" x14ac:dyDescent="0.25">
      <c r="A1284" s="3">
        <v>41758.091724537036</v>
      </c>
      <c r="B1284" s="2">
        <v>15.5</v>
      </c>
      <c r="C1284" s="2">
        <v>150</v>
      </c>
      <c r="D1284" s="2">
        <v>0.2</v>
      </c>
      <c r="E1284" s="2">
        <v>71.200000000000472</v>
      </c>
    </row>
    <row r="1285" spans="1:5" x14ac:dyDescent="0.25">
      <c r="A1285" s="3">
        <v>41758.092881944445</v>
      </c>
      <c r="B1285" s="2">
        <v>15.5</v>
      </c>
      <c r="C1285" s="2">
        <v>150.19999999999999</v>
      </c>
      <c r="D1285" s="2">
        <v>0</v>
      </c>
      <c r="E1285" s="2">
        <v>71.200000000000472</v>
      </c>
    </row>
    <row r="1286" spans="1:5" x14ac:dyDescent="0.25">
      <c r="A1286" s="3">
        <v>41758.102372685185</v>
      </c>
      <c r="B1286" s="2">
        <v>15.4</v>
      </c>
      <c r="C1286" s="2">
        <v>150.19999999999999</v>
      </c>
      <c r="D1286" s="2">
        <v>0.2</v>
      </c>
      <c r="E1286" s="2">
        <v>71.400000000000475</v>
      </c>
    </row>
    <row r="1287" spans="1:5" x14ac:dyDescent="0.25">
      <c r="A1287" s="3">
        <v>41758.118171296293</v>
      </c>
      <c r="B1287" s="2">
        <v>15.4</v>
      </c>
      <c r="C1287" s="2">
        <v>150.4</v>
      </c>
      <c r="D1287" s="2">
        <v>0</v>
      </c>
      <c r="E1287" s="2">
        <v>71.400000000000475</v>
      </c>
    </row>
    <row r="1288" spans="1:5" x14ac:dyDescent="0.25">
      <c r="A1288" s="3">
        <v>41758.291261574072</v>
      </c>
      <c r="B1288" s="2">
        <v>14.3</v>
      </c>
      <c r="C1288" s="2">
        <v>150.4</v>
      </c>
      <c r="D1288" s="2">
        <v>0.2</v>
      </c>
      <c r="E1288" s="2">
        <v>71.600000000000477</v>
      </c>
    </row>
    <row r="1289" spans="1:5" x14ac:dyDescent="0.25">
      <c r="A1289" s="3">
        <v>41758.371759259258</v>
      </c>
      <c r="B1289" s="2">
        <v>14.7</v>
      </c>
      <c r="C1289" s="2">
        <v>150.19999999999999</v>
      </c>
      <c r="D1289" s="2">
        <v>0</v>
      </c>
      <c r="E1289" s="2">
        <v>71.600000000000477</v>
      </c>
    </row>
    <row r="1290" spans="1:5" x14ac:dyDescent="0.25">
      <c r="A1290" s="3">
        <v>41758.43240740741</v>
      </c>
      <c r="B1290" s="2">
        <v>16.8</v>
      </c>
      <c r="C1290" s="2">
        <v>150.4</v>
      </c>
      <c r="D1290" s="2">
        <v>0</v>
      </c>
      <c r="E1290" s="2">
        <v>71.600000000000477</v>
      </c>
    </row>
    <row r="1291" spans="1:5" x14ac:dyDescent="0.25">
      <c r="A1291" s="3">
        <v>41758.533391203702</v>
      </c>
      <c r="B1291" s="2">
        <v>20.9</v>
      </c>
      <c r="C1291" s="2">
        <v>150.19999999999999</v>
      </c>
      <c r="D1291" s="2">
        <v>0</v>
      </c>
      <c r="E1291" s="2">
        <v>71.600000000000477</v>
      </c>
    </row>
    <row r="1292" spans="1:5" x14ac:dyDescent="0.25">
      <c r="A1292" s="3">
        <v>41758.534490740742</v>
      </c>
      <c r="B1292" s="2">
        <v>20.8</v>
      </c>
      <c r="C1292" s="2">
        <v>150.4</v>
      </c>
      <c r="D1292" s="2">
        <v>0</v>
      </c>
      <c r="E1292" s="2">
        <v>71.600000000000477</v>
      </c>
    </row>
    <row r="1293" spans="1:5" x14ac:dyDescent="0.25">
      <c r="A1293" s="3">
        <v>41758.548668981479</v>
      </c>
      <c r="B1293" s="2">
        <v>21.4</v>
      </c>
      <c r="C1293" s="2">
        <v>150.19999999999999</v>
      </c>
      <c r="D1293" s="2">
        <v>0</v>
      </c>
      <c r="E1293" s="2">
        <v>71.600000000000477</v>
      </c>
    </row>
    <row r="1294" spans="1:5" x14ac:dyDescent="0.25">
      <c r="A1294" s="3">
        <v>41758.54959490741</v>
      </c>
      <c r="B1294" s="2">
        <v>21.4</v>
      </c>
      <c r="C1294" s="2">
        <v>150.4</v>
      </c>
      <c r="D1294" s="2">
        <v>0</v>
      </c>
      <c r="E1294" s="2">
        <v>71.600000000000477</v>
      </c>
    </row>
    <row r="1295" spans="1:5" x14ac:dyDescent="0.25">
      <c r="A1295" s="3">
        <v>41758.552083333336</v>
      </c>
      <c r="B1295" s="2">
        <v>21.5</v>
      </c>
      <c r="C1295" s="2">
        <v>150.19999999999999</v>
      </c>
      <c r="D1295" s="2">
        <v>0</v>
      </c>
      <c r="E1295" s="2">
        <v>71.600000000000477</v>
      </c>
    </row>
    <row r="1296" spans="1:5" x14ac:dyDescent="0.25">
      <c r="A1296" s="3">
        <v>41758.552199074074</v>
      </c>
      <c r="B1296" s="2">
        <v>21.5</v>
      </c>
      <c r="C1296" s="2">
        <v>150.4</v>
      </c>
      <c r="D1296" s="2">
        <v>0</v>
      </c>
      <c r="E1296" s="2">
        <v>71.600000000000477</v>
      </c>
    </row>
    <row r="1297" spans="1:5" x14ac:dyDescent="0.25">
      <c r="A1297" s="3">
        <v>41758.552604166667</v>
      </c>
      <c r="B1297" s="2">
        <v>21.6</v>
      </c>
      <c r="C1297" s="2">
        <v>150.19999999999999</v>
      </c>
      <c r="D1297" s="2">
        <v>0</v>
      </c>
      <c r="E1297" s="2">
        <v>71.600000000000477</v>
      </c>
    </row>
    <row r="1298" spans="1:5" x14ac:dyDescent="0.25">
      <c r="A1298" s="3">
        <v>41758.555208333331</v>
      </c>
      <c r="B1298" s="2">
        <v>21.7</v>
      </c>
      <c r="C1298" s="2">
        <v>150.4</v>
      </c>
      <c r="D1298" s="2">
        <v>0</v>
      </c>
      <c r="E1298" s="2">
        <v>71.600000000000477</v>
      </c>
    </row>
    <row r="1299" spans="1:5" x14ac:dyDescent="0.25">
      <c r="A1299" s="3">
        <v>41758.555266203701</v>
      </c>
      <c r="B1299" s="2">
        <v>21.7</v>
      </c>
      <c r="C1299" s="2">
        <v>150.19999999999999</v>
      </c>
      <c r="D1299" s="2">
        <v>0</v>
      </c>
      <c r="E1299" s="2">
        <v>71.600000000000477</v>
      </c>
    </row>
    <row r="1300" spans="1:5" x14ac:dyDescent="0.25">
      <c r="A1300" s="3">
        <v>41758.610300925924</v>
      </c>
      <c r="B1300" s="2">
        <v>23.5</v>
      </c>
      <c r="C1300" s="2">
        <v>150</v>
      </c>
      <c r="D1300" s="2">
        <v>0</v>
      </c>
      <c r="E1300" s="2">
        <v>71.600000000000477</v>
      </c>
    </row>
    <row r="1301" spans="1:5" x14ac:dyDescent="0.25">
      <c r="A1301" s="3">
        <v>41758.689988425926</v>
      </c>
      <c r="B1301" s="2">
        <v>23.4</v>
      </c>
      <c r="C1301" s="2">
        <v>149.80000000000001</v>
      </c>
      <c r="D1301" s="2">
        <v>0</v>
      </c>
      <c r="E1301" s="2">
        <v>71.600000000000477</v>
      </c>
    </row>
    <row r="1302" spans="1:5" x14ac:dyDescent="0.25">
      <c r="A1302" s="3">
        <v>41758.724016203705</v>
      </c>
      <c r="B1302" s="2">
        <v>23</v>
      </c>
      <c r="C1302" s="2">
        <v>149.6</v>
      </c>
      <c r="D1302" s="2">
        <v>0</v>
      </c>
      <c r="E1302" s="2">
        <v>71.600000000000477</v>
      </c>
    </row>
    <row r="1303" spans="1:5" x14ac:dyDescent="0.25">
      <c r="A1303" s="3">
        <v>41758.724189814813</v>
      </c>
      <c r="B1303" s="2">
        <v>23</v>
      </c>
      <c r="C1303" s="2">
        <v>149.80000000000001</v>
      </c>
      <c r="D1303" s="2">
        <v>0</v>
      </c>
      <c r="E1303" s="2">
        <v>71.600000000000477</v>
      </c>
    </row>
    <row r="1304" spans="1:5" x14ac:dyDescent="0.25">
      <c r="A1304" s="3">
        <v>41758.731192129628</v>
      </c>
      <c r="B1304" s="2">
        <v>22.8</v>
      </c>
      <c r="C1304" s="2">
        <v>150</v>
      </c>
      <c r="D1304" s="2">
        <v>0</v>
      </c>
      <c r="E1304" s="2">
        <v>71.600000000000477</v>
      </c>
    </row>
    <row r="1305" spans="1:5" x14ac:dyDescent="0.25">
      <c r="A1305" s="3">
        <v>41758.732002314813</v>
      </c>
      <c r="B1305" s="2">
        <v>22.8</v>
      </c>
      <c r="C1305" s="2">
        <v>150.19999999999999</v>
      </c>
      <c r="D1305" s="2">
        <v>0</v>
      </c>
      <c r="E1305" s="2">
        <v>71.600000000000477</v>
      </c>
    </row>
    <row r="1306" spans="1:5" x14ac:dyDescent="0.25">
      <c r="A1306" s="3">
        <v>41758.732523148145</v>
      </c>
      <c r="B1306" s="2">
        <v>22.7</v>
      </c>
      <c r="C1306" s="2">
        <v>150.4</v>
      </c>
      <c r="D1306" s="2">
        <v>0</v>
      </c>
      <c r="E1306" s="2">
        <v>71.600000000000477</v>
      </c>
    </row>
    <row r="1307" spans="1:5" x14ac:dyDescent="0.25">
      <c r="A1307" s="3">
        <v>41758.733217592591</v>
      </c>
      <c r="B1307" s="2">
        <v>22.6</v>
      </c>
      <c r="C1307" s="2">
        <v>150.6</v>
      </c>
      <c r="D1307" s="2">
        <v>0</v>
      </c>
      <c r="E1307" s="2">
        <v>71.600000000000477</v>
      </c>
    </row>
    <row r="1308" spans="1:5" x14ac:dyDescent="0.25">
      <c r="A1308" s="3">
        <v>41758.733449074076</v>
      </c>
      <c r="B1308" s="2">
        <v>22.6</v>
      </c>
      <c r="C1308" s="2">
        <v>150.6</v>
      </c>
      <c r="D1308" s="2">
        <v>0.2</v>
      </c>
      <c r="E1308" s="2">
        <v>71.80000000000048</v>
      </c>
    </row>
    <row r="1309" spans="1:5" x14ac:dyDescent="0.25">
      <c r="A1309" s="3">
        <v>41758.735069444447</v>
      </c>
      <c r="B1309" s="2">
        <v>22.5</v>
      </c>
      <c r="C1309" s="2">
        <v>150.80000000000001</v>
      </c>
      <c r="D1309" s="2">
        <v>0</v>
      </c>
      <c r="E1309" s="2">
        <v>71.80000000000048</v>
      </c>
    </row>
    <row r="1310" spans="1:5" x14ac:dyDescent="0.25">
      <c r="A1310" s="3">
        <v>41758.735358796293</v>
      </c>
      <c r="B1310" s="2">
        <v>22.5</v>
      </c>
      <c r="C1310" s="2">
        <v>150.80000000000001</v>
      </c>
      <c r="D1310" s="2">
        <v>0.2</v>
      </c>
      <c r="E1310" s="2">
        <v>72.000000000000483</v>
      </c>
    </row>
    <row r="1311" spans="1:5" x14ac:dyDescent="0.25">
      <c r="A1311" s="3">
        <v>41758.738078703704</v>
      </c>
      <c r="B1311" s="2">
        <v>22.5</v>
      </c>
      <c r="C1311" s="2">
        <v>151</v>
      </c>
      <c r="D1311" s="2">
        <v>0</v>
      </c>
      <c r="E1311" s="2">
        <v>72.000000000000483</v>
      </c>
    </row>
    <row r="1312" spans="1:5" x14ac:dyDescent="0.25">
      <c r="A1312" s="3">
        <v>41758.738483796296</v>
      </c>
      <c r="B1312" s="2">
        <v>22.5</v>
      </c>
      <c r="C1312" s="2">
        <v>151</v>
      </c>
      <c r="D1312" s="2">
        <v>0.2</v>
      </c>
      <c r="E1312" s="2">
        <v>72.200000000000486</v>
      </c>
    </row>
    <row r="1313" spans="1:5" x14ac:dyDescent="0.25">
      <c r="A1313" s="3">
        <v>41758.750057870369</v>
      </c>
      <c r="B1313" s="2">
        <v>22.2</v>
      </c>
      <c r="C1313" s="2">
        <v>151</v>
      </c>
      <c r="D1313" s="2">
        <v>0.2</v>
      </c>
      <c r="E1313" s="2">
        <v>72.400000000000489</v>
      </c>
    </row>
    <row r="1314" spans="1:5" x14ac:dyDescent="0.25">
      <c r="A1314" s="3">
        <v>41758.751504629632</v>
      </c>
      <c r="B1314" s="2">
        <v>22.1</v>
      </c>
      <c r="C1314" s="2">
        <v>151.19999999999999</v>
      </c>
      <c r="D1314" s="2">
        <v>0</v>
      </c>
      <c r="E1314" s="2">
        <v>72.400000000000489</v>
      </c>
    </row>
    <row r="1315" spans="1:5" x14ac:dyDescent="0.25">
      <c r="A1315" s="3">
        <v>41758.757696759261</v>
      </c>
      <c r="B1315" s="2">
        <v>22</v>
      </c>
      <c r="C1315" s="2">
        <v>151.19999999999999</v>
      </c>
      <c r="D1315" s="2">
        <v>0.2</v>
      </c>
      <c r="E1315" s="2">
        <v>72.600000000000492</v>
      </c>
    </row>
    <row r="1316" spans="1:5" x14ac:dyDescent="0.25">
      <c r="A1316" s="3">
        <v>41758.758680555555</v>
      </c>
      <c r="B1316" s="2">
        <v>21.9</v>
      </c>
      <c r="C1316" s="2">
        <v>151.4</v>
      </c>
      <c r="D1316" s="2">
        <v>0</v>
      </c>
      <c r="E1316" s="2">
        <v>72.600000000000492</v>
      </c>
    </row>
    <row r="1317" spans="1:5" x14ac:dyDescent="0.25">
      <c r="A1317" s="3">
        <v>41758.759201388886</v>
      </c>
      <c r="B1317" s="2">
        <v>21.9</v>
      </c>
      <c r="C1317" s="2">
        <v>151.4</v>
      </c>
      <c r="D1317" s="2">
        <v>0.2</v>
      </c>
      <c r="E1317" s="2">
        <v>72.800000000000495</v>
      </c>
    </row>
    <row r="1318" spans="1:5" x14ac:dyDescent="0.25">
      <c r="A1318" s="3">
        <v>41758.77447916667</v>
      </c>
      <c r="B1318" s="2">
        <v>21.6</v>
      </c>
      <c r="C1318" s="2">
        <v>151.6</v>
      </c>
      <c r="D1318" s="2">
        <v>0</v>
      </c>
      <c r="E1318" s="2">
        <v>72.800000000000495</v>
      </c>
    </row>
    <row r="1319" spans="1:5" x14ac:dyDescent="0.25">
      <c r="A1319" s="3">
        <v>41758.774826388886</v>
      </c>
      <c r="B1319" s="2">
        <v>21.6</v>
      </c>
      <c r="C1319" s="2">
        <v>151.4</v>
      </c>
      <c r="D1319" s="2">
        <v>0</v>
      </c>
      <c r="E1319" s="2">
        <v>72.800000000000495</v>
      </c>
    </row>
    <row r="1320" spans="1:5" x14ac:dyDescent="0.25">
      <c r="A1320" s="3">
        <v>41758.87222222222</v>
      </c>
      <c r="B1320" s="2">
        <v>19.899999999999999</v>
      </c>
      <c r="C1320" s="2">
        <v>151.19999999999999</v>
      </c>
      <c r="D1320" s="2">
        <v>0</v>
      </c>
      <c r="E1320" s="2">
        <v>72.800000000000495</v>
      </c>
    </row>
    <row r="1321" spans="1:5" x14ac:dyDescent="0.25">
      <c r="A1321" s="3">
        <v>41758.965219907404</v>
      </c>
      <c r="B1321" s="2">
        <v>18.5</v>
      </c>
      <c r="C1321" s="2">
        <v>151.19999999999999</v>
      </c>
      <c r="D1321" s="2">
        <v>0.2</v>
      </c>
      <c r="E1321" s="2">
        <v>73.000000000000497</v>
      </c>
    </row>
    <row r="1322" spans="1:5" x14ac:dyDescent="0.25">
      <c r="A1322" s="3">
        <v>41759.143229166664</v>
      </c>
      <c r="B1322" s="2">
        <v>16</v>
      </c>
      <c r="C1322" s="2">
        <v>151</v>
      </c>
      <c r="D1322" s="2">
        <v>0</v>
      </c>
      <c r="E1322" s="2">
        <v>73.000000000000497</v>
      </c>
    </row>
    <row r="1323" spans="1:5" x14ac:dyDescent="0.25">
      <c r="A1323" s="3">
        <v>41759.299074074072</v>
      </c>
      <c r="B1323" s="2">
        <v>14.5</v>
      </c>
      <c r="C1323" s="2">
        <v>150.80000000000001</v>
      </c>
      <c r="D1323" s="2">
        <v>0</v>
      </c>
      <c r="E1323" s="2">
        <v>73.000000000000497</v>
      </c>
    </row>
    <row r="1324" spans="1:5" x14ac:dyDescent="0.25">
      <c r="A1324" s="3">
        <v>41759.377662037034</v>
      </c>
      <c r="B1324" s="2">
        <v>15</v>
      </c>
      <c r="C1324" s="2">
        <v>150.6</v>
      </c>
      <c r="D1324" s="2">
        <v>0</v>
      </c>
      <c r="E1324" s="2">
        <v>73.000000000000497</v>
      </c>
    </row>
    <row r="1325" spans="1:5" x14ac:dyDescent="0.25">
      <c r="A1325" s="3">
        <v>41759.501446759263</v>
      </c>
      <c r="B1325" s="2">
        <v>20.7</v>
      </c>
      <c r="C1325" s="2">
        <v>150.80000000000001</v>
      </c>
      <c r="D1325" s="2">
        <v>0</v>
      </c>
      <c r="E1325" s="2">
        <v>73.000000000000497</v>
      </c>
    </row>
    <row r="1326" spans="1:5" x14ac:dyDescent="0.25">
      <c r="A1326" s="3">
        <v>41759.501562500001</v>
      </c>
      <c r="B1326" s="2">
        <v>20.7</v>
      </c>
      <c r="C1326" s="2">
        <v>150.6</v>
      </c>
      <c r="D1326" s="2">
        <v>0</v>
      </c>
      <c r="E1326" s="2">
        <v>73.000000000000497</v>
      </c>
    </row>
    <row r="1327" spans="1:5" x14ac:dyDescent="0.25">
      <c r="A1327" s="3">
        <v>41759.55746527778</v>
      </c>
      <c r="B1327" s="2">
        <v>23.3</v>
      </c>
      <c r="C1327" s="2">
        <v>150.6</v>
      </c>
      <c r="D1327" s="2">
        <v>0.2</v>
      </c>
      <c r="E1327" s="2">
        <v>73.2000000000005</v>
      </c>
    </row>
    <row r="1328" spans="1:5" x14ac:dyDescent="0.25">
      <c r="A1328" s="3">
        <v>41759.558506944442</v>
      </c>
      <c r="B1328" s="2">
        <v>23.3</v>
      </c>
      <c r="C1328" s="2">
        <v>150.80000000000001</v>
      </c>
      <c r="D1328" s="2">
        <v>0</v>
      </c>
      <c r="E1328" s="2">
        <v>73.2000000000005</v>
      </c>
    </row>
    <row r="1329" spans="1:5" x14ac:dyDescent="0.25">
      <c r="A1329" s="3">
        <v>41759.55978009259</v>
      </c>
      <c r="B1329" s="2">
        <v>23.3</v>
      </c>
      <c r="C1329" s="2">
        <v>150.80000000000001</v>
      </c>
      <c r="D1329" s="2">
        <v>0.2</v>
      </c>
      <c r="E1329" s="2">
        <v>73.400000000000503</v>
      </c>
    </row>
    <row r="1330" spans="1:5" x14ac:dyDescent="0.25">
      <c r="A1330" s="3">
        <v>41759.612847222219</v>
      </c>
      <c r="B1330" s="2">
        <v>23.6</v>
      </c>
      <c r="C1330" s="2">
        <v>150.6</v>
      </c>
      <c r="D1330" s="2">
        <v>0</v>
      </c>
      <c r="E1330" s="2">
        <v>73.400000000000503</v>
      </c>
    </row>
    <row r="1331" spans="1:5" x14ac:dyDescent="0.25">
      <c r="A1331" s="3">
        <v>41759.702719907407</v>
      </c>
      <c r="B1331" s="2">
        <v>22.8</v>
      </c>
      <c r="C1331" s="2">
        <v>150.4</v>
      </c>
      <c r="D1331" s="2">
        <v>0</v>
      </c>
      <c r="E1331" s="2">
        <v>73.400000000000503</v>
      </c>
    </row>
    <row r="1332" spans="1:5" x14ac:dyDescent="0.25">
      <c r="A1332" s="3">
        <v>41759.747453703705</v>
      </c>
      <c r="B1332" s="2">
        <v>22.3</v>
      </c>
      <c r="C1332" s="2">
        <v>150.19999999999999</v>
      </c>
      <c r="D1332" s="2">
        <v>0</v>
      </c>
      <c r="E1332" s="2">
        <v>73.400000000000503</v>
      </c>
    </row>
    <row r="1333" spans="1:5" x14ac:dyDescent="0.25">
      <c r="A1333" s="3">
        <v>41759.754282407404</v>
      </c>
      <c r="B1333" s="2">
        <v>22.3</v>
      </c>
      <c r="C1333" s="2">
        <v>150.4</v>
      </c>
      <c r="D1333" s="2">
        <v>0</v>
      </c>
      <c r="E1333" s="2">
        <v>73.400000000000503</v>
      </c>
    </row>
    <row r="1334" spans="1:5" x14ac:dyDescent="0.25">
      <c r="A1334" s="3">
        <v>41759.754513888889</v>
      </c>
      <c r="B1334" s="2">
        <v>22.3</v>
      </c>
      <c r="C1334" s="2">
        <v>150.19999999999999</v>
      </c>
      <c r="D1334" s="2">
        <v>0</v>
      </c>
      <c r="E1334" s="2">
        <v>73.400000000000503</v>
      </c>
    </row>
    <row r="1335" spans="1:5" x14ac:dyDescent="0.25">
      <c r="A1335" s="3">
        <v>41759.789699074077</v>
      </c>
      <c r="B1335" s="2">
        <v>21.7</v>
      </c>
      <c r="C1335" s="2">
        <v>150</v>
      </c>
      <c r="D1335" s="2">
        <v>0</v>
      </c>
      <c r="E1335" s="2">
        <v>73.400000000000503</v>
      </c>
    </row>
    <row r="1336" spans="1:5" x14ac:dyDescent="0.25">
      <c r="A1336" s="3">
        <v>41759.860185185185</v>
      </c>
      <c r="B1336" s="2">
        <v>20.5</v>
      </c>
      <c r="C1336" s="2">
        <v>149.80000000000001</v>
      </c>
      <c r="D1336" s="2">
        <v>0</v>
      </c>
      <c r="E1336" s="2">
        <v>73.400000000000503</v>
      </c>
    </row>
    <row r="1337" spans="1:5" x14ac:dyDescent="0.25">
      <c r="A1337" s="3">
        <v>41759.945023148146</v>
      </c>
      <c r="B1337" s="2">
        <v>18.899999999999999</v>
      </c>
      <c r="C1337" s="2">
        <v>149.6</v>
      </c>
      <c r="D1337" s="2">
        <v>0</v>
      </c>
      <c r="E1337" s="2">
        <v>73.400000000000503</v>
      </c>
    </row>
    <row r="1338" spans="1:5" x14ac:dyDescent="0.25">
      <c r="A1338" s="3">
        <v>41760.048206018517</v>
      </c>
      <c r="B1338" s="2">
        <v>17.2</v>
      </c>
      <c r="C1338" s="2">
        <v>149.4</v>
      </c>
      <c r="D1338" s="2">
        <v>0</v>
      </c>
      <c r="E1338" s="2">
        <v>73.400000000000503</v>
      </c>
    </row>
    <row r="1339" spans="1:5" x14ac:dyDescent="0.25">
      <c r="A1339" s="3">
        <v>41760.053414351853</v>
      </c>
      <c r="B1339" s="2">
        <v>17.100000000000001</v>
      </c>
      <c r="C1339" s="2">
        <v>149.19999999999999</v>
      </c>
      <c r="D1339" s="2">
        <v>0</v>
      </c>
      <c r="E1339" s="2">
        <v>73.400000000000503</v>
      </c>
    </row>
    <row r="1340" spans="1:5" x14ac:dyDescent="0.25">
      <c r="A1340" s="3">
        <v>41760.181018518517</v>
      </c>
      <c r="B1340" s="2">
        <v>15.3</v>
      </c>
      <c r="C1340" s="2">
        <v>149</v>
      </c>
      <c r="D1340" s="2">
        <v>0</v>
      </c>
      <c r="E1340" s="2">
        <v>73.400000000000503</v>
      </c>
    </row>
    <row r="1341" spans="1:5" x14ac:dyDescent="0.25">
      <c r="A1341" s="3">
        <v>41760.296180555553</v>
      </c>
      <c r="B1341" s="2">
        <v>14.1</v>
      </c>
      <c r="C1341" s="2">
        <v>148.80000000000001</v>
      </c>
      <c r="D1341" s="2">
        <v>0</v>
      </c>
      <c r="E1341" s="2">
        <v>73.400000000000503</v>
      </c>
    </row>
    <row r="1342" spans="1:5" x14ac:dyDescent="0.25">
      <c r="A1342" s="3">
        <v>41760.356423611112</v>
      </c>
      <c r="B1342" s="2">
        <v>14.1</v>
      </c>
      <c r="C1342" s="2">
        <v>148.6</v>
      </c>
      <c r="D1342" s="2">
        <v>0</v>
      </c>
      <c r="E1342" s="2">
        <v>73.400000000000503</v>
      </c>
    </row>
    <row r="1343" spans="1:5" x14ac:dyDescent="0.25">
      <c r="A1343" s="3">
        <v>41760.54247685185</v>
      </c>
      <c r="B1343" s="2">
        <v>22.1</v>
      </c>
      <c r="C1343" s="2">
        <v>148.4</v>
      </c>
      <c r="D1343" s="2">
        <v>0</v>
      </c>
      <c r="E1343" s="2">
        <v>73.400000000000503</v>
      </c>
    </row>
    <row r="1344" spans="1:5" x14ac:dyDescent="0.25">
      <c r="A1344" s="3">
        <v>41760.571643518517</v>
      </c>
      <c r="B1344" s="2">
        <v>22.7</v>
      </c>
      <c r="C1344" s="2">
        <v>148.6</v>
      </c>
      <c r="D1344" s="2">
        <v>0</v>
      </c>
      <c r="E1344" s="2">
        <v>73.400000000000503</v>
      </c>
    </row>
    <row r="1345" spans="1:5" x14ac:dyDescent="0.25">
      <c r="A1345" s="3">
        <v>41760.571701388886</v>
      </c>
      <c r="B1345" s="2">
        <v>22.7</v>
      </c>
      <c r="C1345" s="2">
        <v>148.4</v>
      </c>
      <c r="D1345" s="2">
        <v>0</v>
      </c>
      <c r="E1345" s="2">
        <v>73.400000000000503</v>
      </c>
    </row>
    <row r="1346" spans="1:5" x14ac:dyDescent="0.25">
      <c r="A1346" s="3">
        <v>41760.576678240737</v>
      </c>
      <c r="B1346" s="2">
        <v>22.5</v>
      </c>
      <c r="C1346" s="2">
        <v>148.6</v>
      </c>
      <c r="D1346" s="2">
        <v>0</v>
      </c>
      <c r="E1346" s="2">
        <v>73.400000000000503</v>
      </c>
    </row>
    <row r="1347" spans="1:5" x14ac:dyDescent="0.25">
      <c r="A1347" s="3">
        <v>41760.576793981483</v>
      </c>
      <c r="B1347" s="2">
        <v>22.5</v>
      </c>
      <c r="C1347" s="2">
        <v>148.6</v>
      </c>
      <c r="D1347" s="2">
        <v>0.2</v>
      </c>
      <c r="E1347" s="2">
        <v>73.600000000000506</v>
      </c>
    </row>
    <row r="1348" spans="1:5" x14ac:dyDescent="0.25">
      <c r="A1348" s="3">
        <v>41760.577199074076</v>
      </c>
      <c r="B1348" s="2">
        <v>22.5</v>
      </c>
      <c r="C1348" s="2">
        <v>148.6</v>
      </c>
      <c r="D1348" s="2">
        <v>0.2</v>
      </c>
      <c r="E1348" s="2">
        <v>73.800000000000509</v>
      </c>
    </row>
    <row r="1349" spans="1:5" x14ac:dyDescent="0.25">
      <c r="A1349" s="3">
        <v>41760.577777777777</v>
      </c>
      <c r="B1349" s="2">
        <v>22.5</v>
      </c>
      <c r="C1349" s="2">
        <v>148.80000000000001</v>
      </c>
      <c r="D1349" s="2">
        <v>0</v>
      </c>
      <c r="E1349" s="2">
        <v>73.800000000000509</v>
      </c>
    </row>
    <row r="1350" spans="1:5" x14ac:dyDescent="0.25">
      <c r="A1350" s="3">
        <v>41760.577893518515</v>
      </c>
      <c r="B1350" s="2">
        <v>22.5</v>
      </c>
      <c r="C1350" s="2">
        <v>148.80000000000001</v>
      </c>
      <c r="D1350" s="2">
        <v>0.2</v>
      </c>
      <c r="E1350" s="2">
        <v>74.000000000000512</v>
      </c>
    </row>
    <row r="1351" spans="1:5" x14ac:dyDescent="0.25">
      <c r="A1351" s="3">
        <v>41760.578761574077</v>
      </c>
      <c r="B1351" s="2">
        <v>22.5</v>
      </c>
      <c r="C1351" s="2">
        <v>148.80000000000001</v>
      </c>
      <c r="D1351" s="2">
        <v>0.2</v>
      </c>
      <c r="E1351" s="2">
        <v>74.200000000000514</v>
      </c>
    </row>
    <row r="1352" spans="1:5" x14ac:dyDescent="0.25">
      <c r="A1352" s="3">
        <v>41760.579050925924</v>
      </c>
      <c r="B1352" s="2">
        <v>22.5</v>
      </c>
      <c r="C1352" s="2">
        <v>149</v>
      </c>
      <c r="D1352" s="2">
        <v>0</v>
      </c>
      <c r="E1352" s="2">
        <v>74.200000000000514</v>
      </c>
    </row>
    <row r="1353" spans="1:5" x14ac:dyDescent="0.25">
      <c r="A1353" s="3">
        <v>41760.580324074072</v>
      </c>
      <c r="B1353" s="2">
        <v>22.4</v>
      </c>
      <c r="C1353" s="2">
        <v>149</v>
      </c>
      <c r="D1353" s="2">
        <v>0.2</v>
      </c>
      <c r="E1353" s="2">
        <v>74.400000000000517</v>
      </c>
    </row>
    <row r="1354" spans="1:5" x14ac:dyDescent="0.25">
      <c r="A1354" s="3">
        <v>41760.581365740742</v>
      </c>
      <c r="B1354" s="2">
        <v>22.4</v>
      </c>
      <c r="C1354" s="2">
        <v>149.19999999999999</v>
      </c>
      <c r="D1354" s="2">
        <v>0</v>
      </c>
      <c r="E1354" s="2">
        <v>74.400000000000517</v>
      </c>
    </row>
    <row r="1355" spans="1:5" x14ac:dyDescent="0.25">
      <c r="A1355" s="3">
        <v>41760.60260416667</v>
      </c>
      <c r="B1355" s="2">
        <v>21.9</v>
      </c>
      <c r="C1355" s="2">
        <v>149.19999999999999</v>
      </c>
      <c r="D1355" s="2">
        <v>0.2</v>
      </c>
      <c r="E1355" s="2">
        <v>74.60000000000052</v>
      </c>
    </row>
    <row r="1356" spans="1:5" x14ac:dyDescent="0.25">
      <c r="A1356" s="3">
        <v>41760.621990740743</v>
      </c>
      <c r="B1356" s="2">
        <v>21.5</v>
      </c>
      <c r="C1356" s="2">
        <v>149</v>
      </c>
      <c r="D1356" s="2">
        <v>0</v>
      </c>
      <c r="E1356" s="2">
        <v>74.60000000000052</v>
      </c>
    </row>
    <row r="1357" spans="1:5" x14ac:dyDescent="0.25">
      <c r="A1357" s="3">
        <v>41760.70752314815</v>
      </c>
      <c r="B1357" s="2">
        <v>21.3</v>
      </c>
      <c r="C1357" s="2">
        <v>148.80000000000001</v>
      </c>
      <c r="D1357" s="2">
        <v>0</v>
      </c>
      <c r="E1357" s="2">
        <v>74.60000000000052</v>
      </c>
    </row>
    <row r="1358" spans="1:5" x14ac:dyDescent="0.25">
      <c r="A1358" s="3">
        <v>41760.805208333331</v>
      </c>
      <c r="B1358" s="2">
        <v>20.3</v>
      </c>
      <c r="C1358" s="2">
        <v>148.6</v>
      </c>
      <c r="D1358" s="2">
        <v>0</v>
      </c>
      <c r="E1358" s="2">
        <v>74.60000000000052</v>
      </c>
    </row>
    <row r="1359" spans="1:5" x14ac:dyDescent="0.25">
      <c r="A1359" s="3">
        <v>41760.913946759261</v>
      </c>
      <c r="B1359" s="2">
        <v>18.5</v>
      </c>
      <c r="C1359" s="2">
        <v>148.4</v>
      </c>
      <c r="D1359" s="2">
        <v>0</v>
      </c>
      <c r="E1359" s="2">
        <v>74.60000000000052</v>
      </c>
    </row>
    <row r="1360" spans="1:5" x14ac:dyDescent="0.25">
      <c r="A1360" s="3">
        <v>41761.070717592593</v>
      </c>
      <c r="B1360" s="2">
        <v>16.399999999999999</v>
      </c>
      <c r="C1360" s="2">
        <v>148.19999999999999</v>
      </c>
      <c r="D1360" s="2">
        <v>0</v>
      </c>
      <c r="E1360" s="2">
        <v>74.60000000000052</v>
      </c>
    </row>
    <row r="1361" spans="1:5" x14ac:dyDescent="0.25">
      <c r="A1361" s="3">
        <v>41761.240682870368</v>
      </c>
      <c r="B1361" s="2">
        <v>14.2</v>
      </c>
      <c r="C1361" s="2">
        <v>148</v>
      </c>
      <c r="D1361" s="2">
        <v>0</v>
      </c>
      <c r="E1361" s="2">
        <v>74.60000000000052</v>
      </c>
    </row>
    <row r="1362" spans="1:5" x14ac:dyDescent="0.25">
      <c r="A1362" s="3">
        <v>41761.320023148146</v>
      </c>
      <c r="B1362" s="2">
        <v>13.6</v>
      </c>
      <c r="C1362" s="2">
        <v>147.80000000000001</v>
      </c>
      <c r="D1362" s="2">
        <v>0</v>
      </c>
      <c r="E1362" s="2">
        <v>74.60000000000052</v>
      </c>
    </row>
    <row r="1363" spans="1:5" x14ac:dyDescent="0.25">
      <c r="A1363" s="3">
        <v>41761.350462962961</v>
      </c>
      <c r="B1363" s="2">
        <v>13.8</v>
      </c>
      <c r="C1363" s="2">
        <v>147.6</v>
      </c>
      <c r="D1363" s="2">
        <v>0</v>
      </c>
      <c r="E1363" s="2">
        <v>74.60000000000052</v>
      </c>
    </row>
    <row r="1364" spans="1:5" x14ac:dyDescent="0.25">
      <c r="A1364" s="3">
        <v>41761.534837962965</v>
      </c>
      <c r="B1364" s="2">
        <v>22.1</v>
      </c>
      <c r="C1364" s="2">
        <v>147.4</v>
      </c>
      <c r="D1364" s="2">
        <v>0</v>
      </c>
      <c r="E1364" s="2">
        <v>74.60000000000052</v>
      </c>
    </row>
    <row r="1365" spans="1:5" x14ac:dyDescent="0.25">
      <c r="A1365" s="3">
        <v>41761.535011574073</v>
      </c>
      <c r="B1365" s="2">
        <v>22.1</v>
      </c>
      <c r="C1365" s="2">
        <v>147.6</v>
      </c>
      <c r="D1365" s="2">
        <v>0</v>
      </c>
      <c r="E1365" s="2">
        <v>74.60000000000052</v>
      </c>
    </row>
    <row r="1366" spans="1:5" x14ac:dyDescent="0.25">
      <c r="A1366" s="3">
        <v>41761.54074074074</v>
      </c>
      <c r="B1366" s="2">
        <v>22.5</v>
      </c>
      <c r="C1366" s="2">
        <v>147.4</v>
      </c>
      <c r="D1366" s="2">
        <v>0</v>
      </c>
      <c r="E1366" s="2">
        <v>74.60000000000052</v>
      </c>
    </row>
    <row r="1367" spans="1:5" x14ac:dyDescent="0.25">
      <c r="A1367" s="3">
        <v>41761.541493055556</v>
      </c>
      <c r="B1367" s="2">
        <v>22.5</v>
      </c>
      <c r="C1367" s="2">
        <v>147.6</v>
      </c>
      <c r="D1367" s="2">
        <v>0</v>
      </c>
      <c r="E1367" s="2">
        <v>74.60000000000052</v>
      </c>
    </row>
    <row r="1368" spans="1:5" x14ac:dyDescent="0.25">
      <c r="A1368" s="3">
        <v>41761.541608796295</v>
      </c>
      <c r="B1368" s="2">
        <v>22.5</v>
      </c>
      <c r="C1368" s="2">
        <v>147.4</v>
      </c>
      <c r="D1368" s="2">
        <v>0</v>
      </c>
      <c r="E1368" s="2">
        <v>74.60000000000052</v>
      </c>
    </row>
    <row r="1369" spans="1:5" x14ac:dyDescent="0.25">
      <c r="A1369" s="3">
        <v>41761.54241898148</v>
      </c>
      <c r="B1369" s="2">
        <v>22.5</v>
      </c>
      <c r="C1369" s="2">
        <v>147.6</v>
      </c>
      <c r="D1369" s="2">
        <v>0</v>
      </c>
      <c r="E1369" s="2">
        <v>74.60000000000052</v>
      </c>
    </row>
    <row r="1370" spans="1:5" x14ac:dyDescent="0.25">
      <c r="A1370" s="3">
        <v>41761.542592592596</v>
      </c>
      <c r="B1370" s="2">
        <v>22.6</v>
      </c>
      <c r="C1370" s="2">
        <v>147.4</v>
      </c>
      <c r="D1370" s="2">
        <v>0</v>
      </c>
      <c r="E1370" s="2">
        <v>74.60000000000052</v>
      </c>
    </row>
    <row r="1371" spans="1:5" x14ac:dyDescent="0.25">
      <c r="A1371" s="3">
        <v>41761.543692129628</v>
      </c>
      <c r="B1371" s="2">
        <v>22.7</v>
      </c>
      <c r="C1371" s="2">
        <v>147.6</v>
      </c>
      <c r="D1371" s="2">
        <v>0</v>
      </c>
      <c r="E1371" s="2">
        <v>74.60000000000052</v>
      </c>
    </row>
    <row r="1372" spans="1:5" x14ac:dyDescent="0.25">
      <c r="A1372" s="3">
        <v>41761.543923611112</v>
      </c>
      <c r="B1372" s="2">
        <v>22.7</v>
      </c>
      <c r="C1372" s="2">
        <v>147.4</v>
      </c>
      <c r="D1372" s="2">
        <v>0</v>
      </c>
      <c r="E1372" s="2">
        <v>74.60000000000052</v>
      </c>
    </row>
    <row r="1373" spans="1:5" x14ac:dyDescent="0.25">
      <c r="A1373" s="3">
        <v>41761.54409722222</v>
      </c>
      <c r="B1373" s="2">
        <v>22.7</v>
      </c>
      <c r="C1373" s="2">
        <v>147.6</v>
      </c>
      <c r="D1373" s="2">
        <v>0</v>
      </c>
      <c r="E1373" s="2">
        <v>74.60000000000052</v>
      </c>
    </row>
    <row r="1374" spans="1:5" x14ac:dyDescent="0.25">
      <c r="A1374" s="3">
        <v>41761.544212962966</v>
      </c>
      <c r="B1374" s="2">
        <v>22.7</v>
      </c>
      <c r="C1374" s="2">
        <v>147.4</v>
      </c>
      <c r="D1374" s="2">
        <v>0</v>
      </c>
      <c r="E1374" s="2">
        <v>74.60000000000052</v>
      </c>
    </row>
    <row r="1375" spans="1:5" x14ac:dyDescent="0.25">
      <c r="A1375" s="3">
        <v>41761.544386574074</v>
      </c>
      <c r="B1375" s="2">
        <v>22.7</v>
      </c>
      <c r="C1375" s="2">
        <v>147.6</v>
      </c>
      <c r="D1375" s="2">
        <v>0</v>
      </c>
      <c r="E1375" s="2">
        <v>74.60000000000052</v>
      </c>
    </row>
    <row r="1376" spans="1:5" x14ac:dyDescent="0.25">
      <c r="A1376" s="3">
        <v>41761.544444444444</v>
      </c>
      <c r="B1376" s="2">
        <v>22.7</v>
      </c>
      <c r="C1376" s="2">
        <v>147.4</v>
      </c>
      <c r="D1376" s="2">
        <v>0</v>
      </c>
      <c r="E1376" s="2">
        <v>74.60000000000052</v>
      </c>
    </row>
    <row r="1377" spans="1:5" x14ac:dyDescent="0.25">
      <c r="A1377" s="3">
        <v>41761.546180555553</v>
      </c>
      <c r="B1377" s="2">
        <v>22.8</v>
      </c>
      <c r="C1377" s="2">
        <v>147.6</v>
      </c>
      <c r="D1377" s="2">
        <v>0</v>
      </c>
      <c r="E1377" s="2">
        <v>74.60000000000052</v>
      </c>
    </row>
    <row r="1378" spans="1:5" x14ac:dyDescent="0.25">
      <c r="A1378" s="3">
        <v>41761.546354166669</v>
      </c>
      <c r="B1378" s="2">
        <v>22.8</v>
      </c>
      <c r="C1378" s="2">
        <v>147.4</v>
      </c>
      <c r="D1378" s="2">
        <v>0</v>
      </c>
      <c r="E1378" s="2">
        <v>74.60000000000052</v>
      </c>
    </row>
    <row r="1379" spans="1:5" x14ac:dyDescent="0.25">
      <c r="A1379" s="3">
        <v>41761.549016203702</v>
      </c>
      <c r="B1379" s="2">
        <v>23</v>
      </c>
      <c r="C1379" s="2">
        <v>147.6</v>
      </c>
      <c r="D1379" s="2">
        <v>0</v>
      </c>
      <c r="E1379" s="2">
        <v>74.60000000000052</v>
      </c>
    </row>
    <row r="1380" spans="1:5" x14ac:dyDescent="0.25">
      <c r="A1380" s="3">
        <v>41761.549131944441</v>
      </c>
      <c r="B1380" s="2">
        <v>23</v>
      </c>
      <c r="C1380" s="2">
        <v>147.4</v>
      </c>
      <c r="D1380" s="2">
        <v>0</v>
      </c>
      <c r="E1380" s="2">
        <v>74.60000000000052</v>
      </c>
    </row>
    <row r="1381" spans="1:5" x14ac:dyDescent="0.25">
      <c r="A1381" s="3">
        <v>41761.550173611111</v>
      </c>
      <c r="B1381" s="2">
        <v>23</v>
      </c>
      <c r="C1381" s="2">
        <v>147.6</v>
      </c>
      <c r="D1381" s="2">
        <v>0</v>
      </c>
      <c r="E1381" s="2">
        <v>74.60000000000052</v>
      </c>
    </row>
    <row r="1382" spans="1:5" x14ac:dyDescent="0.25">
      <c r="A1382" s="3">
        <v>41761.55028935185</v>
      </c>
      <c r="B1382" s="2">
        <v>23</v>
      </c>
      <c r="C1382" s="2">
        <v>147.4</v>
      </c>
      <c r="D1382" s="2">
        <v>0</v>
      </c>
      <c r="E1382" s="2">
        <v>74.60000000000052</v>
      </c>
    </row>
    <row r="1383" spans="1:5" x14ac:dyDescent="0.25">
      <c r="A1383" s="3">
        <v>41761.581655092596</v>
      </c>
      <c r="B1383" s="2">
        <v>24.6</v>
      </c>
      <c r="C1383" s="2">
        <v>147.19999999999999</v>
      </c>
      <c r="D1383" s="2">
        <v>0</v>
      </c>
      <c r="E1383" s="2">
        <v>74.60000000000052</v>
      </c>
    </row>
    <row r="1384" spans="1:5" x14ac:dyDescent="0.25">
      <c r="A1384" s="3">
        <v>41761.582349537035</v>
      </c>
      <c r="B1384" s="2">
        <v>24.7</v>
      </c>
      <c r="C1384" s="2">
        <v>147.4</v>
      </c>
      <c r="D1384" s="2">
        <v>0</v>
      </c>
      <c r="E1384" s="2">
        <v>74.60000000000052</v>
      </c>
    </row>
    <row r="1385" spans="1:5" x14ac:dyDescent="0.25">
      <c r="A1385" s="3">
        <v>41761.58258101852</v>
      </c>
      <c r="B1385" s="2">
        <v>24.7</v>
      </c>
      <c r="C1385" s="2">
        <v>147.19999999999999</v>
      </c>
      <c r="D1385" s="2">
        <v>0</v>
      </c>
      <c r="E1385" s="2">
        <v>74.60000000000052</v>
      </c>
    </row>
    <row r="1386" spans="1:5" x14ac:dyDescent="0.25">
      <c r="A1386" s="3">
        <v>41761.582696759258</v>
      </c>
      <c r="B1386" s="2">
        <v>24.7</v>
      </c>
      <c r="C1386" s="2">
        <v>147.4</v>
      </c>
      <c r="D1386" s="2">
        <v>0</v>
      </c>
      <c r="E1386" s="2">
        <v>74.60000000000052</v>
      </c>
    </row>
    <row r="1387" spans="1:5" x14ac:dyDescent="0.25">
      <c r="A1387" s="3">
        <v>41761.582754629628</v>
      </c>
      <c r="B1387" s="2">
        <v>24.7</v>
      </c>
      <c r="C1387" s="2">
        <v>147.19999999999999</v>
      </c>
      <c r="D1387" s="2">
        <v>0</v>
      </c>
      <c r="E1387" s="2">
        <v>74.60000000000052</v>
      </c>
    </row>
    <row r="1388" spans="1:5" x14ac:dyDescent="0.25">
      <c r="A1388" s="3">
        <v>41761.605381944442</v>
      </c>
      <c r="B1388" s="2">
        <v>25.4</v>
      </c>
      <c r="C1388" s="2">
        <v>147</v>
      </c>
      <c r="D1388" s="2">
        <v>0</v>
      </c>
      <c r="E1388" s="2">
        <v>74.60000000000052</v>
      </c>
    </row>
    <row r="1389" spans="1:5" x14ac:dyDescent="0.25">
      <c r="A1389" s="3">
        <v>41761.605497685188</v>
      </c>
      <c r="B1389" s="2">
        <v>25.4</v>
      </c>
      <c r="C1389" s="2">
        <v>147.19999999999999</v>
      </c>
      <c r="D1389" s="2">
        <v>0</v>
      </c>
      <c r="E1389" s="2">
        <v>74.60000000000052</v>
      </c>
    </row>
    <row r="1390" spans="1:5" x14ac:dyDescent="0.25">
      <c r="A1390" s="3">
        <v>41761.605729166666</v>
      </c>
      <c r="B1390" s="2">
        <v>25.4</v>
      </c>
      <c r="C1390" s="2">
        <v>147</v>
      </c>
      <c r="D1390" s="2">
        <v>0</v>
      </c>
      <c r="E1390" s="2">
        <v>74.60000000000052</v>
      </c>
    </row>
    <row r="1391" spans="1:5" x14ac:dyDescent="0.25">
      <c r="A1391" s="3">
        <v>41761.60601851852</v>
      </c>
      <c r="B1391" s="2">
        <v>25.4</v>
      </c>
      <c r="C1391" s="2">
        <v>147.19999999999999</v>
      </c>
      <c r="D1391" s="2">
        <v>0</v>
      </c>
      <c r="E1391" s="2">
        <v>74.60000000000052</v>
      </c>
    </row>
    <row r="1392" spans="1:5" x14ac:dyDescent="0.25">
      <c r="A1392" s="3">
        <v>41761.606249999997</v>
      </c>
      <c r="B1392" s="2">
        <v>25.4</v>
      </c>
      <c r="C1392" s="2">
        <v>147</v>
      </c>
      <c r="D1392" s="2">
        <v>0</v>
      </c>
      <c r="E1392" s="2">
        <v>74.60000000000052</v>
      </c>
    </row>
    <row r="1393" spans="1:5" x14ac:dyDescent="0.25">
      <c r="A1393" s="3">
        <v>41761.606423611112</v>
      </c>
      <c r="B1393" s="2">
        <v>25.4</v>
      </c>
      <c r="C1393" s="2">
        <v>147.19999999999999</v>
      </c>
      <c r="D1393" s="2">
        <v>0</v>
      </c>
      <c r="E1393" s="2">
        <v>74.60000000000052</v>
      </c>
    </row>
    <row r="1394" spans="1:5" x14ac:dyDescent="0.25">
      <c r="A1394" s="3">
        <v>41761.606539351851</v>
      </c>
      <c r="B1394" s="2">
        <v>25.4</v>
      </c>
      <c r="C1394" s="2">
        <v>147</v>
      </c>
      <c r="D1394" s="2">
        <v>0</v>
      </c>
      <c r="E1394" s="2">
        <v>74.60000000000052</v>
      </c>
    </row>
    <row r="1395" spans="1:5" x14ac:dyDescent="0.25">
      <c r="A1395" s="3">
        <v>41761.607060185182</v>
      </c>
      <c r="B1395" s="2">
        <v>25.5</v>
      </c>
      <c r="C1395" s="2">
        <v>147.19999999999999</v>
      </c>
      <c r="D1395" s="2">
        <v>0</v>
      </c>
      <c r="E1395" s="2">
        <v>74.60000000000052</v>
      </c>
    </row>
    <row r="1396" spans="1:5" x14ac:dyDescent="0.25">
      <c r="A1396" s="3">
        <v>41761.607118055559</v>
      </c>
      <c r="B1396" s="2">
        <v>25.5</v>
      </c>
      <c r="C1396" s="2">
        <v>147</v>
      </c>
      <c r="D1396" s="2">
        <v>0</v>
      </c>
      <c r="E1396" s="2">
        <v>74.60000000000052</v>
      </c>
    </row>
    <row r="1397" spans="1:5" x14ac:dyDescent="0.25">
      <c r="A1397" s="3">
        <v>41761.607754629629</v>
      </c>
      <c r="B1397" s="2">
        <v>25.4</v>
      </c>
      <c r="C1397" s="2">
        <v>147.19999999999999</v>
      </c>
      <c r="D1397" s="2">
        <v>0</v>
      </c>
      <c r="E1397" s="2">
        <v>74.60000000000052</v>
      </c>
    </row>
    <row r="1398" spans="1:5" x14ac:dyDescent="0.25">
      <c r="A1398" s="3">
        <v>41761.607870370368</v>
      </c>
      <c r="B1398" s="2">
        <v>25.4</v>
      </c>
      <c r="C1398" s="2">
        <v>147</v>
      </c>
      <c r="D1398" s="2">
        <v>0</v>
      </c>
      <c r="E1398" s="2">
        <v>74.60000000000052</v>
      </c>
    </row>
    <row r="1399" spans="1:5" x14ac:dyDescent="0.25">
      <c r="A1399" s="3">
        <v>41761.608043981483</v>
      </c>
      <c r="B1399" s="2">
        <v>25.4</v>
      </c>
      <c r="C1399" s="2">
        <v>147.19999999999999</v>
      </c>
      <c r="D1399" s="2">
        <v>0</v>
      </c>
      <c r="E1399" s="2">
        <v>74.60000000000052</v>
      </c>
    </row>
    <row r="1400" spans="1:5" x14ac:dyDescent="0.25">
      <c r="A1400" s="3">
        <v>41761.628993055558</v>
      </c>
      <c r="B1400" s="2">
        <v>25</v>
      </c>
      <c r="C1400" s="2">
        <v>147</v>
      </c>
      <c r="D1400" s="2">
        <v>0</v>
      </c>
      <c r="E1400" s="2">
        <v>74.60000000000052</v>
      </c>
    </row>
    <row r="1401" spans="1:5" x14ac:dyDescent="0.25">
      <c r="A1401" s="3">
        <v>41761.629108796296</v>
      </c>
      <c r="B1401" s="2">
        <v>25</v>
      </c>
      <c r="C1401" s="2">
        <v>147.19999999999999</v>
      </c>
      <c r="D1401" s="2">
        <v>0</v>
      </c>
      <c r="E1401" s="2">
        <v>74.60000000000052</v>
      </c>
    </row>
    <row r="1402" spans="1:5" x14ac:dyDescent="0.25">
      <c r="A1402" s="3">
        <v>41761.629340277781</v>
      </c>
      <c r="B1402" s="2">
        <v>25</v>
      </c>
      <c r="C1402" s="2">
        <v>147</v>
      </c>
      <c r="D1402" s="2">
        <v>0</v>
      </c>
      <c r="E1402" s="2">
        <v>74.60000000000052</v>
      </c>
    </row>
    <row r="1403" spans="1:5" x14ac:dyDescent="0.25">
      <c r="A1403" s="3">
        <v>41761.62945601852</v>
      </c>
      <c r="B1403" s="2">
        <v>25</v>
      </c>
      <c r="C1403" s="2">
        <v>147.19999999999999</v>
      </c>
      <c r="D1403" s="2">
        <v>0</v>
      </c>
      <c r="E1403" s="2">
        <v>74.60000000000052</v>
      </c>
    </row>
    <row r="1404" spans="1:5" x14ac:dyDescent="0.25">
      <c r="A1404" s="3">
        <v>41761.629513888889</v>
      </c>
      <c r="B1404" s="2">
        <v>25</v>
      </c>
      <c r="C1404" s="2">
        <v>147</v>
      </c>
      <c r="D1404" s="2">
        <v>0</v>
      </c>
      <c r="E1404" s="2">
        <v>74.60000000000052</v>
      </c>
    </row>
    <row r="1405" spans="1:5" x14ac:dyDescent="0.25">
      <c r="A1405" s="3">
        <v>41761.653414351851</v>
      </c>
      <c r="B1405" s="2">
        <v>24.5</v>
      </c>
      <c r="C1405" s="2">
        <v>146.80000000000001</v>
      </c>
      <c r="D1405" s="2">
        <v>0</v>
      </c>
      <c r="E1405" s="2">
        <v>74.60000000000052</v>
      </c>
    </row>
    <row r="1406" spans="1:5" x14ac:dyDescent="0.25">
      <c r="A1406" s="3">
        <v>41761.653645833336</v>
      </c>
      <c r="B1406" s="2">
        <v>24.5</v>
      </c>
      <c r="C1406" s="2">
        <v>147</v>
      </c>
      <c r="D1406" s="2">
        <v>0</v>
      </c>
      <c r="E1406" s="2">
        <v>74.60000000000052</v>
      </c>
    </row>
    <row r="1407" spans="1:5" x14ac:dyDescent="0.25">
      <c r="A1407" s="3">
        <v>41761.653877314813</v>
      </c>
      <c r="B1407" s="2">
        <v>24.5</v>
      </c>
      <c r="C1407" s="2">
        <v>146.80000000000001</v>
      </c>
      <c r="D1407" s="2">
        <v>0</v>
      </c>
      <c r="E1407" s="2">
        <v>74.60000000000052</v>
      </c>
    </row>
    <row r="1408" spans="1:5" x14ac:dyDescent="0.25">
      <c r="A1408" s="3">
        <v>41761.654398148145</v>
      </c>
      <c r="B1408" s="2">
        <v>24.5</v>
      </c>
      <c r="C1408" s="2">
        <v>147</v>
      </c>
      <c r="D1408" s="2">
        <v>0</v>
      </c>
      <c r="E1408" s="2">
        <v>74.60000000000052</v>
      </c>
    </row>
    <row r="1409" spans="1:5" x14ac:dyDescent="0.25">
      <c r="A1409" s="3">
        <v>41761.654629629629</v>
      </c>
      <c r="B1409" s="2">
        <v>24.5</v>
      </c>
      <c r="C1409" s="2">
        <v>146.80000000000001</v>
      </c>
      <c r="D1409" s="2">
        <v>0</v>
      </c>
      <c r="E1409" s="2">
        <v>74.60000000000052</v>
      </c>
    </row>
    <row r="1410" spans="1:5" x14ac:dyDescent="0.25">
      <c r="A1410" s="3">
        <v>41761.654803240737</v>
      </c>
      <c r="B1410" s="2">
        <v>24.5</v>
      </c>
      <c r="C1410" s="2">
        <v>147</v>
      </c>
      <c r="D1410" s="2">
        <v>0</v>
      </c>
      <c r="E1410" s="2">
        <v>74.60000000000052</v>
      </c>
    </row>
    <row r="1411" spans="1:5" x14ac:dyDescent="0.25">
      <c r="A1411" s="3">
        <v>41761.654918981483</v>
      </c>
      <c r="B1411" s="2">
        <v>24.5</v>
      </c>
      <c r="C1411" s="2">
        <v>146.80000000000001</v>
      </c>
      <c r="D1411" s="2">
        <v>0</v>
      </c>
      <c r="E1411" s="2">
        <v>74.60000000000052</v>
      </c>
    </row>
    <row r="1412" spans="1:5" x14ac:dyDescent="0.25">
      <c r="A1412" s="3">
        <v>41761.655555555553</v>
      </c>
      <c r="B1412" s="2">
        <v>24.5</v>
      </c>
      <c r="C1412" s="2">
        <v>147</v>
      </c>
      <c r="D1412" s="2">
        <v>0</v>
      </c>
      <c r="E1412" s="2">
        <v>74.60000000000052</v>
      </c>
    </row>
    <row r="1413" spans="1:5" x14ac:dyDescent="0.25">
      <c r="A1413" s="3">
        <v>41761.655613425923</v>
      </c>
      <c r="B1413" s="2">
        <v>24.5</v>
      </c>
      <c r="C1413" s="2">
        <v>146.80000000000001</v>
      </c>
      <c r="D1413" s="2">
        <v>0</v>
      </c>
      <c r="E1413" s="2">
        <v>74.60000000000052</v>
      </c>
    </row>
    <row r="1414" spans="1:5" x14ac:dyDescent="0.25">
      <c r="A1414" s="3">
        <v>41761.665335648147</v>
      </c>
      <c r="B1414" s="2">
        <v>24.1</v>
      </c>
      <c r="C1414" s="2">
        <v>146.80000000000001</v>
      </c>
      <c r="D1414" s="2">
        <v>0.2</v>
      </c>
      <c r="E1414" s="2">
        <v>74.800000000000523</v>
      </c>
    </row>
    <row r="1415" spans="1:5" x14ac:dyDescent="0.25">
      <c r="A1415" s="3">
        <v>41761.66684027778</v>
      </c>
      <c r="B1415" s="2">
        <v>24.1</v>
      </c>
      <c r="C1415" s="2">
        <v>147</v>
      </c>
      <c r="D1415" s="2">
        <v>0</v>
      </c>
      <c r="E1415" s="2">
        <v>74.800000000000523</v>
      </c>
    </row>
    <row r="1416" spans="1:5" x14ac:dyDescent="0.25">
      <c r="A1416" s="3">
        <v>41761.667650462965</v>
      </c>
      <c r="B1416" s="2">
        <v>24.1</v>
      </c>
      <c r="C1416" s="2">
        <v>147</v>
      </c>
      <c r="D1416" s="2">
        <v>0.2</v>
      </c>
      <c r="E1416" s="2">
        <v>75.000000000000526</v>
      </c>
    </row>
    <row r="1417" spans="1:5" x14ac:dyDescent="0.25">
      <c r="A1417" s="3">
        <v>41761.667997685188</v>
      </c>
      <c r="B1417" s="2">
        <v>24.1</v>
      </c>
      <c r="C1417" s="2">
        <v>147.19999999999999</v>
      </c>
      <c r="D1417" s="2">
        <v>0</v>
      </c>
      <c r="E1417" s="2">
        <v>75.000000000000526</v>
      </c>
    </row>
    <row r="1418" spans="1:5" x14ac:dyDescent="0.25">
      <c r="A1418" s="3">
        <v>41761.668055555558</v>
      </c>
      <c r="B1418" s="2">
        <v>24.1</v>
      </c>
      <c r="C1418" s="2">
        <v>147.19999999999999</v>
      </c>
      <c r="D1418" s="2">
        <v>0.2</v>
      </c>
      <c r="E1418" s="2">
        <v>75.200000000000529</v>
      </c>
    </row>
    <row r="1419" spans="1:5" x14ac:dyDescent="0.25">
      <c r="A1419" s="3">
        <v>41761.668402777781</v>
      </c>
      <c r="B1419" s="2">
        <v>24.1</v>
      </c>
      <c r="C1419" s="2">
        <v>147.19999999999999</v>
      </c>
      <c r="D1419" s="2">
        <v>0.2</v>
      </c>
      <c r="E1419" s="2">
        <v>75.400000000000531</v>
      </c>
    </row>
    <row r="1420" spans="1:5" x14ac:dyDescent="0.25">
      <c r="A1420" s="3">
        <v>41761.66846064815</v>
      </c>
      <c r="B1420" s="2">
        <v>24.1</v>
      </c>
      <c r="C1420" s="2">
        <v>147.4</v>
      </c>
      <c r="D1420" s="2">
        <v>0</v>
      </c>
      <c r="E1420" s="2">
        <v>75.400000000000531</v>
      </c>
    </row>
    <row r="1421" spans="1:5" x14ac:dyDescent="0.25">
      <c r="A1421" s="3">
        <v>41761.668692129628</v>
      </c>
      <c r="B1421" s="2">
        <v>24</v>
      </c>
      <c r="C1421" s="2">
        <v>147.4</v>
      </c>
      <c r="D1421" s="2">
        <v>0.2</v>
      </c>
      <c r="E1421" s="2">
        <v>75.600000000000534</v>
      </c>
    </row>
    <row r="1422" spans="1:5" x14ac:dyDescent="0.25">
      <c r="A1422" s="3">
        <v>41761.668865740743</v>
      </c>
      <c r="B1422" s="2">
        <v>24</v>
      </c>
      <c r="C1422" s="2">
        <v>147.6</v>
      </c>
      <c r="D1422" s="2">
        <v>0</v>
      </c>
      <c r="E1422" s="2">
        <v>75.600000000000534</v>
      </c>
    </row>
    <row r="1423" spans="1:5" x14ac:dyDescent="0.25">
      <c r="A1423" s="3">
        <v>41761.669039351851</v>
      </c>
      <c r="B1423" s="2">
        <v>24</v>
      </c>
      <c r="C1423" s="2">
        <v>147.6</v>
      </c>
      <c r="D1423" s="2">
        <v>0.2</v>
      </c>
      <c r="E1423" s="2">
        <v>75.800000000000537</v>
      </c>
    </row>
    <row r="1424" spans="1:5" x14ac:dyDescent="0.25">
      <c r="A1424" s="3">
        <v>41761.669386574074</v>
      </c>
      <c r="B1424" s="2">
        <v>24</v>
      </c>
      <c r="C1424" s="2">
        <v>147.80000000000001</v>
      </c>
      <c r="D1424" s="2">
        <v>0</v>
      </c>
      <c r="E1424" s="2">
        <v>75.800000000000537</v>
      </c>
    </row>
    <row r="1425" spans="1:5" x14ac:dyDescent="0.25">
      <c r="A1425" s="3">
        <v>41761.669733796298</v>
      </c>
      <c r="B1425" s="2">
        <v>24</v>
      </c>
      <c r="C1425" s="2">
        <v>147.80000000000001</v>
      </c>
      <c r="D1425" s="2">
        <v>0.2</v>
      </c>
      <c r="E1425" s="2">
        <v>76.00000000000054</v>
      </c>
    </row>
    <row r="1426" spans="1:5" x14ac:dyDescent="0.25">
      <c r="A1426" s="3">
        <v>41761.669965277775</v>
      </c>
      <c r="B1426" s="2">
        <v>24</v>
      </c>
      <c r="C1426" s="2">
        <v>147.80000000000001</v>
      </c>
      <c r="D1426" s="2">
        <v>0.2</v>
      </c>
      <c r="E1426" s="2">
        <v>76.200000000000543</v>
      </c>
    </row>
    <row r="1427" spans="1:5" x14ac:dyDescent="0.25">
      <c r="A1427" s="3">
        <v>41761.670023148145</v>
      </c>
      <c r="B1427" s="2">
        <v>24</v>
      </c>
      <c r="C1427" s="2">
        <v>148</v>
      </c>
      <c r="D1427" s="2">
        <v>0</v>
      </c>
      <c r="E1427" s="2">
        <v>76.200000000000543</v>
      </c>
    </row>
    <row r="1428" spans="1:5" x14ac:dyDescent="0.25">
      <c r="A1428" s="3">
        <v>41761.670254629629</v>
      </c>
      <c r="B1428" s="2">
        <v>24</v>
      </c>
      <c r="C1428" s="2">
        <v>148</v>
      </c>
      <c r="D1428" s="2">
        <v>0.2</v>
      </c>
      <c r="E1428" s="2">
        <v>76.400000000000546</v>
      </c>
    </row>
    <row r="1429" spans="1:5" x14ac:dyDescent="0.25">
      <c r="A1429" s="3">
        <v>41761.670370370368</v>
      </c>
      <c r="B1429" s="2">
        <v>23.9</v>
      </c>
      <c r="C1429" s="2">
        <v>148.19999999999999</v>
      </c>
      <c r="D1429" s="2">
        <v>0</v>
      </c>
      <c r="E1429" s="2">
        <v>76.400000000000546</v>
      </c>
    </row>
    <row r="1430" spans="1:5" x14ac:dyDescent="0.25">
      <c r="A1430" s="3">
        <v>41761.670543981483</v>
      </c>
      <c r="B1430" s="2">
        <v>23.8</v>
      </c>
      <c r="C1430" s="2">
        <v>148.19999999999999</v>
      </c>
      <c r="D1430" s="2">
        <v>0.2</v>
      </c>
      <c r="E1430" s="2">
        <v>76.600000000000549</v>
      </c>
    </row>
    <row r="1431" spans="1:5" x14ac:dyDescent="0.25">
      <c r="A1431" s="3">
        <v>41761.670717592591</v>
      </c>
      <c r="B1431" s="2">
        <v>23.8</v>
      </c>
      <c r="C1431" s="2">
        <v>148.4</v>
      </c>
      <c r="D1431" s="2">
        <v>0</v>
      </c>
      <c r="E1431" s="2">
        <v>76.600000000000549</v>
      </c>
    </row>
    <row r="1432" spans="1:5" x14ac:dyDescent="0.25">
      <c r="A1432" s="3">
        <v>41761.671006944445</v>
      </c>
      <c r="B1432" s="2">
        <v>23.8</v>
      </c>
      <c r="C1432" s="2">
        <v>148.4</v>
      </c>
      <c r="D1432" s="2">
        <v>0.2</v>
      </c>
      <c r="E1432" s="2">
        <v>76.800000000000551</v>
      </c>
    </row>
    <row r="1433" spans="1:5" x14ac:dyDescent="0.25">
      <c r="A1433" s="3">
        <v>41761.671296296299</v>
      </c>
      <c r="B1433" s="2">
        <v>23.8</v>
      </c>
      <c r="C1433" s="2">
        <v>148.6</v>
      </c>
      <c r="D1433" s="2">
        <v>0</v>
      </c>
      <c r="E1433" s="2">
        <v>76.800000000000551</v>
      </c>
    </row>
    <row r="1434" spans="1:5" x14ac:dyDescent="0.25">
      <c r="A1434" s="3">
        <v>41761.671412037038</v>
      </c>
      <c r="B1434" s="2">
        <v>23.8</v>
      </c>
      <c r="C1434" s="2">
        <v>148.6</v>
      </c>
      <c r="D1434" s="2">
        <v>0.2</v>
      </c>
      <c r="E1434" s="2">
        <v>77.000000000000554</v>
      </c>
    </row>
    <row r="1435" spans="1:5" x14ac:dyDescent="0.25">
      <c r="A1435" s="3">
        <v>41761.671759259261</v>
      </c>
      <c r="B1435" s="2">
        <v>23.8</v>
      </c>
      <c r="C1435" s="2">
        <v>148.80000000000001</v>
      </c>
      <c r="D1435" s="2">
        <v>0.2</v>
      </c>
      <c r="E1435" s="2">
        <v>77.200000000000557</v>
      </c>
    </row>
    <row r="1436" spans="1:5" x14ac:dyDescent="0.25">
      <c r="A1436" s="3">
        <v>41761.671990740739</v>
      </c>
      <c r="B1436" s="2">
        <v>23.8</v>
      </c>
      <c r="C1436" s="2">
        <v>148.80000000000001</v>
      </c>
      <c r="D1436" s="2">
        <v>0.2</v>
      </c>
      <c r="E1436" s="2">
        <v>77.40000000000056</v>
      </c>
    </row>
    <row r="1437" spans="1:5" x14ac:dyDescent="0.25">
      <c r="A1437" s="3">
        <v>41761.672048611108</v>
      </c>
      <c r="B1437" s="2">
        <v>23.8</v>
      </c>
      <c r="C1437" s="2">
        <v>149</v>
      </c>
      <c r="D1437" s="2">
        <v>0</v>
      </c>
      <c r="E1437" s="2">
        <v>77.40000000000056</v>
      </c>
    </row>
    <row r="1438" spans="1:5" x14ac:dyDescent="0.25">
      <c r="A1438" s="3">
        <v>41761.672222222223</v>
      </c>
      <c r="B1438" s="2">
        <v>23.8</v>
      </c>
      <c r="C1438" s="2">
        <v>149</v>
      </c>
      <c r="D1438" s="2">
        <v>0.2</v>
      </c>
      <c r="E1438" s="2">
        <v>77.600000000000563</v>
      </c>
    </row>
    <row r="1439" spans="1:5" x14ac:dyDescent="0.25">
      <c r="A1439" s="3">
        <v>41761.672337962962</v>
      </c>
      <c r="B1439" s="2">
        <v>23.8</v>
      </c>
      <c r="C1439" s="2">
        <v>149.19999999999999</v>
      </c>
      <c r="D1439" s="2">
        <v>0</v>
      </c>
      <c r="E1439" s="2">
        <v>77.600000000000563</v>
      </c>
    </row>
    <row r="1440" spans="1:5" x14ac:dyDescent="0.25">
      <c r="A1440" s="3">
        <v>41761.672453703701</v>
      </c>
      <c r="B1440" s="2">
        <v>23.7</v>
      </c>
      <c r="C1440" s="2">
        <v>149.19999999999999</v>
      </c>
      <c r="D1440" s="2">
        <v>0.2</v>
      </c>
      <c r="E1440" s="2">
        <v>77.800000000000566</v>
      </c>
    </row>
    <row r="1441" spans="1:5" x14ac:dyDescent="0.25">
      <c r="A1441" s="3">
        <v>41761.672511574077</v>
      </c>
      <c r="B1441" s="2">
        <v>23.7</v>
      </c>
      <c r="C1441" s="2">
        <v>149.4</v>
      </c>
      <c r="D1441" s="2">
        <v>0</v>
      </c>
      <c r="E1441" s="2">
        <v>77.800000000000566</v>
      </c>
    </row>
    <row r="1442" spans="1:5" x14ac:dyDescent="0.25">
      <c r="A1442" s="3">
        <v>41761.672685185185</v>
      </c>
      <c r="B1442" s="2">
        <v>23.7</v>
      </c>
      <c r="C1442" s="2">
        <v>149.6</v>
      </c>
      <c r="D1442" s="2">
        <v>0.2</v>
      </c>
      <c r="E1442" s="2">
        <v>78.000000000000568</v>
      </c>
    </row>
    <row r="1443" spans="1:5" x14ac:dyDescent="0.25">
      <c r="A1443" s="3">
        <v>41761.67291666667</v>
      </c>
      <c r="B1443" s="2">
        <v>23.6</v>
      </c>
      <c r="C1443" s="2">
        <v>149.6</v>
      </c>
      <c r="D1443" s="2">
        <v>0.2</v>
      </c>
      <c r="E1443" s="2">
        <v>78.200000000000571</v>
      </c>
    </row>
    <row r="1444" spans="1:5" x14ac:dyDescent="0.25">
      <c r="A1444" s="3">
        <v>41761.672974537039</v>
      </c>
      <c r="B1444" s="2">
        <v>23.6</v>
      </c>
      <c r="C1444" s="2">
        <v>149.80000000000001</v>
      </c>
      <c r="D1444" s="2">
        <v>0</v>
      </c>
      <c r="E1444" s="2">
        <v>78.200000000000571</v>
      </c>
    </row>
    <row r="1445" spans="1:5" x14ac:dyDescent="0.25">
      <c r="A1445" s="3">
        <v>41761.673148148147</v>
      </c>
      <c r="B1445" s="2">
        <v>23.6</v>
      </c>
      <c r="C1445" s="2">
        <v>149.80000000000001</v>
      </c>
      <c r="D1445" s="2">
        <v>0.2</v>
      </c>
      <c r="E1445" s="2">
        <v>78.400000000000574</v>
      </c>
    </row>
    <row r="1446" spans="1:5" x14ac:dyDescent="0.25">
      <c r="A1446" s="3">
        <v>41761.673206018517</v>
      </c>
      <c r="B1446" s="2">
        <v>23.6</v>
      </c>
      <c r="C1446" s="2">
        <v>150</v>
      </c>
      <c r="D1446" s="2">
        <v>0</v>
      </c>
      <c r="E1446" s="2">
        <v>78.400000000000574</v>
      </c>
    </row>
    <row r="1447" spans="1:5" x14ac:dyDescent="0.25">
      <c r="A1447" s="3">
        <v>41761.673321759263</v>
      </c>
      <c r="B1447" s="2">
        <v>23.6</v>
      </c>
      <c r="C1447" s="2">
        <v>150</v>
      </c>
      <c r="D1447" s="2">
        <v>0.2</v>
      </c>
      <c r="E1447" s="2">
        <v>78.600000000000577</v>
      </c>
    </row>
    <row r="1448" spans="1:5" x14ac:dyDescent="0.25">
      <c r="A1448" s="3">
        <v>41761.673437500001</v>
      </c>
      <c r="B1448" s="2">
        <v>23.6</v>
      </c>
      <c r="C1448" s="2">
        <v>150.19999999999999</v>
      </c>
      <c r="D1448" s="2">
        <v>0</v>
      </c>
      <c r="E1448" s="2">
        <v>78.600000000000577</v>
      </c>
    </row>
    <row r="1449" spans="1:5" x14ac:dyDescent="0.25">
      <c r="A1449" s="3">
        <v>41761.673495370371</v>
      </c>
      <c r="B1449" s="2">
        <v>23.6</v>
      </c>
      <c r="C1449" s="2">
        <v>150.19999999999999</v>
      </c>
      <c r="D1449" s="2">
        <v>0.2</v>
      </c>
      <c r="E1449" s="2">
        <v>78.80000000000058</v>
      </c>
    </row>
    <row r="1450" spans="1:5" x14ac:dyDescent="0.25">
      <c r="A1450" s="3">
        <v>41761.67355324074</v>
      </c>
      <c r="B1450" s="2">
        <v>23.6</v>
      </c>
      <c r="C1450" s="2">
        <v>150.4</v>
      </c>
      <c r="D1450" s="2">
        <v>0</v>
      </c>
      <c r="E1450" s="2">
        <v>78.80000000000058</v>
      </c>
    </row>
    <row r="1451" spans="1:5" x14ac:dyDescent="0.25">
      <c r="A1451" s="3">
        <v>41761.673611111109</v>
      </c>
      <c r="B1451" s="2">
        <v>23.6</v>
      </c>
      <c r="C1451" s="2">
        <v>150.4</v>
      </c>
      <c r="D1451" s="2">
        <v>0.2</v>
      </c>
      <c r="E1451" s="2">
        <v>79.000000000000583</v>
      </c>
    </row>
    <row r="1452" spans="1:5" x14ac:dyDescent="0.25">
      <c r="A1452" s="3">
        <v>41761.673726851855</v>
      </c>
      <c r="B1452" s="2">
        <v>23.6</v>
      </c>
      <c r="C1452" s="2">
        <v>150.6</v>
      </c>
      <c r="D1452" s="2">
        <v>0</v>
      </c>
      <c r="E1452" s="2">
        <v>79.000000000000583</v>
      </c>
    </row>
    <row r="1453" spans="1:5" x14ac:dyDescent="0.25">
      <c r="A1453" s="3">
        <v>41761.673784722225</v>
      </c>
      <c r="B1453" s="2">
        <v>23.6</v>
      </c>
      <c r="C1453" s="2">
        <v>150.6</v>
      </c>
      <c r="D1453" s="2">
        <v>0.2</v>
      </c>
      <c r="E1453" s="2">
        <v>79.200000000000585</v>
      </c>
    </row>
    <row r="1454" spans="1:5" x14ac:dyDescent="0.25">
      <c r="A1454" s="3">
        <v>41761.673900462964</v>
      </c>
      <c r="B1454" s="2">
        <v>23.5</v>
      </c>
      <c r="C1454" s="2">
        <v>150.80000000000001</v>
      </c>
      <c r="D1454" s="2">
        <v>0.2</v>
      </c>
      <c r="E1454" s="2">
        <v>79.400000000000588</v>
      </c>
    </row>
    <row r="1455" spans="1:5" x14ac:dyDescent="0.25">
      <c r="A1455" s="3">
        <v>41761.674074074072</v>
      </c>
      <c r="B1455" s="2">
        <v>23.5</v>
      </c>
      <c r="C1455" s="2">
        <v>151</v>
      </c>
      <c r="D1455" s="2">
        <v>0.2</v>
      </c>
      <c r="E1455" s="2">
        <v>79.600000000000591</v>
      </c>
    </row>
    <row r="1456" spans="1:5" x14ac:dyDescent="0.25">
      <c r="A1456" s="3">
        <v>41761.674247685187</v>
      </c>
      <c r="B1456" s="2">
        <v>23.5</v>
      </c>
      <c r="C1456" s="2">
        <v>151.19999999999999</v>
      </c>
      <c r="D1456" s="2">
        <v>0.2</v>
      </c>
      <c r="E1456" s="2">
        <v>79.800000000000594</v>
      </c>
    </row>
    <row r="1457" spans="1:5" x14ac:dyDescent="0.25">
      <c r="A1457" s="3">
        <v>41761.67465277778</v>
      </c>
      <c r="B1457" s="2">
        <v>23.4</v>
      </c>
      <c r="C1457" s="2">
        <v>151.4</v>
      </c>
      <c r="D1457" s="2">
        <v>0</v>
      </c>
      <c r="E1457" s="2">
        <v>79.800000000000594</v>
      </c>
    </row>
    <row r="1458" spans="1:5" x14ac:dyDescent="0.25">
      <c r="A1458" s="3">
        <v>41761.674710648149</v>
      </c>
      <c r="B1458" s="2">
        <v>23.4</v>
      </c>
      <c r="C1458" s="2">
        <v>151.4</v>
      </c>
      <c r="D1458" s="2">
        <v>0.2</v>
      </c>
      <c r="E1458" s="2">
        <v>80.000000000000597</v>
      </c>
    </row>
    <row r="1459" spans="1:5" x14ac:dyDescent="0.25">
      <c r="A1459" s="3">
        <v>41761.674826388888</v>
      </c>
      <c r="B1459" s="2">
        <v>23.4</v>
      </c>
      <c r="C1459" s="2">
        <v>151.4</v>
      </c>
      <c r="D1459" s="2">
        <v>0.2</v>
      </c>
      <c r="E1459" s="2">
        <v>80.2000000000006</v>
      </c>
    </row>
    <row r="1460" spans="1:5" x14ac:dyDescent="0.25">
      <c r="A1460" s="3">
        <v>41761.674884259257</v>
      </c>
      <c r="B1460" s="2">
        <v>23.5</v>
      </c>
      <c r="C1460" s="2">
        <v>151.6</v>
      </c>
      <c r="D1460" s="2">
        <v>0</v>
      </c>
      <c r="E1460" s="2">
        <v>80.2000000000006</v>
      </c>
    </row>
    <row r="1461" spans="1:5" x14ac:dyDescent="0.25">
      <c r="A1461" s="3">
        <v>41761.674942129626</v>
      </c>
      <c r="B1461" s="2">
        <v>23.5</v>
      </c>
      <c r="C1461" s="2">
        <v>151.6</v>
      </c>
      <c r="D1461" s="2">
        <v>0.2</v>
      </c>
      <c r="E1461" s="2">
        <v>80.400000000000603</v>
      </c>
    </row>
    <row r="1462" spans="1:5" x14ac:dyDescent="0.25">
      <c r="A1462" s="3">
        <v>41761.675057870372</v>
      </c>
      <c r="B1462" s="2">
        <v>23.4</v>
      </c>
      <c r="C1462" s="2">
        <v>151.80000000000001</v>
      </c>
      <c r="D1462" s="2">
        <v>0.2</v>
      </c>
      <c r="E1462" s="2">
        <v>80.600000000000605</v>
      </c>
    </row>
    <row r="1463" spans="1:5" x14ac:dyDescent="0.25">
      <c r="A1463" s="3">
        <v>41761.67523148148</v>
      </c>
      <c r="B1463" s="2">
        <v>23.3</v>
      </c>
      <c r="C1463" s="2">
        <v>152</v>
      </c>
      <c r="D1463" s="2">
        <v>0</v>
      </c>
      <c r="E1463" s="2">
        <v>80.600000000000605</v>
      </c>
    </row>
    <row r="1464" spans="1:5" x14ac:dyDescent="0.25">
      <c r="A1464" s="3">
        <v>41761.67528935185</v>
      </c>
      <c r="B1464" s="2">
        <v>23.4</v>
      </c>
      <c r="C1464" s="2">
        <v>152</v>
      </c>
      <c r="D1464" s="2">
        <v>0.2</v>
      </c>
      <c r="E1464" s="2">
        <v>80.800000000000608</v>
      </c>
    </row>
    <row r="1465" spans="1:5" x14ac:dyDescent="0.25">
      <c r="A1465" s="3">
        <v>41761.675462962965</v>
      </c>
      <c r="B1465" s="2">
        <v>23.3</v>
      </c>
      <c r="C1465" s="2">
        <v>152.19999999999999</v>
      </c>
      <c r="D1465" s="2">
        <v>0</v>
      </c>
      <c r="E1465" s="2">
        <v>80.800000000000608</v>
      </c>
    </row>
    <row r="1466" spans="1:5" x14ac:dyDescent="0.25">
      <c r="A1466" s="3">
        <v>41761.675694444442</v>
      </c>
      <c r="B1466" s="2">
        <v>23.3</v>
      </c>
      <c r="C1466" s="2">
        <v>152.19999999999999</v>
      </c>
      <c r="D1466" s="2">
        <v>0.2</v>
      </c>
      <c r="E1466" s="2">
        <v>81.000000000000611</v>
      </c>
    </row>
    <row r="1467" spans="1:5" x14ac:dyDescent="0.25">
      <c r="A1467" s="3">
        <v>41761.675925925927</v>
      </c>
      <c r="B1467" s="2">
        <v>23.3</v>
      </c>
      <c r="C1467" s="2">
        <v>152.4</v>
      </c>
      <c r="D1467" s="2">
        <v>0</v>
      </c>
      <c r="E1467" s="2">
        <v>81.000000000000611</v>
      </c>
    </row>
    <row r="1468" spans="1:5" x14ac:dyDescent="0.25">
      <c r="A1468" s="3">
        <v>41761.675983796296</v>
      </c>
      <c r="B1468" s="2">
        <v>23.3</v>
      </c>
      <c r="C1468" s="2">
        <v>152.4</v>
      </c>
      <c r="D1468" s="2">
        <v>0.2</v>
      </c>
      <c r="E1468" s="2">
        <v>81.200000000000614</v>
      </c>
    </row>
    <row r="1469" spans="1:5" x14ac:dyDescent="0.25">
      <c r="A1469" s="3">
        <v>41761.676157407404</v>
      </c>
      <c r="B1469" s="2">
        <v>23.3</v>
      </c>
      <c r="C1469" s="2">
        <v>152.4</v>
      </c>
      <c r="D1469" s="2">
        <v>0.2</v>
      </c>
      <c r="E1469" s="2">
        <v>81.400000000000617</v>
      </c>
    </row>
    <row r="1470" spans="1:5" x14ac:dyDescent="0.25">
      <c r="A1470" s="3">
        <v>41761.676215277781</v>
      </c>
      <c r="B1470" s="2">
        <v>23.3</v>
      </c>
      <c r="C1470" s="2">
        <v>152.6</v>
      </c>
      <c r="D1470" s="2">
        <v>0</v>
      </c>
      <c r="E1470" s="2">
        <v>81.400000000000617</v>
      </c>
    </row>
    <row r="1471" spans="1:5" x14ac:dyDescent="0.25">
      <c r="A1471" s="3">
        <v>41761.67633101852</v>
      </c>
      <c r="B1471" s="2">
        <v>23.3</v>
      </c>
      <c r="C1471" s="2">
        <v>152.6</v>
      </c>
      <c r="D1471" s="2">
        <v>0.2</v>
      </c>
      <c r="E1471" s="2">
        <v>81.60000000000062</v>
      </c>
    </row>
    <row r="1472" spans="1:5" x14ac:dyDescent="0.25">
      <c r="A1472" s="3">
        <v>41761.676446759258</v>
      </c>
      <c r="B1472" s="2">
        <v>23.3</v>
      </c>
      <c r="C1472" s="2">
        <v>152.80000000000001</v>
      </c>
      <c r="D1472" s="2">
        <v>0.2</v>
      </c>
      <c r="E1472" s="2">
        <v>81.800000000000622</v>
      </c>
    </row>
    <row r="1473" spans="1:5" x14ac:dyDescent="0.25">
      <c r="A1473" s="3">
        <v>41761.676620370374</v>
      </c>
      <c r="B1473" s="2">
        <v>23.2</v>
      </c>
      <c r="C1473" s="2">
        <v>153</v>
      </c>
      <c r="D1473" s="2">
        <v>0</v>
      </c>
      <c r="E1473" s="2">
        <v>81.800000000000622</v>
      </c>
    </row>
    <row r="1474" spans="1:5" x14ac:dyDescent="0.25">
      <c r="A1474" s="3">
        <v>41761.676678240743</v>
      </c>
      <c r="B1474" s="2">
        <v>23.2</v>
      </c>
      <c r="C1474" s="2">
        <v>153</v>
      </c>
      <c r="D1474" s="2">
        <v>0.2</v>
      </c>
      <c r="E1474" s="2">
        <v>82.000000000000625</v>
      </c>
    </row>
    <row r="1475" spans="1:5" x14ac:dyDescent="0.25">
      <c r="A1475" s="3">
        <v>41761.676851851851</v>
      </c>
      <c r="B1475" s="2">
        <v>23.1</v>
      </c>
      <c r="C1475" s="2">
        <v>153.19999999999999</v>
      </c>
      <c r="D1475" s="2">
        <v>0.2</v>
      </c>
      <c r="E1475" s="2">
        <v>82.200000000000628</v>
      </c>
    </row>
    <row r="1476" spans="1:5" x14ac:dyDescent="0.25">
      <c r="A1476" s="3">
        <v>41761.677083333336</v>
      </c>
      <c r="B1476" s="2">
        <v>23.1</v>
      </c>
      <c r="C1476" s="2">
        <v>153.4</v>
      </c>
      <c r="D1476" s="2">
        <v>0</v>
      </c>
      <c r="E1476" s="2">
        <v>82.200000000000628</v>
      </c>
    </row>
    <row r="1477" spans="1:5" x14ac:dyDescent="0.25">
      <c r="A1477" s="3">
        <v>41761.677141203705</v>
      </c>
      <c r="B1477" s="2">
        <v>23.1</v>
      </c>
      <c r="C1477" s="2">
        <v>153.4</v>
      </c>
      <c r="D1477" s="2">
        <v>0.2</v>
      </c>
      <c r="E1477" s="2">
        <v>82.400000000000631</v>
      </c>
    </row>
    <row r="1478" spans="1:5" x14ac:dyDescent="0.25">
      <c r="A1478" s="3">
        <v>41761.677372685182</v>
      </c>
      <c r="B1478" s="2">
        <v>23.1</v>
      </c>
      <c r="C1478" s="2">
        <v>153.6</v>
      </c>
      <c r="D1478" s="2">
        <v>0.2</v>
      </c>
      <c r="E1478" s="2">
        <v>82.600000000000634</v>
      </c>
    </row>
    <row r="1479" spans="1:5" x14ac:dyDescent="0.25">
      <c r="A1479" s="3">
        <v>41761.677546296298</v>
      </c>
      <c r="B1479" s="2">
        <v>23.1</v>
      </c>
      <c r="C1479" s="2">
        <v>153.80000000000001</v>
      </c>
      <c r="D1479" s="2">
        <v>0</v>
      </c>
      <c r="E1479" s="2">
        <v>82.600000000000634</v>
      </c>
    </row>
    <row r="1480" spans="1:5" x14ac:dyDescent="0.25">
      <c r="A1480" s="3">
        <v>41761.677719907406</v>
      </c>
      <c r="B1480" s="2">
        <v>23.1</v>
      </c>
      <c r="C1480" s="2">
        <v>153.80000000000001</v>
      </c>
      <c r="D1480" s="2">
        <v>0.2</v>
      </c>
      <c r="E1480" s="2">
        <v>82.800000000000637</v>
      </c>
    </row>
    <row r="1481" spans="1:5" x14ac:dyDescent="0.25">
      <c r="A1481" s="3">
        <v>41761.677835648145</v>
      </c>
      <c r="B1481" s="2">
        <v>23.1</v>
      </c>
      <c r="C1481" s="2">
        <v>154</v>
      </c>
      <c r="D1481" s="2">
        <v>0</v>
      </c>
      <c r="E1481" s="2">
        <v>82.800000000000637</v>
      </c>
    </row>
    <row r="1482" spans="1:5" x14ac:dyDescent="0.25">
      <c r="A1482" s="3">
        <v>41761.678124999999</v>
      </c>
      <c r="B1482" s="2">
        <v>23</v>
      </c>
      <c r="C1482" s="2">
        <v>154</v>
      </c>
      <c r="D1482" s="2">
        <v>0.2</v>
      </c>
      <c r="E1482" s="2">
        <v>83.000000000000639</v>
      </c>
    </row>
    <row r="1483" spans="1:5" x14ac:dyDescent="0.25">
      <c r="A1483" s="3">
        <v>41761.679398148146</v>
      </c>
      <c r="B1483" s="2">
        <v>23</v>
      </c>
      <c r="C1483" s="2">
        <v>154.19999999999999</v>
      </c>
      <c r="D1483" s="2">
        <v>0</v>
      </c>
      <c r="E1483" s="2">
        <v>83.000000000000639</v>
      </c>
    </row>
    <row r="1484" spans="1:5" x14ac:dyDescent="0.25">
      <c r="A1484" s="3">
        <v>41761.679456018515</v>
      </c>
      <c r="B1484" s="2">
        <v>23</v>
      </c>
      <c r="C1484" s="2">
        <v>154</v>
      </c>
      <c r="D1484" s="2">
        <v>0</v>
      </c>
      <c r="E1484" s="2">
        <v>83.000000000000639</v>
      </c>
    </row>
    <row r="1485" spans="1:5" x14ac:dyDescent="0.25">
      <c r="A1485" s="3">
        <v>41761.680150462962</v>
      </c>
      <c r="B1485" s="2">
        <v>22.9</v>
      </c>
      <c r="C1485" s="2">
        <v>154.19999999999999</v>
      </c>
      <c r="D1485" s="2">
        <v>0</v>
      </c>
      <c r="E1485" s="2">
        <v>83.000000000000639</v>
      </c>
    </row>
    <row r="1486" spans="1:5" x14ac:dyDescent="0.25">
      <c r="A1486" s="3">
        <v>41761.680266203701</v>
      </c>
      <c r="B1486" s="2">
        <v>22.9</v>
      </c>
      <c r="C1486" s="2">
        <v>154</v>
      </c>
      <c r="D1486" s="2">
        <v>0</v>
      </c>
      <c r="E1486" s="2">
        <v>83.000000000000639</v>
      </c>
    </row>
    <row r="1487" spans="1:5" x14ac:dyDescent="0.25">
      <c r="A1487" s="3">
        <v>41761.694965277777</v>
      </c>
      <c r="B1487" s="2">
        <v>22.5</v>
      </c>
      <c r="C1487" s="2">
        <v>154</v>
      </c>
      <c r="D1487" s="2">
        <v>0.2</v>
      </c>
      <c r="E1487" s="2">
        <v>83.200000000000642</v>
      </c>
    </row>
    <row r="1488" spans="1:5" x14ac:dyDescent="0.25">
      <c r="A1488" s="3">
        <v>41761.699999999997</v>
      </c>
      <c r="B1488" s="2">
        <v>22.4</v>
      </c>
      <c r="C1488" s="2">
        <v>154.19999999999999</v>
      </c>
      <c r="D1488" s="2">
        <v>0</v>
      </c>
      <c r="E1488" s="2">
        <v>83.200000000000642</v>
      </c>
    </row>
    <row r="1489" spans="1:5" x14ac:dyDescent="0.25">
      <c r="A1489" s="3">
        <v>41761.700231481482</v>
      </c>
      <c r="B1489" s="2">
        <v>22.4</v>
      </c>
      <c r="C1489" s="2">
        <v>154</v>
      </c>
      <c r="D1489" s="2">
        <v>0</v>
      </c>
      <c r="E1489" s="2">
        <v>83.200000000000642</v>
      </c>
    </row>
    <row r="1490" spans="1:5" x14ac:dyDescent="0.25">
      <c r="A1490" s="3">
        <v>41761.70034722222</v>
      </c>
      <c r="B1490" s="2">
        <v>22.4</v>
      </c>
      <c r="C1490" s="2">
        <v>154.19999999999999</v>
      </c>
      <c r="D1490" s="2">
        <v>0</v>
      </c>
      <c r="E1490" s="2">
        <v>83.200000000000642</v>
      </c>
    </row>
    <row r="1491" spans="1:5" x14ac:dyDescent="0.25">
      <c r="A1491" s="3">
        <v>41761.700578703705</v>
      </c>
      <c r="B1491" s="2">
        <v>22.4</v>
      </c>
      <c r="C1491" s="2">
        <v>154</v>
      </c>
      <c r="D1491" s="2">
        <v>0</v>
      </c>
      <c r="E1491" s="2">
        <v>83.200000000000642</v>
      </c>
    </row>
    <row r="1492" spans="1:5" x14ac:dyDescent="0.25">
      <c r="A1492" s="3">
        <v>41761.709317129629</v>
      </c>
      <c r="B1492" s="2">
        <v>22.2</v>
      </c>
      <c r="C1492" s="2">
        <v>154</v>
      </c>
      <c r="D1492" s="2">
        <v>0.2</v>
      </c>
      <c r="E1492" s="2">
        <v>83.400000000000645</v>
      </c>
    </row>
    <row r="1493" spans="1:5" x14ac:dyDescent="0.25">
      <c r="A1493" s="3">
        <v>41761.709374999999</v>
      </c>
      <c r="B1493" s="2">
        <v>22.2</v>
      </c>
      <c r="C1493" s="2">
        <v>154.19999999999999</v>
      </c>
      <c r="D1493" s="2">
        <v>0</v>
      </c>
      <c r="E1493" s="2">
        <v>83.400000000000645</v>
      </c>
    </row>
    <row r="1494" spans="1:5" x14ac:dyDescent="0.25">
      <c r="A1494" s="3">
        <v>41761.710011574076</v>
      </c>
      <c r="B1494" s="2">
        <v>22.1</v>
      </c>
      <c r="C1494" s="2">
        <v>154.19999999999999</v>
      </c>
      <c r="D1494" s="2">
        <v>0.2</v>
      </c>
      <c r="E1494" s="2">
        <v>83.600000000000648</v>
      </c>
    </row>
    <row r="1495" spans="1:5" x14ac:dyDescent="0.25">
      <c r="A1495" s="3">
        <v>41761.710185185184</v>
      </c>
      <c r="B1495" s="2">
        <v>22.1</v>
      </c>
      <c r="C1495" s="2">
        <v>154.4</v>
      </c>
      <c r="D1495" s="2">
        <v>0</v>
      </c>
      <c r="E1495" s="2">
        <v>83.600000000000648</v>
      </c>
    </row>
    <row r="1496" spans="1:5" x14ac:dyDescent="0.25">
      <c r="A1496" s="3">
        <v>41761.710358796299</v>
      </c>
      <c r="B1496" s="2">
        <v>22.1</v>
      </c>
      <c r="C1496" s="2">
        <v>154.4</v>
      </c>
      <c r="D1496" s="2">
        <v>0.2</v>
      </c>
      <c r="E1496" s="2">
        <v>83.800000000000651</v>
      </c>
    </row>
    <row r="1497" spans="1:5" x14ac:dyDescent="0.25">
      <c r="A1497" s="3">
        <v>41761.710590277777</v>
      </c>
      <c r="B1497" s="2">
        <v>22.1</v>
      </c>
      <c r="C1497" s="2">
        <v>154.6</v>
      </c>
      <c r="D1497" s="2">
        <v>0</v>
      </c>
      <c r="E1497" s="2">
        <v>83.800000000000651</v>
      </c>
    </row>
    <row r="1498" spans="1:5" x14ac:dyDescent="0.25">
      <c r="A1498" s="3">
        <v>41761.710821759261</v>
      </c>
      <c r="B1498" s="2">
        <v>22.1</v>
      </c>
      <c r="C1498" s="2">
        <v>154.6</v>
      </c>
      <c r="D1498" s="2">
        <v>0.2</v>
      </c>
      <c r="E1498" s="2">
        <v>84.000000000000654</v>
      </c>
    </row>
    <row r="1499" spans="1:5" x14ac:dyDescent="0.25">
      <c r="A1499" s="3">
        <v>41761.710995370369</v>
      </c>
      <c r="B1499" s="2">
        <v>22.1</v>
      </c>
      <c r="C1499" s="2">
        <v>154.80000000000001</v>
      </c>
      <c r="D1499" s="2">
        <v>0</v>
      </c>
      <c r="E1499" s="2">
        <v>84.000000000000654</v>
      </c>
    </row>
    <row r="1500" spans="1:5" x14ac:dyDescent="0.25">
      <c r="A1500" s="3">
        <v>41761.711226851854</v>
      </c>
      <c r="B1500" s="2">
        <v>22.1</v>
      </c>
      <c r="C1500" s="2">
        <v>154.80000000000001</v>
      </c>
      <c r="D1500" s="2">
        <v>0.2</v>
      </c>
      <c r="E1500" s="2">
        <v>84.200000000000657</v>
      </c>
    </row>
    <row r="1501" spans="1:5" x14ac:dyDescent="0.25">
      <c r="A1501" s="3">
        <v>41761.711516203701</v>
      </c>
      <c r="B1501" s="2">
        <v>22.1</v>
      </c>
      <c r="C1501" s="2">
        <v>155</v>
      </c>
      <c r="D1501" s="2">
        <v>0</v>
      </c>
      <c r="E1501" s="2">
        <v>84.200000000000657</v>
      </c>
    </row>
    <row r="1502" spans="1:5" x14ac:dyDescent="0.25">
      <c r="A1502" s="3">
        <v>41761.711805555555</v>
      </c>
      <c r="B1502" s="2">
        <v>22</v>
      </c>
      <c r="C1502" s="2">
        <v>155</v>
      </c>
      <c r="D1502" s="2">
        <v>0.2</v>
      </c>
      <c r="E1502" s="2">
        <v>84.400000000000659</v>
      </c>
    </row>
    <row r="1503" spans="1:5" x14ac:dyDescent="0.25">
      <c r="A1503" s="3">
        <v>41761.71197916667</v>
      </c>
      <c r="B1503" s="2">
        <v>22</v>
      </c>
      <c r="C1503" s="2">
        <v>155.19999999999999</v>
      </c>
      <c r="D1503" s="2">
        <v>0</v>
      </c>
      <c r="E1503" s="2">
        <v>84.400000000000659</v>
      </c>
    </row>
    <row r="1504" spans="1:5" x14ac:dyDescent="0.25">
      <c r="A1504" s="3">
        <v>41761.712152777778</v>
      </c>
      <c r="B1504" s="2">
        <v>22</v>
      </c>
      <c r="C1504" s="2">
        <v>155.19999999999999</v>
      </c>
      <c r="D1504" s="2">
        <v>0.2</v>
      </c>
      <c r="E1504" s="2">
        <v>84.600000000000662</v>
      </c>
    </row>
    <row r="1505" spans="1:5" x14ac:dyDescent="0.25">
      <c r="A1505" s="3">
        <v>41761.712326388886</v>
      </c>
      <c r="B1505" s="2">
        <v>22</v>
      </c>
      <c r="C1505" s="2">
        <v>155.4</v>
      </c>
      <c r="D1505" s="2">
        <v>0</v>
      </c>
      <c r="E1505" s="2">
        <v>84.600000000000662</v>
      </c>
    </row>
    <row r="1506" spans="1:5" x14ac:dyDescent="0.25">
      <c r="A1506" s="3">
        <v>41761.71261574074</v>
      </c>
      <c r="B1506" s="2">
        <v>21.9</v>
      </c>
      <c r="C1506" s="2">
        <v>155.4</v>
      </c>
      <c r="D1506" s="2">
        <v>0.2</v>
      </c>
      <c r="E1506" s="2">
        <v>84.800000000000665</v>
      </c>
    </row>
    <row r="1507" spans="1:5" x14ac:dyDescent="0.25">
      <c r="A1507" s="3">
        <v>41761.712673611109</v>
      </c>
      <c r="B1507" s="2">
        <v>22</v>
      </c>
      <c r="C1507" s="2">
        <v>155.6</v>
      </c>
      <c r="D1507" s="2">
        <v>0</v>
      </c>
      <c r="E1507" s="2">
        <v>84.800000000000665</v>
      </c>
    </row>
    <row r="1508" spans="1:5" x14ac:dyDescent="0.25">
      <c r="A1508" s="3">
        <v>41761.712962962964</v>
      </c>
      <c r="B1508" s="2">
        <v>21.9</v>
      </c>
      <c r="C1508" s="2">
        <v>155.6</v>
      </c>
      <c r="D1508" s="2">
        <v>0.2</v>
      </c>
      <c r="E1508" s="2">
        <v>85.000000000000668</v>
      </c>
    </row>
    <row r="1509" spans="1:5" x14ac:dyDescent="0.25">
      <c r="A1509" s="3">
        <v>41761.713136574072</v>
      </c>
      <c r="B1509" s="2">
        <v>21.9</v>
      </c>
      <c r="C1509" s="2">
        <v>155.80000000000001</v>
      </c>
      <c r="D1509" s="2">
        <v>0</v>
      </c>
      <c r="E1509" s="2">
        <v>85.000000000000668</v>
      </c>
    </row>
    <row r="1510" spans="1:5" x14ac:dyDescent="0.25">
      <c r="A1510" s="3">
        <v>41761.713310185187</v>
      </c>
      <c r="B1510" s="2">
        <v>21.9</v>
      </c>
      <c r="C1510" s="2">
        <v>155.80000000000001</v>
      </c>
      <c r="D1510" s="2">
        <v>0.2</v>
      </c>
      <c r="E1510" s="2">
        <v>85.200000000000671</v>
      </c>
    </row>
    <row r="1511" spans="1:5" x14ac:dyDescent="0.25">
      <c r="A1511" s="3">
        <v>41761.713483796295</v>
      </c>
      <c r="B1511" s="2">
        <v>21.9</v>
      </c>
      <c r="C1511" s="2">
        <v>156</v>
      </c>
      <c r="D1511" s="2">
        <v>0</v>
      </c>
      <c r="E1511" s="2">
        <v>85.200000000000671</v>
      </c>
    </row>
    <row r="1512" spans="1:5" x14ac:dyDescent="0.25">
      <c r="A1512" s="3">
        <v>41761.71365740741</v>
      </c>
      <c r="B1512" s="2">
        <v>21.9</v>
      </c>
      <c r="C1512" s="2">
        <v>156</v>
      </c>
      <c r="D1512" s="2">
        <v>0.2</v>
      </c>
      <c r="E1512" s="2">
        <v>85.400000000000674</v>
      </c>
    </row>
    <row r="1513" spans="1:5" x14ac:dyDescent="0.25">
      <c r="A1513" s="3">
        <v>41761.713946759257</v>
      </c>
      <c r="B1513" s="2">
        <v>21.9</v>
      </c>
      <c r="C1513" s="2">
        <v>156.19999999999999</v>
      </c>
      <c r="D1513" s="2">
        <v>0</v>
      </c>
      <c r="E1513" s="2">
        <v>85.400000000000674</v>
      </c>
    </row>
    <row r="1514" spans="1:5" x14ac:dyDescent="0.25">
      <c r="A1514" s="3">
        <v>41761.714178240742</v>
      </c>
      <c r="B1514" s="2">
        <v>21.8</v>
      </c>
      <c r="C1514" s="2">
        <v>156.19999999999999</v>
      </c>
      <c r="D1514" s="2">
        <v>0.2</v>
      </c>
      <c r="E1514" s="2">
        <v>85.600000000000676</v>
      </c>
    </row>
    <row r="1515" spans="1:5" x14ac:dyDescent="0.25">
      <c r="A1515" s="3">
        <v>41761.714641203704</v>
      </c>
      <c r="B1515" s="2">
        <v>21.8</v>
      </c>
      <c r="C1515" s="2">
        <v>156.4</v>
      </c>
      <c r="D1515" s="2">
        <v>0</v>
      </c>
      <c r="E1515" s="2">
        <v>85.600000000000676</v>
      </c>
    </row>
    <row r="1516" spans="1:5" x14ac:dyDescent="0.25">
      <c r="A1516" s="3">
        <v>41761.715567129628</v>
      </c>
      <c r="B1516" s="2">
        <v>21.8</v>
      </c>
      <c r="C1516" s="2">
        <v>156.4</v>
      </c>
      <c r="D1516" s="2">
        <v>0.2</v>
      </c>
      <c r="E1516" s="2">
        <v>85.800000000000679</v>
      </c>
    </row>
    <row r="1517" spans="1:5" x14ac:dyDescent="0.25">
      <c r="A1517" s="3">
        <v>41761.716550925928</v>
      </c>
      <c r="B1517" s="2">
        <v>21.8</v>
      </c>
      <c r="C1517" s="2">
        <v>156.6</v>
      </c>
      <c r="D1517" s="2">
        <v>0</v>
      </c>
      <c r="E1517" s="2">
        <v>85.800000000000679</v>
      </c>
    </row>
    <row r="1518" spans="1:5" x14ac:dyDescent="0.25">
      <c r="A1518" s="3">
        <v>41761.717129629629</v>
      </c>
      <c r="B1518" s="2">
        <v>21.8</v>
      </c>
      <c r="C1518" s="2">
        <v>156.6</v>
      </c>
      <c r="D1518" s="2">
        <v>0.2</v>
      </c>
      <c r="E1518" s="2">
        <v>86.000000000000682</v>
      </c>
    </row>
    <row r="1519" spans="1:5" x14ac:dyDescent="0.25">
      <c r="A1519" s="3">
        <v>41761.717418981483</v>
      </c>
      <c r="B1519" s="2">
        <v>21.8</v>
      </c>
      <c r="C1519" s="2">
        <v>156.80000000000001</v>
      </c>
      <c r="D1519" s="2">
        <v>0</v>
      </c>
      <c r="E1519" s="2">
        <v>86.000000000000682</v>
      </c>
    </row>
    <row r="1520" spans="1:5" x14ac:dyDescent="0.25">
      <c r="A1520" s="3">
        <v>41761.717592592591</v>
      </c>
      <c r="B1520" s="2">
        <v>21.8</v>
      </c>
      <c r="C1520" s="2">
        <v>156.80000000000001</v>
      </c>
      <c r="D1520" s="2">
        <v>0.2</v>
      </c>
      <c r="E1520" s="2">
        <v>86.200000000000685</v>
      </c>
    </row>
    <row r="1521" spans="1:5" x14ac:dyDescent="0.25">
      <c r="A1521" s="3">
        <v>41761.717997685184</v>
      </c>
      <c r="B1521" s="2">
        <v>21.7</v>
      </c>
      <c r="C1521" s="2">
        <v>157</v>
      </c>
      <c r="D1521" s="2">
        <v>0</v>
      </c>
      <c r="E1521" s="2">
        <v>86.200000000000685</v>
      </c>
    </row>
    <row r="1522" spans="1:5" x14ac:dyDescent="0.25">
      <c r="A1522" s="3">
        <v>41761.718518518515</v>
      </c>
      <c r="B1522" s="2">
        <v>21.7</v>
      </c>
      <c r="C1522" s="2">
        <v>157</v>
      </c>
      <c r="D1522" s="2">
        <v>0.2</v>
      </c>
      <c r="E1522" s="2">
        <v>86.400000000000688</v>
      </c>
    </row>
    <row r="1523" spans="1:5" x14ac:dyDescent="0.25">
      <c r="A1523" s="3">
        <v>41761.719212962962</v>
      </c>
      <c r="B1523" s="2">
        <v>21.7</v>
      </c>
      <c r="C1523" s="2">
        <v>157.19999999999999</v>
      </c>
      <c r="D1523" s="2">
        <v>0</v>
      </c>
      <c r="E1523" s="2">
        <v>86.400000000000688</v>
      </c>
    </row>
    <row r="1524" spans="1:5" x14ac:dyDescent="0.25">
      <c r="A1524" s="3">
        <v>41761.719502314816</v>
      </c>
      <c r="B1524" s="2">
        <v>21.7</v>
      </c>
      <c r="C1524" s="2">
        <v>157.19999999999999</v>
      </c>
      <c r="D1524" s="2">
        <v>0.2</v>
      </c>
      <c r="E1524" s="2">
        <v>86.600000000000691</v>
      </c>
    </row>
    <row r="1525" spans="1:5" x14ac:dyDescent="0.25">
      <c r="A1525" s="3">
        <v>41761.720312500001</v>
      </c>
      <c r="B1525" s="2">
        <v>21.6</v>
      </c>
      <c r="C1525" s="2">
        <v>157.19999999999999</v>
      </c>
      <c r="D1525" s="2">
        <v>0.2</v>
      </c>
      <c r="E1525" s="2">
        <v>86.800000000000693</v>
      </c>
    </row>
    <row r="1526" spans="1:5" x14ac:dyDescent="0.25">
      <c r="A1526" s="3">
        <v>41761.720370370371</v>
      </c>
      <c r="B1526" s="2">
        <v>21.6</v>
      </c>
      <c r="C1526" s="2">
        <v>157.4</v>
      </c>
      <c r="D1526" s="2">
        <v>0</v>
      </c>
      <c r="E1526" s="2">
        <v>86.800000000000693</v>
      </c>
    </row>
    <row r="1527" spans="1:5" x14ac:dyDescent="0.25">
      <c r="A1527" s="3">
        <v>41761.721180555556</v>
      </c>
      <c r="B1527" s="2">
        <v>21.6</v>
      </c>
      <c r="C1527" s="2">
        <v>157.6</v>
      </c>
      <c r="D1527" s="2">
        <v>0.2</v>
      </c>
      <c r="E1527" s="2">
        <v>87.000000000000696</v>
      </c>
    </row>
    <row r="1528" spans="1:5" x14ac:dyDescent="0.25">
      <c r="A1528" s="3">
        <v>41761.721701388888</v>
      </c>
      <c r="B1528" s="2">
        <v>21.5</v>
      </c>
      <c r="C1528" s="2">
        <v>157.80000000000001</v>
      </c>
      <c r="D1528" s="2">
        <v>0</v>
      </c>
      <c r="E1528" s="2">
        <v>87.000000000000696</v>
      </c>
    </row>
    <row r="1529" spans="1:5" x14ac:dyDescent="0.25">
      <c r="A1529" s="3">
        <v>41761.722222222219</v>
      </c>
      <c r="B1529" s="2">
        <v>21.5</v>
      </c>
      <c r="C1529" s="2">
        <v>157.80000000000001</v>
      </c>
      <c r="D1529" s="2">
        <v>0.2</v>
      </c>
      <c r="E1529" s="2">
        <v>87.200000000000699</v>
      </c>
    </row>
    <row r="1530" spans="1:5" x14ac:dyDescent="0.25">
      <c r="A1530" s="3">
        <v>41761.722511574073</v>
      </c>
      <c r="B1530" s="2">
        <v>21.5</v>
      </c>
      <c r="C1530" s="2">
        <v>158</v>
      </c>
      <c r="D1530" s="2">
        <v>0</v>
      </c>
      <c r="E1530" s="2">
        <v>87.200000000000699</v>
      </c>
    </row>
    <row r="1531" spans="1:5" x14ac:dyDescent="0.25">
      <c r="A1531" s="3">
        <v>41761.723495370374</v>
      </c>
      <c r="B1531" s="2">
        <v>21.5</v>
      </c>
      <c r="C1531" s="2">
        <v>158</v>
      </c>
      <c r="D1531" s="2">
        <v>0.2</v>
      </c>
      <c r="E1531" s="2">
        <v>87.400000000000702</v>
      </c>
    </row>
    <row r="1532" spans="1:5" x14ac:dyDescent="0.25">
      <c r="A1532" s="3">
        <v>41761.724826388891</v>
      </c>
      <c r="B1532" s="2">
        <v>21.5</v>
      </c>
      <c r="C1532" s="2">
        <v>158.19999999999999</v>
      </c>
      <c r="D1532" s="2">
        <v>0</v>
      </c>
      <c r="E1532" s="2">
        <v>87.400000000000702</v>
      </c>
    </row>
    <row r="1533" spans="1:5" x14ac:dyDescent="0.25">
      <c r="A1533" s="3">
        <v>41761.727662037039</v>
      </c>
      <c r="B1533" s="2">
        <v>21.4</v>
      </c>
      <c r="C1533" s="2">
        <v>158.19999999999999</v>
      </c>
      <c r="D1533" s="2">
        <v>0.2</v>
      </c>
      <c r="E1533" s="2">
        <v>87.600000000000705</v>
      </c>
    </row>
    <row r="1534" spans="1:5" x14ac:dyDescent="0.25">
      <c r="A1534" s="3">
        <v>41761.73096064815</v>
      </c>
      <c r="B1534" s="2">
        <v>21.3</v>
      </c>
      <c r="C1534" s="2">
        <v>158.4</v>
      </c>
      <c r="D1534" s="2">
        <v>0</v>
      </c>
      <c r="E1534" s="2">
        <v>87.600000000000705</v>
      </c>
    </row>
    <row r="1535" spans="1:5" x14ac:dyDescent="0.25">
      <c r="A1535" s="3">
        <v>41761.73101851852</v>
      </c>
      <c r="B1535" s="2">
        <v>21.3</v>
      </c>
      <c r="C1535" s="2">
        <v>158.4</v>
      </c>
      <c r="D1535" s="2">
        <v>0.2</v>
      </c>
      <c r="E1535" s="2">
        <v>87.800000000000708</v>
      </c>
    </row>
    <row r="1536" spans="1:5" x14ac:dyDescent="0.25">
      <c r="A1536" s="3">
        <v>41761.732175925928</v>
      </c>
      <c r="B1536" s="2">
        <v>21.2</v>
      </c>
      <c r="C1536" s="2">
        <v>158.6</v>
      </c>
      <c r="D1536" s="2">
        <v>0</v>
      </c>
      <c r="E1536" s="2">
        <v>87.800000000000708</v>
      </c>
    </row>
    <row r="1537" spans="1:5" x14ac:dyDescent="0.25">
      <c r="A1537" s="3">
        <v>41761.732291666667</v>
      </c>
      <c r="B1537" s="2">
        <v>21.2</v>
      </c>
      <c r="C1537" s="2">
        <v>158.6</v>
      </c>
      <c r="D1537" s="2">
        <v>0.2</v>
      </c>
      <c r="E1537" s="2">
        <v>88.000000000000711</v>
      </c>
    </row>
    <row r="1538" spans="1:5" x14ac:dyDescent="0.25">
      <c r="A1538" s="3">
        <v>41761.732986111114</v>
      </c>
      <c r="B1538" s="2">
        <v>21.2</v>
      </c>
      <c r="C1538" s="2">
        <v>158.80000000000001</v>
      </c>
      <c r="D1538" s="2">
        <v>0.2</v>
      </c>
      <c r="E1538" s="2">
        <v>88.200000000000713</v>
      </c>
    </row>
    <row r="1539" spans="1:5" x14ac:dyDescent="0.25">
      <c r="A1539" s="3">
        <v>41761.733796296299</v>
      </c>
      <c r="B1539" s="2">
        <v>21.1</v>
      </c>
      <c r="C1539" s="2">
        <v>159</v>
      </c>
      <c r="D1539" s="2">
        <v>0</v>
      </c>
      <c r="E1539" s="2">
        <v>88.200000000000713</v>
      </c>
    </row>
    <row r="1540" spans="1:5" x14ac:dyDescent="0.25">
      <c r="A1540" s="3">
        <v>41761.734143518515</v>
      </c>
      <c r="B1540" s="2">
        <v>21.1</v>
      </c>
      <c r="C1540" s="2">
        <v>159</v>
      </c>
      <c r="D1540" s="2">
        <v>0.2</v>
      </c>
      <c r="E1540" s="2">
        <v>88.400000000000716</v>
      </c>
    </row>
    <row r="1541" spans="1:5" x14ac:dyDescent="0.25">
      <c r="A1541" s="3">
        <v>41761.73541666667</v>
      </c>
      <c r="B1541" s="2">
        <v>21.1</v>
      </c>
      <c r="C1541" s="2">
        <v>159.19999999999999</v>
      </c>
      <c r="D1541" s="2">
        <v>0</v>
      </c>
      <c r="E1541" s="2">
        <v>88.400000000000716</v>
      </c>
    </row>
    <row r="1542" spans="1:5" x14ac:dyDescent="0.25">
      <c r="A1542" s="3">
        <v>41761.735937500001</v>
      </c>
      <c r="B1542" s="2">
        <v>21.1</v>
      </c>
      <c r="C1542" s="2">
        <v>159.19999999999999</v>
      </c>
      <c r="D1542" s="2">
        <v>0.2</v>
      </c>
      <c r="E1542" s="2">
        <v>88.600000000000719</v>
      </c>
    </row>
    <row r="1543" spans="1:5" x14ac:dyDescent="0.25">
      <c r="A1543" s="3">
        <v>41761.755324074074</v>
      </c>
      <c r="B1543" s="2">
        <v>20.6</v>
      </c>
      <c r="C1543" s="2">
        <v>159.19999999999999</v>
      </c>
      <c r="D1543" s="2">
        <v>0.2</v>
      </c>
      <c r="E1543" s="2">
        <v>88.800000000000722</v>
      </c>
    </row>
    <row r="1544" spans="1:5" x14ac:dyDescent="0.25">
      <c r="A1544" s="3">
        <v>41761.757870370369</v>
      </c>
      <c r="B1544" s="2">
        <v>20.5</v>
      </c>
      <c r="C1544" s="2">
        <v>159.4</v>
      </c>
      <c r="D1544" s="2">
        <v>0</v>
      </c>
      <c r="E1544" s="2">
        <v>88.800000000000722</v>
      </c>
    </row>
    <row r="1545" spans="1:5" x14ac:dyDescent="0.25">
      <c r="A1545" s="3">
        <v>41761.762557870374</v>
      </c>
      <c r="B1545" s="2">
        <v>20.399999999999999</v>
      </c>
      <c r="C1545" s="2">
        <v>159.4</v>
      </c>
      <c r="D1545" s="2">
        <v>0.2</v>
      </c>
      <c r="E1545" s="2">
        <v>89.000000000000725</v>
      </c>
    </row>
    <row r="1546" spans="1:5" x14ac:dyDescent="0.25">
      <c r="A1546" s="3">
        <v>41761.764178240737</v>
      </c>
      <c r="B1546" s="2">
        <v>20.399999999999999</v>
      </c>
      <c r="C1546" s="2">
        <v>159.6</v>
      </c>
      <c r="D1546" s="2">
        <v>0</v>
      </c>
      <c r="E1546" s="2">
        <v>89.000000000000725</v>
      </c>
    </row>
    <row r="1547" spans="1:5" x14ac:dyDescent="0.25">
      <c r="A1547" s="3">
        <v>41761.764872685184</v>
      </c>
      <c r="B1547" s="2">
        <v>20.399999999999999</v>
      </c>
      <c r="C1547" s="2">
        <v>159.6</v>
      </c>
      <c r="D1547" s="2">
        <v>0.2</v>
      </c>
      <c r="E1547" s="2">
        <v>89.200000000000728</v>
      </c>
    </row>
    <row r="1548" spans="1:5" x14ac:dyDescent="0.25">
      <c r="A1548" s="3">
        <v>41761.765914351854</v>
      </c>
      <c r="B1548" s="2">
        <v>20.3</v>
      </c>
      <c r="C1548" s="2">
        <v>159.80000000000001</v>
      </c>
      <c r="D1548" s="2">
        <v>0</v>
      </c>
      <c r="E1548" s="2">
        <v>89.200000000000728</v>
      </c>
    </row>
    <row r="1549" spans="1:5" x14ac:dyDescent="0.25">
      <c r="A1549" s="3">
        <v>41761.766550925924</v>
      </c>
      <c r="B1549" s="2">
        <v>20.3</v>
      </c>
      <c r="C1549" s="2">
        <v>159.80000000000001</v>
      </c>
      <c r="D1549" s="2">
        <v>0.2</v>
      </c>
      <c r="E1549" s="2">
        <v>89.40000000000073</v>
      </c>
    </row>
    <row r="1550" spans="1:5" x14ac:dyDescent="0.25">
      <c r="A1550" s="3">
        <v>41761.767245370371</v>
      </c>
      <c r="B1550" s="2">
        <v>20.3</v>
      </c>
      <c r="C1550" s="2">
        <v>160</v>
      </c>
      <c r="D1550" s="2">
        <v>0</v>
      </c>
      <c r="E1550" s="2">
        <v>89.40000000000073</v>
      </c>
    </row>
    <row r="1551" spans="1:5" x14ac:dyDescent="0.25">
      <c r="A1551" s="3">
        <v>41761.767708333333</v>
      </c>
      <c r="B1551" s="2">
        <v>20.3</v>
      </c>
      <c r="C1551" s="2">
        <v>160</v>
      </c>
      <c r="D1551" s="2">
        <v>0.2</v>
      </c>
      <c r="E1551" s="2">
        <v>89.600000000000733</v>
      </c>
    </row>
    <row r="1552" spans="1:5" x14ac:dyDescent="0.25">
      <c r="A1552" s="3">
        <v>41761.768576388888</v>
      </c>
      <c r="B1552" s="2">
        <v>20.3</v>
      </c>
      <c r="C1552" s="2">
        <v>160.19999999999999</v>
      </c>
      <c r="D1552" s="2">
        <v>0</v>
      </c>
      <c r="E1552" s="2">
        <v>89.600000000000733</v>
      </c>
    </row>
    <row r="1553" spans="1:5" x14ac:dyDescent="0.25">
      <c r="A1553" s="3">
        <v>41761.768923611111</v>
      </c>
      <c r="B1553" s="2">
        <v>20.3</v>
      </c>
      <c r="C1553" s="2">
        <v>160.19999999999999</v>
      </c>
      <c r="D1553" s="2">
        <v>0.2</v>
      </c>
      <c r="E1553" s="2">
        <v>89.800000000000736</v>
      </c>
    </row>
    <row r="1554" spans="1:5" x14ac:dyDescent="0.25">
      <c r="A1554" s="3">
        <v>41761.769849537035</v>
      </c>
      <c r="B1554" s="2">
        <v>20.2</v>
      </c>
      <c r="C1554" s="2">
        <v>160.4</v>
      </c>
      <c r="D1554" s="2">
        <v>0</v>
      </c>
      <c r="E1554" s="2">
        <v>89.800000000000736</v>
      </c>
    </row>
    <row r="1555" spans="1:5" x14ac:dyDescent="0.25">
      <c r="A1555" s="3">
        <v>41761.770601851851</v>
      </c>
      <c r="B1555" s="2">
        <v>20.2</v>
      </c>
      <c r="C1555" s="2">
        <v>160.4</v>
      </c>
      <c r="D1555" s="2">
        <v>0.2</v>
      </c>
      <c r="E1555" s="2">
        <v>90.000000000000739</v>
      </c>
    </row>
    <row r="1556" spans="1:5" x14ac:dyDescent="0.25">
      <c r="A1556" s="3">
        <v>41761.772800925923</v>
      </c>
      <c r="B1556" s="2">
        <v>20.2</v>
      </c>
      <c r="C1556" s="2">
        <v>160.6</v>
      </c>
      <c r="D1556" s="2">
        <v>0</v>
      </c>
      <c r="E1556" s="2">
        <v>90.000000000000739</v>
      </c>
    </row>
    <row r="1557" spans="1:5" x14ac:dyDescent="0.25">
      <c r="A1557" s="3">
        <v>41761.773321759261</v>
      </c>
      <c r="B1557" s="2">
        <v>20.2</v>
      </c>
      <c r="C1557" s="2">
        <v>160.6</v>
      </c>
      <c r="D1557" s="2">
        <v>0.2</v>
      </c>
      <c r="E1557" s="2">
        <v>90.200000000000742</v>
      </c>
    </row>
    <row r="1558" spans="1:5" x14ac:dyDescent="0.25">
      <c r="A1558" s="3">
        <v>41761.774652777778</v>
      </c>
      <c r="B1558" s="2">
        <v>20.100000000000001</v>
      </c>
      <c r="C1558" s="2">
        <v>160.80000000000001</v>
      </c>
      <c r="D1558" s="2">
        <v>0</v>
      </c>
      <c r="E1558" s="2">
        <v>90.200000000000742</v>
      </c>
    </row>
    <row r="1559" spans="1:5" x14ac:dyDescent="0.25">
      <c r="A1559" s="3">
        <v>41761.774942129632</v>
      </c>
      <c r="B1559" s="2">
        <v>20.100000000000001</v>
      </c>
      <c r="C1559" s="2">
        <v>160.80000000000001</v>
      </c>
      <c r="D1559" s="2">
        <v>0.2</v>
      </c>
      <c r="E1559" s="2">
        <v>90.400000000000745</v>
      </c>
    </row>
    <row r="1560" spans="1:5" x14ac:dyDescent="0.25">
      <c r="A1560" s="3">
        <v>41761.776736111111</v>
      </c>
      <c r="B1560" s="2">
        <v>20.100000000000001</v>
      </c>
      <c r="C1560" s="2">
        <v>161</v>
      </c>
      <c r="D1560" s="2">
        <v>0</v>
      </c>
      <c r="E1560" s="2">
        <v>90.400000000000745</v>
      </c>
    </row>
    <row r="1561" spans="1:5" x14ac:dyDescent="0.25">
      <c r="A1561" s="3">
        <v>41761.777372685188</v>
      </c>
      <c r="B1561" s="2">
        <v>20.100000000000001</v>
      </c>
      <c r="C1561" s="2">
        <v>161</v>
      </c>
      <c r="D1561" s="2">
        <v>0.2</v>
      </c>
      <c r="E1561" s="2">
        <v>90.600000000000747</v>
      </c>
    </row>
    <row r="1562" spans="1:5" x14ac:dyDescent="0.25">
      <c r="A1562" s="3">
        <v>41761.780150462961</v>
      </c>
      <c r="B1562" s="2">
        <v>20</v>
      </c>
      <c r="C1562" s="2">
        <v>161.19999999999999</v>
      </c>
      <c r="D1562" s="2">
        <v>0</v>
      </c>
      <c r="E1562" s="2">
        <v>90.600000000000747</v>
      </c>
    </row>
    <row r="1563" spans="1:5" x14ac:dyDescent="0.25">
      <c r="A1563" s="3">
        <v>41761.781944444447</v>
      </c>
      <c r="B1563" s="2">
        <v>19.899999999999999</v>
      </c>
      <c r="C1563" s="2">
        <v>161.19999999999999</v>
      </c>
      <c r="D1563" s="2">
        <v>0.2</v>
      </c>
      <c r="E1563" s="2">
        <v>90.80000000000075</v>
      </c>
    </row>
    <row r="1564" spans="1:5" x14ac:dyDescent="0.25">
      <c r="A1564" s="3">
        <v>41761.78460648148</v>
      </c>
      <c r="B1564" s="2">
        <v>19.899999999999999</v>
      </c>
      <c r="C1564" s="2">
        <v>161.4</v>
      </c>
      <c r="D1564" s="2">
        <v>0</v>
      </c>
      <c r="E1564" s="2">
        <v>90.80000000000075</v>
      </c>
    </row>
    <row r="1565" spans="1:5" x14ac:dyDescent="0.25">
      <c r="A1565" s="3">
        <v>41761.785416666666</v>
      </c>
      <c r="B1565" s="2">
        <v>19.899999999999999</v>
      </c>
      <c r="C1565" s="2">
        <v>161.4</v>
      </c>
      <c r="D1565" s="2">
        <v>0.2</v>
      </c>
      <c r="E1565" s="2">
        <v>91.000000000000753</v>
      </c>
    </row>
    <row r="1566" spans="1:5" x14ac:dyDescent="0.25">
      <c r="A1566" s="3">
        <v>41761.788136574076</v>
      </c>
      <c r="B1566" s="2">
        <v>19.8</v>
      </c>
      <c r="C1566" s="2">
        <v>161.6</v>
      </c>
      <c r="D1566" s="2">
        <v>0</v>
      </c>
      <c r="E1566" s="2">
        <v>91.000000000000753</v>
      </c>
    </row>
    <row r="1567" spans="1:5" x14ac:dyDescent="0.25">
      <c r="A1567" s="3">
        <v>41761.788483796299</v>
      </c>
      <c r="B1567" s="2">
        <v>19.8</v>
      </c>
      <c r="C1567" s="2">
        <v>161.6</v>
      </c>
      <c r="D1567" s="2">
        <v>0.2</v>
      </c>
      <c r="E1567" s="2">
        <v>91.200000000000756</v>
      </c>
    </row>
    <row r="1568" spans="1:5" x14ac:dyDescent="0.25">
      <c r="A1568" s="3">
        <v>41761.790856481479</v>
      </c>
      <c r="B1568" s="2">
        <v>19.7</v>
      </c>
      <c r="C1568" s="2">
        <v>161.80000000000001</v>
      </c>
      <c r="D1568" s="2">
        <v>0.2</v>
      </c>
      <c r="E1568" s="2">
        <v>91.400000000000759</v>
      </c>
    </row>
    <row r="1569" spans="1:5" x14ac:dyDescent="0.25">
      <c r="A1569" s="3">
        <v>41761.794965277775</v>
      </c>
      <c r="B1569" s="2">
        <v>19.7</v>
      </c>
      <c r="C1569" s="2">
        <v>162</v>
      </c>
      <c r="D1569" s="2">
        <v>0</v>
      </c>
      <c r="E1569" s="2">
        <v>91.400000000000759</v>
      </c>
    </row>
    <row r="1570" spans="1:5" x14ac:dyDescent="0.25">
      <c r="A1570" s="3">
        <v>41761.795138888891</v>
      </c>
      <c r="B1570" s="2">
        <v>19.7</v>
      </c>
      <c r="C1570" s="2">
        <v>162</v>
      </c>
      <c r="D1570" s="2">
        <v>0.2</v>
      </c>
      <c r="E1570" s="2">
        <v>91.600000000000762</v>
      </c>
    </row>
    <row r="1571" spans="1:5" x14ac:dyDescent="0.25">
      <c r="A1571" s="3">
        <v>41761.79791666667</v>
      </c>
      <c r="B1571" s="2">
        <v>19.600000000000001</v>
      </c>
      <c r="C1571" s="2">
        <v>162</v>
      </c>
      <c r="D1571" s="2">
        <v>0.2</v>
      </c>
      <c r="E1571" s="2">
        <v>91.800000000000765</v>
      </c>
    </row>
    <row r="1572" spans="1:5" x14ac:dyDescent="0.25">
      <c r="A1572" s="3">
        <v>41761.798090277778</v>
      </c>
      <c r="B1572" s="2">
        <v>19.600000000000001</v>
      </c>
      <c r="C1572" s="2">
        <v>162.19999999999999</v>
      </c>
      <c r="D1572" s="2">
        <v>0</v>
      </c>
      <c r="E1572" s="2">
        <v>91.800000000000765</v>
      </c>
    </row>
    <row r="1573" spans="1:5" x14ac:dyDescent="0.25">
      <c r="A1573" s="3">
        <v>41761.799479166664</v>
      </c>
      <c r="B1573" s="2">
        <v>19.5</v>
      </c>
      <c r="C1573" s="2">
        <v>162.4</v>
      </c>
      <c r="D1573" s="2">
        <v>0</v>
      </c>
      <c r="E1573" s="2">
        <v>91.800000000000765</v>
      </c>
    </row>
    <row r="1574" spans="1:5" x14ac:dyDescent="0.25">
      <c r="A1574" s="3">
        <v>41761.799537037034</v>
      </c>
      <c r="B1574" s="2">
        <v>19.5</v>
      </c>
      <c r="C1574" s="2">
        <v>162.4</v>
      </c>
      <c r="D1574" s="2">
        <v>0.2</v>
      </c>
      <c r="E1574" s="2">
        <v>92.000000000000767</v>
      </c>
    </row>
    <row r="1575" spans="1:5" x14ac:dyDescent="0.25">
      <c r="A1575" s="3">
        <v>41761.801678240743</v>
      </c>
      <c r="B1575" s="2">
        <v>19.5</v>
      </c>
      <c r="C1575" s="2">
        <v>162.4</v>
      </c>
      <c r="D1575" s="2">
        <v>0.2</v>
      </c>
      <c r="E1575" s="2">
        <v>92.20000000000077</v>
      </c>
    </row>
    <row r="1576" spans="1:5" x14ac:dyDescent="0.25">
      <c r="A1576" s="3">
        <v>41761.801851851851</v>
      </c>
      <c r="B1576" s="2">
        <v>19.5</v>
      </c>
      <c r="C1576" s="2">
        <v>162.6</v>
      </c>
      <c r="D1576" s="2">
        <v>0</v>
      </c>
      <c r="E1576" s="2">
        <v>92.20000000000077</v>
      </c>
    </row>
    <row r="1577" spans="1:5" x14ac:dyDescent="0.25">
      <c r="A1577" s="3">
        <v>41761.80364583333</v>
      </c>
      <c r="B1577" s="2">
        <v>19.5</v>
      </c>
      <c r="C1577" s="2">
        <v>162.6</v>
      </c>
      <c r="D1577" s="2">
        <v>0.2</v>
      </c>
      <c r="E1577" s="2">
        <v>92.400000000000773</v>
      </c>
    </row>
    <row r="1578" spans="1:5" x14ac:dyDescent="0.25">
      <c r="A1578" s="3">
        <v>41761.804629629631</v>
      </c>
      <c r="B1578" s="2">
        <v>19.399999999999999</v>
      </c>
      <c r="C1578" s="2">
        <v>162.80000000000001</v>
      </c>
      <c r="D1578" s="2">
        <v>0</v>
      </c>
      <c r="E1578" s="2">
        <v>92.400000000000773</v>
      </c>
    </row>
    <row r="1579" spans="1:5" x14ac:dyDescent="0.25">
      <c r="A1579" s="3">
        <v>41761.805439814816</v>
      </c>
      <c r="B1579" s="2">
        <v>19.399999999999999</v>
      </c>
      <c r="C1579" s="2">
        <v>162.80000000000001</v>
      </c>
      <c r="D1579" s="2">
        <v>0.2</v>
      </c>
      <c r="E1579" s="2">
        <v>92.600000000000776</v>
      </c>
    </row>
    <row r="1580" spans="1:5" x14ac:dyDescent="0.25">
      <c r="A1580" s="3">
        <v>41761.806886574072</v>
      </c>
      <c r="B1580" s="2">
        <v>19.399999999999999</v>
      </c>
      <c r="C1580" s="2">
        <v>163</v>
      </c>
      <c r="D1580" s="2">
        <v>0</v>
      </c>
      <c r="E1580" s="2">
        <v>92.600000000000776</v>
      </c>
    </row>
    <row r="1581" spans="1:5" x14ac:dyDescent="0.25">
      <c r="A1581" s="3">
        <v>41761.807638888888</v>
      </c>
      <c r="B1581" s="2">
        <v>19.3</v>
      </c>
      <c r="C1581" s="2">
        <v>163</v>
      </c>
      <c r="D1581" s="2">
        <v>0.2</v>
      </c>
      <c r="E1581" s="2">
        <v>92.800000000000779</v>
      </c>
    </row>
    <row r="1582" spans="1:5" x14ac:dyDescent="0.25">
      <c r="A1582" s="3">
        <v>41761.80972222222</v>
      </c>
      <c r="B1582" s="2">
        <v>19.3</v>
      </c>
      <c r="C1582" s="2">
        <v>163</v>
      </c>
      <c r="D1582" s="2">
        <v>0.2</v>
      </c>
      <c r="E1582" s="2">
        <v>93.000000000000782</v>
      </c>
    </row>
    <row r="1583" spans="1:5" x14ac:dyDescent="0.25">
      <c r="A1583" s="3">
        <v>41761.809837962966</v>
      </c>
      <c r="B1583" s="2">
        <v>19.3</v>
      </c>
      <c r="C1583" s="2">
        <v>163.19999999999999</v>
      </c>
      <c r="D1583" s="2">
        <v>0</v>
      </c>
      <c r="E1583" s="2">
        <v>93.000000000000782</v>
      </c>
    </row>
    <row r="1584" spans="1:5" x14ac:dyDescent="0.25">
      <c r="A1584" s="3">
        <v>41761.812557870369</v>
      </c>
      <c r="B1584" s="2">
        <v>19.3</v>
      </c>
      <c r="C1584" s="2">
        <v>163.19999999999999</v>
      </c>
      <c r="D1584" s="2">
        <v>0.2</v>
      </c>
      <c r="E1584" s="2">
        <v>93.200000000000784</v>
      </c>
    </row>
    <row r="1585" spans="1:5" x14ac:dyDescent="0.25">
      <c r="A1585" s="3">
        <v>41761.813425925924</v>
      </c>
      <c r="B1585" s="2">
        <v>19.2</v>
      </c>
      <c r="C1585" s="2">
        <v>163.4</v>
      </c>
      <c r="D1585" s="2">
        <v>0</v>
      </c>
      <c r="E1585" s="2">
        <v>93.200000000000784</v>
      </c>
    </row>
    <row r="1586" spans="1:5" x14ac:dyDescent="0.25">
      <c r="A1586" s="3">
        <v>41761.822222222225</v>
      </c>
      <c r="B1586" s="2">
        <v>19.100000000000001</v>
      </c>
      <c r="C1586" s="2">
        <v>163.4</v>
      </c>
      <c r="D1586" s="2">
        <v>0.2</v>
      </c>
      <c r="E1586" s="2">
        <v>93.400000000000787</v>
      </c>
    </row>
    <row r="1587" spans="1:5" x14ac:dyDescent="0.25">
      <c r="A1587" s="3">
        <v>41761.939004629632</v>
      </c>
      <c r="B1587" s="2">
        <v>17.3</v>
      </c>
      <c r="C1587" s="2">
        <v>163.19999999999999</v>
      </c>
      <c r="D1587" s="2">
        <v>0</v>
      </c>
      <c r="E1587" s="2">
        <v>93.400000000000787</v>
      </c>
    </row>
    <row r="1588" spans="1:5" x14ac:dyDescent="0.25">
      <c r="A1588" s="3">
        <v>41762.158217592594</v>
      </c>
      <c r="B1588" s="2">
        <v>14.9</v>
      </c>
      <c r="C1588" s="2">
        <v>163</v>
      </c>
      <c r="D1588" s="2">
        <v>0</v>
      </c>
      <c r="E1588" s="2">
        <v>93.400000000000787</v>
      </c>
    </row>
    <row r="1589" spans="1:5" x14ac:dyDescent="0.25">
      <c r="A1589" s="3">
        <v>41762.402430555558</v>
      </c>
      <c r="B1589" s="2">
        <v>14.6</v>
      </c>
      <c r="C1589" s="2">
        <v>162.80000000000001</v>
      </c>
      <c r="D1589" s="2">
        <v>0</v>
      </c>
      <c r="E1589" s="2">
        <v>93.400000000000787</v>
      </c>
    </row>
    <row r="1590" spans="1:5" x14ac:dyDescent="0.25">
      <c r="A1590" s="3">
        <v>41762.583506944444</v>
      </c>
      <c r="B1590" s="2">
        <v>16.600000000000001</v>
      </c>
      <c r="C1590" s="2">
        <v>162.6</v>
      </c>
      <c r="D1590" s="2">
        <v>0</v>
      </c>
      <c r="E1590" s="2">
        <v>93.400000000000787</v>
      </c>
    </row>
    <row r="1591" spans="1:5" x14ac:dyDescent="0.25">
      <c r="A1591" s="3">
        <v>41762.592418981483</v>
      </c>
      <c r="B1591" s="2">
        <v>16.8</v>
      </c>
      <c r="C1591" s="2">
        <v>162.80000000000001</v>
      </c>
      <c r="D1591" s="2">
        <v>0</v>
      </c>
      <c r="E1591" s="2">
        <v>93.400000000000787</v>
      </c>
    </row>
    <row r="1592" spans="1:5" x14ac:dyDescent="0.25">
      <c r="A1592" s="3">
        <v>41762.592534722222</v>
      </c>
      <c r="B1592" s="2">
        <v>16.8</v>
      </c>
      <c r="C1592" s="2">
        <v>162.6</v>
      </c>
      <c r="D1592" s="2">
        <v>0</v>
      </c>
      <c r="E1592" s="2">
        <v>93.400000000000787</v>
      </c>
    </row>
    <row r="1593" spans="1:5" x14ac:dyDescent="0.25">
      <c r="A1593" s="3">
        <v>41762.607407407406</v>
      </c>
      <c r="B1593" s="2">
        <v>17.100000000000001</v>
      </c>
      <c r="C1593" s="2">
        <v>162.80000000000001</v>
      </c>
      <c r="D1593" s="2">
        <v>0</v>
      </c>
      <c r="E1593" s="2">
        <v>93.400000000000787</v>
      </c>
    </row>
    <row r="1594" spans="1:5" x14ac:dyDescent="0.25">
      <c r="A1594" s="3">
        <v>41762.607523148145</v>
      </c>
      <c r="B1594" s="2">
        <v>17.100000000000001</v>
      </c>
      <c r="C1594" s="2">
        <v>162.6</v>
      </c>
      <c r="D1594" s="2">
        <v>0</v>
      </c>
      <c r="E1594" s="2">
        <v>93.400000000000787</v>
      </c>
    </row>
    <row r="1595" spans="1:5" x14ac:dyDescent="0.25">
      <c r="A1595" s="3">
        <v>41762.611979166664</v>
      </c>
      <c r="B1595" s="2">
        <v>17.100000000000001</v>
      </c>
      <c r="C1595" s="2">
        <v>162.80000000000001</v>
      </c>
      <c r="D1595" s="2">
        <v>0</v>
      </c>
      <c r="E1595" s="2">
        <v>93.400000000000787</v>
      </c>
    </row>
    <row r="1596" spans="1:5" x14ac:dyDescent="0.25">
      <c r="A1596" s="3">
        <v>41762.612037037034</v>
      </c>
      <c r="B1596" s="2">
        <v>17.100000000000001</v>
      </c>
      <c r="C1596" s="2">
        <v>162.6</v>
      </c>
      <c r="D1596" s="2">
        <v>0</v>
      </c>
      <c r="E1596" s="2">
        <v>93.400000000000787</v>
      </c>
    </row>
    <row r="1597" spans="1:5" x14ac:dyDescent="0.25">
      <c r="A1597" s="3">
        <v>41762.70989583333</v>
      </c>
      <c r="B1597" s="2">
        <v>17.2</v>
      </c>
      <c r="C1597" s="2">
        <v>162.4</v>
      </c>
      <c r="D1597" s="2">
        <v>0</v>
      </c>
      <c r="E1597" s="2">
        <v>93.400000000000787</v>
      </c>
    </row>
    <row r="1598" spans="1:5" x14ac:dyDescent="0.25">
      <c r="A1598" s="3">
        <v>41762.818344907406</v>
      </c>
      <c r="B1598" s="2">
        <v>16.399999999999999</v>
      </c>
      <c r="C1598" s="2">
        <v>162.4</v>
      </c>
      <c r="D1598" s="2">
        <v>0.2</v>
      </c>
      <c r="E1598" s="2">
        <v>93.60000000000079</v>
      </c>
    </row>
    <row r="1599" spans="1:5" x14ac:dyDescent="0.25">
      <c r="A1599" s="3">
        <v>41762.859085648146</v>
      </c>
      <c r="B1599" s="2">
        <v>15.9</v>
      </c>
      <c r="C1599" s="2">
        <v>162.4</v>
      </c>
      <c r="D1599" s="2">
        <v>0.2</v>
      </c>
      <c r="E1599" s="2">
        <v>93.800000000000793</v>
      </c>
    </row>
    <row r="1600" spans="1:5" x14ac:dyDescent="0.25">
      <c r="A1600" s="3">
        <v>41762.893634259257</v>
      </c>
      <c r="B1600" s="2">
        <v>15.6</v>
      </c>
      <c r="C1600" s="2">
        <v>162.4</v>
      </c>
      <c r="D1600" s="2">
        <v>0.2</v>
      </c>
      <c r="E1600" s="2">
        <v>94.000000000000796</v>
      </c>
    </row>
    <row r="1601" spans="1:5" x14ac:dyDescent="0.25">
      <c r="A1601" s="3">
        <v>41763.229687500003</v>
      </c>
      <c r="B1601" s="2">
        <v>12.1</v>
      </c>
      <c r="C1601" s="2">
        <v>162.19999999999999</v>
      </c>
      <c r="D1601" s="2">
        <v>0</v>
      </c>
      <c r="E1601" s="2">
        <v>94.000000000000796</v>
      </c>
    </row>
    <row r="1602" spans="1:5" x14ac:dyDescent="0.25">
      <c r="A1602" s="3">
        <v>41763.229803240742</v>
      </c>
      <c r="B1602" s="2">
        <v>12.1</v>
      </c>
      <c r="C1602" s="2">
        <v>162.4</v>
      </c>
      <c r="D1602" s="2">
        <v>0</v>
      </c>
      <c r="E1602" s="2">
        <v>94.000000000000796</v>
      </c>
    </row>
    <row r="1603" spans="1:5" x14ac:dyDescent="0.25">
      <c r="A1603" s="3">
        <v>41763.232175925928</v>
      </c>
      <c r="B1603" s="2">
        <v>12.1</v>
      </c>
      <c r="C1603" s="2">
        <v>162.19999999999999</v>
      </c>
      <c r="D1603" s="2">
        <v>0</v>
      </c>
      <c r="E1603" s="2">
        <v>94.000000000000796</v>
      </c>
    </row>
    <row r="1604" spans="1:5" x14ac:dyDescent="0.25">
      <c r="A1604" s="3">
        <v>41763.374768518515</v>
      </c>
      <c r="B1604" s="2">
        <v>11.7</v>
      </c>
      <c r="C1604" s="2">
        <v>162</v>
      </c>
      <c r="D1604" s="2">
        <v>0</v>
      </c>
      <c r="E1604" s="2">
        <v>94.000000000000796</v>
      </c>
    </row>
    <row r="1605" spans="1:5" x14ac:dyDescent="0.25">
      <c r="A1605" s="3">
        <v>41763.375115740739</v>
      </c>
      <c r="B1605" s="2">
        <v>11.7</v>
      </c>
      <c r="C1605" s="2">
        <v>162.19999999999999</v>
      </c>
      <c r="D1605" s="2">
        <v>0</v>
      </c>
      <c r="E1605" s="2">
        <v>94.000000000000796</v>
      </c>
    </row>
    <row r="1606" spans="1:5" x14ac:dyDescent="0.25">
      <c r="A1606" s="3">
        <v>41763.375636574077</v>
      </c>
      <c r="B1606" s="2">
        <v>11.7</v>
      </c>
      <c r="C1606" s="2">
        <v>162</v>
      </c>
      <c r="D1606" s="2">
        <v>0</v>
      </c>
      <c r="E1606" s="2">
        <v>94.000000000000796</v>
      </c>
    </row>
    <row r="1607" spans="1:5" x14ac:dyDescent="0.25">
      <c r="A1607" s="3">
        <v>41763.376967592594</v>
      </c>
      <c r="B1607" s="2">
        <v>11.7</v>
      </c>
      <c r="C1607" s="2">
        <v>162.19999999999999</v>
      </c>
      <c r="D1607" s="2">
        <v>0</v>
      </c>
      <c r="E1607" s="2">
        <v>94.000000000000796</v>
      </c>
    </row>
    <row r="1608" spans="1:5" x14ac:dyDescent="0.25">
      <c r="A1608" s="3">
        <v>41763.377025462964</v>
      </c>
      <c r="B1608" s="2">
        <v>11.7</v>
      </c>
      <c r="C1608" s="2">
        <v>162</v>
      </c>
      <c r="D1608" s="2">
        <v>0</v>
      </c>
      <c r="E1608" s="2">
        <v>94.000000000000796</v>
      </c>
    </row>
    <row r="1609" spans="1:5" x14ac:dyDescent="0.25">
      <c r="A1609" s="3">
        <v>41763.37771990741</v>
      </c>
      <c r="B1609" s="2">
        <v>11.7</v>
      </c>
      <c r="C1609" s="2">
        <v>162.19999999999999</v>
      </c>
      <c r="D1609" s="2">
        <v>0</v>
      </c>
      <c r="E1609" s="2">
        <v>94.000000000000796</v>
      </c>
    </row>
    <row r="1610" spans="1:5" x14ac:dyDescent="0.25">
      <c r="A1610" s="3">
        <v>41763.37777777778</v>
      </c>
      <c r="B1610" s="2">
        <v>11.7</v>
      </c>
      <c r="C1610" s="2">
        <v>162</v>
      </c>
      <c r="D1610" s="2">
        <v>0</v>
      </c>
      <c r="E1610" s="2">
        <v>94.000000000000796</v>
      </c>
    </row>
    <row r="1611" spans="1:5" x14ac:dyDescent="0.25">
      <c r="A1611" s="3">
        <v>41763.434953703705</v>
      </c>
      <c r="B1611" s="2">
        <v>12.4</v>
      </c>
      <c r="C1611" s="2">
        <v>161.80000000000001</v>
      </c>
      <c r="D1611" s="2">
        <v>0</v>
      </c>
      <c r="E1611" s="2">
        <v>94.000000000000796</v>
      </c>
    </row>
    <row r="1612" spans="1:5" x14ac:dyDescent="0.25">
      <c r="A1612" s="3">
        <v>41763.437268518515</v>
      </c>
      <c r="B1612" s="2">
        <v>12.5</v>
      </c>
      <c r="C1612" s="2">
        <v>162</v>
      </c>
      <c r="D1612" s="2">
        <v>0</v>
      </c>
      <c r="E1612" s="2">
        <v>94.000000000000796</v>
      </c>
    </row>
    <row r="1613" spans="1:5" x14ac:dyDescent="0.25">
      <c r="A1613" s="3">
        <v>41763.437442129631</v>
      </c>
      <c r="B1613" s="2">
        <v>12.5</v>
      </c>
      <c r="C1613" s="2">
        <v>161.80000000000001</v>
      </c>
      <c r="D1613" s="2">
        <v>0</v>
      </c>
      <c r="E1613" s="2">
        <v>94.000000000000796</v>
      </c>
    </row>
    <row r="1614" spans="1:5" x14ac:dyDescent="0.25">
      <c r="A1614" s="3">
        <v>41763.449421296296</v>
      </c>
      <c r="B1614" s="2">
        <v>13</v>
      </c>
      <c r="C1614" s="2">
        <v>161.6</v>
      </c>
      <c r="D1614" s="2">
        <v>0</v>
      </c>
      <c r="E1614" s="2">
        <v>94.000000000000796</v>
      </c>
    </row>
    <row r="1615" spans="1:5" x14ac:dyDescent="0.25">
      <c r="A1615" s="3">
        <v>41763.449594907404</v>
      </c>
      <c r="B1615" s="2">
        <v>13</v>
      </c>
      <c r="C1615" s="2">
        <v>161.80000000000001</v>
      </c>
      <c r="D1615" s="2">
        <v>0</v>
      </c>
      <c r="E1615" s="2">
        <v>94.000000000000796</v>
      </c>
    </row>
    <row r="1616" spans="1:5" x14ac:dyDescent="0.25">
      <c r="A1616" s="3">
        <v>41763.450173611112</v>
      </c>
      <c r="B1616" s="2">
        <v>13</v>
      </c>
      <c r="C1616" s="2">
        <v>161.6</v>
      </c>
      <c r="D1616" s="2">
        <v>0</v>
      </c>
      <c r="E1616" s="2">
        <v>94.000000000000796</v>
      </c>
    </row>
    <row r="1617" spans="1:5" x14ac:dyDescent="0.25">
      <c r="A1617" s="3">
        <v>41763.451099537036</v>
      </c>
      <c r="B1617" s="2">
        <v>13.1</v>
      </c>
      <c r="C1617" s="2">
        <v>161.80000000000001</v>
      </c>
      <c r="D1617" s="2">
        <v>0</v>
      </c>
      <c r="E1617" s="2">
        <v>94.000000000000796</v>
      </c>
    </row>
    <row r="1618" spans="1:5" x14ac:dyDescent="0.25">
      <c r="A1618" s="3">
        <v>41763.451273148145</v>
      </c>
      <c r="B1618" s="2">
        <v>13.1</v>
      </c>
      <c r="C1618" s="2">
        <v>161.6</v>
      </c>
      <c r="D1618" s="2">
        <v>0</v>
      </c>
      <c r="E1618" s="2">
        <v>94.000000000000796</v>
      </c>
    </row>
    <row r="1619" spans="1:5" x14ac:dyDescent="0.25">
      <c r="A1619" s="3">
        <v>41763.452430555553</v>
      </c>
      <c r="B1619" s="2">
        <v>13.1</v>
      </c>
      <c r="C1619" s="2">
        <v>161.80000000000001</v>
      </c>
      <c r="D1619" s="2">
        <v>0</v>
      </c>
      <c r="E1619" s="2">
        <v>94.000000000000796</v>
      </c>
    </row>
    <row r="1620" spans="1:5" x14ac:dyDescent="0.25">
      <c r="A1620" s="3">
        <v>41763.452488425923</v>
      </c>
      <c r="B1620" s="2">
        <v>13.1</v>
      </c>
      <c r="C1620" s="2">
        <v>161.6</v>
      </c>
      <c r="D1620" s="2">
        <v>0</v>
      </c>
      <c r="E1620" s="2">
        <v>94.000000000000796</v>
      </c>
    </row>
    <row r="1621" spans="1:5" x14ac:dyDescent="0.25">
      <c r="A1621" s="3">
        <v>41763.453414351854</v>
      </c>
      <c r="B1621" s="2">
        <v>13.2</v>
      </c>
      <c r="C1621" s="2">
        <v>161.80000000000001</v>
      </c>
      <c r="D1621" s="2">
        <v>0</v>
      </c>
      <c r="E1621" s="2">
        <v>94.000000000000796</v>
      </c>
    </row>
    <row r="1622" spans="1:5" x14ac:dyDescent="0.25">
      <c r="A1622" s="3">
        <v>41763.453530092593</v>
      </c>
      <c r="B1622" s="2">
        <v>13.2</v>
      </c>
      <c r="C1622" s="2">
        <v>161.6</v>
      </c>
      <c r="D1622" s="2">
        <v>0</v>
      </c>
      <c r="E1622" s="2">
        <v>94.000000000000796</v>
      </c>
    </row>
    <row r="1623" spans="1:5" x14ac:dyDescent="0.25">
      <c r="A1623" s="3">
        <v>41763.463425925926</v>
      </c>
      <c r="B1623" s="2">
        <v>13.7</v>
      </c>
      <c r="C1623" s="2">
        <v>161.80000000000001</v>
      </c>
      <c r="D1623" s="2">
        <v>0</v>
      </c>
      <c r="E1623" s="2">
        <v>94.000000000000796</v>
      </c>
    </row>
    <row r="1624" spans="1:5" x14ac:dyDescent="0.25">
      <c r="A1624" s="3">
        <v>41763.463541666664</v>
      </c>
      <c r="B1624" s="2">
        <v>13.7</v>
      </c>
      <c r="C1624" s="2">
        <v>161.6</v>
      </c>
      <c r="D1624" s="2">
        <v>0</v>
      </c>
      <c r="E1624" s="2">
        <v>94.000000000000796</v>
      </c>
    </row>
    <row r="1625" spans="1:5" x14ac:dyDescent="0.25">
      <c r="A1625" s="3">
        <v>41763.465451388889</v>
      </c>
      <c r="B1625" s="2">
        <v>13.7</v>
      </c>
      <c r="C1625" s="2">
        <v>161.80000000000001</v>
      </c>
      <c r="D1625" s="2">
        <v>0</v>
      </c>
      <c r="E1625" s="2">
        <v>94.000000000000796</v>
      </c>
    </row>
    <row r="1626" spans="1:5" x14ac:dyDescent="0.25">
      <c r="A1626" s="3">
        <v>41763.465567129628</v>
      </c>
      <c r="B1626" s="2">
        <v>13.8</v>
      </c>
      <c r="C1626" s="2">
        <v>161.6</v>
      </c>
      <c r="D1626" s="2">
        <v>0</v>
      </c>
      <c r="E1626" s="2">
        <v>94.000000000000796</v>
      </c>
    </row>
    <row r="1627" spans="1:5" x14ac:dyDescent="0.25">
      <c r="A1627" s="3">
        <v>41763.466608796298</v>
      </c>
      <c r="B1627" s="2">
        <v>13.8</v>
      </c>
      <c r="C1627" s="2">
        <v>161.80000000000001</v>
      </c>
      <c r="D1627" s="2">
        <v>0</v>
      </c>
      <c r="E1627" s="2">
        <v>94.000000000000796</v>
      </c>
    </row>
    <row r="1628" spans="1:5" x14ac:dyDescent="0.25">
      <c r="A1628" s="3">
        <v>41763.466666666667</v>
      </c>
      <c r="B1628" s="2">
        <v>13.8</v>
      </c>
      <c r="C1628" s="2">
        <v>161.6</v>
      </c>
      <c r="D1628" s="2">
        <v>0</v>
      </c>
      <c r="E1628" s="2">
        <v>94.000000000000796</v>
      </c>
    </row>
    <row r="1629" spans="1:5" x14ac:dyDescent="0.25">
      <c r="A1629" s="3">
        <v>41763.467129629629</v>
      </c>
      <c r="B1629" s="2">
        <v>13.8</v>
      </c>
      <c r="C1629" s="2">
        <v>161.80000000000001</v>
      </c>
      <c r="D1629" s="2">
        <v>0</v>
      </c>
      <c r="E1629" s="2">
        <v>94.000000000000796</v>
      </c>
    </row>
    <row r="1630" spans="1:5" x14ac:dyDescent="0.25">
      <c r="A1630" s="3">
        <v>41763.467303240737</v>
      </c>
      <c r="B1630" s="2">
        <v>13.8</v>
      </c>
      <c r="C1630" s="2">
        <v>161.6</v>
      </c>
      <c r="D1630" s="2">
        <v>0</v>
      </c>
      <c r="E1630" s="2">
        <v>94.000000000000796</v>
      </c>
    </row>
    <row r="1631" spans="1:5" x14ac:dyDescent="0.25">
      <c r="A1631" s="3">
        <v>41763.468344907407</v>
      </c>
      <c r="B1631" s="2">
        <v>13.9</v>
      </c>
      <c r="C1631" s="2">
        <v>161.80000000000001</v>
      </c>
      <c r="D1631" s="2">
        <v>0</v>
      </c>
      <c r="E1631" s="2">
        <v>94.000000000000796</v>
      </c>
    </row>
    <row r="1632" spans="1:5" x14ac:dyDescent="0.25">
      <c r="A1632" s="3">
        <v>41763.468518518515</v>
      </c>
      <c r="B1632" s="2">
        <v>13.9</v>
      </c>
      <c r="C1632" s="2">
        <v>161.6</v>
      </c>
      <c r="D1632" s="2">
        <v>0</v>
      </c>
      <c r="E1632" s="2">
        <v>94.000000000000796</v>
      </c>
    </row>
    <row r="1633" spans="1:5" x14ac:dyDescent="0.25">
      <c r="A1633" s="3">
        <v>41763.470312500001</v>
      </c>
      <c r="B1633" s="2">
        <v>14</v>
      </c>
      <c r="C1633" s="2">
        <v>161.80000000000001</v>
      </c>
      <c r="D1633" s="2">
        <v>0</v>
      </c>
      <c r="E1633" s="2">
        <v>94.000000000000796</v>
      </c>
    </row>
    <row r="1634" spans="1:5" x14ac:dyDescent="0.25">
      <c r="A1634" s="3">
        <v>41763.470370370371</v>
      </c>
      <c r="B1634" s="2">
        <v>14</v>
      </c>
      <c r="C1634" s="2">
        <v>161.6</v>
      </c>
      <c r="D1634" s="2">
        <v>0</v>
      </c>
      <c r="E1634" s="2">
        <v>94.000000000000796</v>
      </c>
    </row>
    <row r="1635" spans="1:5" x14ac:dyDescent="0.25">
      <c r="A1635" s="3">
        <v>41763.472048611111</v>
      </c>
      <c r="B1635" s="2">
        <v>14.1</v>
      </c>
      <c r="C1635" s="2">
        <v>161.80000000000001</v>
      </c>
      <c r="D1635" s="2">
        <v>0</v>
      </c>
      <c r="E1635" s="2">
        <v>94.000000000000796</v>
      </c>
    </row>
    <row r="1636" spans="1:5" x14ac:dyDescent="0.25">
      <c r="A1636" s="3">
        <v>41763.472222222219</v>
      </c>
      <c r="B1636" s="2">
        <v>14.1</v>
      </c>
      <c r="C1636" s="2">
        <v>161.6</v>
      </c>
      <c r="D1636" s="2">
        <v>0</v>
      </c>
      <c r="E1636" s="2">
        <v>94.000000000000796</v>
      </c>
    </row>
    <row r="1637" spans="1:5" x14ac:dyDescent="0.25">
      <c r="A1637" s="3">
        <v>41763.472280092596</v>
      </c>
      <c r="B1637" s="2">
        <v>14.1</v>
      </c>
      <c r="C1637" s="2">
        <v>161.80000000000001</v>
      </c>
      <c r="D1637" s="2">
        <v>0</v>
      </c>
      <c r="E1637" s="2">
        <v>94.000000000000796</v>
      </c>
    </row>
    <row r="1638" spans="1:5" x14ac:dyDescent="0.25">
      <c r="A1638" s="3">
        <v>41763.472453703704</v>
      </c>
      <c r="B1638" s="2">
        <v>14.1</v>
      </c>
      <c r="C1638" s="2">
        <v>161.6</v>
      </c>
      <c r="D1638" s="2">
        <v>0</v>
      </c>
      <c r="E1638" s="2">
        <v>94.000000000000796</v>
      </c>
    </row>
    <row r="1639" spans="1:5" x14ac:dyDescent="0.25">
      <c r="A1639" s="3">
        <v>41763.475115740737</v>
      </c>
      <c r="B1639" s="2">
        <v>14.2</v>
      </c>
      <c r="C1639" s="2">
        <v>161.80000000000001</v>
      </c>
      <c r="D1639" s="2">
        <v>0</v>
      </c>
      <c r="E1639" s="2">
        <v>94.000000000000796</v>
      </c>
    </row>
    <row r="1640" spans="1:5" x14ac:dyDescent="0.25">
      <c r="A1640" s="3">
        <v>41763.475173611114</v>
      </c>
      <c r="B1640" s="2">
        <v>14.2</v>
      </c>
      <c r="C1640" s="2">
        <v>161.6</v>
      </c>
      <c r="D1640" s="2">
        <v>0</v>
      </c>
      <c r="E1640" s="2">
        <v>94.000000000000796</v>
      </c>
    </row>
    <row r="1641" spans="1:5" x14ac:dyDescent="0.25">
      <c r="A1641" s="3">
        <v>41763.475231481483</v>
      </c>
      <c r="B1641" s="2">
        <v>14.2</v>
      </c>
      <c r="C1641" s="2">
        <v>161.80000000000001</v>
      </c>
      <c r="D1641" s="2">
        <v>0</v>
      </c>
      <c r="E1641" s="2">
        <v>94.000000000000796</v>
      </c>
    </row>
    <row r="1642" spans="1:5" x14ac:dyDescent="0.25">
      <c r="A1642" s="3">
        <v>41763.475347222222</v>
      </c>
      <c r="B1642" s="2">
        <v>14.2</v>
      </c>
      <c r="C1642" s="2">
        <v>161.6</v>
      </c>
      <c r="D1642" s="2">
        <v>0</v>
      </c>
      <c r="E1642" s="2">
        <v>94.000000000000796</v>
      </c>
    </row>
    <row r="1643" spans="1:5" x14ac:dyDescent="0.25">
      <c r="A1643" s="3">
        <v>41763.566145833334</v>
      </c>
      <c r="B1643" s="2">
        <v>19.3</v>
      </c>
      <c r="C1643" s="2">
        <v>161.4</v>
      </c>
      <c r="D1643" s="2">
        <v>0</v>
      </c>
      <c r="E1643" s="2">
        <v>94.000000000000796</v>
      </c>
    </row>
    <row r="1644" spans="1:5" x14ac:dyDescent="0.25">
      <c r="A1644" s="3">
        <v>41763.566724537035</v>
      </c>
      <c r="B1644" s="2">
        <v>19.3</v>
      </c>
      <c r="C1644" s="2">
        <v>161.6</v>
      </c>
      <c r="D1644" s="2">
        <v>0</v>
      </c>
      <c r="E1644" s="2">
        <v>94.000000000000796</v>
      </c>
    </row>
    <row r="1645" spans="1:5" x14ac:dyDescent="0.25">
      <c r="A1645" s="3">
        <v>41763.567766203705</v>
      </c>
      <c r="B1645" s="2">
        <v>19.3</v>
      </c>
      <c r="C1645" s="2">
        <v>161.4</v>
      </c>
      <c r="D1645" s="2">
        <v>0</v>
      </c>
      <c r="E1645" s="2">
        <v>94.000000000000796</v>
      </c>
    </row>
    <row r="1646" spans="1:5" x14ac:dyDescent="0.25">
      <c r="A1646" s="3">
        <v>41763.569965277777</v>
      </c>
      <c r="B1646" s="2">
        <v>19.399999999999999</v>
      </c>
      <c r="C1646" s="2">
        <v>161.6</v>
      </c>
      <c r="D1646" s="2">
        <v>0</v>
      </c>
      <c r="E1646" s="2">
        <v>94.000000000000796</v>
      </c>
    </row>
    <row r="1647" spans="1:5" x14ac:dyDescent="0.25">
      <c r="A1647" s="3">
        <v>41763.570428240739</v>
      </c>
      <c r="B1647" s="2">
        <v>19.399999999999999</v>
      </c>
      <c r="C1647" s="2">
        <v>161.4</v>
      </c>
      <c r="D1647" s="2">
        <v>0</v>
      </c>
      <c r="E1647" s="2">
        <v>94.000000000000796</v>
      </c>
    </row>
    <row r="1648" spans="1:5" x14ac:dyDescent="0.25">
      <c r="A1648" s="3">
        <v>41763.570543981485</v>
      </c>
      <c r="B1648" s="2">
        <v>19.399999999999999</v>
      </c>
      <c r="C1648" s="2">
        <v>161.6</v>
      </c>
      <c r="D1648" s="2">
        <v>0</v>
      </c>
      <c r="E1648" s="2">
        <v>94.000000000000796</v>
      </c>
    </row>
    <row r="1649" spans="1:5" x14ac:dyDescent="0.25">
      <c r="A1649" s="3">
        <v>41763.570833333331</v>
      </c>
      <c r="B1649" s="2">
        <v>19.399999999999999</v>
      </c>
      <c r="C1649" s="2">
        <v>161.4</v>
      </c>
      <c r="D1649" s="2">
        <v>0</v>
      </c>
      <c r="E1649" s="2">
        <v>94.000000000000796</v>
      </c>
    </row>
    <row r="1650" spans="1:5" x14ac:dyDescent="0.25">
      <c r="A1650" s="3">
        <v>41763.571122685185</v>
      </c>
      <c r="B1650" s="2">
        <v>19.399999999999999</v>
      </c>
      <c r="C1650" s="2">
        <v>161.6</v>
      </c>
      <c r="D1650" s="2">
        <v>0</v>
      </c>
      <c r="E1650" s="2">
        <v>94.000000000000796</v>
      </c>
    </row>
    <row r="1651" spans="1:5" x14ac:dyDescent="0.25">
      <c r="A1651" s="3">
        <v>41763.571643518517</v>
      </c>
      <c r="B1651" s="2">
        <v>19.399999999999999</v>
      </c>
      <c r="C1651" s="2">
        <v>161.4</v>
      </c>
      <c r="D1651" s="2">
        <v>0</v>
      </c>
      <c r="E1651" s="2">
        <v>94.000000000000796</v>
      </c>
    </row>
    <row r="1652" spans="1:5" x14ac:dyDescent="0.25">
      <c r="A1652" s="3">
        <v>41763.582696759258</v>
      </c>
      <c r="B1652" s="2">
        <v>19.7</v>
      </c>
      <c r="C1652" s="2">
        <v>161.6</v>
      </c>
      <c r="D1652" s="2">
        <v>0</v>
      </c>
      <c r="E1652" s="2">
        <v>94.000000000000796</v>
      </c>
    </row>
    <row r="1653" spans="1:5" x14ac:dyDescent="0.25">
      <c r="A1653" s="3">
        <v>41763.582812499997</v>
      </c>
      <c r="B1653" s="2">
        <v>19.7</v>
      </c>
      <c r="C1653" s="2">
        <v>161.4</v>
      </c>
      <c r="D1653" s="2">
        <v>0</v>
      </c>
      <c r="E1653" s="2">
        <v>94.000000000000796</v>
      </c>
    </row>
    <row r="1654" spans="1:5" x14ac:dyDescent="0.25">
      <c r="A1654" s="3">
        <v>41763.629108796296</v>
      </c>
      <c r="B1654" s="2">
        <v>20.5</v>
      </c>
      <c r="C1654" s="2">
        <v>161.19999999999999</v>
      </c>
      <c r="D1654" s="2">
        <v>0</v>
      </c>
      <c r="E1654" s="2">
        <v>94.000000000000796</v>
      </c>
    </row>
    <row r="1655" spans="1:5" x14ac:dyDescent="0.25">
      <c r="A1655" s="3">
        <v>41763.629918981482</v>
      </c>
      <c r="B1655" s="2">
        <v>20.5</v>
      </c>
      <c r="C1655" s="2">
        <v>161.4</v>
      </c>
      <c r="D1655" s="2">
        <v>0</v>
      </c>
      <c r="E1655" s="2">
        <v>94.000000000000796</v>
      </c>
    </row>
    <row r="1656" spans="1:5" x14ac:dyDescent="0.25">
      <c r="A1656" s="3">
        <v>41763.63003472222</v>
      </c>
      <c r="B1656" s="2">
        <v>20.5</v>
      </c>
      <c r="C1656" s="2">
        <v>161.19999999999999</v>
      </c>
      <c r="D1656" s="2">
        <v>0</v>
      </c>
      <c r="E1656" s="2">
        <v>94.000000000000796</v>
      </c>
    </row>
    <row r="1657" spans="1:5" x14ac:dyDescent="0.25">
      <c r="A1657" s="3">
        <v>41763.631423611114</v>
      </c>
      <c r="B1657" s="2">
        <v>20.5</v>
      </c>
      <c r="C1657" s="2">
        <v>161.4</v>
      </c>
      <c r="D1657" s="2">
        <v>0</v>
      </c>
      <c r="E1657" s="2">
        <v>94.000000000000796</v>
      </c>
    </row>
    <row r="1658" spans="1:5" x14ac:dyDescent="0.25">
      <c r="A1658" s="3">
        <v>41763.631539351853</v>
      </c>
      <c r="B1658" s="2">
        <v>20.5</v>
      </c>
      <c r="C1658" s="2">
        <v>161.19999999999999</v>
      </c>
      <c r="D1658" s="2">
        <v>0</v>
      </c>
      <c r="E1658" s="2">
        <v>94.000000000000796</v>
      </c>
    </row>
    <row r="1659" spans="1:5" x14ac:dyDescent="0.25">
      <c r="A1659" s="3">
        <v>41763.693981481483</v>
      </c>
      <c r="B1659" s="2">
        <v>20.100000000000001</v>
      </c>
      <c r="C1659" s="2">
        <v>161</v>
      </c>
      <c r="D1659" s="2">
        <v>0</v>
      </c>
      <c r="E1659" s="2">
        <v>94.000000000000796</v>
      </c>
    </row>
    <row r="1660" spans="1:5" x14ac:dyDescent="0.25">
      <c r="A1660" s="3">
        <v>41763.722511574073</v>
      </c>
      <c r="B1660" s="2">
        <v>19.7</v>
      </c>
      <c r="C1660" s="2">
        <v>160.80000000000001</v>
      </c>
      <c r="D1660" s="2">
        <v>0</v>
      </c>
      <c r="E1660" s="2">
        <v>94.000000000000796</v>
      </c>
    </row>
    <row r="1661" spans="1:5" x14ac:dyDescent="0.25">
      <c r="A1661" s="3">
        <v>41763.758391203701</v>
      </c>
      <c r="B1661" s="2">
        <v>19.2</v>
      </c>
      <c r="C1661" s="2">
        <v>160.6</v>
      </c>
      <c r="D1661" s="2">
        <v>0</v>
      </c>
      <c r="E1661" s="2">
        <v>94.000000000000796</v>
      </c>
    </row>
    <row r="1662" spans="1:5" x14ac:dyDescent="0.25">
      <c r="A1662" s="3">
        <v>41763.795138888891</v>
      </c>
      <c r="B1662" s="2">
        <v>18.7</v>
      </c>
      <c r="C1662" s="2">
        <v>160.4</v>
      </c>
      <c r="D1662" s="2">
        <v>0</v>
      </c>
      <c r="E1662" s="2">
        <v>94.000000000000796</v>
      </c>
    </row>
    <row r="1663" spans="1:5" x14ac:dyDescent="0.25">
      <c r="A1663" s="3">
        <v>41763.847569444442</v>
      </c>
      <c r="B1663" s="2">
        <v>17.7</v>
      </c>
      <c r="C1663" s="2">
        <v>160.19999999999999</v>
      </c>
      <c r="D1663" s="2">
        <v>0</v>
      </c>
      <c r="E1663" s="2">
        <v>94.000000000000796</v>
      </c>
    </row>
    <row r="1664" spans="1:5" x14ac:dyDescent="0.25">
      <c r="A1664" s="3">
        <v>41763.923032407409</v>
      </c>
      <c r="B1664" s="2">
        <v>16.2</v>
      </c>
      <c r="C1664" s="2">
        <v>160</v>
      </c>
      <c r="D1664" s="2">
        <v>0</v>
      </c>
      <c r="E1664" s="2">
        <v>94.000000000000796</v>
      </c>
    </row>
    <row r="1665" spans="1:5" x14ac:dyDescent="0.25">
      <c r="A1665" s="3">
        <v>41764.001099537039</v>
      </c>
      <c r="B1665" s="2">
        <v>14.7</v>
      </c>
      <c r="C1665" s="2">
        <v>159.80000000000001</v>
      </c>
      <c r="D1665" s="2">
        <v>0</v>
      </c>
      <c r="E1665" s="2">
        <v>94.000000000000796</v>
      </c>
    </row>
    <row r="1666" spans="1:5" x14ac:dyDescent="0.25">
      <c r="A1666" s="3">
        <v>41764.104571759257</v>
      </c>
      <c r="B1666" s="2">
        <v>13</v>
      </c>
      <c r="C1666" s="2">
        <v>159.6</v>
      </c>
      <c r="D1666" s="2">
        <v>0</v>
      </c>
      <c r="E1666" s="2">
        <v>94.000000000000796</v>
      </c>
    </row>
    <row r="1667" spans="1:5" x14ac:dyDescent="0.25">
      <c r="A1667" s="3">
        <v>41764.217766203707</v>
      </c>
      <c r="B1667" s="2">
        <v>11.1</v>
      </c>
      <c r="C1667" s="2">
        <v>159.4</v>
      </c>
      <c r="D1667" s="2">
        <v>0</v>
      </c>
      <c r="E1667" s="2">
        <v>94.000000000000796</v>
      </c>
    </row>
    <row r="1668" spans="1:5" x14ac:dyDescent="0.25">
      <c r="A1668" s="3">
        <v>41764.309664351851</v>
      </c>
      <c r="B1668" s="2">
        <v>10</v>
      </c>
      <c r="C1668" s="2">
        <v>159.19999999999999</v>
      </c>
      <c r="D1668" s="2">
        <v>0</v>
      </c>
      <c r="E1668" s="2">
        <v>94.000000000000796</v>
      </c>
    </row>
    <row r="1669" spans="1:5" x14ac:dyDescent="0.25">
      <c r="A1669" s="3">
        <v>41764.350115740737</v>
      </c>
      <c r="B1669" s="2">
        <v>9.8000000000000007</v>
      </c>
      <c r="C1669" s="2">
        <v>159</v>
      </c>
      <c r="D1669" s="2">
        <v>0</v>
      </c>
      <c r="E1669" s="2">
        <v>94.000000000000796</v>
      </c>
    </row>
    <row r="1670" spans="1:5" x14ac:dyDescent="0.25">
      <c r="A1670" s="3">
        <v>41764.385416666664</v>
      </c>
      <c r="B1670" s="2">
        <v>10.8</v>
      </c>
      <c r="C1670" s="2">
        <v>158.80000000000001</v>
      </c>
      <c r="D1670" s="2">
        <v>0</v>
      </c>
      <c r="E1670" s="2">
        <v>94.000000000000796</v>
      </c>
    </row>
    <row r="1671" spans="1:5" x14ac:dyDescent="0.25">
      <c r="A1671" s="3">
        <v>41764.38553240741</v>
      </c>
      <c r="B1671" s="2">
        <v>10.8</v>
      </c>
      <c r="C1671" s="2">
        <v>159</v>
      </c>
      <c r="D1671" s="2">
        <v>0</v>
      </c>
      <c r="E1671" s="2">
        <v>94.000000000000796</v>
      </c>
    </row>
    <row r="1672" spans="1:5" x14ac:dyDescent="0.25">
      <c r="A1672" s="3">
        <v>41764.386400462965</v>
      </c>
      <c r="B1672" s="2">
        <v>10.8</v>
      </c>
      <c r="C1672" s="2">
        <v>158.80000000000001</v>
      </c>
      <c r="D1672" s="2">
        <v>0</v>
      </c>
      <c r="E1672" s="2">
        <v>94.000000000000796</v>
      </c>
    </row>
    <row r="1673" spans="1:5" x14ac:dyDescent="0.25">
      <c r="A1673" s="3">
        <v>41764.386631944442</v>
      </c>
      <c r="B1673" s="2">
        <v>10.8</v>
      </c>
      <c r="C1673" s="2">
        <v>159</v>
      </c>
      <c r="D1673" s="2">
        <v>0</v>
      </c>
      <c r="E1673" s="2">
        <v>94.000000000000796</v>
      </c>
    </row>
    <row r="1674" spans="1:5" x14ac:dyDescent="0.25">
      <c r="A1674" s="3">
        <v>41764.387152777781</v>
      </c>
      <c r="B1674" s="2">
        <v>10.8</v>
      </c>
      <c r="C1674" s="2">
        <v>158.80000000000001</v>
      </c>
      <c r="D1674" s="2">
        <v>0</v>
      </c>
      <c r="E1674" s="2">
        <v>94.000000000000796</v>
      </c>
    </row>
    <row r="1675" spans="1:5" x14ac:dyDescent="0.25">
      <c r="A1675" s="3">
        <v>41764.387442129628</v>
      </c>
      <c r="B1675" s="2">
        <v>10.9</v>
      </c>
      <c r="C1675" s="2">
        <v>159</v>
      </c>
      <c r="D1675" s="2">
        <v>0</v>
      </c>
      <c r="E1675" s="2">
        <v>94.000000000000796</v>
      </c>
    </row>
    <row r="1676" spans="1:5" x14ac:dyDescent="0.25">
      <c r="A1676" s="3">
        <v>41764.387789351851</v>
      </c>
      <c r="B1676" s="2">
        <v>10.9</v>
      </c>
      <c r="C1676" s="2">
        <v>158.80000000000001</v>
      </c>
      <c r="D1676" s="2">
        <v>0</v>
      </c>
      <c r="E1676" s="2">
        <v>94.000000000000796</v>
      </c>
    </row>
    <row r="1677" spans="1:5" x14ac:dyDescent="0.25">
      <c r="A1677" s="3">
        <v>41764.388136574074</v>
      </c>
      <c r="B1677" s="2">
        <v>10.9</v>
      </c>
      <c r="C1677" s="2">
        <v>159</v>
      </c>
      <c r="D1677" s="2">
        <v>0</v>
      </c>
      <c r="E1677" s="2">
        <v>94.000000000000796</v>
      </c>
    </row>
    <row r="1678" spans="1:5" x14ac:dyDescent="0.25">
      <c r="A1678" s="3">
        <v>41764.388657407406</v>
      </c>
      <c r="B1678" s="2">
        <v>10.9</v>
      </c>
      <c r="C1678" s="2">
        <v>158.80000000000001</v>
      </c>
      <c r="D1678" s="2">
        <v>0</v>
      </c>
      <c r="E1678" s="2">
        <v>94.000000000000796</v>
      </c>
    </row>
    <row r="1679" spans="1:5" x14ac:dyDescent="0.25">
      <c r="A1679" s="3">
        <v>41764.388773148145</v>
      </c>
      <c r="B1679" s="2">
        <v>10.9</v>
      </c>
      <c r="C1679" s="2">
        <v>159</v>
      </c>
      <c r="D1679" s="2">
        <v>0</v>
      </c>
      <c r="E1679" s="2">
        <v>94.000000000000796</v>
      </c>
    </row>
    <row r="1680" spans="1:5" x14ac:dyDescent="0.25">
      <c r="A1680" s="3">
        <v>41764.38958333333</v>
      </c>
      <c r="B1680" s="2">
        <v>10.9</v>
      </c>
      <c r="C1680" s="2">
        <v>158.80000000000001</v>
      </c>
      <c r="D1680" s="2">
        <v>0</v>
      </c>
      <c r="E1680" s="2">
        <v>94.000000000000796</v>
      </c>
    </row>
    <row r="1681" spans="1:5" x14ac:dyDescent="0.25">
      <c r="A1681" s="3">
        <v>41764.391319444447</v>
      </c>
      <c r="B1681" s="2">
        <v>11</v>
      </c>
      <c r="C1681" s="2">
        <v>159</v>
      </c>
      <c r="D1681" s="2">
        <v>0</v>
      </c>
      <c r="E1681" s="2">
        <v>94.000000000000796</v>
      </c>
    </row>
    <row r="1682" spans="1:5" x14ac:dyDescent="0.25">
      <c r="A1682" s="3">
        <v>41764.393171296295</v>
      </c>
      <c r="B1682" s="2">
        <v>11.1</v>
      </c>
      <c r="C1682" s="2">
        <v>158.80000000000001</v>
      </c>
      <c r="D1682" s="2">
        <v>0</v>
      </c>
      <c r="E1682" s="2">
        <v>94.000000000000796</v>
      </c>
    </row>
    <row r="1683" spans="1:5" x14ac:dyDescent="0.25">
      <c r="A1683" s="3">
        <v>41764.393460648149</v>
      </c>
      <c r="B1683" s="2">
        <v>11.1</v>
      </c>
      <c r="C1683" s="2">
        <v>159</v>
      </c>
      <c r="D1683" s="2">
        <v>0</v>
      </c>
      <c r="E1683" s="2">
        <v>94.000000000000796</v>
      </c>
    </row>
    <row r="1684" spans="1:5" x14ac:dyDescent="0.25">
      <c r="A1684" s="3">
        <v>41764.394386574073</v>
      </c>
      <c r="B1684" s="2">
        <v>11.1</v>
      </c>
      <c r="C1684" s="2">
        <v>158.80000000000001</v>
      </c>
      <c r="D1684" s="2">
        <v>0</v>
      </c>
      <c r="E1684" s="2">
        <v>94.000000000000796</v>
      </c>
    </row>
    <row r="1685" spans="1:5" x14ac:dyDescent="0.25">
      <c r="A1685" s="3">
        <v>41764.394560185188</v>
      </c>
      <c r="B1685" s="2">
        <v>11.2</v>
      </c>
      <c r="C1685" s="2">
        <v>159</v>
      </c>
      <c r="D1685" s="2">
        <v>0</v>
      </c>
      <c r="E1685" s="2">
        <v>94.000000000000796</v>
      </c>
    </row>
    <row r="1686" spans="1:5" x14ac:dyDescent="0.25">
      <c r="A1686" s="3">
        <v>41764.39502314815</v>
      </c>
      <c r="B1686" s="2">
        <v>11.2</v>
      </c>
      <c r="C1686" s="2">
        <v>158.80000000000001</v>
      </c>
      <c r="D1686" s="2">
        <v>0</v>
      </c>
      <c r="E1686" s="2">
        <v>94.000000000000796</v>
      </c>
    </row>
    <row r="1687" spans="1:5" x14ac:dyDescent="0.25">
      <c r="A1687" s="3">
        <v>41764.395254629628</v>
      </c>
      <c r="B1687" s="2">
        <v>11.2</v>
      </c>
      <c r="C1687" s="2">
        <v>159</v>
      </c>
      <c r="D1687" s="2">
        <v>0</v>
      </c>
      <c r="E1687" s="2">
        <v>94.000000000000796</v>
      </c>
    </row>
    <row r="1688" spans="1:5" x14ac:dyDescent="0.25">
      <c r="A1688" s="3">
        <v>41764.400347222225</v>
      </c>
      <c r="B1688" s="2">
        <v>11.4</v>
      </c>
      <c r="C1688" s="2">
        <v>158.80000000000001</v>
      </c>
      <c r="D1688" s="2">
        <v>0</v>
      </c>
      <c r="E1688" s="2">
        <v>94.000000000000796</v>
      </c>
    </row>
    <row r="1689" spans="1:5" x14ac:dyDescent="0.25">
      <c r="A1689" s="3">
        <v>41764.400520833333</v>
      </c>
      <c r="B1689" s="2">
        <v>11.4</v>
      </c>
      <c r="C1689" s="2">
        <v>159</v>
      </c>
      <c r="D1689" s="2">
        <v>0</v>
      </c>
      <c r="E1689" s="2">
        <v>94.000000000000796</v>
      </c>
    </row>
    <row r="1690" spans="1:5" x14ac:dyDescent="0.25">
      <c r="A1690" s="3">
        <v>41764.402546296296</v>
      </c>
      <c r="B1690" s="2">
        <v>11.5</v>
      </c>
      <c r="C1690" s="2">
        <v>158.80000000000001</v>
      </c>
      <c r="D1690" s="2">
        <v>0</v>
      </c>
      <c r="E1690" s="2">
        <v>94.000000000000796</v>
      </c>
    </row>
    <row r="1691" spans="1:5" x14ac:dyDescent="0.25">
      <c r="A1691" s="3">
        <v>41764.402604166666</v>
      </c>
      <c r="B1691" s="2">
        <v>11.5</v>
      </c>
      <c r="C1691" s="2">
        <v>159</v>
      </c>
      <c r="D1691" s="2">
        <v>0</v>
      </c>
      <c r="E1691" s="2">
        <v>94.000000000000796</v>
      </c>
    </row>
    <row r="1692" spans="1:5" x14ac:dyDescent="0.25">
      <c r="A1692" s="3">
        <v>41764.403298611112</v>
      </c>
      <c r="B1692" s="2">
        <v>11.6</v>
      </c>
      <c r="C1692" s="2">
        <v>158.80000000000001</v>
      </c>
      <c r="D1692" s="2">
        <v>0</v>
      </c>
      <c r="E1692" s="2">
        <v>94.000000000000796</v>
      </c>
    </row>
    <row r="1693" spans="1:5" x14ac:dyDescent="0.25">
      <c r="A1693" s="3">
        <v>41764.403877314813</v>
      </c>
      <c r="B1693" s="2">
        <v>11.6</v>
      </c>
      <c r="C1693" s="2">
        <v>159</v>
      </c>
      <c r="D1693" s="2">
        <v>0</v>
      </c>
      <c r="E1693" s="2">
        <v>94.000000000000796</v>
      </c>
    </row>
    <row r="1694" spans="1:5" x14ac:dyDescent="0.25">
      <c r="A1694" s="3">
        <v>41764.404166666667</v>
      </c>
      <c r="B1694" s="2">
        <v>11.6</v>
      </c>
      <c r="C1694" s="2">
        <v>158.80000000000001</v>
      </c>
      <c r="D1694" s="2">
        <v>0</v>
      </c>
      <c r="E1694" s="2">
        <v>94.000000000000796</v>
      </c>
    </row>
    <row r="1695" spans="1:5" x14ac:dyDescent="0.25">
      <c r="A1695" s="3">
        <v>41764.404340277775</v>
      </c>
      <c r="B1695" s="2">
        <v>11.6</v>
      </c>
      <c r="C1695" s="2">
        <v>159</v>
      </c>
      <c r="D1695" s="2">
        <v>0</v>
      </c>
      <c r="E1695" s="2">
        <v>94.000000000000796</v>
      </c>
    </row>
    <row r="1696" spans="1:5" x14ac:dyDescent="0.25">
      <c r="A1696" s="3">
        <v>41764.404803240737</v>
      </c>
      <c r="B1696" s="2">
        <v>11.6</v>
      </c>
      <c r="C1696" s="2">
        <v>158.80000000000001</v>
      </c>
      <c r="D1696" s="2">
        <v>0</v>
      </c>
      <c r="E1696" s="2">
        <v>94.000000000000796</v>
      </c>
    </row>
    <row r="1697" spans="1:5" x14ac:dyDescent="0.25">
      <c r="A1697" s="3">
        <v>41764.40520833333</v>
      </c>
      <c r="B1697" s="2">
        <v>11.6</v>
      </c>
      <c r="C1697" s="2">
        <v>159</v>
      </c>
      <c r="D1697" s="2">
        <v>0</v>
      </c>
      <c r="E1697" s="2">
        <v>94.000000000000796</v>
      </c>
    </row>
    <row r="1698" spans="1:5" x14ac:dyDescent="0.25">
      <c r="A1698" s="3">
        <v>41764.405439814815</v>
      </c>
      <c r="B1698" s="2">
        <v>11.6</v>
      </c>
      <c r="C1698" s="2">
        <v>158.80000000000001</v>
      </c>
      <c r="D1698" s="2">
        <v>0</v>
      </c>
      <c r="E1698" s="2">
        <v>94.000000000000796</v>
      </c>
    </row>
    <row r="1699" spans="1:5" x14ac:dyDescent="0.25">
      <c r="A1699" s="3">
        <v>41764.405613425923</v>
      </c>
      <c r="B1699" s="2">
        <v>11.6</v>
      </c>
      <c r="C1699" s="2">
        <v>159</v>
      </c>
      <c r="D1699" s="2">
        <v>0</v>
      </c>
      <c r="E1699" s="2">
        <v>94.000000000000796</v>
      </c>
    </row>
    <row r="1700" spans="1:5" x14ac:dyDescent="0.25">
      <c r="A1700" s="3">
        <v>41764.406192129631</v>
      </c>
      <c r="B1700" s="2">
        <v>11.6</v>
      </c>
      <c r="C1700" s="2">
        <v>158.80000000000001</v>
      </c>
      <c r="D1700" s="2">
        <v>0</v>
      </c>
      <c r="E1700" s="2">
        <v>94.000000000000796</v>
      </c>
    </row>
    <row r="1701" spans="1:5" x14ac:dyDescent="0.25">
      <c r="A1701" s="3">
        <v>41764.406655092593</v>
      </c>
      <c r="B1701" s="2">
        <v>11.7</v>
      </c>
      <c r="C1701" s="2">
        <v>159</v>
      </c>
      <c r="D1701" s="2">
        <v>0</v>
      </c>
      <c r="E1701" s="2">
        <v>94.000000000000796</v>
      </c>
    </row>
    <row r="1702" spans="1:5" x14ac:dyDescent="0.25">
      <c r="A1702" s="3">
        <v>41764.408275462964</v>
      </c>
      <c r="B1702" s="2">
        <v>11.7</v>
      </c>
      <c r="C1702" s="2">
        <v>158.80000000000001</v>
      </c>
      <c r="D1702" s="2">
        <v>0</v>
      </c>
      <c r="E1702" s="2">
        <v>94.000000000000796</v>
      </c>
    </row>
    <row r="1703" spans="1:5" x14ac:dyDescent="0.25">
      <c r="A1703" s="3">
        <v>41764.408622685187</v>
      </c>
      <c r="B1703" s="2">
        <v>11.7</v>
      </c>
      <c r="C1703" s="2">
        <v>159</v>
      </c>
      <c r="D1703" s="2">
        <v>0</v>
      </c>
      <c r="E1703" s="2">
        <v>94.000000000000796</v>
      </c>
    </row>
    <row r="1704" spans="1:5" x14ac:dyDescent="0.25">
      <c r="A1704" s="3">
        <v>41764.409837962965</v>
      </c>
      <c r="B1704" s="2">
        <v>11.8</v>
      </c>
      <c r="C1704" s="2">
        <v>158.80000000000001</v>
      </c>
      <c r="D1704" s="2">
        <v>0</v>
      </c>
      <c r="E1704" s="2">
        <v>94.000000000000796</v>
      </c>
    </row>
    <row r="1705" spans="1:5" x14ac:dyDescent="0.25">
      <c r="A1705" s="3">
        <v>41764.410474537035</v>
      </c>
      <c r="B1705" s="2">
        <v>11.8</v>
      </c>
      <c r="C1705" s="2">
        <v>159</v>
      </c>
      <c r="D1705" s="2">
        <v>0</v>
      </c>
      <c r="E1705" s="2">
        <v>94.000000000000796</v>
      </c>
    </row>
    <row r="1706" spans="1:5" x14ac:dyDescent="0.25">
      <c r="A1706" s="3">
        <v>41764.410763888889</v>
      </c>
      <c r="B1706" s="2">
        <v>11.9</v>
      </c>
      <c r="C1706" s="2">
        <v>158.80000000000001</v>
      </c>
      <c r="D1706" s="2">
        <v>0</v>
      </c>
      <c r="E1706" s="2">
        <v>94.000000000000796</v>
      </c>
    </row>
    <row r="1707" spans="1:5" x14ac:dyDescent="0.25">
      <c r="A1707" s="3">
        <v>41764.411111111112</v>
      </c>
      <c r="B1707" s="2">
        <v>11.9</v>
      </c>
      <c r="C1707" s="2">
        <v>159</v>
      </c>
      <c r="D1707" s="2">
        <v>0</v>
      </c>
      <c r="E1707" s="2">
        <v>94.000000000000796</v>
      </c>
    </row>
    <row r="1708" spans="1:5" x14ac:dyDescent="0.25">
      <c r="A1708" s="3">
        <v>41764.412037037036</v>
      </c>
      <c r="B1708" s="2">
        <v>11.9</v>
      </c>
      <c r="C1708" s="2">
        <v>158.80000000000001</v>
      </c>
      <c r="D1708" s="2">
        <v>0</v>
      </c>
      <c r="E1708" s="2">
        <v>94.000000000000796</v>
      </c>
    </row>
    <row r="1709" spans="1:5" x14ac:dyDescent="0.25">
      <c r="A1709" s="3">
        <v>41764.412847222222</v>
      </c>
      <c r="B1709" s="2">
        <v>12</v>
      </c>
      <c r="C1709" s="2">
        <v>159</v>
      </c>
      <c r="D1709" s="2">
        <v>0</v>
      </c>
      <c r="E1709" s="2">
        <v>94.000000000000796</v>
      </c>
    </row>
    <row r="1710" spans="1:5" x14ac:dyDescent="0.25">
      <c r="A1710" s="3">
        <v>41764.413599537038</v>
      </c>
      <c r="B1710" s="2">
        <v>12</v>
      </c>
      <c r="C1710" s="2">
        <v>158.80000000000001</v>
      </c>
      <c r="D1710" s="2">
        <v>0</v>
      </c>
      <c r="E1710" s="2">
        <v>94.000000000000796</v>
      </c>
    </row>
    <row r="1711" spans="1:5" x14ac:dyDescent="0.25">
      <c r="A1711" s="3">
        <v>41764.414641203701</v>
      </c>
      <c r="B1711" s="2">
        <v>12.1</v>
      </c>
      <c r="C1711" s="2">
        <v>159</v>
      </c>
      <c r="D1711" s="2">
        <v>0</v>
      </c>
      <c r="E1711" s="2">
        <v>94.000000000000796</v>
      </c>
    </row>
    <row r="1712" spans="1:5" x14ac:dyDescent="0.25">
      <c r="A1712" s="3">
        <v>41764.414814814816</v>
      </c>
      <c r="B1712" s="2">
        <v>12.1</v>
      </c>
      <c r="C1712" s="2">
        <v>158.80000000000001</v>
      </c>
      <c r="D1712" s="2">
        <v>0</v>
      </c>
      <c r="E1712" s="2">
        <v>94.000000000000796</v>
      </c>
    </row>
    <row r="1713" spans="1:5" x14ac:dyDescent="0.25">
      <c r="A1713" s="3">
        <v>41764.418981481482</v>
      </c>
      <c r="B1713" s="2">
        <v>12.2</v>
      </c>
      <c r="C1713" s="2">
        <v>159</v>
      </c>
      <c r="D1713" s="2">
        <v>0</v>
      </c>
      <c r="E1713" s="2">
        <v>94.000000000000796</v>
      </c>
    </row>
    <row r="1714" spans="1:5" x14ac:dyDescent="0.25">
      <c r="A1714" s="3">
        <v>41764.419212962966</v>
      </c>
      <c r="B1714" s="2">
        <v>12.3</v>
      </c>
      <c r="C1714" s="2">
        <v>158.80000000000001</v>
      </c>
      <c r="D1714" s="2">
        <v>0</v>
      </c>
      <c r="E1714" s="2">
        <v>94.000000000000796</v>
      </c>
    </row>
    <row r="1715" spans="1:5" x14ac:dyDescent="0.25">
      <c r="A1715" s="3">
        <v>41764.419502314813</v>
      </c>
      <c r="B1715" s="2">
        <v>12.3</v>
      </c>
      <c r="C1715" s="2">
        <v>159</v>
      </c>
      <c r="D1715" s="2">
        <v>0</v>
      </c>
      <c r="E1715" s="2">
        <v>94.000000000000796</v>
      </c>
    </row>
    <row r="1716" spans="1:5" x14ac:dyDescent="0.25">
      <c r="A1716" s="3">
        <v>41764.419791666667</v>
      </c>
      <c r="B1716" s="2">
        <v>12.3</v>
      </c>
      <c r="C1716" s="2">
        <v>158.80000000000001</v>
      </c>
      <c r="D1716" s="2">
        <v>0</v>
      </c>
      <c r="E1716" s="2">
        <v>94.000000000000796</v>
      </c>
    </row>
    <row r="1717" spans="1:5" x14ac:dyDescent="0.25">
      <c r="A1717" s="3">
        <v>41764.420138888891</v>
      </c>
      <c r="B1717" s="2">
        <v>12.3</v>
      </c>
      <c r="C1717" s="2">
        <v>159</v>
      </c>
      <c r="D1717" s="2">
        <v>0</v>
      </c>
      <c r="E1717" s="2">
        <v>94.000000000000796</v>
      </c>
    </row>
    <row r="1718" spans="1:5" x14ac:dyDescent="0.25">
      <c r="A1718" s="3">
        <v>41764.420254629629</v>
      </c>
      <c r="B1718" s="2">
        <v>12.3</v>
      </c>
      <c r="C1718" s="2">
        <v>158.80000000000001</v>
      </c>
      <c r="D1718" s="2">
        <v>0</v>
      </c>
      <c r="E1718" s="2">
        <v>94.000000000000796</v>
      </c>
    </row>
    <row r="1719" spans="1:5" x14ac:dyDescent="0.25">
      <c r="A1719" s="3">
        <v>41764.420717592591</v>
      </c>
      <c r="B1719" s="2">
        <v>12.3</v>
      </c>
      <c r="C1719" s="2">
        <v>159</v>
      </c>
      <c r="D1719" s="2">
        <v>0</v>
      </c>
      <c r="E1719" s="2">
        <v>94.000000000000796</v>
      </c>
    </row>
    <row r="1720" spans="1:5" x14ac:dyDescent="0.25">
      <c r="A1720" s="3">
        <v>41764.42083333333</v>
      </c>
      <c r="B1720" s="2">
        <v>12.3</v>
      </c>
      <c r="C1720" s="2">
        <v>158.80000000000001</v>
      </c>
      <c r="D1720" s="2">
        <v>0</v>
      </c>
      <c r="E1720" s="2">
        <v>94.000000000000796</v>
      </c>
    </row>
    <row r="1721" spans="1:5" x14ac:dyDescent="0.25">
      <c r="A1721" s="3">
        <v>41764.421875</v>
      </c>
      <c r="B1721" s="2">
        <v>12.4</v>
      </c>
      <c r="C1721" s="2">
        <v>159</v>
      </c>
      <c r="D1721" s="2">
        <v>0</v>
      </c>
      <c r="E1721" s="2">
        <v>94.000000000000796</v>
      </c>
    </row>
    <row r="1722" spans="1:5" x14ac:dyDescent="0.25">
      <c r="A1722" s="3">
        <v>41764.422106481485</v>
      </c>
      <c r="B1722" s="2">
        <v>12.4</v>
      </c>
      <c r="C1722" s="2">
        <v>158.80000000000001</v>
      </c>
      <c r="D1722" s="2">
        <v>0</v>
      </c>
      <c r="E1722" s="2">
        <v>94.000000000000796</v>
      </c>
    </row>
    <row r="1723" spans="1:5" x14ac:dyDescent="0.25">
      <c r="A1723" s="3">
        <v>41764.423726851855</v>
      </c>
      <c r="B1723" s="2">
        <v>12.4</v>
      </c>
      <c r="C1723" s="2">
        <v>159</v>
      </c>
      <c r="D1723" s="2">
        <v>0</v>
      </c>
      <c r="E1723" s="2">
        <v>94.000000000000796</v>
      </c>
    </row>
    <row r="1724" spans="1:5" x14ac:dyDescent="0.25">
      <c r="A1724" s="3">
        <v>41764.423958333333</v>
      </c>
      <c r="B1724" s="2">
        <v>12.5</v>
      </c>
      <c r="C1724" s="2">
        <v>158.80000000000001</v>
      </c>
      <c r="D1724" s="2">
        <v>0</v>
      </c>
      <c r="E1724" s="2">
        <v>94.000000000000796</v>
      </c>
    </row>
    <row r="1725" spans="1:5" x14ac:dyDescent="0.25">
      <c r="A1725" s="3">
        <v>41764.424421296295</v>
      </c>
      <c r="B1725" s="2">
        <v>12.5</v>
      </c>
      <c r="C1725" s="2">
        <v>159</v>
      </c>
      <c r="D1725" s="2">
        <v>0</v>
      </c>
      <c r="E1725" s="2">
        <v>94.000000000000796</v>
      </c>
    </row>
    <row r="1726" spans="1:5" x14ac:dyDescent="0.25">
      <c r="A1726" s="3">
        <v>41764.424942129626</v>
      </c>
      <c r="B1726" s="2">
        <v>12.5</v>
      </c>
      <c r="C1726" s="2">
        <v>158.80000000000001</v>
      </c>
      <c r="D1726" s="2">
        <v>0</v>
      </c>
      <c r="E1726" s="2">
        <v>94.000000000000796</v>
      </c>
    </row>
    <row r="1727" spans="1:5" x14ac:dyDescent="0.25">
      <c r="A1727" s="3">
        <v>41764.425115740742</v>
      </c>
      <c r="B1727" s="2">
        <v>12.5</v>
      </c>
      <c r="C1727" s="2">
        <v>159</v>
      </c>
      <c r="D1727" s="2">
        <v>0</v>
      </c>
      <c r="E1727" s="2">
        <v>94.000000000000796</v>
      </c>
    </row>
    <row r="1728" spans="1:5" x14ac:dyDescent="0.25">
      <c r="A1728" s="3">
        <v>41764.425868055558</v>
      </c>
      <c r="B1728" s="2">
        <v>12.6</v>
      </c>
      <c r="C1728" s="2">
        <v>158.80000000000001</v>
      </c>
      <c r="D1728" s="2">
        <v>0</v>
      </c>
      <c r="E1728" s="2">
        <v>94.000000000000796</v>
      </c>
    </row>
    <row r="1729" spans="1:5" x14ac:dyDescent="0.25">
      <c r="A1729" s="3">
        <v>41764.426157407404</v>
      </c>
      <c r="B1729" s="2">
        <v>12.6</v>
      </c>
      <c r="C1729" s="2">
        <v>159</v>
      </c>
      <c r="D1729" s="2">
        <v>0</v>
      </c>
      <c r="E1729" s="2">
        <v>94.000000000000796</v>
      </c>
    </row>
    <row r="1730" spans="1:5" x14ac:dyDescent="0.25">
      <c r="A1730" s="3">
        <v>41764.42633101852</v>
      </c>
      <c r="B1730" s="2">
        <v>12.6</v>
      </c>
      <c r="C1730" s="2">
        <v>158.80000000000001</v>
      </c>
      <c r="D1730" s="2">
        <v>0</v>
      </c>
      <c r="E1730" s="2">
        <v>94.000000000000796</v>
      </c>
    </row>
    <row r="1731" spans="1:5" x14ac:dyDescent="0.25">
      <c r="A1731" s="3">
        <v>41764.426388888889</v>
      </c>
      <c r="B1731" s="2">
        <v>12.6</v>
      </c>
      <c r="C1731" s="2">
        <v>159</v>
      </c>
      <c r="D1731" s="2">
        <v>0</v>
      </c>
      <c r="E1731" s="2">
        <v>94.000000000000796</v>
      </c>
    </row>
    <row r="1732" spans="1:5" x14ac:dyDescent="0.25">
      <c r="A1732" s="3">
        <v>41764.426620370374</v>
      </c>
      <c r="B1732" s="2">
        <v>12.6</v>
      </c>
      <c r="C1732" s="2">
        <v>158.80000000000001</v>
      </c>
      <c r="D1732" s="2">
        <v>0</v>
      </c>
      <c r="E1732" s="2">
        <v>94.000000000000796</v>
      </c>
    </row>
    <row r="1733" spans="1:5" x14ac:dyDescent="0.25">
      <c r="A1733" s="3">
        <v>41764.430555555555</v>
      </c>
      <c r="B1733" s="2">
        <v>12.8</v>
      </c>
      <c r="C1733" s="2">
        <v>159</v>
      </c>
      <c r="D1733" s="2">
        <v>0</v>
      </c>
      <c r="E1733" s="2">
        <v>94.000000000000796</v>
      </c>
    </row>
    <row r="1734" spans="1:5" x14ac:dyDescent="0.25">
      <c r="A1734" s="3">
        <v>41764.430613425924</v>
      </c>
      <c r="B1734" s="2">
        <v>12.8</v>
      </c>
      <c r="C1734" s="2">
        <v>158.80000000000001</v>
      </c>
      <c r="D1734" s="2">
        <v>0</v>
      </c>
      <c r="E1734" s="2">
        <v>94.000000000000796</v>
      </c>
    </row>
    <row r="1735" spans="1:5" x14ac:dyDescent="0.25">
      <c r="A1735" s="3">
        <v>41764.44021990741</v>
      </c>
      <c r="B1735" s="2">
        <v>13.3</v>
      </c>
      <c r="C1735" s="2">
        <v>159</v>
      </c>
      <c r="D1735" s="2">
        <v>0</v>
      </c>
      <c r="E1735" s="2">
        <v>94.000000000000796</v>
      </c>
    </row>
    <row r="1736" spans="1:5" x14ac:dyDescent="0.25">
      <c r="A1736" s="3">
        <v>41764.440451388888</v>
      </c>
      <c r="B1736" s="2">
        <v>13.3</v>
      </c>
      <c r="C1736" s="2">
        <v>158.80000000000001</v>
      </c>
      <c r="D1736" s="2">
        <v>0</v>
      </c>
      <c r="E1736" s="2">
        <v>94.000000000000796</v>
      </c>
    </row>
    <row r="1737" spans="1:5" x14ac:dyDescent="0.25">
      <c r="A1737" s="3">
        <v>41764.440740740742</v>
      </c>
      <c r="B1737" s="2">
        <v>13.4</v>
      </c>
      <c r="C1737" s="2">
        <v>159</v>
      </c>
      <c r="D1737" s="2">
        <v>0</v>
      </c>
      <c r="E1737" s="2">
        <v>94.000000000000796</v>
      </c>
    </row>
    <row r="1738" spans="1:5" x14ac:dyDescent="0.25">
      <c r="A1738" s="3">
        <v>41764.440798611111</v>
      </c>
      <c r="B1738" s="2">
        <v>13.4</v>
      </c>
      <c r="C1738" s="2">
        <v>158.80000000000001</v>
      </c>
      <c r="D1738" s="2">
        <v>0</v>
      </c>
      <c r="E1738" s="2">
        <v>94.000000000000796</v>
      </c>
    </row>
    <row r="1739" spans="1:5" x14ac:dyDescent="0.25">
      <c r="A1739" s="3">
        <v>41764.440972222219</v>
      </c>
      <c r="B1739" s="2">
        <v>13.4</v>
      </c>
      <c r="C1739" s="2">
        <v>159</v>
      </c>
      <c r="D1739" s="2">
        <v>0</v>
      </c>
      <c r="E1739" s="2">
        <v>94.000000000000796</v>
      </c>
    </row>
    <row r="1740" spans="1:5" x14ac:dyDescent="0.25">
      <c r="A1740" s="3">
        <v>41764.441203703704</v>
      </c>
      <c r="B1740" s="2">
        <v>13.4</v>
      </c>
      <c r="C1740" s="2">
        <v>158.80000000000001</v>
      </c>
      <c r="D1740" s="2">
        <v>0</v>
      </c>
      <c r="E1740" s="2">
        <v>94.000000000000796</v>
      </c>
    </row>
    <row r="1741" spans="1:5" x14ac:dyDescent="0.25">
      <c r="A1741" s="3">
        <v>41764.44189814815</v>
      </c>
      <c r="B1741" s="2">
        <v>13.4</v>
      </c>
      <c r="C1741" s="2">
        <v>159</v>
      </c>
      <c r="D1741" s="2">
        <v>0</v>
      </c>
      <c r="E1741" s="2">
        <v>94.000000000000796</v>
      </c>
    </row>
    <row r="1742" spans="1:5" x14ac:dyDescent="0.25">
      <c r="A1742" s="3">
        <v>41764.442071759258</v>
      </c>
      <c r="B1742" s="2">
        <v>13.4</v>
      </c>
      <c r="C1742" s="2">
        <v>158.80000000000001</v>
      </c>
      <c r="D1742" s="2">
        <v>0</v>
      </c>
      <c r="E1742" s="2">
        <v>94.000000000000796</v>
      </c>
    </row>
    <row r="1743" spans="1:5" x14ac:dyDescent="0.25">
      <c r="A1743" s="3">
        <v>41764.44809027778</v>
      </c>
      <c r="B1743" s="2">
        <v>13.8</v>
      </c>
      <c r="C1743" s="2">
        <v>159</v>
      </c>
      <c r="D1743" s="2">
        <v>0</v>
      </c>
      <c r="E1743" s="2">
        <v>94.000000000000796</v>
      </c>
    </row>
    <row r="1744" spans="1:5" x14ac:dyDescent="0.25">
      <c r="A1744" s="3">
        <v>41764.448263888888</v>
      </c>
      <c r="B1744" s="2">
        <v>13.8</v>
      </c>
      <c r="C1744" s="2">
        <v>158.80000000000001</v>
      </c>
      <c r="D1744" s="2">
        <v>0</v>
      </c>
      <c r="E1744" s="2">
        <v>94.000000000000796</v>
      </c>
    </row>
    <row r="1745" spans="1:5" x14ac:dyDescent="0.25">
      <c r="A1745" s="3">
        <v>41764.497511574074</v>
      </c>
      <c r="B1745" s="2">
        <v>16.600000000000001</v>
      </c>
      <c r="C1745" s="2">
        <v>159</v>
      </c>
      <c r="D1745" s="2">
        <v>0</v>
      </c>
      <c r="E1745" s="2">
        <v>94.000000000000796</v>
      </c>
    </row>
    <row r="1746" spans="1:5" x14ac:dyDescent="0.25">
      <c r="A1746" s="3">
        <v>41764.497569444444</v>
      </c>
      <c r="B1746" s="2">
        <v>16.600000000000001</v>
      </c>
      <c r="C1746" s="2">
        <v>158.80000000000001</v>
      </c>
      <c r="D1746" s="2">
        <v>0</v>
      </c>
      <c r="E1746" s="2">
        <v>94.000000000000796</v>
      </c>
    </row>
    <row r="1747" spans="1:5" x14ac:dyDescent="0.25">
      <c r="A1747" s="3">
        <v>41764.5390625</v>
      </c>
      <c r="B1747" s="2">
        <v>19.2</v>
      </c>
      <c r="C1747" s="2">
        <v>158.6</v>
      </c>
      <c r="D1747" s="2">
        <v>0</v>
      </c>
      <c r="E1747" s="2">
        <v>94.000000000000796</v>
      </c>
    </row>
    <row r="1748" spans="1:5" x14ac:dyDescent="0.25">
      <c r="A1748" s="3">
        <v>41764.546469907407</v>
      </c>
      <c r="B1748" s="2">
        <v>19.5</v>
      </c>
      <c r="C1748" s="2">
        <v>158.4</v>
      </c>
      <c r="D1748" s="2">
        <v>0</v>
      </c>
      <c r="E1748" s="2">
        <v>94.000000000000796</v>
      </c>
    </row>
    <row r="1749" spans="1:5" x14ac:dyDescent="0.25">
      <c r="A1749" s="3">
        <v>41764.546701388892</v>
      </c>
      <c r="B1749" s="2">
        <v>19.5</v>
      </c>
      <c r="C1749" s="2">
        <v>158.6</v>
      </c>
      <c r="D1749" s="2">
        <v>0</v>
      </c>
      <c r="E1749" s="2">
        <v>94.000000000000796</v>
      </c>
    </row>
    <row r="1750" spans="1:5" x14ac:dyDescent="0.25">
      <c r="A1750" s="3">
        <v>41764.547106481485</v>
      </c>
      <c r="B1750" s="2">
        <v>19.600000000000001</v>
      </c>
      <c r="C1750" s="2">
        <v>158.4</v>
      </c>
      <c r="D1750" s="2">
        <v>0</v>
      </c>
      <c r="E1750" s="2">
        <v>94.000000000000796</v>
      </c>
    </row>
    <row r="1751" spans="1:5" x14ac:dyDescent="0.25">
      <c r="A1751" s="3">
        <v>41764.557986111111</v>
      </c>
      <c r="B1751" s="2">
        <v>20.100000000000001</v>
      </c>
      <c r="C1751" s="2">
        <v>158.6</v>
      </c>
      <c r="D1751" s="2">
        <v>0</v>
      </c>
      <c r="E1751" s="2">
        <v>94.000000000000796</v>
      </c>
    </row>
    <row r="1752" spans="1:5" x14ac:dyDescent="0.25">
      <c r="A1752" s="3">
        <v>41764.55804398148</v>
      </c>
      <c r="B1752" s="2">
        <v>20.2</v>
      </c>
      <c r="C1752" s="2">
        <v>158.4</v>
      </c>
      <c r="D1752" s="2">
        <v>0</v>
      </c>
      <c r="E1752" s="2">
        <v>94.000000000000796</v>
      </c>
    </row>
    <row r="1753" spans="1:5" x14ac:dyDescent="0.25">
      <c r="A1753" s="3">
        <v>41764.559201388889</v>
      </c>
      <c r="B1753" s="2">
        <v>20.100000000000001</v>
      </c>
      <c r="C1753" s="2">
        <v>158.6</v>
      </c>
      <c r="D1753" s="2">
        <v>0</v>
      </c>
      <c r="E1753" s="2">
        <v>94.000000000000796</v>
      </c>
    </row>
    <row r="1754" spans="1:5" x14ac:dyDescent="0.25">
      <c r="A1754" s="3">
        <v>41764.559259259258</v>
      </c>
      <c r="B1754" s="2">
        <v>20.100000000000001</v>
      </c>
      <c r="C1754" s="2">
        <v>158.4</v>
      </c>
      <c r="D1754" s="2">
        <v>0</v>
      </c>
      <c r="E1754" s="2">
        <v>94.000000000000796</v>
      </c>
    </row>
    <row r="1755" spans="1:5" x14ac:dyDescent="0.25">
      <c r="A1755" s="3">
        <v>41764.603009259263</v>
      </c>
      <c r="B1755" s="2">
        <v>22.3</v>
      </c>
      <c r="C1755" s="2">
        <v>158.19999999999999</v>
      </c>
      <c r="D1755" s="2">
        <v>0</v>
      </c>
      <c r="E1755" s="2">
        <v>94.000000000000796</v>
      </c>
    </row>
    <row r="1756" spans="1:5" x14ac:dyDescent="0.25">
      <c r="A1756" s="3">
        <v>41764.636342592596</v>
      </c>
      <c r="B1756" s="2">
        <v>23.4</v>
      </c>
      <c r="C1756" s="2">
        <v>158</v>
      </c>
      <c r="D1756" s="2">
        <v>0</v>
      </c>
      <c r="E1756" s="2">
        <v>94.000000000000796</v>
      </c>
    </row>
    <row r="1757" spans="1:5" x14ac:dyDescent="0.25">
      <c r="A1757" s="3">
        <v>41764.637962962966</v>
      </c>
      <c r="B1757" s="2">
        <v>23.4</v>
      </c>
      <c r="C1757" s="2">
        <v>158.19999999999999</v>
      </c>
      <c r="D1757" s="2">
        <v>0</v>
      </c>
      <c r="E1757" s="2">
        <v>94.000000000000796</v>
      </c>
    </row>
    <row r="1758" spans="1:5" x14ac:dyDescent="0.25">
      <c r="A1758" s="3">
        <v>41764.638020833336</v>
      </c>
      <c r="B1758" s="2">
        <v>23.4</v>
      </c>
      <c r="C1758" s="2">
        <v>158</v>
      </c>
      <c r="D1758" s="2">
        <v>0</v>
      </c>
      <c r="E1758" s="2">
        <v>94.000000000000796</v>
      </c>
    </row>
    <row r="1759" spans="1:5" x14ac:dyDescent="0.25">
      <c r="A1759" s="3">
        <v>41764.64502314815</v>
      </c>
      <c r="B1759" s="2">
        <v>23.5</v>
      </c>
      <c r="C1759" s="2">
        <v>158.19999999999999</v>
      </c>
      <c r="D1759" s="2">
        <v>0</v>
      </c>
      <c r="E1759" s="2">
        <v>94.000000000000796</v>
      </c>
    </row>
    <row r="1760" spans="1:5" x14ac:dyDescent="0.25">
      <c r="A1760" s="3">
        <v>41764.645254629628</v>
      </c>
      <c r="B1760" s="2">
        <v>23.5</v>
      </c>
      <c r="C1760" s="2">
        <v>158</v>
      </c>
      <c r="D1760" s="2">
        <v>0</v>
      </c>
      <c r="E1760" s="2">
        <v>94.000000000000796</v>
      </c>
    </row>
    <row r="1761" spans="1:5" x14ac:dyDescent="0.25">
      <c r="A1761" s="3">
        <v>41764.645775462966</v>
      </c>
      <c r="B1761" s="2">
        <v>23.5</v>
      </c>
      <c r="C1761" s="2">
        <v>158.19999999999999</v>
      </c>
      <c r="D1761" s="2">
        <v>0</v>
      </c>
      <c r="E1761" s="2">
        <v>94.000000000000796</v>
      </c>
    </row>
    <row r="1762" spans="1:5" x14ac:dyDescent="0.25">
      <c r="A1762" s="3">
        <v>41764.65121527778</v>
      </c>
      <c r="B1762" s="2">
        <v>23.3</v>
      </c>
      <c r="C1762" s="2">
        <v>158</v>
      </c>
      <c r="D1762" s="2">
        <v>0</v>
      </c>
      <c r="E1762" s="2">
        <v>94.000000000000796</v>
      </c>
    </row>
    <row r="1763" spans="1:5" x14ac:dyDescent="0.25">
      <c r="A1763" s="3">
        <v>41764.652199074073</v>
      </c>
      <c r="B1763" s="2">
        <v>23.3</v>
      </c>
      <c r="C1763" s="2">
        <v>158.19999999999999</v>
      </c>
      <c r="D1763" s="2">
        <v>0</v>
      </c>
      <c r="E1763" s="2">
        <v>94.000000000000796</v>
      </c>
    </row>
    <row r="1764" spans="1:5" x14ac:dyDescent="0.25">
      <c r="A1764" s="3">
        <v>41764.652372685188</v>
      </c>
      <c r="B1764" s="2">
        <v>23.3</v>
      </c>
      <c r="C1764" s="2">
        <v>158</v>
      </c>
      <c r="D1764" s="2">
        <v>0</v>
      </c>
      <c r="E1764" s="2">
        <v>94.000000000000796</v>
      </c>
    </row>
    <row r="1765" spans="1:5" x14ac:dyDescent="0.25">
      <c r="A1765" s="3">
        <v>41764.66128472222</v>
      </c>
      <c r="B1765" s="2">
        <v>23.1</v>
      </c>
      <c r="C1765" s="2">
        <v>158.19999999999999</v>
      </c>
      <c r="D1765" s="2">
        <v>0</v>
      </c>
      <c r="E1765" s="2">
        <v>94.000000000000796</v>
      </c>
    </row>
    <row r="1766" spans="1:5" x14ac:dyDescent="0.25">
      <c r="A1766" s="3">
        <v>41764.661458333336</v>
      </c>
      <c r="B1766" s="2">
        <v>23.1</v>
      </c>
      <c r="C1766" s="2">
        <v>158</v>
      </c>
      <c r="D1766" s="2">
        <v>0</v>
      </c>
      <c r="E1766" s="2">
        <v>94.000000000000796</v>
      </c>
    </row>
    <row r="1767" spans="1:5" x14ac:dyDescent="0.25">
      <c r="A1767" s="3">
        <v>41764.6875</v>
      </c>
      <c r="B1767" s="2">
        <v>22.5</v>
      </c>
      <c r="C1767" s="2">
        <v>157.80000000000001</v>
      </c>
      <c r="D1767" s="2">
        <v>0</v>
      </c>
      <c r="E1767" s="2">
        <v>94.000000000000796</v>
      </c>
    </row>
    <row r="1768" spans="1:5" x14ac:dyDescent="0.25">
      <c r="A1768" s="3">
        <v>41764.71429398148</v>
      </c>
      <c r="B1768" s="2">
        <v>21.9</v>
      </c>
      <c r="C1768" s="2">
        <v>157.6</v>
      </c>
      <c r="D1768" s="2">
        <v>0</v>
      </c>
      <c r="E1768" s="2">
        <v>94.000000000000796</v>
      </c>
    </row>
    <row r="1769" spans="1:5" x14ac:dyDescent="0.25">
      <c r="A1769" s="3">
        <v>41764.714409722219</v>
      </c>
      <c r="B1769" s="2">
        <v>21.9</v>
      </c>
      <c r="C1769" s="2">
        <v>157.80000000000001</v>
      </c>
      <c r="D1769" s="2">
        <v>0</v>
      </c>
      <c r="E1769" s="2">
        <v>94.000000000000796</v>
      </c>
    </row>
    <row r="1770" spans="1:5" x14ac:dyDescent="0.25">
      <c r="A1770" s="3">
        <v>41764.714525462965</v>
      </c>
      <c r="B1770" s="2">
        <v>21.9</v>
      </c>
      <c r="C1770" s="2">
        <v>157.6</v>
      </c>
      <c r="D1770" s="2">
        <v>0</v>
      </c>
      <c r="E1770" s="2">
        <v>94.000000000000796</v>
      </c>
    </row>
    <row r="1771" spans="1:5" x14ac:dyDescent="0.25">
      <c r="A1771" s="3">
        <v>41764.736921296295</v>
      </c>
      <c r="B1771" s="2">
        <v>21.4</v>
      </c>
      <c r="C1771" s="2">
        <v>157.4</v>
      </c>
      <c r="D1771" s="2">
        <v>0</v>
      </c>
      <c r="E1771" s="2">
        <v>94.000000000000796</v>
      </c>
    </row>
    <row r="1772" spans="1:5" x14ac:dyDescent="0.25">
      <c r="A1772" s="3">
        <v>41764.75445601852</v>
      </c>
      <c r="B1772" s="2">
        <v>21.1</v>
      </c>
      <c r="C1772" s="2">
        <v>157.19999999999999</v>
      </c>
      <c r="D1772" s="2">
        <v>0</v>
      </c>
      <c r="E1772" s="2">
        <v>94.000000000000796</v>
      </c>
    </row>
    <row r="1773" spans="1:5" x14ac:dyDescent="0.25">
      <c r="A1773" s="3">
        <v>41764.75503472222</v>
      </c>
      <c r="B1773" s="2">
        <v>21.1</v>
      </c>
      <c r="C1773" s="2">
        <v>157.4</v>
      </c>
      <c r="D1773" s="2">
        <v>0</v>
      </c>
      <c r="E1773" s="2">
        <v>94.000000000000796</v>
      </c>
    </row>
    <row r="1774" spans="1:5" x14ac:dyDescent="0.25">
      <c r="A1774" s="3">
        <v>41764.755439814813</v>
      </c>
      <c r="B1774" s="2">
        <v>21.1</v>
      </c>
      <c r="C1774" s="2">
        <v>157.19999999999999</v>
      </c>
      <c r="D1774" s="2">
        <v>0</v>
      </c>
      <c r="E1774" s="2">
        <v>94.000000000000796</v>
      </c>
    </row>
    <row r="1775" spans="1:5" x14ac:dyDescent="0.25">
      <c r="A1775" s="3">
        <v>41764.775520833333</v>
      </c>
      <c r="B1775" s="2">
        <v>20.9</v>
      </c>
      <c r="C1775" s="2">
        <v>157</v>
      </c>
      <c r="D1775" s="2">
        <v>0</v>
      </c>
      <c r="E1775" s="2">
        <v>94.000000000000796</v>
      </c>
    </row>
    <row r="1776" spans="1:5" x14ac:dyDescent="0.25">
      <c r="A1776" s="3">
        <v>41764.820949074077</v>
      </c>
      <c r="B1776" s="2">
        <v>19.8</v>
      </c>
      <c r="C1776" s="2">
        <v>156.80000000000001</v>
      </c>
      <c r="D1776" s="2">
        <v>0</v>
      </c>
      <c r="E1776" s="2">
        <v>94.000000000000796</v>
      </c>
    </row>
    <row r="1777" spans="1:5" x14ac:dyDescent="0.25">
      <c r="A1777" s="3">
        <v>41764.881655092591</v>
      </c>
      <c r="B1777" s="2">
        <v>18.600000000000001</v>
      </c>
      <c r="C1777" s="2">
        <v>156.6</v>
      </c>
      <c r="D1777" s="2">
        <v>0</v>
      </c>
      <c r="E1777" s="2">
        <v>94.000000000000796</v>
      </c>
    </row>
    <row r="1778" spans="1:5" x14ac:dyDescent="0.25">
      <c r="A1778" s="3">
        <v>41764.95584490741</v>
      </c>
      <c r="B1778" s="2">
        <v>17.100000000000001</v>
      </c>
      <c r="C1778" s="2">
        <v>156.4</v>
      </c>
      <c r="D1778" s="2">
        <v>0</v>
      </c>
      <c r="E1778" s="2">
        <v>94.000000000000796</v>
      </c>
    </row>
    <row r="1779" spans="1:5" x14ac:dyDescent="0.25">
      <c r="A1779" s="3">
        <v>41765.024652777778</v>
      </c>
      <c r="B1779" s="2">
        <v>15.9</v>
      </c>
      <c r="C1779" s="2">
        <v>156.19999999999999</v>
      </c>
      <c r="D1779" s="2">
        <v>0</v>
      </c>
      <c r="E1779" s="2">
        <v>94.000000000000796</v>
      </c>
    </row>
    <row r="1780" spans="1:5" x14ac:dyDescent="0.25">
      <c r="A1780" s="3">
        <v>41765.130902777775</v>
      </c>
      <c r="B1780" s="2">
        <v>14</v>
      </c>
      <c r="C1780" s="2">
        <v>156</v>
      </c>
      <c r="D1780" s="2">
        <v>0</v>
      </c>
      <c r="E1780" s="2">
        <v>94.000000000000796</v>
      </c>
    </row>
    <row r="1781" spans="1:5" x14ac:dyDescent="0.25">
      <c r="A1781" s="3">
        <v>41765.265162037038</v>
      </c>
      <c r="B1781" s="2">
        <v>11.9</v>
      </c>
      <c r="C1781" s="2">
        <v>155.80000000000001</v>
      </c>
      <c r="D1781" s="2">
        <v>0</v>
      </c>
      <c r="E1781" s="2">
        <v>94.000000000000796</v>
      </c>
    </row>
    <row r="1782" spans="1:5" x14ac:dyDescent="0.25">
      <c r="A1782" s="3">
        <v>41765.32534722222</v>
      </c>
      <c r="B1782" s="2">
        <v>11.4</v>
      </c>
      <c r="C1782" s="2">
        <v>155.6</v>
      </c>
      <c r="D1782" s="2">
        <v>0</v>
      </c>
      <c r="E1782" s="2">
        <v>94.000000000000796</v>
      </c>
    </row>
    <row r="1783" spans="1:5" x14ac:dyDescent="0.25">
      <c r="A1783" s="3">
        <v>41765.35497685185</v>
      </c>
      <c r="B1783" s="2">
        <v>11.4</v>
      </c>
      <c r="C1783" s="2">
        <v>155.4</v>
      </c>
      <c r="D1783" s="2">
        <v>0</v>
      </c>
      <c r="E1783" s="2">
        <v>94.000000000000796</v>
      </c>
    </row>
    <row r="1784" spans="1:5" x14ac:dyDescent="0.25">
      <c r="A1784" s="3">
        <v>41765.524131944447</v>
      </c>
      <c r="B1784" s="2">
        <v>19.899999999999999</v>
      </c>
      <c r="C1784" s="2">
        <v>155.19999999999999</v>
      </c>
      <c r="D1784" s="2">
        <v>0</v>
      </c>
      <c r="E1784" s="2">
        <v>94.000000000000796</v>
      </c>
    </row>
    <row r="1785" spans="1:5" x14ac:dyDescent="0.25">
      <c r="A1785" s="3">
        <v>41765.524942129632</v>
      </c>
      <c r="B1785" s="2">
        <v>19.899999999999999</v>
      </c>
      <c r="C1785" s="2">
        <v>155.4</v>
      </c>
      <c r="D1785" s="2">
        <v>0</v>
      </c>
      <c r="E1785" s="2">
        <v>94.000000000000796</v>
      </c>
    </row>
    <row r="1786" spans="1:5" x14ac:dyDescent="0.25">
      <c r="A1786" s="3">
        <v>41765.525347222225</v>
      </c>
      <c r="B1786" s="2">
        <v>19.899999999999999</v>
      </c>
      <c r="C1786" s="2">
        <v>155.19999999999999</v>
      </c>
      <c r="D1786" s="2">
        <v>0</v>
      </c>
      <c r="E1786" s="2">
        <v>94.000000000000796</v>
      </c>
    </row>
    <row r="1787" spans="1:5" x14ac:dyDescent="0.25">
      <c r="A1787" s="3">
        <v>41765.525462962964</v>
      </c>
      <c r="B1787" s="2">
        <v>19.899999999999999</v>
      </c>
      <c r="C1787" s="2">
        <v>155.4</v>
      </c>
      <c r="D1787" s="2">
        <v>0</v>
      </c>
      <c r="E1787" s="2">
        <v>94.000000000000796</v>
      </c>
    </row>
    <row r="1788" spans="1:5" x14ac:dyDescent="0.25">
      <c r="A1788" s="3">
        <v>41765.525636574072</v>
      </c>
      <c r="B1788" s="2">
        <v>19.899999999999999</v>
      </c>
      <c r="C1788" s="2">
        <v>155.19999999999999</v>
      </c>
      <c r="D1788" s="2">
        <v>0</v>
      </c>
      <c r="E1788" s="2">
        <v>94.000000000000796</v>
      </c>
    </row>
    <row r="1789" spans="1:5" x14ac:dyDescent="0.25">
      <c r="A1789" s="3">
        <v>41765.525752314818</v>
      </c>
      <c r="B1789" s="2">
        <v>19.899999999999999</v>
      </c>
      <c r="C1789" s="2">
        <v>155.4</v>
      </c>
      <c r="D1789" s="2">
        <v>0</v>
      </c>
      <c r="E1789" s="2">
        <v>94.000000000000796</v>
      </c>
    </row>
    <row r="1790" spans="1:5" x14ac:dyDescent="0.25">
      <c r="A1790" s="3">
        <v>41765.525925925926</v>
      </c>
      <c r="B1790" s="2">
        <v>19.899999999999999</v>
      </c>
      <c r="C1790" s="2">
        <v>155.19999999999999</v>
      </c>
      <c r="D1790" s="2">
        <v>0</v>
      </c>
      <c r="E1790" s="2">
        <v>94.000000000000796</v>
      </c>
    </row>
    <row r="1791" spans="1:5" x14ac:dyDescent="0.25">
      <c r="A1791" s="3">
        <v>41765.527256944442</v>
      </c>
      <c r="B1791" s="2">
        <v>20.100000000000001</v>
      </c>
      <c r="C1791" s="2">
        <v>155.4</v>
      </c>
      <c r="D1791" s="2">
        <v>0</v>
      </c>
      <c r="E1791" s="2">
        <v>94.000000000000796</v>
      </c>
    </row>
    <row r="1792" spans="1:5" x14ac:dyDescent="0.25">
      <c r="A1792" s="3">
        <v>41765.527546296296</v>
      </c>
      <c r="B1792" s="2">
        <v>20.100000000000001</v>
      </c>
      <c r="C1792" s="2">
        <v>155.19999999999999</v>
      </c>
      <c r="D1792" s="2">
        <v>0</v>
      </c>
      <c r="E1792" s="2">
        <v>94.000000000000796</v>
      </c>
    </row>
    <row r="1793" spans="1:5" x14ac:dyDescent="0.25">
      <c r="A1793" s="3">
        <v>41765.530613425923</v>
      </c>
      <c r="B1793" s="2">
        <v>20.3</v>
      </c>
      <c r="C1793" s="2">
        <v>155.4</v>
      </c>
      <c r="D1793" s="2">
        <v>0</v>
      </c>
      <c r="E1793" s="2">
        <v>94.000000000000796</v>
      </c>
    </row>
    <row r="1794" spans="1:5" x14ac:dyDescent="0.25">
      <c r="A1794" s="3">
        <v>41765.530844907407</v>
      </c>
      <c r="B1794" s="2">
        <v>20.3</v>
      </c>
      <c r="C1794" s="2">
        <v>155.19999999999999</v>
      </c>
      <c r="D1794" s="2">
        <v>0</v>
      </c>
      <c r="E1794" s="2">
        <v>94.000000000000796</v>
      </c>
    </row>
    <row r="1795" spans="1:5" x14ac:dyDescent="0.25">
      <c r="A1795" s="3">
        <v>41765.535937499997</v>
      </c>
      <c r="B1795" s="2">
        <v>20.6</v>
      </c>
      <c r="C1795" s="2">
        <v>155.4</v>
      </c>
      <c r="D1795" s="2">
        <v>0</v>
      </c>
      <c r="E1795" s="2">
        <v>94.000000000000796</v>
      </c>
    </row>
    <row r="1796" spans="1:5" x14ac:dyDescent="0.25">
      <c r="A1796" s="3">
        <v>41765.536053240743</v>
      </c>
      <c r="B1796" s="2">
        <v>20.6</v>
      </c>
      <c r="C1796" s="2">
        <v>155.19999999999999</v>
      </c>
      <c r="D1796" s="2">
        <v>0</v>
      </c>
      <c r="E1796" s="2">
        <v>94.000000000000796</v>
      </c>
    </row>
    <row r="1797" spans="1:5" x14ac:dyDescent="0.25">
      <c r="A1797" s="3">
        <v>41765.5703125</v>
      </c>
      <c r="B1797" s="2">
        <v>22.5</v>
      </c>
      <c r="C1797" s="2">
        <v>155</v>
      </c>
      <c r="D1797" s="2">
        <v>0</v>
      </c>
      <c r="E1797" s="2">
        <v>94.000000000000796</v>
      </c>
    </row>
    <row r="1798" spans="1:5" x14ac:dyDescent="0.25">
      <c r="A1798" s="3">
        <v>41765.570370370369</v>
      </c>
      <c r="B1798" s="2">
        <v>22.5</v>
      </c>
      <c r="C1798" s="2">
        <v>155.19999999999999</v>
      </c>
      <c r="D1798" s="2">
        <v>0</v>
      </c>
      <c r="E1798" s="2">
        <v>94.000000000000796</v>
      </c>
    </row>
    <row r="1799" spans="1:5" x14ac:dyDescent="0.25">
      <c r="A1799" s="3">
        <v>41765.570543981485</v>
      </c>
      <c r="B1799" s="2">
        <v>22.6</v>
      </c>
      <c r="C1799" s="2">
        <v>155</v>
      </c>
      <c r="D1799" s="2">
        <v>0</v>
      </c>
      <c r="E1799" s="2">
        <v>94.000000000000796</v>
      </c>
    </row>
    <row r="1800" spans="1:5" x14ac:dyDescent="0.25">
      <c r="A1800" s="3">
        <v>41765.570717592593</v>
      </c>
      <c r="B1800" s="2">
        <v>22.6</v>
      </c>
      <c r="C1800" s="2">
        <v>155.19999999999999</v>
      </c>
      <c r="D1800" s="2">
        <v>0</v>
      </c>
      <c r="E1800" s="2">
        <v>94.000000000000796</v>
      </c>
    </row>
    <row r="1801" spans="1:5" x14ac:dyDescent="0.25">
      <c r="A1801" s="3">
        <v>41765.571006944447</v>
      </c>
      <c r="B1801" s="2">
        <v>22.7</v>
      </c>
      <c r="C1801" s="2">
        <v>155</v>
      </c>
      <c r="D1801" s="2">
        <v>0</v>
      </c>
      <c r="E1801" s="2">
        <v>94.000000000000796</v>
      </c>
    </row>
    <row r="1802" spans="1:5" x14ac:dyDescent="0.25">
      <c r="A1802" s="3">
        <v>41765.571064814816</v>
      </c>
      <c r="B1802" s="2">
        <v>22.7</v>
      </c>
      <c r="C1802" s="2">
        <v>155.19999999999999</v>
      </c>
      <c r="D1802" s="2">
        <v>0</v>
      </c>
      <c r="E1802" s="2">
        <v>94.000000000000796</v>
      </c>
    </row>
    <row r="1803" spans="1:5" x14ac:dyDescent="0.25">
      <c r="A1803" s="3">
        <v>41765.571180555555</v>
      </c>
      <c r="B1803" s="2">
        <v>22.7</v>
      </c>
      <c r="C1803" s="2">
        <v>155</v>
      </c>
      <c r="D1803" s="2">
        <v>0</v>
      </c>
      <c r="E1803" s="2">
        <v>94.000000000000796</v>
      </c>
    </row>
    <row r="1804" spans="1:5" x14ac:dyDescent="0.25">
      <c r="A1804" s="3">
        <v>41765.571875000001</v>
      </c>
      <c r="B1804" s="2">
        <v>22.7</v>
      </c>
      <c r="C1804" s="2">
        <v>155.19999999999999</v>
      </c>
      <c r="D1804" s="2">
        <v>0</v>
      </c>
      <c r="E1804" s="2">
        <v>94.000000000000796</v>
      </c>
    </row>
    <row r="1805" spans="1:5" x14ac:dyDescent="0.25">
      <c r="A1805" s="3">
        <v>41765.57199074074</v>
      </c>
      <c r="B1805" s="2">
        <v>22.7</v>
      </c>
      <c r="C1805" s="2">
        <v>155</v>
      </c>
      <c r="D1805" s="2">
        <v>0</v>
      </c>
      <c r="E1805" s="2">
        <v>94.000000000000796</v>
      </c>
    </row>
    <row r="1806" spans="1:5" x14ac:dyDescent="0.25">
      <c r="A1806" s="3">
        <v>41765.600983796299</v>
      </c>
      <c r="B1806" s="2">
        <v>24</v>
      </c>
      <c r="C1806" s="2">
        <v>154.80000000000001</v>
      </c>
      <c r="D1806" s="2">
        <v>0</v>
      </c>
      <c r="E1806" s="2">
        <v>94.000000000000796</v>
      </c>
    </row>
    <row r="1807" spans="1:5" x14ac:dyDescent="0.25">
      <c r="A1807" s="3">
        <v>41765.601099537038</v>
      </c>
      <c r="B1807" s="2">
        <v>24</v>
      </c>
      <c r="C1807" s="2">
        <v>155</v>
      </c>
      <c r="D1807" s="2">
        <v>0</v>
      </c>
      <c r="E1807" s="2">
        <v>94.000000000000796</v>
      </c>
    </row>
    <row r="1808" spans="1:5" x14ac:dyDescent="0.25">
      <c r="A1808" s="3">
        <v>41765.603182870371</v>
      </c>
      <c r="B1808" s="2">
        <v>24.1</v>
      </c>
      <c r="C1808" s="2">
        <v>154.80000000000001</v>
      </c>
      <c r="D1808" s="2">
        <v>0</v>
      </c>
      <c r="E1808" s="2">
        <v>94.000000000000796</v>
      </c>
    </row>
    <row r="1809" spans="1:5" x14ac:dyDescent="0.25">
      <c r="A1809" s="3">
        <v>41765.603298611109</v>
      </c>
      <c r="B1809" s="2">
        <v>24.1</v>
      </c>
      <c r="C1809" s="2">
        <v>155</v>
      </c>
      <c r="D1809" s="2">
        <v>0</v>
      </c>
      <c r="E1809" s="2">
        <v>94.000000000000796</v>
      </c>
    </row>
    <row r="1810" spans="1:5" x14ac:dyDescent="0.25">
      <c r="A1810" s="3">
        <v>41765.603414351855</v>
      </c>
      <c r="B1810" s="2">
        <v>24.1</v>
      </c>
      <c r="C1810" s="2">
        <v>154.80000000000001</v>
      </c>
      <c r="D1810" s="2">
        <v>0</v>
      </c>
      <c r="E1810" s="2">
        <v>94.000000000000796</v>
      </c>
    </row>
    <row r="1811" spans="1:5" x14ac:dyDescent="0.25">
      <c r="A1811" s="3">
        <v>41765.603645833333</v>
      </c>
      <c r="B1811" s="2">
        <v>24.1</v>
      </c>
      <c r="C1811" s="2">
        <v>155</v>
      </c>
      <c r="D1811" s="2">
        <v>0</v>
      </c>
      <c r="E1811" s="2">
        <v>94.000000000000796</v>
      </c>
    </row>
    <row r="1812" spans="1:5" x14ac:dyDescent="0.25">
      <c r="A1812" s="3">
        <v>41765.603877314818</v>
      </c>
      <c r="B1812" s="2">
        <v>24.1</v>
      </c>
      <c r="C1812" s="2">
        <v>154.80000000000001</v>
      </c>
      <c r="D1812" s="2">
        <v>0</v>
      </c>
      <c r="E1812" s="2">
        <v>94.000000000000796</v>
      </c>
    </row>
    <row r="1813" spans="1:5" x14ac:dyDescent="0.25">
      <c r="A1813" s="3">
        <v>41765.60601851852</v>
      </c>
      <c r="B1813" s="2">
        <v>24.1</v>
      </c>
      <c r="C1813" s="2">
        <v>155</v>
      </c>
      <c r="D1813" s="2">
        <v>0</v>
      </c>
      <c r="E1813" s="2">
        <v>94.000000000000796</v>
      </c>
    </row>
    <row r="1814" spans="1:5" x14ac:dyDescent="0.25">
      <c r="A1814" s="3">
        <v>41765.606249999997</v>
      </c>
      <c r="B1814" s="2">
        <v>24.1</v>
      </c>
      <c r="C1814" s="2">
        <v>154.80000000000001</v>
      </c>
      <c r="D1814" s="2">
        <v>0</v>
      </c>
      <c r="E1814" s="2">
        <v>94.000000000000796</v>
      </c>
    </row>
    <row r="1815" spans="1:5" x14ac:dyDescent="0.25">
      <c r="A1815" s="3">
        <v>41765.639351851853</v>
      </c>
      <c r="B1815" s="2">
        <v>24.8</v>
      </c>
      <c r="C1815" s="2">
        <v>154.6</v>
      </c>
      <c r="D1815" s="2">
        <v>0</v>
      </c>
      <c r="E1815" s="2">
        <v>94.000000000000796</v>
      </c>
    </row>
    <row r="1816" spans="1:5" x14ac:dyDescent="0.25">
      <c r="A1816" s="3">
        <v>41765.639409722222</v>
      </c>
      <c r="B1816" s="2">
        <v>24.8</v>
      </c>
      <c r="C1816" s="2">
        <v>154.80000000000001</v>
      </c>
      <c r="D1816" s="2">
        <v>0</v>
      </c>
      <c r="E1816" s="2">
        <v>94.000000000000796</v>
      </c>
    </row>
    <row r="1817" spans="1:5" x14ac:dyDescent="0.25">
      <c r="A1817" s="3">
        <v>41765.647858796299</v>
      </c>
      <c r="B1817" s="2">
        <v>24.7</v>
      </c>
      <c r="C1817" s="2">
        <v>154.6</v>
      </c>
      <c r="D1817" s="2">
        <v>0</v>
      </c>
      <c r="E1817" s="2">
        <v>94.000000000000796</v>
      </c>
    </row>
    <row r="1818" spans="1:5" x14ac:dyDescent="0.25">
      <c r="A1818" s="3">
        <v>41765.648263888892</v>
      </c>
      <c r="B1818" s="2">
        <v>24.7</v>
      </c>
      <c r="C1818" s="2">
        <v>154.80000000000001</v>
      </c>
      <c r="D1818" s="2">
        <v>0</v>
      </c>
      <c r="E1818" s="2">
        <v>94.000000000000796</v>
      </c>
    </row>
    <row r="1819" spans="1:5" x14ac:dyDescent="0.25">
      <c r="A1819" s="3">
        <v>41765.648379629631</v>
      </c>
      <c r="B1819" s="2">
        <v>24.7</v>
      </c>
      <c r="C1819" s="2">
        <v>154.6</v>
      </c>
      <c r="D1819" s="2">
        <v>0</v>
      </c>
      <c r="E1819" s="2">
        <v>94.000000000000796</v>
      </c>
    </row>
    <row r="1820" spans="1:5" x14ac:dyDescent="0.25">
      <c r="A1820" s="3">
        <v>41765.649131944447</v>
      </c>
      <c r="B1820" s="2">
        <v>24.7</v>
      </c>
      <c r="C1820" s="2">
        <v>154.80000000000001</v>
      </c>
      <c r="D1820" s="2">
        <v>0</v>
      </c>
      <c r="E1820" s="2">
        <v>94.000000000000796</v>
      </c>
    </row>
    <row r="1821" spans="1:5" x14ac:dyDescent="0.25">
      <c r="A1821" s="3">
        <v>41765.649363425924</v>
      </c>
      <c r="B1821" s="2">
        <v>24.7</v>
      </c>
      <c r="C1821" s="2">
        <v>154.6</v>
      </c>
      <c r="D1821" s="2">
        <v>0</v>
      </c>
      <c r="E1821" s="2">
        <v>94.000000000000796</v>
      </c>
    </row>
    <row r="1822" spans="1:5" x14ac:dyDescent="0.25">
      <c r="A1822" s="3">
        <v>41765.64947916667</v>
      </c>
      <c r="B1822" s="2">
        <v>24.7</v>
      </c>
      <c r="C1822" s="2">
        <v>154.80000000000001</v>
      </c>
      <c r="D1822" s="2">
        <v>0</v>
      </c>
      <c r="E1822" s="2">
        <v>94.000000000000796</v>
      </c>
    </row>
    <row r="1823" spans="1:5" x14ac:dyDescent="0.25">
      <c r="A1823" s="3">
        <v>41765.649537037039</v>
      </c>
      <c r="B1823" s="2">
        <v>24.7</v>
      </c>
      <c r="C1823" s="2">
        <v>154.6</v>
      </c>
      <c r="D1823" s="2">
        <v>0</v>
      </c>
      <c r="E1823" s="2">
        <v>94.000000000000796</v>
      </c>
    </row>
    <row r="1824" spans="1:5" x14ac:dyDescent="0.25">
      <c r="A1824" s="3">
        <v>41765.649826388886</v>
      </c>
      <c r="B1824" s="2">
        <v>24.7</v>
      </c>
      <c r="C1824" s="2">
        <v>154.80000000000001</v>
      </c>
      <c r="D1824" s="2">
        <v>0</v>
      </c>
      <c r="E1824" s="2">
        <v>94.000000000000796</v>
      </c>
    </row>
    <row r="1825" spans="1:5" x14ac:dyDescent="0.25">
      <c r="A1825" s="3">
        <v>41765.65</v>
      </c>
      <c r="B1825" s="2">
        <v>24.7</v>
      </c>
      <c r="C1825" s="2">
        <v>154.6</v>
      </c>
      <c r="D1825" s="2">
        <v>0</v>
      </c>
      <c r="E1825" s="2">
        <v>94.000000000000796</v>
      </c>
    </row>
    <row r="1826" spans="1:5" x14ac:dyDescent="0.25">
      <c r="A1826" s="3">
        <v>41765.674537037034</v>
      </c>
      <c r="B1826" s="2">
        <v>24.2</v>
      </c>
      <c r="C1826" s="2">
        <v>154.4</v>
      </c>
      <c r="D1826" s="2">
        <v>0</v>
      </c>
      <c r="E1826" s="2">
        <v>94.000000000000796</v>
      </c>
    </row>
    <row r="1827" spans="1:5" x14ac:dyDescent="0.25">
      <c r="A1827" s="3">
        <v>41765.693865740737</v>
      </c>
      <c r="B1827" s="2">
        <v>23.7</v>
      </c>
      <c r="C1827" s="2">
        <v>154.19999999999999</v>
      </c>
      <c r="D1827" s="2">
        <v>0</v>
      </c>
      <c r="E1827" s="2">
        <v>94.000000000000796</v>
      </c>
    </row>
    <row r="1828" spans="1:5" x14ac:dyDescent="0.25">
      <c r="A1828" s="3">
        <v>41765.693923611114</v>
      </c>
      <c r="B1828" s="2">
        <v>23.7</v>
      </c>
      <c r="C1828" s="2">
        <v>154.4</v>
      </c>
      <c r="D1828" s="2">
        <v>0</v>
      </c>
      <c r="E1828" s="2">
        <v>94.000000000000796</v>
      </c>
    </row>
    <row r="1829" spans="1:5" x14ac:dyDescent="0.25">
      <c r="A1829" s="3">
        <v>41765.694155092591</v>
      </c>
      <c r="B1829" s="2">
        <v>23.7</v>
      </c>
      <c r="C1829" s="2">
        <v>154.19999999999999</v>
      </c>
      <c r="D1829" s="2">
        <v>0</v>
      </c>
      <c r="E1829" s="2">
        <v>94.000000000000796</v>
      </c>
    </row>
    <row r="1830" spans="1:5" x14ac:dyDescent="0.25">
      <c r="A1830" s="3">
        <v>41765.716203703705</v>
      </c>
      <c r="B1830" s="2">
        <v>23.1</v>
      </c>
      <c r="C1830" s="2">
        <v>154</v>
      </c>
      <c r="D1830" s="2">
        <v>0</v>
      </c>
      <c r="E1830" s="2">
        <v>94.000000000000796</v>
      </c>
    </row>
    <row r="1831" spans="1:5" x14ac:dyDescent="0.25">
      <c r="A1831" s="3">
        <v>41765.736689814818</v>
      </c>
      <c r="B1831" s="2">
        <v>22.7</v>
      </c>
      <c r="C1831" s="2">
        <v>153.80000000000001</v>
      </c>
      <c r="D1831" s="2">
        <v>0</v>
      </c>
      <c r="E1831" s="2">
        <v>94.000000000000796</v>
      </c>
    </row>
    <row r="1832" spans="1:5" x14ac:dyDescent="0.25">
      <c r="A1832" s="3">
        <v>41765.73715277778</v>
      </c>
      <c r="B1832" s="2">
        <v>22.7</v>
      </c>
      <c r="C1832" s="2">
        <v>154</v>
      </c>
      <c r="D1832" s="2">
        <v>0</v>
      </c>
      <c r="E1832" s="2">
        <v>94.000000000000796</v>
      </c>
    </row>
    <row r="1833" spans="1:5" x14ac:dyDescent="0.25">
      <c r="A1833" s="3">
        <v>41765.737326388888</v>
      </c>
      <c r="B1833" s="2">
        <v>22.7</v>
      </c>
      <c r="C1833" s="2">
        <v>153.80000000000001</v>
      </c>
      <c r="D1833" s="2">
        <v>0</v>
      </c>
      <c r="E1833" s="2">
        <v>94.000000000000796</v>
      </c>
    </row>
    <row r="1834" spans="1:5" x14ac:dyDescent="0.25">
      <c r="A1834" s="3">
        <v>41765.761863425927</v>
      </c>
      <c r="B1834" s="2">
        <v>22.4</v>
      </c>
      <c r="C1834" s="2">
        <v>153.6</v>
      </c>
      <c r="D1834" s="2">
        <v>0</v>
      </c>
      <c r="E1834" s="2">
        <v>94.000000000000796</v>
      </c>
    </row>
    <row r="1835" spans="1:5" x14ac:dyDescent="0.25">
      <c r="A1835" s="3">
        <v>41765.762731481482</v>
      </c>
      <c r="B1835" s="2">
        <v>22.4</v>
      </c>
      <c r="C1835" s="2">
        <v>153.80000000000001</v>
      </c>
      <c r="D1835" s="2">
        <v>0</v>
      </c>
      <c r="E1835" s="2">
        <v>94.000000000000796</v>
      </c>
    </row>
    <row r="1836" spans="1:5" x14ac:dyDescent="0.25">
      <c r="A1836" s="3">
        <v>41765.76290509259</v>
      </c>
      <c r="B1836" s="2">
        <v>22.4</v>
      </c>
      <c r="C1836" s="2">
        <v>153.6</v>
      </c>
      <c r="D1836" s="2">
        <v>0</v>
      </c>
      <c r="E1836" s="2">
        <v>94.000000000000796</v>
      </c>
    </row>
    <row r="1837" spans="1:5" x14ac:dyDescent="0.25">
      <c r="A1837" s="3">
        <v>41765.764525462961</v>
      </c>
      <c r="B1837" s="2">
        <v>22.4</v>
      </c>
      <c r="C1837" s="2">
        <v>153.80000000000001</v>
      </c>
      <c r="D1837" s="2">
        <v>0</v>
      </c>
      <c r="E1837" s="2">
        <v>94.000000000000796</v>
      </c>
    </row>
    <row r="1838" spans="1:5" x14ac:dyDescent="0.25">
      <c r="A1838" s="3">
        <v>41765.76458333333</v>
      </c>
      <c r="B1838" s="2">
        <v>22.3</v>
      </c>
      <c r="C1838" s="2">
        <v>153.6</v>
      </c>
      <c r="D1838" s="2">
        <v>0</v>
      </c>
      <c r="E1838" s="2">
        <v>94.000000000000796</v>
      </c>
    </row>
    <row r="1839" spans="1:5" x14ac:dyDescent="0.25">
      <c r="A1839" s="3">
        <v>41765.789583333331</v>
      </c>
      <c r="B1839" s="2">
        <v>21.8</v>
      </c>
      <c r="C1839" s="2">
        <v>153.4</v>
      </c>
      <c r="D1839" s="2">
        <v>0</v>
      </c>
      <c r="E1839" s="2">
        <v>94.000000000000796</v>
      </c>
    </row>
    <row r="1840" spans="1:5" x14ac:dyDescent="0.25">
      <c r="A1840" s="3">
        <v>41765.789814814816</v>
      </c>
      <c r="B1840" s="2">
        <v>21.8</v>
      </c>
      <c r="C1840" s="2">
        <v>153.6</v>
      </c>
      <c r="D1840" s="2">
        <v>0</v>
      </c>
      <c r="E1840" s="2">
        <v>94.000000000000796</v>
      </c>
    </row>
    <row r="1841" spans="1:5" x14ac:dyDescent="0.25">
      <c r="A1841" s="3">
        <v>41765.790162037039</v>
      </c>
      <c r="B1841" s="2">
        <v>21.8</v>
      </c>
      <c r="C1841" s="2">
        <v>153.4</v>
      </c>
      <c r="D1841" s="2">
        <v>0</v>
      </c>
      <c r="E1841" s="2">
        <v>94.000000000000796</v>
      </c>
    </row>
    <row r="1842" spans="1:5" x14ac:dyDescent="0.25">
      <c r="A1842" s="3">
        <v>41765.791145833333</v>
      </c>
      <c r="B1842" s="2">
        <v>21.7</v>
      </c>
      <c r="C1842" s="2">
        <v>153.6</v>
      </c>
      <c r="D1842" s="2">
        <v>0</v>
      </c>
      <c r="E1842" s="2">
        <v>94.000000000000796</v>
      </c>
    </row>
    <row r="1843" spans="1:5" x14ac:dyDescent="0.25">
      <c r="A1843" s="3">
        <v>41765.791203703702</v>
      </c>
      <c r="B1843" s="2">
        <v>21.7</v>
      </c>
      <c r="C1843" s="2">
        <v>153.4</v>
      </c>
      <c r="D1843" s="2">
        <v>0</v>
      </c>
      <c r="E1843" s="2">
        <v>94.000000000000796</v>
      </c>
    </row>
    <row r="1844" spans="1:5" x14ac:dyDescent="0.25">
      <c r="A1844" s="3">
        <v>41765.81927083333</v>
      </c>
      <c r="B1844" s="2">
        <v>21.1</v>
      </c>
      <c r="C1844" s="2">
        <v>153.19999999999999</v>
      </c>
      <c r="D1844" s="2">
        <v>0</v>
      </c>
      <c r="E1844" s="2">
        <v>94.000000000000796</v>
      </c>
    </row>
    <row r="1845" spans="1:5" x14ac:dyDescent="0.25">
      <c r="A1845" s="3">
        <v>41765.819444444445</v>
      </c>
      <c r="B1845" s="2">
        <v>21.1</v>
      </c>
      <c r="C1845" s="2">
        <v>153.4</v>
      </c>
      <c r="D1845" s="2">
        <v>0</v>
      </c>
      <c r="E1845" s="2">
        <v>94.000000000000796</v>
      </c>
    </row>
    <row r="1846" spans="1:5" x14ac:dyDescent="0.25">
      <c r="A1846" s="3">
        <v>41765.820486111108</v>
      </c>
      <c r="B1846" s="2">
        <v>21.1</v>
      </c>
      <c r="C1846" s="2">
        <v>153.19999999999999</v>
      </c>
      <c r="D1846" s="2">
        <v>0</v>
      </c>
      <c r="E1846" s="2">
        <v>94.000000000000796</v>
      </c>
    </row>
    <row r="1847" spans="1:5" x14ac:dyDescent="0.25">
      <c r="A1847" s="3">
        <v>41765.821585648147</v>
      </c>
      <c r="B1847" s="2">
        <v>21.1</v>
      </c>
      <c r="C1847" s="2">
        <v>153.4</v>
      </c>
      <c r="D1847" s="2">
        <v>0</v>
      </c>
      <c r="E1847" s="2">
        <v>94.000000000000796</v>
      </c>
    </row>
    <row r="1848" spans="1:5" x14ac:dyDescent="0.25">
      <c r="A1848" s="3">
        <v>41765.821701388886</v>
      </c>
      <c r="B1848" s="2">
        <v>21.1</v>
      </c>
      <c r="C1848" s="2">
        <v>153.19999999999999</v>
      </c>
      <c r="D1848" s="2">
        <v>0</v>
      </c>
      <c r="E1848" s="2">
        <v>94.000000000000796</v>
      </c>
    </row>
    <row r="1849" spans="1:5" x14ac:dyDescent="0.25">
      <c r="A1849" s="3">
        <v>41765.822685185187</v>
      </c>
      <c r="B1849" s="2">
        <v>21</v>
      </c>
      <c r="C1849" s="2">
        <v>153.4</v>
      </c>
      <c r="D1849" s="2">
        <v>0</v>
      </c>
      <c r="E1849" s="2">
        <v>94.000000000000796</v>
      </c>
    </row>
    <row r="1850" spans="1:5" x14ac:dyDescent="0.25">
      <c r="A1850" s="3">
        <v>41765.822858796295</v>
      </c>
      <c r="B1850" s="2">
        <v>21</v>
      </c>
      <c r="C1850" s="2">
        <v>153.19999999999999</v>
      </c>
      <c r="D1850" s="2">
        <v>0</v>
      </c>
      <c r="E1850" s="2">
        <v>94.000000000000796</v>
      </c>
    </row>
    <row r="1851" spans="1:5" x14ac:dyDescent="0.25">
      <c r="A1851" s="3">
        <v>41765.860879629632</v>
      </c>
      <c r="B1851" s="2">
        <v>20.2</v>
      </c>
      <c r="C1851" s="2">
        <v>153</v>
      </c>
      <c r="D1851" s="2">
        <v>0</v>
      </c>
      <c r="E1851" s="2">
        <v>94.000000000000796</v>
      </c>
    </row>
    <row r="1852" spans="1:5" x14ac:dyDescent="0.25">
      <c r="A1852" s="3">
        <v>41765.861111111109</v>
      </c>
      <c r="B1852" s="2">
        <v>20.2</v>
      </c>
      <c r="C1852" s="2">
        <v>153.19999999999999</v>
      </c>
      <c r="D1852" s="2">
        <v>0</v>
      </c>
      <c r="E1852" s="2">
        <v>94.000000000000796</v>
      </c>
    </row>
    <row r="1853" spans="1:5" x14ac:dyDescent="0.25">
      <c r="A1853" s="3">
        <v>41765.861284722225</v>
      </c>
      <c r="B1853" s="2">
        <v>20.2</v>
      </c>
      <c r="C1853" s="2">
        <v>153</v>
      </c>
      <c r="D1853" s="2">
        <v>0</v>
      </c>
      <c r="E1853" s="2">
        <v>94.000000000000796</v>
      </c>
    </row>
    <row r="1854" spans="1:5" x14ac:dyDescent="0.25">
      <c r="A1854" s="3">
        <v>41765.907986111109</v>
      </c>
      <c r="B1854" s="2">
        <v>19.2</v>
      </c>
      <c r="C1854" s="2">
        <v>152.80000000000001</v>
      </c>
      <c r="D1854" s="2">
        <v>0</v>
      </c>
      <c r="E1854" s="2">
        <v>94.000000000000796</v>
      </c>
    </row>
    <row r="1855" spans="1:5" x14ac:dyDescent="0.25">
      <c r="A1855" s="3">
        <v>41765.96197916667</v>
      </c>
      <c r="B1855" s="2">
        <v>18.2</v>
      </c>
      <c r="C1855" s="2">
        <v>152.6</v>
      </c>
      <c r="D1855" s="2">
        <v>0</v>
      </c>
      <c r="E1855" s="2">
        <v>94.000000000000796</v>
      </c>
    </row>
    <row r="1856" spans="1:5" x14ac:dyDescent="0.25">
      <c r="A1856" s="3">
        <v>41766.026736111111</v>
      </c>
      <c r="B1856" s="2">
        <v>17</v>
      </c>
      <c r="C1856" s="2">
        <v>152.4</v>
      </c>
      <c r="D1856" s="2">
        <v>0</v>
      </c>
      <c r="E1856" s="2">
        <v>94.000000000000796</v>
      </c>
    </row>
    <row r="1857" spans="1:5" x14ac:dyDescent="0.25">
      <c r="A1857" s="3">
        <v>41766.147164351853</v>
      </c>
      <c r="B1857" s="2">
        <v>15.1</v>
      </c>
      <c r="C1857" s="2">
        <v>152.19999999999999</v>
      </c>
      <c r="D1857" s="2">
        <v>0</v>
      </c>
      <c r="E1857" s="2">
        <v>94.000000000000796</v>
      </c>
    </row>
    <row r="1858" spans="1:5" x14ac:dyDescent="0.25">
      <c r="A1858" s="3">
        <v>41766.289236111108</v>
      </c>
      <c r="B1858" s="2">
        <v>13.4</v>
      </c>
      <c r="C1858" s="2">
        <v>152</v>
      </c>
      <c r="D1858" s="2">
        <v>0</v>
      </c>
      <c r="E1858" s="2">
        <v>94.000000000000796</v>
      </c>
    </row>
    <row r="1859" spans="1:5" x14ac:dyDescent="0.25">
      <c r="A1859" s="3">
        <v>41766.322164351855</v>
      </c>
      <c r="B1859" s="2">
        <v>13.4</v>
      </c>
      <c r="C1859" s="2">
        <v>151.80000000000001</v>
      </c>
      <c r="D1859" s="2">
        <v>0</v>
      </c>
      <c r="E1859" s="2">
        <v>94.000000000000796</v>
      </c>
    </row>
    <row r="1860" spans="1:5" x14ac:dyDescent="0.25">
      <c r="A1860" s="3">
        <v>41766.323553240742</v>
      </c>
      <c r="B1860" s="2">
        <v>13.4</v>
      </c>
      <c r="C1860" s="2">
        <v>152</v>
      </c>
      <c r="D1860" s="2">
        <v>0</v>
      </c>
      <c r="E1860" s="2">
        <v>94.000000000000796</v>
      </c>
    </row>
    <row r="1861" spans="1:5" x14ac:dyDescent="0.25">
      <c r="A1861" s="3">
        <v>41766.32366898148</v>
      </c>
      <c r="B1861" s="2">
        <v>13.4</v>
      </c>
      <c r="C1861" s="2">
        <v>151.80000000000001</v>
      </c>
      <c r="D1861" s="2">
        <v>0</v>
      </c>
      <c r="E1861" s="2">
        <v>94.000000000000796</v>
      </c>
    </row>
    <row r="1862" spans="1:5" x14ac:dyDescent="0.25">
      <c r="A1862" s="3">
        <v>41766.459780092591</v>
      </c>
      <c r="B1862" s="2">
        <v>15</v>
      </c>
      <c r="C1862" s="2">
        <v>151.6</v>
      </c>
      <c r="D1862" s="2">
        <v>0</v>
      </c>
      <c r="E1862" s="2">
        <v>94.000000000000796</v>
      </c>
    </row>
    <row r="1863" spans="1:5" x14ac:dyDescent="0.25">
      <c r="A1863" s="3">
        <v>41766.461284722223</v>
      </c>
      <c r="B1863" s="2">
        <v>15</v>
      </c>
      <c r="C1863" s="2">
        <v>151.80000000000001</v>
      </c>
      <c r="D1863" s="2">
        <v>0</v>
      </c>
      <c r="E1863" s="2">
        <v>94.000000000000796</v>
      </c>
    </row>
    <row r="1864" spans="1:5" x14ac:dyDescent="0.25">
      <c r="A1864" s="3">
        <v>41766.461342592593</v>
      </c>
      <c r="B1864" s="2">
        <v>15</v>
      </c>
      <c r="C1864" s="2">
        <v>151.6</v>
      </c>
      <c r="D1864" s="2">
        <v>0</v>
      </c>
      <c r="E1864" s="2">
        <v>94.000000000000796</v>
      </c>
    </row>
    <row r="1865" spans="1:5" x14ac:dyDescent="0.25">
      <c r="A1865" s="3">
        <v>41766.463541666664</v>
      </c>
      <c r="B1865" s="2">
        <v>15</v>
      </c>
      <c r="C1865" s="2">
        <v>151.80000000000001</v>
      </c>
      <c r="D1865" s="2">
        <v>0</v>
      </c>
      <c r="E1865" s="2">
        <v>94.000000000000796</v>
      </c>
    </row>
    <row r="1866" spans="1:5" x14ac:dyDescent="0.25">
      <c r="A1866" s="3">
        <v>41766.463599537034</v>
      </c>
      <c r="B1866" s="2">
        <v>15</v>
      </c>
      <c r="C1866" s="2">
        <v>151.6</v>
      </c>
      <c r="D1866" s="2">
        <v>0</v>
      </c>
      <c r="E1866" s="2">
        <v>94.000000000000796</v>
      </c>
    </row>
    <row r="1867" spans="1:5" x14ac:dyDescent="0.25">
      <c r="A1867" s="3">
        <v>41766.464409722219</v>
      </c>
      <c r="B1867" s="2">
        <v>15</v>
      </c>
      <c r="C1867" s="2">
        <v>151.80000000000001</v>
      </c>
      <c r="D1867" s="2">
        <v>0</v>
      </c>
      <c r="E1867" s="2">
        <v>94.000000000000796</v>
      </c>
    </row>
    <row r="1868" spans="1:5" x14ac:dyDescent="0.25">
      <c r="A1868" s="3">
        <v>41766.464641203704</v>
      </c>
      <c r="B1868" s="2">
        <v>15</v>
      </c>
      <c r="C1868" s="2">
        <v>151.6</v>
      </c>
      <c r="D1868" s="2">
        <v>0</v>
      </c>
      <c r="E1868" s="2">
        <v>94.000000000000796</v>
      </c>
    </row>
    <row r="1869" spans="1:5" x14ac:dyDescent="0.25">
      <c r="A1869" s="3">
        <v>41766.464930555558</v>
      </c>
      <c r="B1869" s="2">
        <v>15</v>
      </c>
      <c r="C1869" s="2">
        <v>151.80000000000001</v>
      </c>
      <c r="D1869" s="2">
        <v>0</v>
      </c>
      <c r="E1869" s="2">
        <v>94.000000000000796</v>
      </c>
    </row>
    <row r="1870" spans="1:5" x14ac:dyDescent="0.25">
      <c r="A1870" s="3">
        <v>41766.464988425927</v>
      </c>
      <c r="B1870" s="2">
        <v>15</v>
      </c>
      <c r="C1870" s="2">
        <v>151.6</v>
      </c>
      <c r="D1870" s="2">
        <v>0</v>
      </c>
      <c r="E1870" s="2">
        <v>94.000000000000796</v>
      </c>
    </row>
    <row r="1871" spans="1:5" x14ac:dyDescent="0.25">
      <c r="A1871" s="3">
        <v>41766.466608796298</v>
      </c>
      <c r="B1871" s="2">
        <v>15</v>
      </c>
      <c r="C1871" s="2">
        <v>151.80000000000001</v>
      </c>
      <c r="D1871" s="2">
        <v>0</v>
      </c>
      <c r="E1871" s="2">
        <v>94.000000000000796</v>
      </c>
    </row>
    <row r="1872" spans="1:5" x14ac:dyDescent="0.25">
      <c r="A1872" s="3">
        <v>41766.467650462961</v>
      </c>
      <c r="B1872" s="2">
        <v>15</v>
      </c>
      <c r="C1872" s="2">
        <v>151.6</v>
      </c>
      <c r="D1872" s="2">
        <v>0</v>
      </c>
      <c r="E1872" s="2">
        <v>94.000000000000796</v>
      </c>
    </row>
    <row r="1873" spans="1:5" x14ac:dyDescent="0.25">
      <c r="A1873" s="3">
        <v>41766.498842592591</v>
      </c>
      <c r="B1873" s="2">
        <v>15.4</v>
      </c>
      <c r="C1873" s="2">
        <v>151.80000000000001</v>
      </c>
      <c r="D1873" s="2">
        <v>0</v>
      </c>
      <c r="E1873" s="2">
        <v>94.000000000000796</v>
      </c>
    </row>
    <row r="1874" spans="1:5" x14ac:dyDescent="0.25">
      <c r="A1874" s="3">
        <v>41766.498900462961</v>
      </c>
      <c r="B1874" s="2">
        <v>15.4</v>
      </c>
      <c r="C1874" s="2">
        <v>151.6</v>
      </c>
      <c r="D1874" s="2">
        <v>0</v>
      </c>
      <c r="E1874" s="2">
        <v>94.000000000000796</v>
      </c>
    </row>
    <row r="1875" spans="1:5" x14ac:dyDescent="0.25">
      <c r="A1875" s="3">
        <v>41766.548668981479</v>
      </c>
      <c r="B1875" s="2">
        <v>16.3</v>
      </c>
      <c r="C1875" s="2">
        <v>151.4</v>
      </c>
      <c r="D1875" s="2">
        <v>0</v>
      </c>
      <c r="E1875" s="2">
        <v>94.000000000000796</v>
      </c>
    </row>
    <row r="1876" spans="1:5" x14ac:dyDescent="0.25">
      <c r="A1876" s="3">
        <v>41766.548784722225</v>
      </c>
      <c r="B1876" s="2">
        <v>16.3</v>
      </c>
      <c r="C1876" s="2">
        <v>151.6</v>
      </c>
      <c r="D1876" s="2">
        <v>0</v>
      </c>
      <c r="E1876" s="2">
        <v>94.000000000000796</v>
      </c>
    </row>
    <row r="1877" spans="1:5" x14ac:dyDescent="0.25">
      <c r="A1877" s="3">
        <v>41766.549131944441</v>
      </c>
      <c r="B1877" s="2">
        <v>16.3</v>
      </c>
      <c r="C1877" s="2">
        <v>151.4</v>
      </c>
      <c r="D1877" s="2">
        <v>0</v>
      </c>
      <c r="E1877" s="2">
        <v>94.000000000000796</v>
      </c>
    </row>
    <row r="1878" spans="1:5" x14ac:dyDescent="0.25">
      <c r="A1878" s="3">
        <v>41766.549710648149</v>
      </c>
      <c r="B1878" s="2">
        <v>16.3</v>
      </c>
      <c r="C1878" s="2">
        <v>151.6</v>
      </c>
      <c r="D1878" s="2">
        <v>0</v>
      </c>
      <c r="E1878" s="2">
        <v>94.000000000000796</v>
      </c>
    </row>
    <row r="1879" spans="1:5" x14ac:dyDescent="0.25">
      <c r="A1879" s="3">
        <v>41766.549768518518</v>
      </c>
      <c r="B1879" s="2">
        <v>16.3</v>
      </c>
      <c r="C1879" s="2">
        <v>151.4</v>
      </c>
      <c r="D1879" s="2">
        <v>0</v>
      </c>
      <c r="E1879" s="2">
        <v>94.000000000000796</v>
      </c>
    </row>
    <row r="1880" spans="1:5" x14ac:dyDescent="0.25">
      <c r="A1880" s="3">
        <v>41766.553240740737</v>
      </c>
      <c r="B1880" s="2">
        <v>16.3</v>
      </c>
      <c r="C1880" s="2">
        <v>151.6</v>
      </c>
      <c r="D1880" s="2">
        <v>0</v>
      </c>
      <c r="E1880" s="2">
        <v>94.000000000000796</v>
      </c>
    </row>
    <row r="1881" spans="1:5" x14ac:dyDescent="0.25">
      <c r="A1881" s="3">
        <v>41766.553472222222</v>
      </c>
      <c r="B1881" s="2">
        <v>16.3</v>
      </c>
      <c r="C1881" s="2">
        <v>151.4</v>
      </c>
      <c r="D1881" s="2">
        <v>0</v>
      </c>
      <c r="E1881" s="2">
        <v>94.000000000000796</v>
      </c>
    </row>
    <row r="1882" spans="1:5" x14ac:dyDescent="0.25">
      <c r="A1882" s="3">
        <v>41766.555844907409</v>
      </c>
      <c r="B1882" s="2">
        <v>16.399999999999999</v>
      </c>
      <c r="C1882" s="2">
        <v>151.6</v>
      </c>
      <c r="D1882" s="2">
        <v>0</v>
      </c>
      <c r="E1882" s="2">
        <v>94.000000000000796</v>
      </c>
    </row>
    <row r="1883" spans="1:5" x14ac:dyDescent="0.25">
      <c r="A1883" s="3">
        <v>41766.556018518517</v>
      </c>
      <c r="B1883" s="2">
        <v>16.399999999999999</v>
      </c>
      <c r="C1883" s="2">
        <v>151.4</v>
      </c>
      <c r="D1883" s="2">
        <v>0</v>
      </c>
      <c r="E1883" s="2">
        <v>94.000000000000796</v>
      </c>
    </row>
    <row r="1884" spans="1:5" x14ac:dyDescent="0.25">
      <c r="A1884" s="3">
        <v>41766.556307870371</v>
      </c>
      <c r="B1884" s="2">
        <v>16.399999999999999</v>
      </c>
      <c r="C1884" s="2">
        <v>151.6</v>
      </c>
      <c r="D1884" s="2">
        <v>0</v>
      </c>
      <c r="E1884" s="2">
        <v>94.000000000000796</v>
      </c>
    </row>
    <row r="1885" spans="1:5" x14ac:dyDescent="0.25">
      <c r="A1885" s="3">
        <v>41766.55636574074</v>
      </c>
      <c r="B1885" s="2">
        <v>16.399999999999999</v>
      </c>
      <c r="C1885" s="2">
        <v>151.4</v>
      </c>
      <c r="D1885" s="2">
        <v>0</v>
      </c>
      <c r="E1885" s="2">
        <v>94.000000000000796</v>
      </c>
    </row>
    <row r="1886" spans="1:5" x14ac:dyDescent="0.25">
      <c r="A1886" s="3">
        <v>41766.556423611109</v>
      </c>
      <c r="B1886" s="2">
        <v>16.399999999999999</v>
      </c>
      <c r="C1886" s="2">
        <v>151.6</v>
      </c>
      <c r="D1886" s="2">
        <v>0</v>
      </c>
      <c r="E1886" s="2">
        <v>94.000000000000796</v>
      </c>
    </row>
    <row r="1887" spans="1:5" x14ac:dyDescent="0.25">
      <c r="A1887" s="3">
        <v>41766.556539351855</v>
      </c>
      <c r="B1887" s="2">
        <v>16.399999999999999</v>
      </c>
      <c r="C1887" s="2">
        <v>151.4</v>
      </c>
      <c r="D1887" s="2">
        <v>0</v>
      </c>
      <c r="E1887" s="2">
        <v>94.000000000000796</v>
      </c>
    </row>
    <row r="1888" spans="1:5" x14ac:dyDescent="0.25">
      <c r="A1888" s="3">
        <v>41766.558680555558</v>
      </c>
      <c r="B1888" s="2">
        <v>16.399999999999999</v>
      </c>
      <c r="C1888" s="2">
        <v>151.6</v>
      </c>
      <c r="D1888" s="2">
        <v>0</v>
      </c>
      <c r="E1888" s="2">
        <v>94.000000000000796</v>
      </c>
    </row>
    <row r="1889" spans="1:5" x14ac:dyDescent="0.25">
      <c r="A1889" s="3">
        <v>41766.558738425927</v>
      </c>
      <c r="B1889" s="2">
        <v>16.399999999999999</v>
      </c>
      <c r="C1889" s="2">
        <v>151.4</v>
      </c>
      <c r="D1889" s="2">
        <v>0</v>
      </c>
      <c r="E1889" s="2">
        <v>94.000000000000796</v>
      </c>
    </row>
    <row r="1890" spans="1:5" x14ac:dyDescent="0.25">
      <c r="A1890" s="3">
        <v>41766.559895833336</v>
      </c>
      <c r="B1890" s="2">
        <v>16.399999999999999</v>
      </c>
      <c r="C1890" s="2">
        <v>151.6</v>
      </c>
      <c r="D1890" s="2">
        <v>0</v>
      </c>
      <c r="E1890" s="2">
        <v>94.000000000000796</v>
      </c>
    </row>
    <row r="1891" spans="1:5" x14ac:dyDescent="0.25">
      <c r="A1891" s="3">
        <v>41766.560069444444</v>
      </c>
      <c r="B1891" s="2">
        <v>16.399999999999999</v>
      </c>
      <c r="C1891" s="2">
        <v>151.4</v>
      </c>
      <c r="D1891" s="2">
        <v>0</v>
      </c>
      <c r="E1891" s="2">
        <v>94.000000000000796</v>
      </c>
    </row>
    <row r="1892" spans="1:5" x14ac:dyDescent="0.25">
      <c r="A1892" s="3">
        <v>41766.561284722222</v>
      </c>
      <c r="B1892" s="2">
        <v>16.399999999999999</v>
      </c>
      <c r="C1892" s="2">
        <v>151.6</v>
      </c>
      <c r="D1892" s="2">
        <v>0</v>
      </c>
      <c r="E1892" s="2">
        <v>94.000000000000796</v>
      </c>
    </row>
    <row r="1893" spans="1:5" x14ac:dyDescent="0.25">
      <c r="A1893" s="3">
        <v>41766.561342592591</v>
      </c>
      <c r="B1893" s="2">
        <v>16.399999999999999</v>
      </c>
      <c r="C1893" s="2">
        <v>151.4</v>
      </c>
      <c r="D1893" s="2">
        <v>0</v>
      </c>
      <c r="E1893" s="2">
        <v>94.000000000000796</v>
      </c>
    </row>
    <row r="1894" spans="1:5" x14ac:dyDescent="0.25">
      <c r="A1894" s="3">
        <v>41766.56585648148</v>
      </c>
      <c r="B1894" s="2">
        <v>16.5</v>
      </c>
      <c r="C1894" s="2">
        <v>151.6</v>
      </c>
      <c r="D1894" s="2">
        <v>0</v>
      </c>
      <c r="E1894" s="2">
        <v>94.000000000000796</v>
      </c>
    </row>
    <row r="1895" spans="1:5" x14ac:dyDescent="0.25">
      <c r="A1895" s="3">
        <v>41766.566030092596</v>
      </c>
      <c r="B1895" s="2">
        <v>16.5</v>
      </c>
      <c r="C1895" s="2">
        <v>151.4</v>
      </c>
      <c r="D1895" s="2">
        <v>0</v>
      </c>
      <c r="E1895" s="2">
        <v>94.000000000000796</v>
      </c>
    </row>
    <row r="1896" spans="1:5" x14ac:dyDescent="0.25">
      <c r="A1896" s="3">
        <v>41766.605208333334</v>
      </c>
      <c r="B1896" s="2">
        <v>16.899999999999999</v>
      </c>
      <c r="C1896" s="2">
        <v>151.19999999999999</v>
      </c>
      <c r="D1896" s="2">
        <v>0</v>
      </c>
      <c r="E1896" s="2">
        <v>94.000000000000796</v>
      </c>
    </row>
    <row r="1897" spans="1:5" x14ac:dyDescent="0.25">
      <c r="A1897" s="3">
        <v>41766.605497685188</v>
      </c>
      <c r="B1897" s="2">
        <v>16.899999999999999</v>
      </c>
      <c r="C1897" s="2">
        <v>151.4</v>
      </c>
      <c r="D1897" s="2">
        <v>0</v>
      </c>
      <c r="E1897" s="2">
        <v>94.000000000000796</v>
      </c>
    </row>
    <row r="1898" spans="1:5" x14ac:dyDescent="0.25">
      <c r="A1898" s="3">
        <v>41766.605787037035</v>
      </c>
      <c r="B1898" s="2">
        <v>16.899999999999999</v>
      </c>
      <c r="C1898" s="2">
        <v>151.19999999999999</v>
      </c>
      <c r="D1898" s="2">
        <v>0</v>
      </c>
      <c r="E1898" s="2">
        <v>94.000000000000796</v>
      </c>
    </row>
    <row r="1899" spans="1:5" x14ac:dyDescent="0.25">
      <c r="A1899" s="3">
        <v>41766.60601851852</v>
      </c>
      <c r="B1899" s="2">
        <v>16.899999999999999</v>
      </c>
      <c r="C1899" s="2">
        <v>151.4</v>
      </c>
      <c r="D1899" s="2">
        <v>0</v>
      </c>
      <c r="E1899" s="2">
        <v>94.000000000000796</v>
      </c>
    </row>
    <row r="1900" spans="1:5" x14ac:dyDescent="0.25">
      <c r="A1900" s="3">
        <v>41766.606076388889</v>
      </c>
      <c r="B1900" s="2">
        <v>16.899999999999999</v>
      </c>
      <c r="C1900" s="2">
        <v>151.19999999999999</v>
      </c>
      <c r="D1900" s="2">
        <v>0</v>
      </c>
      <c r="E1900" s="2">
        <v>94.000000000000796</v>
      </c>
    </row>
    <row r="1901" spans="1:5" x14ac:dyDescent="0.25">
      <c r="A1901" s="3">
        <v>41766.606134259258</v>
      </c>
      <c r="B1901" s="2">
        <v>16.899999999999999</v>
      </c>
      <c r="C1901" s="2">
        <v>151.4</v>
      </c>
      <c r="D1901" s="2">
        <v>0</v>
      </c>
      <c r="E1901" s="2">
        <v>94.000000000000796</v>
      </c>
    </row>
    <row r="1902" spans="1:5" x14ac:dyDescent="0.25">
      <c r="A1902" s="3">
        <v>41766.606307870374</v>
      </c>
      <c r="B1902" s="2">
        <v>16.899999999999999</v>
      </c>
      <c r="C1902" s="2">
        <v>151.19999999999999</v>
      </c>
      <c r="D1902" s="2">
        <v>0</v>
      </c>
      <c r="E1902" s="2">
        <v>94.000000000000796</v>
      </c>
    </row>
    <row r="1903" spans="1:5" x14ac:dyDescent="0.25">
      <c r="A1903" s="3">
        <v>41766.606481481482</v>
      </c>
      <c r="B1903" s="2">
        <v>16.899999999999999</v>
      </c>
      <c r="C1903" s="2">
        <v>151.4</v>
      </c>
      <c r="D1903" s="2">
        <v>0</v>
      </c>
      <c r="E1903" s="2">
        <v>94.000000000000796</v>
      </c>
    </row>
    <row r="1904" spans="1:5" x14ac:dyDescent="0.25">
      <c r="A1904" s="3">
        <v>41766.60659722222</v>
      </c>
      <c r="B1904" s="2">
        <v>16.899999999999999</v>
      </c>
      <c r="C1904" s="2">
        <v>151.19999999999999</v>
      </c>
      <c r="D1904" s="2">
        <v>0</v>
      </c>
      <c r="E1904" s="2">
        <v>94.000000000000796</v>
      </c>
    </row>
    <row r="1905" spans="1:5" x14ac:dyDescent="0.25">
      <c r="A1905" s="3">
        <v>41766.608275462961</v>
      </c>
      <c r="B1905" s="2">
        <v>16.899999999999999</v>
      </c>
      <c r="C1905" s="2">
        <v>151.4</v>
      </c>
      <c r="D1905" s="2">
        <v>0</v>
      </c>
      <c r="E1905" s="2">
        <v>94.000000000000796</v>
      </c>
    </row>
    <row r="1906" spans="1:5" x14ac:dyDescent="0.25">
      <c r="A1906" s="3">
        <v>41766.60833333333</v>
      </c>
      <c r="B1906" s="2">
        <v>16.899999999999999</v>
      </c>
      <c r="C1906" s="2">
        <v>151.19999999999999</v>
      </c>
      <c r="D1906" s="2">
        <v>0</v>
      </c>
      <c r="E1906" s="2">
        <v>94.000000000000796</v>
      </c>
    </row>
    <row r="1907" spans="1:5" x14ac:dyDescent="0.25">
      <c r="A1907" s="3">
        <v>41766.608854166669</v>
      </c>
      <c r="B1907" s="2">
        <v>16.899999999999999</v>
      </c>
      <c r="C1907" s="2">
        <v>151.4</v>
      </c>
      <c r="D1907" s="2">
        <v>0</v>
      </c>
      <c r="E1907" s="2">
        <v>94.000000000000796</v>
      </c>
    </row>
    <row r="1908" spans="1:5" x14ac:dyDescent="0.25">
      <c r="A1908" s="3">
        <v>41766.608912037038</v>
      </c>
      <c r="B1908" s="2">
        <v>16.899999999999999</v>
      </c>
      <c r="C1908" s="2">
        <v>151.19999999999999</v>
      </c>
      <c r="D1908" s="2">
        <v>0</v>
      </c>
      <c r="E1908" s="2">
        <v>94.000000000000796</v>
      </c>
    </row>
    <row r="1909" spans="1:5" x14ac:dyDescent="0.25">
      <c r="A1909" s="3">
        <v>41766.610069444447</v>
      </c>
      <c r="B1909" s="2">
        <v>16.899999999999999</v>
      </c>
      <c r="C1909" s="2">
        <v>151.4</v>
      </c>
      <c r="D1909" s="2">
        <v>0</v>
      </c>
      <c r="E1909" s="2">
        <v>94.000000000000796</v>
      </c>
    </row>
    <row r="1910" spans="1:5" x14ac:dyDescent="0.25">
      <c r="A1910" s="3">
        <v>41766.61041666667</v>
      </c>
      <c r="B1910" s="2">
        <v>16.899999999999999</v>
      </c>
      <c r="C1910" s="2">
        <v>151.19999999999999</v>
      </c>
      <c r="D1910" s="2">
        <v>0</v>
      </c>
      <c r="E1910" s="2">
        <v>94.000000000000796</v>
      </c>
    </row>
    <row r="1911" spans="1:5" x14ac:dyDescent="0.25">
      <c r="A1911" s="3">
        <v>41766.613425925927</v>
      </c>
      <c r="B1911" s="2">
        <v>16.899999999999999</v>
      </c>
      <c r="C1911" s="2">
        <v>151.4</v>
      </c>
      <c r="D1911" s="2">
        <v>0</v>
      </c>
      <c r="E1911" s="2">
        <v>94.000000000000796</v>
      </c>
    </row>
    <row r="1912" spans="1:5" x14ac:dyDescent="0.25">
      <c r="A1912" s="3">
        <v>41766.613483796296</v>
      </c>
      <c r="B1912" s="2">
        <v>16.899999999999999</v>
      </c>
      <c r="C1912" s="2">
        <v>151.19999999999999</v>
      </c>
      <c r="D1912" s="2">
        <v>0</v>
      </c>
      <c r="E1912" s="2">
        <v>94.000000000000796</v>
      </c>
    </row>
    <row r="1913" spans="1:5" x14ac:dyDescent="0.25">
      <c r="A1913" s="3">
        <v>41766.741377314815</v>
      </c>
      <c r="B1913" s="2">
        <v>17.399999999999999</v>
      </c>
      <c r="C1913" s="2">
        <v>151</v>
      </c>
      <c r="D1913" s="2">
        <v>0</v>
      </c>
      <c r="E1913" s="2">
        <v>94.000000000000796</v>
      </c>
    </row>
    <row r="1914" spans="1:5" x14ac:dyDescent="0.25">
      <c r="A1914" s="3">
        <v>41766.74322916667</v>
      </c>
      <c r="B1914" s="2">
        <v>17.399999999999999</v>
      </c>
      <c r="C1914" s="2">
        <v>151.19999999999999</v>
      </c>
      <c r="D1914" s="2">
        <v>0</v>
      </c>
      <c r="E1914" s="2">
        <v>94.000000000000796</v>
      </c>
    </row>
    <row r="1915" spans="1:5" x14ac:dyDescent="0.25">
      <c r="A1915" s="3">
        <v>41766.748263888891</v>
      </c>
      <c r="B1915" s="2">
        <v>17.3</v>
      </c>
      <c r="C1915" s="2">
        <v>151</v>
      </c>
      <c r="D1915" s="2">
        <v>0</v>
      </c>
      <c r="E1915" s="2">
        <v>94.000000000000796</v>
      </c>
    </row>
    <row r="1916" spans="1:5" x14ac:dyDescent="0.25">
      <c r="A1916" s="3">
        <v>41766.752604166664</v>
      </c>
      <c r="B1916" s="2">
        <v>17.3</v>
      </c>
      <c r="C1916" s="2">
        <v>151.19999999999999</v>
      </c>
      <c r="D1916" s="2">
        <v>0</v>
      </c>
      <c r="E1916" s="2">
        <v>94.000000000000796</v>
      </c>
    </row>
    <row r="1917" spans="1:5" x14ac:dyDescent="0.25">
      <c r="A1917" s="3">
        <v>41766.75335648148</v>
      </c>
      <c r="B1917" s="2">
        <v>17.3</v>
      </c>
      <c r="C1917" s="2">
        <v>151</v>
      </c>
      <c r="D1917" s="2">
        <v>0</v>
      </c>
      <c r="E1917" s="2">
        <v>94.000000000000796</v>
      </c>
    </row>
    <row r="1918" spans="1:5" x14ac:dyDescent="0.25">
      <c r="A1918" s="3">
        <v>41766.753530092596</v>
      </c>
      <c r="B1918" s="2">
        <v>17.3</v>
      </c>
      <c r="C1918" s="2">
        <v>151.19999999999999</v>
      </c>
      <c r="D1918" s="2">
        <v>0</v>
      </c>
      <c r="E1918" s="2">
        <v>94.000000000000796</v>
      </c>
    </row>
    <row r="1919" spans="1:5" x14ac:dyDescent="0.25">
      <c r="A1919" s="3">
        <v>41766.753645833334</v>
      </c>
      <c r="B1919" s="2">
        <v>17.3</v>
      </c>
      <c r="C1919" s="2">
        <v>151</v>
      </c>
      <c r="D1919" s="2">
        <v>0</v>
      </c>
      <c r="E1919" s="2">
        <v>94.000000000000796</v>
      </c>
    </row>
    <row r="1920" spans="1:5" x14ac:dyDescent="0.25">
      <c r="A1920" s="3">
        <v>41766.754282407404</v>
      </c>
      <c r="B1920" s="2">
        <v>17.3</v>
      </c>
      <c r="C1920" s="2">
        <v>151.19999999999999</v>
      </c>
      <c r="D1920" s="2">
        <v>0</v>
      </c>
      <c r="E1920" s="2">
        <v>94.000000000000796</v>
      </c>
    </row>
    <row r="1921" spans="1:5" x14ac:dyDescent="0.25">
      <c r="A1921" s="3">
        <v>41766.754340277781</v>
      </c>
      <c r="B1921" s="2">
        <v>17.3</v>
      </c>
      <c r="C1921" s="2">
        <v>151</v>
      </c>
      <c r="D1921" s="2">
        <v>0</v>
      </c>
      <c r="E1921" s="2">
        <v>94.000000000000796</v>
      </c>
    </row>
    <row r="1922" spans="1:5" x14ac:dyDescent="0.25">
      <c r="A1922" s="3">
        <v>41766.758217592593</v>
      </c>
      <c r="B1922" s="2">
        <v>17.3</v>
      </c>
      <c r="C1922" s="2">
        <v>151.19999999999999</v>
      </c>
      <c r="D1922" s="2">
        <v>0</v>
      </c>
      <c r="E1922" s="2">
        <v>94.000000000000796</v>
      </c>
    </row>
    <row r="1923" spans="1:5" x14ac:dyDescent="0.25">
      <c r="A1923" s="3">
        <v>41766.758333333331</v>
      </c>
      <c r="B1923" s="2">
        <v>17.3</v>
      </c>
      <c r="C1923" s="2">
        <v>151</v>
      </c>
      <c r="D1923" s="2">
        <v>0</v>
      </c>
      <c r="E1923" s="2">
        <v>94.000000000000796</v>
      </c>
    </row>
    <row r="1924" spans="1:5" x14ac:dyDescent="0.25">
      <c r="A1924" s="3">
        <v>41766.800520833334</v>
      </c>
      <c r="B1924" s="2">
        <v>17</v>
      </c>
      <c r="C1924" s="2">
        <v>151.19999999999999</v>
      </c>
      <c r="D1924" s="2">
        <v>0</v>
      </c>
      <c r="E1924" s="2">
        <v>94.000000000000796</v>
      </c>
    </row>
    <row r="1925" spans="1:5" x14ac:dyDescent="0.25">
      <c r="A1925" s="3">
        <v>41766.803414351853</v>
      </c>
      <c r="B1925" s="2">
        <v>16.899999999999999</v>
      </c>
      <c r="C1925" s="2">
        <v>151.19999999999999</v>
      </c>
      <c r="D1925" s="2">
        <v>0.2</v>
      </c>
      <c r="E1925" s="2">
        <v>94.200000000000799</v>
      </c>
    </row>
    <row r="1926" spans="1:5" x14ac:dyDescent="0.25">
      <c r="A1926" s="3">
        <v>41766.844502314816</v>
      </c>
      <c r="B1926" s="2">
        <v>16.600000000000001</v>
      </c>
      <c r="C1926" s="2">
        <v>151.19999999999999</v>
      </c>
      <c r="D1926" s="2">
        <v>0.2</v>
      </c>
      <c r="E1926" s="2">
        <v>94.400000000000801</v>
      </c>
    </row>
    <row r="1927" spans="1:5" x14ac:dyDescent="0.25">
      <c r="A1927" s="3">
        <v>41766.847453703704</v>
      </c>
      <c r="B1927" s="2">
        <v>16.5</v>
      </c>
      <c r="C1927" s="2">
        <v>151.4</v>
      </c>
      <c r="D1927" s="2">
        <v>0</v>
      </c>
      <c r="E1927" s="2">
        <v>94.400000000000801</v>
      </c>
    </row>
    <row r="1928" spans="1:5" x14ac:dyDescent="0.25">
      <c r="A1928" s="3">
        <v>41766.857002314813</v>
      </c>
      <c r="B1928" s="2">
        <v>16.5</v>
      </c>
      <c r="C1928" s="2">
        <v>151.4</v>
      </c>
      <c r="D1928" s="2">
        <v>0.2</v>
      </c>
      <c r="E1928" s="2">
        <v>94.600000000000804</v>
      </c>
    </row>
    <row r="1929" spans="1:5" x14ac:dyDescent="0.25">
      <c r="A1929" s="3">
        <v>41766.863078703704</v>
      </c>
      <c r="B1929" s="2">
        <v>16.399999999999999</v>
      </c>
      <c r="C1929" s="2">
        <v>151.6</v>
      </c>
      <c r="D1929" s="2">
        <v>0</v>
      </c>
      <c r="E1929" s="2">
        <v>94.600000000000804</v>
      </c>
    </row>
    <row r="1930" spans="1:5" x14ac:dyDescent="0.25">
      <c r="A1930" s="3">
        <v>41766.865393518521</v>
      </c>
      <c r="B1930" s="2">
        <v>16.399999999999999</v>
      </c>
      <c r="C1930" s="2">
        <v>151.6</v>
      </c>
      <c r="D1930" s="2">
        <v>0.2</v>
      </c>
      <c r="E1930" s="2">
        <v>94.800000000000807</v>
      </c>
    </row>
    <row r="1931" spans="1:5" x14ac:dyDescent="0.25">
      <c r="A1931" s="3">
        <v>41766.871122685188</v>
      </c>
      <c r="B1931" s="2">
        <v>16.3</v>
      </c>
      <c r="C1931" s="2">
        <v>151.6</v>
      </c>
      <c r="D1931" s="2">
        <v>0.2</v>
      </c>
      <c r="E1931" s="2">
        <v>95.00000000000081</v>
      </c>
    </row>
    <row r="1932" spans="1:5" x14ac:dyDescent="0.25">
      <c r="A1932" s="3">
        <v>41766.871180555558</v>
      </c>
      <c r="B1932" s="2">
        <v>16.3</v>
      </c>
      <c r="C1932" s="2">
        <v>151.80000000000001</v>
      </c>
      <c r="D1932" s="2">
        <v>0</v>
      </c>
      <c r="E1932" s="2">
        <v>95.00000000000081</v>
      </c>
    </row>
    <row r="1933" spans="1:5" x14ac:dyDescent="0.25">
      <c r="A1933" s="3">
        <v>41766.875868055555</v>
      </c>
      <c r="B1933" s="2">
        <v>16.3</v>
      </c>
      <c r="C1933" s="2">
        <v>151.80000000000001</v>
      </c>
      <c r="D1933" s="2">
        <v>0.2</v>
      </c>
      <c r="E1933" s="2">
        <v>95.200000000000813</v>
      </c>
    </row>
    <row r="1934" spans="1:5" x14ac:dyDescent="0.25">
      <c r="A1934" s="3">
        <v>41766.876504629632</v>
      </c>
      <c r="B1934" s="2">
        <v>16.2</v>
      </c>
      <c r="C1934" s="2">
        <v>152</v>
      </c>
      <c r="D1934" s="2">
        <v>0</v>
      </c>
      <c r="E1934" s="2">
        <v>95.200000000000813</v>
      </c>
    </row>
    <row r="1935" spans="1:5" x14ac:dyDescent="0.25">
      <c r="A1935" s="3">
        <v>41766.878472222219</v>
      </c>
      <c r="B1935" s="2">
        <v>16.2</v>
      </c>
      <c r="C1935" s="2">
        <v>152</v>
      </c>
      <c r="D1935" s="2">
        <v>0.2</v>
      </c>
      <c r="E1935" s="2">
        <v>95.400000000000816</v>
      </c>
    </row>
    <row r="1936" spans="1:5" x14ac:dyDescent="0.25">
      <c r="A1936" s="3">
        <v>41766.879571759258</v>
      </c>
      <c r="B1936" s="2">
        <v>16.2</v>
      </c>
      <c r="C1936" s="2">
        <v>152.19999999999999</v>
      </c>
      <c r="D1936" s="2">
        <v>0</v>
      </c>
      <c r="E1936" s="2">
        <v>95.400000000000816</v>
      </c>
    </row>
    <row r="1937" spans="1:5" x14ac:dyDescent="0.25">
      <c r="A1937" s="3">
        <v>41766.882465277777</v>
      </c>
      <c r="B1937" s="2">
        <v>16.100000000000001</v>
      </c>
      <c r="C1937" s="2">
        <v>152.19999999999999</v>
      </c>
      <c r="D1937" s="2">
        <v>0.2</v>
      </c>
      <c r="E1937" s="2">
        <v>95.600000000000819</v>
      </c>
    </row>
    <row r="1938" spans="1:5" x14ac:dyDescent="0.25">
      <c r="A1938" s="3">
        <v>41766.887962962966</v>
      </c>
      <c r="B1938" s="2">
        <v>16.100000000000001</v>
      </c>
      <c r="C1938" s="2">
        <v>152.4</v>
      </c>
      <c r="D1938" s="2">
        <v>0</v>
      </c>
      <c r="E1938" s="2">
        <v>95.600000000000819</v>
      </c>
    </row>
    <row r="1939" spans="1:5" x14ac:dyDescent="0.25">
      <c r="A1939" s="3">
        <v>41766.889699074076</v>
      </c>
      <c r="B1939" s="2">
        <v>16.100000000000001</v>
      </c>
      <c r="C1939" s="2">
        <v>152.4</v>
      </c>
      <c r="D1939" s="2">
        <v>0.2</v>
      </c>
      <c r="E1939" s="2">
        <v>95.800000000000821</v>
      </c>
    </row>
    <row r="1940" spans="1:5" x14ac:dyDescent="0.25">
      <c r="A1940" s="3">
        <v>41766.892650462964</v>
      </c>
      <c r="B1940" s="2">
        <v>16</v>
      </c>
      <c r="C1940" s="2">
        <v>152.6</v>
      </c>
      <c r="D1940" s="2">
        <v>0</v>
      </c>
      <c r="E1940" s="2">
        <v>95.800000000000821</v>
      </c>
    </row>
    <row r="1941" spans="1:5" x14ac:dyDescent="0.25">
      <c r="A1941" s="3">
        <v>41766.8984375</v>
      </c>
      <c r="B1941" s="2">
        <v>16</v>
      </c>
      <c r="C1941" s="2">
        <v>152.6</v>
      </c>
      <c r="D1941" s="2">
        <v>0.2</v>
      </c>
      <c r="E1941" s="2">
        <v>96.000000000000824</v>
      </c>
    </row>
    <row r="1942" spans="1:5" x14ac:dyDescent="0.25">
      <c r="A1942" s="3">
        <v>41766.899594907409</v>
      </c>
      <c r="B1942" s="2">
        <v>16</v>
      </c>
      <c r="C1942" s="2">
        <v>152.80000000000001</v>
      </c>
      <c r="D1942" s="2">
        <v>0</v>
      </c>
      <c r="E1942" s="2">
        <v>96.000000000000824</v>
      </c>
    </row>
    <row r="1943" spans="1:5" x14ac:dyDescent="0.25">
      <c r="A1943" s="3">
        <v>41766.902951388889</v>
      </c>
      <c r="B1943" s="2">
        <v>15.9</v>
      </c>
      <c r="C1943" s="2">
        <v>152.80000000000001</v>
      </c>
      <c r="D1943" s="2">
        <v>0.2</v>
      </c>
      <c r="E1943" s="2">
        <v>96.200000000000827</v>
      </c>
    </row>
    <row r="1944" spans="1:5" x14ac:dyDescent="0.25">
      <c r="A1944" s="3">
        <v>41766.903067129628</v>
      </c>
      <c r="B1944" s="2">
        <v>15.9</v>
      </c>
      <c r="C1944" s="2">
        <v>153</v>
      </c>
      <c r="D1944" s="2">
        <v>0</v>
      </c>
      <c r="E1944" s="2">
        <v>96.200000000000827</v>
      </c>
    </row>
    <row r="1945" spans="1:5" x14ac:dyDescent="0.25">
      <c r="A1945" s="3">
        <v>41766.906018518515</v>
      </c>
      <c r="B1945" s="2">
        <v>15.9</v>
      </c>
      <c r="C1945" s="2">
        <v>153</v>
      </c>
      <c r="D1945" s="2">
        <v>0.2</v>
      </c>
      <c r="E1945" s="2">
        <v>96.40000000000083</v>
      </c>
    </row>
    <row r="1946" spans="1:5" x14ac:dyDescent="0.25">
      <c r="A1946" s="3">
        <v>41766.906655092593</v>
      </c>
      <c r="B1946" s="2">
        <v>15.9</v>
      </c>
      <c r="C1946" s="2">
        <v>153.19999999999999</v>
      </c>
      <c r="D1946" s="2">
        <v>0</v>
      </c>
      <c r="E1946" s="2">
        <v>96.40000000000083</v>
      </c>
    </row>
    <row r="1947" spans="1:5" x14ac:dyDescent="0.25">
      <c r="A1947" s="3">
        <v>41766.90896990741</v>
      </c>
      <c r="B1947" s="2">
        <v>15.9</v>
      </c>
      <c r="C1947" s="2">
        <v>153.19999999999999</v>
      </c>
      <c r="D1947" s="2">
        <v>0.2</v>
      </c>
      <c r="E1947" s="2">
        <v>96.600000000000833</v>
      </c>
    </row>
    <row r="1948" spans="1:5" x14ac:dyDescent="0.25">
      <c r="A1948" s="3">
        <v>41766.909837962965</v>
      </c>
      <c r="B1948" s="2">
        <v>15.9</v>
      </c>
      <c r="C1948" s="2">
        <v>153.4</v>
      </c>
      <c r="D1948" s="2">
        <v>0</v>
      </c>
      <c r="E1948" s="2">
        <v>96.600000000000833</v>
      </c>
    </row>
    <row r="1949" spans="1:5" x14ac:dyDescent="0.25">
      <c r="A1949" s="3">
        <v>41766.914293981485</v>
      </c>
      <c r="B1949" s="2">
        <v>15.8</v>
      </c>
      <c r="C1949" s="2">
        <v>153.4</v>
      </c>
      <c r="D1949" s="2">
        <v>0.2</v>
      </c>
      <c r="E1949" s="2">
        <v>96.800000000000836</v>
      </c>
    </row>
    <row r="1950" spans="1:5" x14ac:dyDescent="0.25">
      <c r="A1950" s="3">
        <v>41766.917592592596</v>
      </c>
      <c r="B1950" s="2">
        <v>15.8</v>
      </c>
      <c r="C1950" s="2">
        <v>153.6</v>
      </c>
      <c r="D1950" s="2">
        <v>0</v>
      </c>
      <c r="E1950" s="2">
        <v>96.800000000000836</v>
      </c>
    </row>
    <row r="1951" spans="1:5" x14ac:dyDescent="0.25">
      <c r="A1951" s="3">
        <v>41766.936053240737</v>
      </c>
      <c r="B1951" s="2">
        <v>15.6</v>
      </c>
      <c r="C1951" s="2">
        <v>153.6</v>
      </c>
      <c r="D1951" s="2">
        <v>0.2</v>
      </c>
      <c r="E1951" s="2">
        <v>97.000000000000838</v>
      </c>
    </row>
    <row r="1952" spans="1:5" x14ac:dyDescent="0.25">
      <c r="A1952" s="3">
        <v>41766.940162037034</v>
      </c>
      <c r="B1952" s="2">
        <v>15.6</v>
      </c>
      <c r="C1952" s="2">
        <v>153.80000000000001</v>
      </c>
      <c r="D1952" s="2">
        <v>0</v>
      </c>
      <c r="E1952" s="2">
        <v>97.000000000000838</v>
      </c>
    </row>
    <row r="1953" spans="1:5" x14ac:dyDescent="0.25">
      <c r="A1953" s="3">
        <v>41766.944502314815</v>
      </c>
      <c r="B1953" s="2">
        <v>15.5</v>
      </c>
      <c r="C1953" s="2">
        <v>153.80000000000001</v>
      </c>
      <c r="D1953" s="2">
        <v>0.2</v>
      </c>
      <c r="E1953" s="2">
        <v>97.200000000000841</v>
      </c>
    </row>
    <row r="1954" spans="1:5" x14ac:dyDescent="0.25">
      <c r="A1954" s="3">
        <v>41766.981944444444</v>
      </c>
      <c r="B1954" s="2">
        <v>15.1</v>
      </c>
      <c r="C1954" s="2">
        <v>154</v>
      </c>
      <c r="D1954" s="2">
        <v>0</v>
      </c>
      <c r="E1954" s="2">
        <v>97.200000000000841</v>
      </c>
    </row>
    <row r="1955" spans="1:5" x14ac:dyDescent="0.25">
      <c r="A1955" s="3">
        <v>41766.985648148147</v>
      </c>
      <c r="B1955" s="2">
        <v>15.1</v>
      </c>
      <c r="C1955" s="2">
        <v>154</v>
      </c>
      <c r="D1955" s="2">
        <v>0.2</v>
      </c>
      <c r="E1955" s="2">
        <v>97.400000000000844</v>
      </c>
    </row>
    <row r="1956" spans="1:5" x14ac:dyDescent="0.25">
      <c r="A1956" s="3">
        <v>41767.041493055556</v>
      </c>
      <c r="B1956" s="2">
        <v>14.7</v>
      </c>
      <c r="C1956" s="2">
        <v>154.19999999999999</v>
      </c>
      <c r="D1956" s="2">
        <v>0</v>
      </c>
      <c r="E1956" s="2">
        <v>97.400000000000844</v>
      </c>
    </row>
    <row r="1957" spans="1:5" x14ac:dyDescent="0.25">
      <c r="A1957" s="3">
        <v>41767.042013888888</v>
      </c>
      <c r="B1957" s="2">
        <v>14.7</v>
      </c>
      <c r="C1957" s="2">
        <v>154.19999999999999</v>
      </c>
      <c r="D1957" s="2">
        <v>0.2</v>
      </c>
      <c r="E1957" s="2">
        <v>97.600000000000847</v>
      </c>
    </row>
    <row r="1958" spans="1:5" x14ac:dyDescent="0.25">
      <c r="A1958" s="3">
        <v>41767.314988425926</v>
      </c>
      <c r="B1958" s="2">
        <v>13.2</v>
      </c>
      <c r="C1958" s="2">
        <v>154</v>
      </c>
      <c r="D1958" s="2">
        <v>0</v>
      </c>
      <c r="E1958" s="2">
        <v>97.600000000000847</v>
      </c>
    </row>
    <row r="1959" spans="1:5" x14ac:dyDescent="0.25">
      <c r="A1959" s="3">
        <v>41767.327835648146</v>
      </c>
      <c r="B1959" s="2">
        <v>13.2</v>
      </c>
      <c r="C1959" s="2">
        <v>154.19999999999999</v>
      </c>
      <c r="D1959" s="2">
        <v>0</v>
      </c>
      <c r="E1959" s="2">
        <v>97.600000000000847</v>
      </c>
    </row>
    <row r="1960" spans="1:5" x14ac:dyDescent="0.25">
      <c r="A1960" s="3">
        <v>41767.333738425928</v>
      </c>
      <c r="B1960" s="2">
        <v>13.2</v>
      </c>
      <c r="C1960" s="2">
        <v>154</v>
      </c>
      <c r="D1960" s="2">
        <v>0</v>
      </c>
      <c r="E1960" s="2">
        <v>97.600000000000847</v>
      </c>
    </row>
    <row r="1961" spans="1:5" x14ac:dyDescent="0.25">
      <c r="A1961" s="3">
        <v>41767.342418981483</v>
      </c>
      <c r="B1961" s="2">
        <v>13.2</v>
      </c>
      <c r="C1961" s="2">
        <v>154.19999999999999</v>
      </c>
      <c r="D1961" s="2">
        <v>0</v>
      </c>
      <c r="E1961" s="2">
        <v>97.600000000000847</v>
      </c>
    </row>
    <row r="1962" spans="1:5" x14ac:dyDescent="0.25">
      <c r="A1962" s="3">
        <v>41767.342534722222</v>
      </c>
      <c r="B1962" s="2">
        <v>13.2</v>
      </c>
      <c r="C1962" s="2">
        <v>154</v>
      </c>
      <c r="D1962" s="2">
        <v>0</v>
      </c>
      <c r="E1962" s="2">
        <v>97.600000000000847</v>
      </c>
    </row>
    <row r="1963" spans="1:5" x14ac:dyDescent="0.25">
      <c r="A1963" s="3">
        <v>41767.393518518518</v>
      </c>
      <c r="B1963" s="2">
        <v>14.6</v>
      </c>
      <c r="C1963" s="2">
        <v>154.19999999999999</v>
      </c>
      <c r="D1963" s="2">
        <v>0</v>
      </c>
      <c r="E1963" s="2">
        <v>97.600000000000847</v>
      </c>
    </row>
    <row r="1964" spans="1:5" x14ac:dyDescent="0.25">
      <c r="A1964" s="3">
        <v>41767.393692129626</v>
      </c>
      <c r="B1964" s="2">
        <v>14.6</v>
      </c>
      <c r="C1964" s="2">
        <v>154</v>
      </c>
      <c r="D1964" s="2">
        <v>0</v>
      </c>
      <c r="E1964" s="2">
        <v>97.600000000000847</v>
      </c>
    </row>
    <row r="1965" spans="1:5" x14ac:dyDescent="0.25">
      <c r="A1965" s="3">
        <v>41767.394444444442</v>
      </c>
      <c r="B1965" s="2">
        <v>14.7</v>
      </c>
      <c r="C1965" s="2">
        <v>154.19999999999999</v>
      </c>
      <c r="D1965" s="2">
        <v>0</v>
      </c>
      <c r="E1965" s="2">
        <v>97.600000000000847</v>
      </c>
    </row>
    <row r="1966" spans="1:5" x14ac:dyDescent="0.25">
      <c r="A1966" s="3">
        <v>41767.394560185188</v>
      </c>
      <c r="B1966" s="2">
        <v>14.7</v>
      </c>
      <c r="C1966" s="2">
        <v>154</v>
      </c>
      <c r="D1966" s="2">
        <v>0</v>
      </c>
      <c r="E1966" s="2">
        <v>97.600000000000847</v>
      </c>
    </row>
    <row r="1967" spans="1:5" x14ac:dyDescent="0.25">
      <c r="A1967" s="3">
        <v>41767.40966435185</v>
      </c>
      <c r="B1967" s="2">
        <v>15.2</v>
      </c>
      <c r="C1967" s="2">
        <v>154.19999999999999</v>
      </c>
      <c r="D1967" s="2">
        <v>0</v>
      </c>
      <c r="E1967" s="2">
        <v>97.600000000000847</v>
      </c>
    </row>
    <row r="1968" spans="1:5" x14ac:dyDescent="0.25">
      <c r="A1968" s="3">
        <v>41767.410011574073</v>
      </c>
      <c r="B1968" s="2">
        <v>15.2</v>
      </c>
      <c r="C1968" s="2">
        <v>154</v>
      </c>
      <c r="D1968" s="2">
        <v>0</v>
      </c>
      <c r="E1968" s="2">
        <v>97.600000000000847</v>
      </c>
    </row>
    <row r="1969" spans="1:5" x14ac:dyDescent="0.25">
      <c r="A1969" s="3">
        <v>41767.413368055553</v>
      </c>
      <c r="B1969" s="2">
        <v>15.4</v>
      </c>
      <c r="C1969" s="2">
        <v>154.19999999999999</v>
      </c>
      <c r="D1969" s="2">
        <v>0</v>
      </c>
      <c r="E1969" s="2">
        <v>97.600000000000847</v>
      </c>
    </row>
    <row r="1970" spans="1:5" x14ac:dyDescent="0.25">
      <c r="A1970" s="3">
        <v>41767.413599537038</v>
      </c>
      <c r="B1970" s="2">
        <v>15.4</v>
      </c>
      <c r="C1970" s="2">
        <v>154</v>
      </c>
      <c r="D1970" s="2">
        <v>0</v>
      </c>
      <c r="E1970" s="2">
        <v>97.600000000000847</v>
      </c>
    </row>
    <row r="1971" spans="1:5" x14ac:dyDescent="0.25">
      <c r="A1971" s="3">
        <v>41767.413657407407</v>
      </c>
      <c r="B1971" s="2">
        <v>15.4</v>
      </c>
      <c r="C1971" s="2">
        <v>154.19999999999999</v>
      </c>
      <c r="D1971" s="2">
        <v>0</v>
      </c>
      <c r="E1971" s="2">
        <v>97.600000000000847</v>
      </c>
    </row>
    <row r="1972" spans="1:5" x14ac:dyDescent="0.25">
      <c r="A1972" s="3">
        <v>41767.413773148146</v>
      </c>
      <c r="B1972" s="2">
        <v>15.4</v>
      </c>
      <c r="C1972" s="2">
        <v>154</v>
      </c>
      <c r="D1972" s="2">
        <v>0</v>
      </c>
      <c r="E1972" s="2">
        <v>97.600000000000847</v>
      </c>
    </row>
    <row r="1973" spans="1:5" x14ac:dyDescent="0.25">
      <c r="A1973" s="3">
        <v>41767.414756944447</v>
      </c>
      <c r="B1973" s="2">
        <v>15.4</v>
      </c>
      <c r="C1973" s="2">
        <v>154.19999999999999</v>
      </c>
      <c r="D1973" s="2">
        <v>0</v>
      </c>
      <c r="E1973" s="2">
        <v>97.600000000000847</v>
      </c>
    </row>
    <row r="1974" spans="1:5" x14ac:dyDescent="0.25">
      <c r="A1974" s="3">
        <v>41767.414872685185</v>
      </c>
      <c r="B1974" s="2">
        <v>15.4</v>
      </c>
      <c r="C1974" s="2">
        <v>154</v>
      </c>
      <c r="D1974" s="2">
        <v>0</v>
      </c>
      <c r="E1974" s="2">
        <v>97.600000000000847</v>
      </c>
    </row>
    <row r="1975" spans="1:5" x14ac:dyDescent="0.25">
      <c r="A1975" s="3">
        <v>41767.475925925923</v>
      </c>
      <c r="B1975" s="2">
        <v>18.7</v>
      </c>
      <c r="C1975" s="2">
        <v>154.19999999999999</v>
      </c>
      <c r="D1975" s="2">
        <v>0</v>
      </c>
      <c r="E1975" s="2">
        <v>97.600000000000847</v>
      </c>
    </row>
    <row r="1976" spans="1:5" x14ac:dyDescent="0.25">
      <c r="A1976" s="3">
        <v>41767.476157407407</v>
      </c>
      <c r="B1976" s="2">
        <v>18.7</v>
      </c>
      <c r="C1976" s="2">
        <v>154</v>
      </c>
      <c r="D1976" s="2">
        <v>0</v>
      </c>
      <c r="E1976" s="2">
        <v>97.600000000000847</v>
      </c>
    </row>
    <row r="1977" spans="1:5" x14ac:dyDescent="0.25">
      <c r="A1977" s="3">
        <v>41767.476909722223</v>
      </c>
      <c r="B1977" s="2">
        <v>18.8</v>
      </c>
      <c r="C1977" s="2">
        <v>154.19999999999999</v>
      </c>
      <c r="D1977" s="2">
        <v>0</v>
      </c>
      <c r="E1977" s="2">
        <v>97.600000000000847</v>
      </c>
    </row>
    <row r="1978" spans="1:5" x14ac:dyDescent="0.25">
      <c r="A1978" s="3">
        <v>41767.477199074077</v>
      </c>
      <c r="B1978" s="2">
        <v>18.8</v>
      </c>
      <c r="C1978" s="2">
        <v>154</v>
      </c>
      <c r="D1978" s="2">
        <v>0</v>
      </c>
      <c r="E1978" s="2">
        <v>97.600000000000847</v>
      </c>
    </row>
    <row r="1979" spans="1:5" x14ac:dyDescent="0.25">
      <c r="A1979" s="3">
        <v>41767.478703703702</v>
      </c>
      <c r="B1979" s="2">
        <v>18.8</v>
      </c>
      <c r="C1979" s="2">
        <v>154.19999999999999</v>
      </c>
      <c r="D1979" s="2">
        <v>0</v>
      </c>
      <c r="E1979" s="2">
        <v>97.600000000000847</v>
      </c>
    </row>
    <row r="1980" spans="1:5" x14ac:dyDescent="0.25">
      <c r="A1980" s="3">
        <v>41767.478877314818</v>
      </c>
      <c r="B1980" s="2">
        <v>18.899999999999999</v>
      </c>
      <c r="C1980" s="2">
        <v>154</v>
      </c>
      <c r="D1980" s="2">
        <v>0</v>
      </c>
      <c r="E1980" s="2">
        <v>97.600000000000847</v>
      </c>
    </row>
    <row r="1981" spans="1:5" x14ac:dyDescent="0.25">
      <c r="A1981" s="3">
        <v>41767.480497685188</v>
      </c>
      <c r="B1981" s="2">
        <v>18.899999999999999</v>
      </c>
      <c r="C1981" s="2">
        <v>154.19999999999999</v>
      </c>
      <c r="D1981" s="2">
        <v>0</v>
      </c>
      <c r="E1981" s="2">
        <v>97.600000000000847</v>
      </c>
    </row>
    <row r="1982" spans="1:5" x14ac:dyDescent="0.25">
      <c r="A1982" s="3">
        <v>41767.480671296296</v>
      </c>
      <c r="B1982" s="2">
        <v>19</v>
      </c>
      <c r="C1982" s="2">
        <v>154</v>
      </c>
      <c r="D1982" s="2">
        <v>0</v>
      </c>
      <c r="E1982" s="2">
        <v>97.600000000000847</v>
      </c>
    </row>
    <row r="1983" spans="1:5" x14ac:dyDescent="0.25">
      <c r="A1983" s="3">
        <v>41767.489872685182</v>
      </c>
      <c r="B1983" s="2">
        <v>19.600000000000001</v>
      </c>
      <c r="C1983" s="2">
        <v>154.19999999999999</v>
      </c>
      <c r="D1983" s="2">
        <v>0</v>
      </c>
      <c r="E1983" s="2">
        <v>97.600000000000847</v>
      </c>
    </row>
    <row r="1984" spans="1:5" x14ac:dyDescent="0.25">
      <c r="A1984" s="3">
        <v>41767.489988425928</v>
      </c>
      <c r="B1984" s="2">
        <v>19.600000000000001</v>
      </c>
      <c r="C1984" s="2">
        <v>154</v>
      </c>
      <c r="D1984" s="2">
        <v>0</v>
      </c>
      <c r="E1984" s="2">
        <v>97.600000000000847</v>
      </c>
    </row>
    <row r="1985" spans="1:5" x14ac:dyDescent="0.25">
      <c r="A1985" s="3">
        <v>41767.490393518521</v>
      </c>
      <c r="B1985" s="2">
        <v>19.600000000000001</v>
      </c>
      <c r="C1985" s="2">
        <v>154.19999999999999</v>
      </c>
      <c r="D1985" s="2">
        <v>0</v>
      </c>
      <c r="E1985" s="2">
        <v>97.600000000000847</v>
      </c>
    </row>
    <row r="1986" spans="1:5" x14ac:dyDescent="0.25">
      <c r="A1986" s="3">
        <v>41767.490567129629</v>
      </c>
      <c r="B1986" s="2">
        <v>19.7</v>
      </c>
      <c r="C1986" s="2">
        <v>154</v>
      </c>
      <c r="D1986" s="2">
        <v>0</v>
      </c>
      <c r="E1986" s="2">
        <v>97.600000000000847</v>
      </c>
    </row>
    <row r="1987" spans="1:5" x14ac:dyDescent="0.25">
      <c r="A1987" s="3">
        <v>41767.490972222222</v>
      </c>
      <c r="B1987" s="2">
        <v>19.7</v>
      </c>
      <c r="C1987" s="2">
        <v>154.19999999999999</v>
      </c>
      <c r="D1987" s="2">
        <v>0</v>
      </c>
      <c r="E1987" s="2">
        <v>97.600000000000847</v>
      </c>
    </row>
    <row r="1988" spans="1:5" x14ac:dyDescent="0.25">
      <c r="A1988" s="3">
        <v>41767.49114583333</v>
      </c>
      <c r="B1988" s="2">
        <v>19.7</v>
      </c>
      <c r="C1988" s="2">
        <v>154</v>
      </c>
      <c r="D1988" s="2">
        <v>0</v>
      </c>
      <c r="E1988" s="2">
        <v>97.600000000000847</v>
      </c>
    </row>
    <row r="1989" spans="1:5" x14ac:dyDescent="0.25">
      <c r="A1989" s="3">
        <v>41767.491319444445</v>
      </c>
      <c r="B1989" s="2">
        <v>19.7</v>
      </c>
      <c r="C1989" s="2">
        <v>154.19999999999999</v>
      </c>
      <c r="D1989" s="2">
        <v>0</v>
      </c>
      <c r="E1989" s="2">
        <v>97.600000000000847</v>
      </c>
    </row>
    <row r="1990" spans="1:5" x14ac:dyDescent="0.25">
      <c r="A1990" s="3">
        <v>41767.491435185184</v>
      </c>
      <c r="B1990" s="2">
        <v>19.7</v>
      </c>
      <c r="C1990" s="2">
        <v>154</v>
      </c>
      <c r="D1990" s="2">
        <v>0</v>
      </c>
      <c r="E1990" s="2">
        <v>97.600000000000847</v>
      </c>
    </row>
    <row r="1991" spans="1:5" x14ac:dyDescent="0.25">
      <c r="A1991" s="3">
        <v>41767.499189814815</v>
      </c>
      <c r="B1991" s="2">
        <v>20.3</v>
      </c>
      <c r="C1991" s="2">
        <v>154.19999999999999</v>
      </c>
      <c r="D1991" s="2">
        <v>0</v>
      </c>
      <c r="E1991" s="2">
        <v>97.600000000000847</v>
      </c>
    </row>
    <row r="1992" spans="1:5" x14ac:dyDescent="0.25">
      <c r="A1992" s="3">
        <v>41767.499363425923</v>
      </c>
      <c r="B1992" s="2">
        <v>20.3</v>
      </c>
      <c r="C1992" s="2">
        <v>154</v>
      </c>
      <c r="D1992" s="2">
        <v>0</v>
      </c>
      <c r="E1992" s="2">
        <v>97.600000000000847</v>
      </c>
    </row>
    <row r="1993" spans="1:5" x14ac:dyDescent="0.25">
      <c r="A1993" s="3">
        <v>41767.502662037034</v>
      </c>
      <c r="B1993" s="2">
        <v>20.5</v>
      </c>
      <c r="C1993" s="2">
        <v>154.19999999999999</v>
      </c>
      <c r="D1993" s="2">
        <v>0</v>
      </c>
      <c r="E1993" s="2">
        <v>97.600000000000847</v>
      </c>
    </row>
    <row r="1994" spans="1:5" x14ac:dyDescent="0.25">
      <c r="A1994" s="3">
        <v>41767.50277777778</v>
      </c>
      <c r="B1994" s="2">
        <v>20.5</v>
      </c>
      <c r="C1994" s="2">
        <v>154</v>
      </c>
      <c r="D1994" s="2">
        <v>0</v>
      </c>
      <c r="E1994" s="2">
        <v>97.600000000000847</v>
      </c>
    </row>
    <row r="1995" spans="1:5" x14ac:dyDescent="0.25">
      <c r="A1995" s="3">
        <v>41767.506018518521</v>
      </c>
      <c r="B1995" s="2">
        <v>20.7</v>
      </c>
      <c r="C1995" s="2">
        <v>154.19999999999999</v>
      </c>
      <c r="D1995" s="2">
        <v>0</v>
      </c>
      <c r="E1995" s="2">
        <v>97.600000000000847</v>
      </c>
    </row>
    <row r="1996" spans="1:5" x14ac:dyDescent="0.25">
      <c r="A1996" s="3">
        <v>41767.50613425926</v>
      </c>
      <c r="B1996" s="2">
        <v>20.7</v>
      </c>
      <c r="C1996" s="2">
        <v>154</v>
      </c>
      <c r="D1996" s="2">
        <v>0</v>
      </c>
      <c r="E1996" s="2">
        <v>97.600000000000847</v>
      </c>
    </row>
    <row r="1997" spans="1:5" x14ac:dyDescent="0.25">
      <c r="A1997" s="3">
        <v>41767.525752314818</v>
      </c>
      <c r="B1997" s="2">
        <v>21.8</v>
      </c>
      <c r="C1997" s="2">
        <v>154.19999999999999</v>
      </c>
      <c r="D1997" s="2">
        <v>0</v>
      </c>
      <c r="E1997" s="2">
        <v>97.600000000000847</v>
      </c>
    </row>
    <row r="1998" spans="1:5" x14ac:dyDescent="0.25">
      <c r="A1998" s="3">
        <v>41767.525925925926</v>
      </c>
      <c r="B1998" s="2">
        <v>21.8</v>
      </c>
      <c r="C1998" s="2">
        <v>154</v>
      </c>
      <c r="D1998" s="2">
        <v>0</v>
      </c>
      <c r="E1998" s="2">
        <v>97.600000000000847</v>
      </c>
    </row>
    <row r="1999" spans="1:5" x14ac:dyDescent="0.25">
      <c r="A1999" s="3">
        <v>41767.530844907407</v>
      </c>
      <c r="B1999" s="2">
        <v>22</v>
      </c>
      <c r="C1999" s="2">
        <v>154.19999999999999</v>
      </c>
      <c r="D1999" s="2">
        <v>0</v>
      </c>
      <c r="E1999" s="2">
        <v>97.600000000000847</v>
      </c>
    </row>
    <row r="2000" spans="1:5" x14ac:dyDescent="0.25">
      <c r="A2000" s="3">
        <v>41767.531018518515</v>
      </c>
      <c r="B2000" s="2">
        <v>22.1</v>
      </c>
      <c r="C2000" s="2">
        <v>154</v>
      </c>
      <c r="D2000" s="2">
        <v>0</v>
      </c>
      <c r="E2000" s="2">
        <v>97.600000000000847</v>
      </c>
    </row>
    <row r="2001" spans="1:5" x14ac:dyDescent="0.25">
      <c r="A2001" s="3">
        <v>41767.561574074076</v>
      </c>
      <c r="B2001" s="2">
        <v>24.1</v>
      </c>
      <c r="C2001" s="2">
        <v>154.19999999999999</v>
      </c>
      <c r="D2001" s="2">
        <v>0</v>
      </c>
      <c r="E2001" s="2">
        <v>97.600000000000847</v>
      </c>
    </row>
    <row r="2002" spans="1:5" x14ac:dyDescent="0.25">
      <c r="A2002" s="3">
        <v>41767.598900462966</v>
      </c>
      <c r="B2002" s="2">
        <v>24.7</v>
      </c>
      <c r="C2002" s="2">
        <v>154</v>
      </c>
      <c r="D2002" s="2">
        <v>0</v>
      </c>
      <c r="E2002" s="2">
        <v>97.600000000000847</v>
      </c>
    </row>
    <row r="2003" spans="1:5" x14ac:dyDescent="0.25">
      <c r="A2003" s="3">
        <v>41767.599421296298</v>
      </c>
      <c r="B2003" s="2">
        <v>24.5</v>
      </c>
      <c r="C2003" s="2">
        <v>154.19999999999999</v>
      </c>
      <c r="D2003" s="2">
        <v>0</v>
      </c>
      <c r="E2003" s="2">
        <v>97.600000000000847</v>
      </c>
    </row>
    <row r="2004" spans="1:5" x14ac:dyDescent="0.25">
      <c r="A2004" s="3">
        <v>41767.599479166667</v>
      </c>
      <c r="B2004" s="2">
        <v>24.5</v>
      </c>
      <c r="C2004" s="2">
        <v>154</v>
      </c>
      <c r="D2004" s="2">
        <v>0</v>
      </c>
      <c r="E2004" s="2">
        <v>97.600000000000847</v>
      </c>
    </row>
    <row r="2005" spans="1:5" x14ac:dyDescent="0.25">
      <c r="A2005" s="3">
        <v>41767.627488425926</v>
      </c>
      <c r="B2005" s="2">
        <v>25.7</v>
      </c>
      <c r="C2005" s="2">
        <v>153.80000000000001</v>
      </c>
      <c r="D2005" s="2">
        <v>0</v>
      </c>
      <c r="E2005" s="2">
        <v>97.600000000000847</v>
      </c>
    </row>
    <row r="2006" spans="1:5" x14ac:dyDescent="0.25">
      <c r="A2006" s="3">
        <v>41767.627546296295</v>
      </c>
      <c r="B2006" s="2">
        <v>25.7</v>
      </c>
      <c r="C2006" s="2">
        <v>154</v>
      </c>
      <c r="D2006" s="2">
        <v>0</v>
      </c>
      <c r="E2006" s="2">
        <v>97.600000000000847</v>
      </c>
    </row>
    <row r="2007" spans="1:5" x14ac:dyDescent="0.25">
      <c r="A2007" s="3">
        <v>41767.628819444442</v>
      </c>
      <c r="B2007" s="2">
        <v>25.7</v>
      </c>
      <c r="C2007" s="2">
        <v>153.80000000000001</v>
      </c>
      <c r="D2007" s="2">
        <v>0</v>
      </c>
      <c r="E2007" s="2">
        <v>97.600000000000847</v>
      </c>
    </row>
    <row r="2008" spans="1:5" x14ac:dyDescent="0.25">
      <c r="A2008" s="3">
        <v>41767.630497685182</v>
      </c>
      <c r="B2008" s="2">
        <v>25.8</v>
      </c>
      <c r="C2008" s="2">
        <v>154</v>
      </c>
      <c r="D2008" s="2">
        <v>0</v>
      </c>
      <c r="E2008" s="2">
        <v>97.600000000000847</v>
      </c>
    </row>
    <row r="2009" spans="1:5" x14ac:dyDescent="0.25">
      <c r="A2009" s="3">
        <v>41767.631365740737</v>
      </c>
      <c r="B2009" s="2">
        <v>25.8</v>
      </c>
      <c r="C2009" s="2">
        <v>153.80000000000001</v>
      </c>
      <c r="D2009" s="2">
        <v>0</v>
      </c>
      <c r="E2009" s="2">
        <v>97.600000000000847</v>
      </c>
    </row>
    <row r="2010" spans="1:5" x14ac:dyDescent="0.25">
      <c r="A2010" s="3">
        <v>41767.631423611114</v>
      </c>
      <c r="B2010" s="2">
        <v>25.8</v>
      </c>
      <c r="C2010" s="2">
        <v>154</v>
      </c>
      <c r="D2010" s="2">
        <v>0</v>
      </c>
      <c r="E2010" s="2">
        <v>97.600000000000847</v>
      </c>
    </row>
    <row r="2011" spans="1:5" x14ac:dyDescent="0.25">
      <c r="A2011" s="3">
        <v>41767.631539351853</v>
      </c>
      <c r="B2011" s="2">
        <v>25.8</v>
      </c>
      <c r="C2011" s="2">
        <v>153.80000000000001</v>
      </c>
      <c r="D2011" s="2">
        <v>0</v>
      </c>
      <c r="E2011" s="2">
        <v>97.600000000000847</v>
      </c>
    </row>
    <row r="2012" spans="1:5" x14ac:dyDescent="0.25">
      <c r="A2012" s="3">
        <v>41767.633622685185</v>
      </c>
      <c r="B2012" s="2">
        <v>25.9</v>
      </c>
      <c r="C2012" s="2">
        <v>154</v>
      </c>
      <c r="D2012" s="2">
        <v>0</v>
      </c>
      <c r="E2012" s="2">
        <v>97.600000000000847</v>
      </c>
    </row>
    <row r="2013" spans="1:5" x14ac:dyDescent="0.25">
      <c r="A2013" s="3">
        <v>41767.633912037039</v>
      </c>
      <c r="B2013" s="2">
        <v>25.9</v>
      </c>
      <c r="C2013" s="2">
        <v>153.80000000000001</v>
      </c>
      <c r="D2013" s="2">
        <v>0</v>
      </c>
      <c r="E2013" s="2">
        <v>97.600000000000847</v>
      </c>
    </row>
    <row r="2014" spans="1:5" x14ac:dyDescent="0.25">
      <c r="A2014" s="3">
        <v>41767.640740740739</v>
      </c>
      <c r="B2014" s="2">
        <v>26.1</v>
      </c>
      <c r="C2014" s="2">
        <v>154</v>
      </c>
      <c r="D2014" s="2">
        <v>0</v>
      </c>
      <c r="E2014" s="2">
        <v>97.600000000000847</v>
      </c>
    </row>
    <row r="2015" spans="1:5" x14ac:dyDescent="0.25">
      <c r="A2015" s="3">
        <v>41767.640914351854</v>
      </c>
      <c r="B2015" s="2">
        <v>26.1</v>
      </c>
      <c r="C2015" s="2">
        <v>153.80000000000001</v>
      </c>
      <c r="D2015" s="2">
        <v>0</v>
      </c>
      <c r="E2015" s="2">
        <v>97.600000000000847</v>
      </c>
    </row>
    <row r="2016" spans="1:5" x14ac:dyDescent="0.25">
      <c r="A2016" s="3">
        <v>41767.641030092593</v>
      </c>
      <c r="B2016" s="2">
        <v>26.1</v>
      </c>
      <c r="C2016" s="2">
        <v>154</v>
      </c>
      <c r="D2016" s="2">
        <v>0</v>
      </c>
      <c r="E2016" s="2">
        <v>97.600000000000847</v>
      </c>
    </row>
    <row r="2017" spans="1:5" x14ac:dyDescent="0.25">
      <c r="A2017" s="3">
        <v>41767.660879629628</v>
      </c>
      <c r="B2017" s="2">
        <v>25.8</v>
      </c>
      <c r="C2017" s="2">
        <v>153.80000000000001</v>
      </c>
      <c r="D2017" s="2">
        <v>0</v>
      </c>
      <c r="E2017" s="2">
        <v>97.600000000000847</v>
      </c>
    </row>
    <row r="2018" spans="1:5" x14ac:dyDescent="0.25">
      <c r="A2018" s="3">
        <v>41767.660937499997</v>
      </c>
      <c r="B2018" s="2">
        <v>25.8</v>
      </c>
      <c r="C2018" s="2">
        <v>154</v>
      </c>
      <c r="D2018" s="2">
        <v>0</v>
      </c>
      <c r="E2018" s="2">
        <v>97.600000000000847</v>
      </c>
    </row>
    <row r="2019" spans="1:5" x14ac:dyDescent="0.25">
      <c r="A2019" s="3">
        <v>41767.661226851851</v>
      </c>
      <c r="B2019" s="2">
        <v>25.8</v>
      </c>
      <c r="C2019" s="2">
        <v>153.80000000000001</v>
      </c>
      <c r="D2019" s="2">
        <v>0</v>
      </c>
      <c r="E2019" s="2">
        <v>97.600000000000847</v>
      </c>
    </row>
    <row r="2020" spans="1:5" x14ac:dyDescent="0.25">
      <c r="A2020" s="3">
        <v>41767.66128472222</v>
      </c>
      <c r="B2020" s="2">
        <v>25.8</v>
      </c>
      <c r="C2020" s="2">
        <v>154</v>
      </c>
      <c r="D2020" s="2">
        <v>0</v>
      </c>
      <c r="E2020" s="2">
        <v>97.600000000000847</v>
      </c>
    </row>
    <row r="2021" spans="1:5" x14ac:dyDescent="0.25">
      <c r="A2021" s="3">
        <v>41767.661458333336</v>
      </c>
      <c r="B2021" s="2">
        <v>25.8</v>
      </c>
      <c r="C2021" s="2">
        <v>153.80000000000001</v>
      </c>
      <c r="D2021" s="2">
        <v>0</v>
      </c>
      <c r="E2021" s="2">
        <v>97.600000000000847</v>
      </c>
    </row>
    <row r="2022" spans="1:5" x14ac:dyDescent="0.25">
      <c r="A2022" s="3">
        <v>41767.661631944444</v>
      </c>
      <c r="B2022" s="2">
        <v>25.8</v>
      </c>
      <c r="C2022" s="2">
        <v>154</v>
      </c>
      <c r="D2022" s="2">
        <v>0</v>
      </c>
      <c r="E2022" s="2">
        <v>97.600000000000847</v>
      </c>
    </row>
    <row r="2023" spans="1:5" x14ac:dyDescent="0.25">
      <c r="A2023" s="3">
        <v>41767.662615740737</v>
      </c>
      <c r="B2023" s="2">
        <v>25.8</v>
      </c>
      <c r="C2023" s="2">
        <v>153.80000000000001</v>
      </c>
      <c r="D2023" s="2">
        <v>0</v>
      </c>
      <c r="E2023" s="2">
        <v>97.600000000000847</v>
      </c>
    </row>
    <row r="2024" spans="1:5" x14ac:dyDescent="0.25">
      <c r="A2024" s="3">
        <v>41767.6640625</v>
      </c>
      <c r="B2024" s="2">
        <v>25.8</v>
      </c>
      <c r="C2024" s="2">
        <v>154</v>
      </c>
      <c r="D2024" s="2">
        <v>0</v>
      </c>
      <c r="E2024" s="2">
        <v>97.600000000000847</v>
      </c>
    </row>
    <row r="2025" spans="1:5" x14ac:dyDescent="0.25">
      <c r="A2025" s="3">
        <v>41767.664236111108</v>
      </c>
      <c r="B2025" s="2">
        <v>25.8</v>
      </c>
      <c r="C2025" s="2">
        <v>153.80000000000001</v>
      </c>
      <c r="D2025" s="2">
        <v>0</v>
      </c>
      <c r="E2025" s="2">
        <v>97.600000000000847</v>
      </c>
    </row>
    <row r="2026" spans="1:5" x14ac:dyDescent="0.25">
      <c r="A2026" s="3">
        <v>41767.667939814812</v>
      </c>
      <c r="B2026" s="2">
        <v>25.6</v>
      </c>
      <c r="C2026" s="2">
        <v>154</v>
      </c>
      <c r="D2026" s="2">
        <v>0</v>
      </c>
      <c r="E2026" s="2">
        <v>97.600000000000847</v>
      </c>
    </row>
    <row r="2027" spans="1:5" x14ac:dyDescent="0.25">
      <c r="A2027" s="3">
        <v>41767.668171296296</v>
      </c>
      <c r="B2027" s="2">
        <v>25.6</v>
      </c>
      <c r="C2027" s="2">
        <v>153.80000000000001</v>
      </c>
      <c r="D2027" s="2">
        <v>0</v>
      </c>
      <c r="E2027" s="2">
        <v>97.600000000000847</v>
      </c>
    </row>
    <row r="2028" spans="1:5" x14ac:dyDescent="0.25">
      <c r="A2028" s="3">
        <v>41767.668576388889</v>
      </c>
      <c r="B2028" s="2">
        <v>25.6</v>
      </c>
      <c r="C2028" s="2">
        <v>154</v>
      </c>
      <c r="D2028" s="2">
        <v>0</v>
      </c>
      <c r="E2028" s="2">
        <v>97.600000000000847</v>
      </c>
    </row>
    <row r="2029" spans="1:5" x14ac:dyDescent="0.25">
      <c r="A2029" s="3">
        <v>41767.668865740743</v>
      </c>
      <c r="B2029" s="2">
        <v>25.6</v>
      </c>
      <c r="C2029" s="2">
        <v>153.80000000000001</v>
      </c>
      <c r="D2029" s="2">
        <v>0</v>
      </c>
      <c r="E2029" s="2">
        <v>97.600000000000847</v>
      </c>
    </row>
    <row r="2030" spans="1:5" x14ac:dyDescent="0.25">
      <c r="A2030" s="3">
        <v>41767.686689814815</v>
      </c>
      <c r="B2030" s="2">
        <v>25</v>
      </c>
      <c r="C2030" s="2">
        <v>153.6</v>
      </c>
      <c r="D2030" s="2">
        <v>0</v>
      </c>
      <c r="E2030" s="2">
        <v>97.600000000000847</v>
      </c>
    </row>
    <row r="2031" spans="1:5" x14ac:dyDescent="0.25">
      <c r="A2031" s="3">
        <v>41767.687152777777</v>
      </c>
      <c r="B2031" s="2">
        <v>24.9</v>
      </c>
      <c r="C2031" s="2">
        <v>153.80000000000001</v>
      </c>
      <c r="D2031" s="2">
        <v>0</v>
      </c>
      <c r="E2031" s="2">
        <v>97.600000000000847</v>
      </c>
    </row>
    <row r="2032" spans="1:5" x14ac:dyDescent="0.25">
      <c r="A2032" s="3">
        <v>41767.688252314816</v>
      </c>
      <c r="B2032" s="2">
        <v>24.8</v>
      </c>
      <c r="C2032" s="2">
        <v>153.6</v>
      </c>
      <c r="D2032" s="2">
        <v>0</v>
      </c>
      <c r="E2032" s="2">
        <v>97.600000000000847</v>
      </c>
    </row>
    <row r="2033" spans="1:5" x14ac:dyDescent="0.25">
      <c r="A2033" s="3">
        <v>41767.717303240737</v>
      </c>
      <c r="B2033" s="2">
        <v>24.3</v>
      </c>
      <c r="C2033" s="2">
        <v>153.4</v>
      </c>
      <c r="D2033" s="2">
        <v>0</v>
      </c>
      <c r="E2033" s="2">
        <v>97.600000000000847</v>
      </c>
    </row>
    <row r="2034" spans="1:5" x14ac:dyDescent="0.25">
      <c r="A2034" s="3">
        <v>41767.717534722222</v>
      </c>
      <c r="B2034" s="2">
        <v>24.3</v>
      </c>
      <c r="C2034" s="2">
        <v>153.6</v>
      </c>
      <c r="D2034" s="2">
        <v>0</v>
      </c>
      <c r="E2034" s="2">
        <v>97.600000000000847</v>
      </c>
    </row>
    <row r="2035" spans="1:5" x14ac:dyDescent="0.25">
      <c r="A2035" s="3">
        <v>41767.717997685184</v>
      </c>
      <c r="B2035" s="2">
        <v>24.3</v>
      </c>
      <c r="C2035" s="2">
        <v>153.4</v>
      </c>
      <c r="D2035" s="2">
        <v>0</v>
      </c>
      <c r="E2035" s="2">
        <v>97.600000000000847</v>
      </c>
    </row>
    <row r="2036" spans="1:5" x14ac:dyDescent="0.25">
      <c r="A2036" s="3">
        <v>41767.758506944447</v>
      </c>
      <c r="B2036" s="2">
        <v>23.5</v>
      </c>
      <c r="C2036" s="2">
        <v>153.19999999999999</v>
      </c>
      <c r="D2036" s="2">
        <v>0</v>
      </c>
      <c r="E2036" s="2">
        <v>97.600000000000847</v>
      </c>
    </row>
    <row r="2037" spans="1:5" x14ac:dyDescent="0.25">
      <c r="A2037" s="3">
        <v>41767.834490740737</v>
      </c>
      <c r="B2037" s="2">
        <v>21.2</v>
      </c>
      <c r="C2037" s="2">
        <v>153</v>
      </c>
      <c r="D2037" s="2">
        <v>0</v>
      </c>
      <c r="E2037" s="2">
        <v>97.600000000000847</v>
      </c>
    </row>
    <row r="2038" spans="1:5" x14ac:dyDescent="0.25">
      <c r="A2038" s="3">
        <v>41767.835590277777</v>
      </c>
      <c r="B2038" s="2">
        <v>21.2</v>
      </c>
      <c r="C2038" s="2">
        <v>153.19999999999999</v>
      </c>
      <c r="D2038" s="2">
        <v>0</v>
      </c>
      <c r="E2038" s="2">
        <v>97.600000000000847</v>
      </c>
    </row>
    <row r="2039" spans="1:5" x14ac:dyDescent="0.25">
      <c r="A2039" s="3">
        <v>41767.835706018515</v>
      </c>
      <c r="B2039" s="2">
        <v>21.1</v>
      </c>
      <c r="C2039" s="2">
        <v>153</v>
      </c>
      <c r="D2039" s="2">
        <v>0</v>
      </c>
      <c r="E2039" s="2">
        <v>97.600000000000847</v>
      </c>
    </row>
    <row r="2040" spans="1:5" x14ac:dyDescent="0.25">
      <c r="A2040" s="3">
        <v>41767.837326388886</v>
      </c>
      <c r="B2040" s="2">
        <v>21.1</v>
      </c>
      <c r="C2040" s="2">
        <v>153.19999999999999</v>
      </c>
      <c r="D2040" s="2">
        <v>0</v>
      </c>
      <c r="E2040" s="2">
        <v>97.600000000000847</v>
      </c>
    </row>
    <row r="2041" spans="1:5" x14ac:dyDescent="0.25">
      <c r="A2041" s="3">
        <v>41767.837442129632</v>
      </c>
      <c r="B2041" s="2">
        <v>21.1</v>
      </c>
      <c r="C2041" s="2">
        <v>153</v>
      </c>
      <c r="D2041" s="2">
        <v>0</v>
      </c>
      <c r="E2041" s="2">
        <v>97.600000000000847</v>
      </c>
    </row>
    <row r="2042" spans="1:5" x14ac:dyDescent="0.25">
      <c r="A2042" s="3">
        <v>41767.841550925928</v>
      </c>
      <c r="B2042" s="2">
        <v>21</v>
      </c>
      <c r="C2042" s="2">
        <v>153.19999999999999</v>
      </c>
      <c r="D2042" s="2">
        <v>0</v>
      </c>
      <c r="E2042" s="2">
        <v>97.600000000000847</v>
      </c>
    </row>
    <row r="2043" spans="1:5" x14ac:dyDescent="0.25">
      <c r="A2043" s="3">
        <v>41767.841782407406</v>
      </c>
      <c r="B2043" s="2">
        <v>21</v>
      </c>
      <c r="C2043" s="2">
        <v>153</v>
      </c>
      <c r="D2043" s="2">
        <v>0</v>
      </c>
      <c r="E2043" s="2">
        <v>97.600000000000847</v>
      </c>
    </row>
    <row r="2044" spans="1:5" x14ac:dyDescent="0.25">
      <c r="A2044" s="3">
        <v>41767.913715277777</v>
      </c>
      <c r="B2044" s="2">
        <v>18.899999999999999</v>
      </c>
      <c r="C2044" s="2">
        <v>152.80000000000001</v>
      </c>
      <c r="D2044" s="2">
        <v>0</v>
      </c>
      <c r="E2044" s="2">
        <v>97.600000000000847</v>
      </c>
    </row>
    <row r="2045" spans="1:5" x14ac:dyDescent="0.25">
      <c r="A2045" s="3">
        <v>41768.032349537039</v>
      </c>
      <c r="B2045" s="2">
        <v>16.399999999999999</v>
      </c>
      <c r="C2045" s="2">
        <v>152.6</v>
      </c>
      <c r="D2045" s="2">
        <v>0</v>
      </c>
      <c r="E2045" s="2">
        <v>97.600000000000847</v>
      </c>
    </row>
    <row r="2046" spans="1:5" x14ac:dyDescent="0.25">
      <c r="A2046" s="3">
        <v>41768.225462962961</v>
      </c>
      <c r="B2046" s="2">
        <v>12.9</v>
      </c>
      <c r="C2046" s="2">
        <v>152.4</v>
      </c>
      <c r="D2046" s="2">
        <v>0</v>
      </c>
      <c r="E2046" s="2">
        <v>97.600000000000847</v>
      </c>
    </row>
    <row r="2047" spans="1:5" x14ac:dyDescent="0.25">
      <c r="A2047" s="3">
        <v>41768.312384259261</v>
      </c>
      <c r="B2047" s="2">
        <v>12.3</v>
      </c>
      <c r="C2047" s="2">
        <v>152.19999999999999</v>
      </c>
      <c r="D2047" s="2">
        <v>0</v>
      </c>
      <c r="E2047" s="2">
        <v>97.600000000000847</v>
      </c>
    </row>
    <row r="2048" spans="1:5" x14ac:dyDescent="0.25">
      <c r="A2048" s="3">
        <v>41768.341261574074</v>
      </c>
      <c r="B2048" s="2">
        <v>12.3</v>
      </c>
      <c r="C2048" s="2">
        <v>152</v>
      </c>
      <c r="D2048" s="2">
        <v>0</v>
      </c>
      <c r="E2048" s="2">
        <v>97.600000000000847</v>
      </c>
    </row>
    <row r="2049" spans="1:5" x14ac:dyDescent="0.25">
      <c r="A2049" s="3">
        <v>41768.363252314812</v>
      </c>
      <c r="B2049" s="2">
        <v>13.4</v>
      </c>
      <c r="C2049" s="2">
        <v>151.80000000000001</v>
      </c>
      <c r="D2049" s="2">
        <v>0</v>
      </c>
      <c r="E2049" s="2">
        <v>97.600000000000847</v>
      </c>
    </row>
    <row r="2050" spans="1:5" x14ac:dyDescent="0.25">
      <c r="A2050" s="3">
        <v>41768.369502314818</v>
      </c>
      <c r="B2050" s="2">
        <v>13.6</v>
      </c>
      <c r="C2050" s="2">
        <v>152</v>
      </c>
      <c r="D2050" s="2">
        <v>0</v>
      </c>
      <c r="E2050" s="2">
        <v>97.600000000000847</v>
      </c>
    </row>
    <row r="2051" spans="1:5" x14ac:dyDescent="0.25">
      <c r="A2051" s="3">
        <v>41768.457696759258</v>
      </c>
      <c r="B2051" s="2">
        <v>16.8</v>
      </c>
      <c r="C2051" s="2">
        <v>151.80000000000001</v>
      </c>
      <c r="D2051" s="2">
        <v>0</v>
      </c>
      <c r="E2051" s="2">
        <v>97.600000000000847</v>
      </c>
    </row>
    <row r="2052" spans="1:5" x14ac:dyDescent="0.25">
      <c r="A2052" s="3">
        <v>41768.460648148146</v>
      </c>
      <c r="B2052" s="2">
        <v>16.899999999999999</v>
      </c>
      <c r="C2052" s="2">
        <v>152</v>
      </c>
      <c r="D2052" s="2">
        <v>0</v>
      </c>
      <c r="E2052" s="2">
        <v>97.600000000000847</v>
      </c>
    </row>
    <row r="2053" spans="1:5" x14ac:dyDescent="0.25">
      <c r="A2053" s="3">
        <v>41768.462731481479</v>
      </c>
      <c r="B2053" s="2">
        <v>17.100000000000001</v>
      </c>
      <c r="C2053" s="2">
        <v>151.80000000000001</v>
      </c>
      <c r="D2053" s="2">
        <v>0</v>
      </c>
      <c r="E2053" s="2">
        <v>97.600000000000847</v>
      </c>
    </row>
    <row r="2054" spans="1:5" x14ac:dyDescent="0.25">
      <c r="A2054" s="3">
        <v>41768.464409722219</v>
      </c>
      <c r="B2054" s="2">
        <v>17.3</v>
      </c>
      <c r="C2054" s="2">
        <v>152</v>
      </c>
      <c r="D2054" s="2">
        <v>0</v>
      </c>
      <c r="E2054" s="2">
        <v>97.600000000000847</v>
      </c>
    </row>
    <row r="2055" spans="1:5" x14ac:dyDescent="0.25">
      <c r="A2055" s="3">
        <v>41768.465624999997</v>
      </c>
      <c r="B2055" s="2">
        <v>17.3</v>
      </c>
      <c r="C2055" s="2">
        <v>151.80000000000001</v>
      </c>
      <c r="D2055" s="2">
        <v>0</v>
      </c>
      <c r="E2055" s="2">
        <v>97.600000000000847</v>
      </c>
    </row>
    <row r="2056" spans="1:5" x14ac:dyDescent="0.25">
      <c r="A2056" s="3">
        <v>41768.496990740743</v>
      </c>
      <c r="B2056" s="2">
        <v>19.7</v>
      </c>
      <c r="C2056" s="2">
        <v>152</v>
      </c>
      <c r="D2056" s="2">
        <v>0</v>
      </c>
      <c r="E2056" s="2">
        <v>97.600000000000847</v>
      </c>
    </row>
    <row r="2057" spans="1:5" x14ac:dyDescent="0.25">
      <c r="A2057" s="3">
        <v>41768.497106481482</v>
      </c>
      <c r="B2057" s="2">
        <v>19.600000000000001</v>
      </c>
      <c r="C2057" s="2">
        <v>151.80000000000001</v>
      </c>
      <c r="D2057" s="2">
        <v>0</v>
      </c>
      <c r="E2057" s="2">
        <v>97.600000000000847</v>
      </c>
    </row>
    <row r="2058" spans="1:5" x14ac:dyDescent="0.25">
      <c r="A2058" s="3">
        <v>41768.499363425923</v>
      </c>
      <c r="B2058" s="2">
        <v>19.8</v>
      </c>
      <c r="C2058" s="2">
        <v>152</v>
      </c>
      <c r="D2058" s="2">
        <v>0</v>
      </c>
      <c r="E2058" s="2">
        <v>97.600000000000847</v>
      </c>
    </row>
    <row r="2059" spans="1:5" x14ac:dyDescent="0.25">
      <c r="A2059" s="3">
        <v>41768.499768518515</v>
      </c>
      <c r="B2059" s="2">
        <v>19.899999999999999</v>
      </c>
      <c r="C2059" s="2">
        <v>151.80000000000001</v>
      </c>
      <c r="D2059" s="2">
        <v>0</v>
      </c>
      <c r="E2059" s="2">
        <v>97.600000000000847</v>
      </c>
    </row>
    <row r="2060" spans="1:5" x14ac:dyDescent="0.25">
      <c r="A2060" s="3">
        <v>41768.500057870369</v>
      </c>
      <c r="B2060" s="2">
        <v>19.899999999999999</v>
      </c>
      <c r="C2060" s="2">
        <v>152</v>
      </c>
      <c r="D2060" s="2">
        <v>0</v>
      </c>
      <c r="E2060" s="2">
        <v>97.600000000000847</v>
      </c>
    </row>
    <row r="2061" spans="1:5" x14ac:dyDescent="0.25">
      <c r="A2061" s="3">
        <v>41768.500289351854</v>
      </c>
      <c r="B2061" s="2">
        <v>19.899999999999999</v>
      </c>
      <c r="C2061" s="2">
        <v>151.80000000000001</v>
      </c>
      <c r="D2061" s="2">
        <v>0</v>
      </c>
      <c r="E2061" s="2">
        <v>97.600000000000847</v>
      </c>
    </row>
    <row r="2062" spans="1:5" x14ac:dyDescent="0.25">
      <c r="A2062" s="3">
        <v>41768.500925925924</v>
      </c>
      <c r="B2062" s="2">
        <v>19.899999999999999</v>
      </c>
      <c r="C2062" s="2">
        <v>152</v>
      </c>
      <c r="D2062" s="2">
        <v>0</v>
      </c>
      <c r="E2062" s="2">
        <v>97.600000000000847</v>
      </c>
    </row>
    <row r="2063" spans="1:5" x14ac:dyDescent="0.25">
      <c r="A2063" s="3">
        <v>41768.50167824074</v>
      </c>
      <c r="B2063" s="2">
        <v>20</v>
      </c>
      <c r="C2063" s="2">
        <v>151.80000000000001</v>
      </c>
      <c r="D2063" s="2">
        <v>0</v>
      </c>
      <c r="E2063" s="2">
        <v>97.600000000000847</v>
      </c>
    </row>
    <row r="2064" spans="1:5" x14ac:dyDescent="0.25">
      <c r="A2064" s="3">
        <v>41768.501909722225</v>
      </c>
      <c r="B2064" s="2">
        <v>20.100000000000001</v>
      </c>
      <c r="C2064" s="2">
        <v>152</v>
      </c>
      <c r="D2064" s="2">
        <v>0</v>
      </c>
      <c r="E2064" s="2">
        <v>97.600000000000847</v>
      </c>
    </row>
    <row r="2065" spans="1:5" x14ac:dyDescent="0.25">
      <c r="A2065" s="3">
        <v>41768.502083333333</v>
      </c>
      <c r="B2065" s="2">
        <v>20.2</v>
      </c>
      <c r="C2065" s="2">
        <v>151.80000000000001</v>
      </c>
      <c r="D2065" s="2">
        <v>0</v>
      </c>
      <c r="E2065" s="2">
        <v>97.600000000000847</v>
      </c>
    </row>
    <row r="2066" spans="1:5" x14ac:dyDescent="0.25">
      <c r="A2066" s="3">
        <v>41768.502256944441</v>
      </c>
      <c r="B2066" s="2">
        <v>20.2</v>
      </c>
      <c r="C2066" s="2">
        <v>152</v>
      </c>
      <c r="D2066" s="2">
        <v>0</v>
      </c>
      <c r="E2066" s="2">
        <v>97.600000000000847</v>
      </c>
    </row>
    <row r="2067" spans="1:5" x14ac:dyDescent="0.25">
      <c r="A2067" s="3">
        <v>41768.50271990741</v>
      </c>
      <c r="B2067" s="2">
        <v>20.2</v>
      </c>
      <c r="C2067" s="2">
        <v>151.80000000000001</v>
      </c>
      <c r="D2067" s="2">
        <v>0</v>
      </c>
      <c r="E2067" s="2">
        <v>97.600000000000847</v>
      </c>
    </row>
    <row r="2068" spans="1:5" x14ac:dyDescent="0.25">
      <c r="A2068" s="3">
        <v>41768.507986111108</v>
      </c>
      <c r="B2068" s="2">
        <v>20.3</v>
      </c>
      <c r="C2068" s="2">
        <v>152</v>
      </c>
      <c r="D2068" s="2">
        <v>0</v>
      </c>
      <c r="E2068" s="2">
        <v>97.600000000000847</v>
      </c>
    </row>
    <row r="2069" spans="1:5" x14ac:dyDescent="0.25">
      <c r="A2069" s="3">
        <v>41768.508101851854</v>
      </c>
      <c r="B2069" s="2">
        <v>20.3</v>
      </c>
      <c r="C2069" s="2">
        <v>151.80000000000001</v>
      </c>
      <c r="D2069" s="2">
        <v>0</v>
      </c>
      <c r="E2069" s="2">
        <v>97.600000000000847</v>
      </c>
    </row>
    <row r="2070" spans="1:5" x14ac:dyDescent="0.25">
      <c r="A2070" s="3">
        <v>41768.561516203707</v>
      </c>
      <c r="B2070" s="2">
        <v>25</v>
      </c>
      <c r="C2070" s="2">
        <v>151.6</v>
      </c>
      <c r="D2070" s="2">
        <v>0</v>
      </c>
      <c r="E2070" s="2">
        <v>97.600000000000847</v>
      </c>
    </row>
    <row r="2071" spans="1:5" x14ac:dyDescent="0.25">
      <c r="A2071" s="3">
        <v>41768.561747685184</v>
      </c>
      <c r="B2071" s="2">
        <v>25.2</v>
      </c>
      <c r="C2071" s="2">
        <v>151.80000000000001</v>
      </c>
      <c r="D2071" s="2">
        <v>0</v>
      </c>
      <c r="E2071" s="2">
        <v>97.600000000000847</v>
      </c>
    </row>
    <row r="2072" spans="1:5" x14ac:dyDescent="0.25">
      <c r="A2072" s="3">
        <v>41768.561863425923</v>
      </c>
      <c r="B2072" s="2">
        <v>25.1</v>
      </c>
      <c r="C2072" s="2">
        <v>151.6</v>
      </c>
      <c r="D2072" s="2">
        <v>0</v>
      </c>
      <c r="E2072" s="2">
        <v>97.600000000000847</v>
      </c>
    </row>
    <row r="2073" spans="1:5" x14ac:dyDescent="0.25">
      <c r="A2073" s="3">
        <v>41768.561979166669</v>
      </c>
      <c r="B2073" s="2">
        <v>25.1</v>
      </c>
      <c r="C2073" s="2">
        <v>151.80000000000001</v>
      </c>
      <c r="D2073" s="2">
        <v>0</v>
      </c>
      <c r="E2073" s="2">
        <v>97.600000000000847</v>
      </c>
    </row>
    <row r="2074" spans="1:5" x14ac:dyDescent="0.25">
      <c r="A2074" s="3">
        <v>41768.562442129631</v>
      </c>
      <c r="B2074" s="2">
        <v>25</v>
      </c>
      <c r="C2074" s="2">
        <v>151.6</v>
      </c>
      <c r="D2074" s="2">
        <v>0</v>
      </c>
      <c r="E2074" s="2">
        <v>97.600000000000847</v>
      </c>
    </row>
    <row r="2075" spans="1:5" x14ac:dyDescent="0.25">
      <c r="A2075" s="3">
        <v>41768.563599537039</v>
      </c>
      <c r="B2075" s="2">
        <v>25.2</v>
      </c>
      <c r="C2075" s="2">
        <v>151.80000000000001</v>
      </c>
      <c r="D2075" s="2">
        <v>0</v>
      </c>
      <c r="E2075" s="2">
        <v>97.600000000000847</v>
      </c>
    </row>
    <row r="2076" spans="1:5" x14ac:dyDescent="0.25">
      <c r="A2076" s="3">
        <v>41768.563715277778</v>
      </c>
      <c r="B2076" s="2">
        <v>25.3</v>
      </c>
      <c r="C2076" s="2">
        <v>151.6</v>
      </c>
      <c r="D2076" s="2">
        <v>0</v>
      </c>
      <c r="E2076" s="2">
        <v>97.600000000000847</v>
      </c>
    </row>
    <row r="2077" spans="1:5" x14ac:dyDescent="0.25">
      <c r="A2077" s="3">
        <v>41768.563831018517</v>
      </c>
      <c r="B2077" s="2">
        <v>25.2</v>
      </c>
      <c r="C2077" s="2">
        <v>151.80000000000001</v>
      </c>
      <c r="D2077" s="2">
        <v>0</v>
      </c>
      <c r="E2077" s="2">
        <v>97.600000000000847</v>
      </c>
    </row>
    <row r="2078" spans="1:5" x14ac:dyDescent="0.25">
      <c r="A2078" s="3">
        <v>41768.564756944441</v>
      </c>
      <c r="B2078" s="2">
        <v>25.2</v>
      </c>
      <c r="C2078" s="2">
        <v>151.6</v>
      </c>
      <c r="D2078" s="2">
        <v>0</v>
      </c>
      <c r="E2078" s="2">
        <v>97.600000000000847</v>
      </c>
    </row>
    <row r="2079" spans="1:5" x14ac:dyDescent="0.25">
      <c r="A2079" s="3">
        <v>41768.608275462961</v>
      </c>
      <c r="B2079" s="2">
        <v>27.8</v>
      </c>
      <c r="C2079" s="2">
        <v>151.4</v>
      </c>
      <c r="D2079" s="2">
        <v>0</v>
      </c>
      <c r="E2079" s="2">
        <v>97.600000000000847</v>
      </c>
    </row>
    <row r="2080" spans="1:5" x14ac:dyDescent="0.25">
      <c r="A2080" s="3">
        <v>41768.608622685184</v>
      </c>
      <c r="B2080" s="2">
        <v>27.8</v>
      </c>
      <c r="C2080" s="2">
        <v>151.6</v>
      </c>
      <c r="D2080" s="2">
        <v>0</v>
      </c>
      <c r="E2080" s="2">
        <v>97.600000000000847</v>
      </c>
    </row>
    <row r="2081" spans="1:5" x14ac:dyDescent="0.25">
      <c r="A2081" s="3">
        <v>41768.609895833331</v>
      </c>
      <c r="B2081" s="2">
        <v>27.9</v>
      </c>
      <c r="C2081" s="2">
        <v>151.4</v>
      </c>
      <c r="D2081" s="2">
        <v>0</v>
      </c>
      <c r="E2081" s="2">
        <v>97.600000000000847</v>
      </c>
    </row>
    <row r="2082" spans="1:5" x14ac:dyDescent="0.25">
      <c r="A2082" s="3">
        <v>41768.611631944441</v>
      </c>
      <c r="B2082" s="2">
        <v>28</v>
      </c>
      <c r="C2082" s="2">
        <v>151.6</v>
      </c>
      <c r="D2082" s="2">
        <v>0</v>
      </c>
      <c r="E2082" s="2">
        <v>97.600000000000847</v>
      </c>
    </row>
    <row r="2083" spans="1:5" x14ac:dyDescent="0.25">
      <c r="A2083" s="3">
        <v>41768.611747685187</v>
      </c>
      <c r="B2083" s="2">
        <v>28</v>
      </c>
      <c r="C2083" s="2">
        <v>151.4</v>
      </c>
      <c r="D2083" s="2">
        <v>0</v>
      </c>
      <c r="E2083" s="2">
        <v>97.600000000000847</v>
      </c>
    </row>
    <row r="2084" spans="1:5" x14ac:dyDescent="0.25">
      <c r="A2084" s="3">
        <v>41768.611805555556</v>
      </c>
      <c r="B2084" s="2">
        <v>28</v>
      </c>
      <c r="C2084" s="2">
        <v>151.6</v>
      </c>
      <c r="D2084" s="2">
        <v>0</v>
      </c>
      <c r="E2084" s="2">
        <v>97.600000000000847</v>
      </c>
    </row>
    <row r="2085" spans="1:5" x14ac:dyDescent="0.25">
      <c r="A2085" s="3">
        <v>41768.611979166664</v>
      </c>
      <c r="B2085" s="2">
        <v>28</v>
      </c>
      <c r="C2085" s="2">
        <v>151.4</v>
      </c>
      <c r="D2085" s="2">
        <v>0</v>
      </c>
      <c r="E2085" s="2">
        <v>97.600000000000847</v>
      </c>
    </row>
    <row r="2086" spans="1:5" x14ac:dyDescent="0.25">
      <c r="A2086" s="3">
        <v>41768.671122685184</v>
      </c>
      <c r="B2086" s="2">
        <v>27.8</v>
      </c>
      <c r="C2086" s="2">
        <v>151.19999999999999</v>
      </c>
      <c r="D2086" s="2">
        <v>0</v>
      </c>
      <c r="E2086" s="2">
        <v>97.600000000000847</v>
      </c>
    </row>
    <row r="2087" spans="1:5" x14ac:dyDescent="0.25">
      <c r="A2087" s="3">
        <v>41768.690798611111</v>
      </c>
      <c r="B2087" s="2">
        <v>27.2</v>
      </c>
      <c r="C2087" s="2">
        <v>151</v>
      </c>
      <c r="D2087" s="2">
        <v>0</v>
      </c>
      <c r="E2087" s="2">
        <v>97.600000000000847</v>
      </c>
    </row>
    <row r="2088" spans="1:5" x14ac:dyDescent="0.25">
      <c r="A2088" s="3">
        <v>41768.691261574073</v>
      </c>
      <c r="B2088" s="2">
        <v>27.1</v>
      </c>
      <c r="C2088" s="2">
        <v>151.19999999999999</v>
      </c>
      <c r="D2088" s="2">
        <v>0</v>
      </c>
      <c r="E2088" s="2">
        <v>97.600000000000847</v>
      </c>
    </row>
    <row r="2089" spans="1:5" x14ac:dyDescent="0.25">
      <c r="A2089" s="3">
        <v>41768.691435185188</v>
      </c>
      <c r="B2089" s="2">
        <v>27.1</v>
      </c>
      <c r="C2089" s="2">
        <v>151</v>
      </c>
      <c r="D2089" s="2">
        <v>0</v>
      </c>
      <c r="E2089" s="2">
        <v>97.600000000000847</v>
      </c>
    </row>
    <row r="2090" spans="1:5" x14ac:dyDescent="0.25">
      <c r="A2090" s="3">
        <v>41768.693576388891</v>
      </c>
      <c r="B2090" s="2">
        <v>27</v>
      </c>
      <c r="C2090" s="2">
        <v>151.19999999999999</v>
      </c>
      <c r="D2090" s="2">
        <v>0</v>
      </c>
      <c r="E2090" s="2">
        <v>97.600000000000847</v>
      </c>
    </row>
    <row r="2091" spans="1:5" x14ac:dyDescent="0.25">
      <c r="A2091" s="3">
        <v>41768.69363425926</v>
      </c>
      <c r="B2091" s="2">
        <v>27</v>
      </c>
      <c r="C2091" s="2">
        <v>151</v>
      </c>
      <c r="D2091" s="2">
        <v>0</v>
      </c>
      <c r="E2091" s="2">
        <v>97.600000000000847</v>
      </c>
    </row>
    <row r="2092" spans="1:5" x14ac:dyDescent="0.25">
      <c r="A2092" s="3">
        <v>41768.714525462965</v>
      </c>
      <c r="B2092" s="2">
        <v>26.3</v>
      </c>
      <c r="C2092" s="2">
        <v>150.80000000000001</v>
      </c>
      <c r="D2092" s="2">
        <v>0</v>
      </c>
      <c r="E2092" s="2">
        <v>97.600000000000847</v>
      </c>
    </row>
    <row r="2093" spans="1:5" x14ac:dyDescent="0.25">
      <c r="A2093" s="3">
        <v>41768.714641203704</v>
      </c>
      <c r="B2093" s="2">
        <v>26.3</v>
      </c>
      <c r="C2093" s="2">
        <v>151</v>
      </c>
      <c r="D2093" s="2">
        <v>0</v>
      </c>
      <c r="E2093" s="2">
        <v>97.600000000000847</v>
      </c>
    </row>
    <row r="2094" spans="1:5" x14ac:dyDescent="0.25">
      <c r="A2094" s="3">
        <v>41768.715509259258</v>
      </c>
      <c r="B2094" s="2">
        <v>26.2</v>
      </c>
      <c r="C2094" s="2">
        <v>150.80000000000001</v>
      </c>
      <c r="D2094" s="2">
        <v>0</v>
      </c>
      <c r="E2094" s="2">
        <v>97.600000000000847</v>
      </c>
    </row>
    <row r="2095" spans="1:5" x14ac:dyDescent="0.25">
      <c r="A2095" s="3">
        <v>41768.719502314816</v>
      </c>
      <c r="B2095" s="2">
        <v>26</v>
      </c>
      <c r="C2095" s="2">
        <v>151</v>
      </c>
      <c r="D2095" s="2">
        <v>0</v>
      </c>
      <c r="E2095" s="2">
        <v>97.600000000000847</v>
      </c>
    </row>
    <row r="2096" spans="1:5" x14ac:dyDescent="0.25">
      <c r="A2096" s="3">
        <v>41768.719618055555</v>
      </c>
      <c r="B2096" s="2">
        <v>26</v>
      </c>
      <c r="C2096" s="2">
        <v>150.80000000000001</v>
      </c>
      <c r="D2096" s="2">
        <v>0</v>
      </c>
      <c r="E2096" s="2">
        <v>97.600000000000847</v>
      </c>
    </row>
    <row r="2097" spans="1:5" x14ac:dyDescent="0.25">
      <c r="A2097" s="3">
        <v>41768.743344907409</v>
      </c>
      <c r="B2097" s="2">
        <v>25.4</v>
      </c>
      <c r="C2097" s="2">
        <v>150.6</v>
      </c>
      <c r="D2097" s="2">
        <v>0</v>
      </c>
      <c r="E2097" s="2">
        <v>97.600000000000847</v>
      </c>
    </row>
    <row r="2098" spans="1:5" x14ac:dyDescent="0.25">
      <c r="A2098" s="3">
        <v>41768.782175925924</v>
      </c>
      <c r="B2098" s="2">
        <v>24.8</v>
      </c>
      <c r="C2098" s="2">
        <v>150.4</v>
      </c>
      <c r="D2098" s="2">
        <v>0</v>
      </c>
      <c r="E2098" s="2">
        <v>97.600000000000847</v>
      </c>
    </row>
    <row r="2099" spans="1:5" x14ac:dyDescent="0.25">
      <c r="A2099" s="3">
        <v>41768.829629629632</v>
      </c>
      <c r="B2099" s="2">
        <v>23.5</v>
      </c>
      <c r="C2099" s="2">
        <v>150.19999999999999</v>
      </c>
      <c r="D2099" s="2">
        <v>0</v>
      </c>
      <c r="E2099" s="2">
        <v>97.600000000000847</v>
      </c>
    </row>
    <row r="2100" spans="1:5" x14ac:dyDescent="0.25">
      <c r="A2100" s="3">
        <v>41768.902199074073</v>
      </c>
      <c r="B2100" s="2">
        <v>21.5</v>
      </c>
      <c r="C2100" s="2">
        <v>150</v>
      </c>
      <c r="D2100" s="2">
        <v>0</v>
      </c>
      <c r="E2100" s="2">
        <v>97.600000000000847</v>
      </c>
    </row>
    <row r="2101" spans="1:5" x14ac:dyDescent="0.25">
      <c r="A2101" s="3">
        <v>41768.982407407406</v>
      </c>
      <c r="B2101" s="2">
        <v>19.399999999999999</v>
      </c>
      <c r="C2101" s="2">
        <v>149.80000000000001</v>
      </c>
      <c r="D2101" s="2">
        <v>0</v>
      </c>
      <c r="E2101" s="2">
        <v>97.600000000000847</v>
      </c>
    </row>
    <row r="2102" spans="1:5" x14ac:dyDescent="0.25">
      <c r="A2102" s="3">
        <v>41769.105555555558</v>
      </c>
      <c r="B2102" s="2">
        <v>16.7</v>
      </c>
      <c r="C2102" s="2">
        <v>149.6</v>
      </c>
      <c r="D2102" s="2">
        <v>0</v>
      </c>
      <c r="E2102" s="2">
        <v>97.600000000000847</v>
      </c>
    </row>
    <row r="2103" spans="1:5" x14ac:dyDescent="0.25">
      <c r="A2103" s="3">
        <v>41769.289641203701</v>
      </c>
      <c r="B2103" s="2">
        <v>13.8</v>
      </c>
      <c r="C2103" s="2">
        <v>149.4</v>
      </c>
      <c r="D2103" s="2">
        <v>0</v>
      </c>
      <c r="E2103" s="2">
        <v>97.600000000000847</v>
      </c>
    </row>
    <row r="2104" spans="1:5" x14ac:dyDescent="0.25">
      <c r="A2104" s="3">
        <v>41769.336747685185</v>
      </c>
      <c r="B2104" s="2">
        <v>13.6</v>
      </c>
      <c r="C2104" s="2">
        <v>149.19999999999999</v>
      </c>
      <c r="D2104" s="2">
        <v>0</v>
      </c>
      <c r="E2104" s="2">
        <v>97.600000000000847</v>
      </c>
    </row>
    <row r="2105" spans="1:5" x14ac:dyDescent="0.25">
      <c r="A2105" s="3">
        <v>41769.348090277781</v>
      </c>
      <c r="B2105" s="2">
        <v>14.1</v>
      </c>
      <c r="C2105" s="2">
        <v>149</v>
      </c>
      <c r="D2105" s="2">
        <v>0</v>
      </c>
      <c r="E2105" s="2">
        <v>97.600000000000847</v>
      </c>
    </row>
    <row r="2106" spans="1:5" x14ac:dyDescent="0.25">
      <c r="A2106" s="3">
        <v>41769.532754629632</v>
      </c>
      <c r="B2106" s="2">
        <v>26.4</v>
      </c>
      <c r="C2106" s="2">
        <v>148.80000000000001</v>
      </c>
      <c r="D2106" s="2">
        <v>0</v>
      </c>
      <c r="E2106" s="2">
        <v>97.600000000000847</v>
      </c>
    </row>
    <row r="2107" spans="1:5" x14ac:dyDescent="0.25">
      <c r="A2107" s="3">
        <v>41769.532870370371</v>
      </c>
      <c r="B2107" s="2">
        <v>26.4</v>
      </c>
      <c r="C2107" s="2">
        <v>149</v>
      </c>
      <c r="D2107" s="2">
        <v>0</v>
      </c>
      <c r="E2107" s="2">
        <v>97.600000000000847</v>
      </c>
    </row>
    <row r="2108" spans="1:5" x14ac:dyDescent="0.25">
      <c r="A2108" s="3">
        <v>41769.533217592594</v>
      </c>
      <c r="B2108" s="2">
        <v>26.4</v>
      </c>
      <c r="C2108" s="2">
        <v>148.80000000000001</v>
      </c>
      <c r="D2108" s="2">
        <v>0</v>
      </c>
      <c r="E2108" s="2">
        <v>97.600000000000847</v>
      </c>
    </row>
    <row r="2109" spans="1:5" x14ac:dyDescent="0.25">
      <c r="A2109" s="3">
        <v>41769.533449074072</v>
      </c>
      <c r="B2109" s="2">
        <v>26.5</v>
      </c>
      <c r="C2109" s="2">
        <v>149</v>
      </c>
      <c r="D2109" s="2">
        <v>0</v>
      </c>
      <c r="E2109" s="2">
        <v>97.600000000000847</v>
      </c>
    </row>
    <row r="2110" spans="1:5" x14ac:dyDescent="0.25">
      <c r="A2110" s="3">
        <v>41769.53402777778</v>
      </c>
      <c r="B2110" s="2">
        <v>26.7</v>
      </c>
      <c r="C2110" s="2">
        <v>148.80000000000001</v>
      </c>
      <c r="D2110" s="2">
        <v>0</v>
      </c>
      <c r="E2110" s="2">
        <v>97.600000000000847</v>
      </c>
    </row>
    <row r="2111" spans="1:5" x14ac:dyDescent="0.25">
      <c r="A2111" s="3">
        <v>41769.53460648148</v>
      </c>
      <c r="B2111" s="2">
        <v>26.8</v>
      </c>
      <c r="C2111" s="2">
        <v>149</v>
      </c>
      <c r="D2111" s="2">
        <v>0</v>
      </c>
      <c r="E2111" s="2">
        <v>97.600000000000847</v>
      </c>
    </row>
    <row r="2112" spans="1:5" x14ac:dyDescent="0.25">
      <c r="A2112" s="3">
        <v>41769.534780092596</v>
      </c>
      <c r="B2112" s="2">
        <v>26.8</v>
      </c>
      <c r="C2112" s="2">
        <v>148.80000000000001</v>
      </c>
      <c r="D2112" s="2">
        <v>0</v>
      </c>
      <c r="E2112" s="2">
        <v>97.600000000000847</v>
      </c>
    </row>
    <row r="2113" spans="1:5" x14ac:dyDescent="0.25">
      <c r="A2113" s="3">
        <v>41769.534837962965</v>
      </c>
      <c r="B2113" s="2">
        <v>26.7</v>
      </c>
      <c r="C2113" s="2">
        <v>149</v>
      </c>
      <c r="D2113" s="2">
        <v>0</v>
      </c>
      <c r="E2113" s="2">
        <v>97.600000000000847</v>
      </c>
    </row>
    <row r="2114" spans="1:5" x14ac:dyDescent="0.25">
      <c r="A2114" s="3">
        <v>41769.535127314812</v>
      </c>
      <c r="B2114" s="2">
        <v>26.6</v>
      </c>
      <c r="C2114" s="2">
        <v>148.80000000000001</v>
      </c>
      <c r="D2114" s="2">
        <v>0</v>
      </c>
      <c r="E2114" s="2">
        <v>97.600000000000847</v>
      </c>
    </row>
    <row r="2115" spans="1:5" x14ac:dyDescent="0.25">
      <c r="A2115" s="3">
        <v>41769.535243055558</v>
      </c>
      <c r="B2115" s="2">
        <v>26.6</v>
      </c>
      <c r="C2115" s="2">
        <v>149</v>
      </c>
      <c r="D2115" s="2">
        <v>0</v>
      </c>
      <c r="E2115" s="2">
        <v>97.600000000000847</v>
      </c>
    </row>
    <row r="2116" spans="1:5" x14ac:dyDescent="0.25">
      <c r="A2116" s="3">
        <v>41769.535474537035</v>
      </c>
      <c r="B2116" s="2">
        <v>26.6</v>
      </c>
      <c r="C2116" s="2">
        <v>148.80000000000001</v>
      </c>
      <c r="D2116" s="2">
        <v>0</v>
      </c>
      <c r="E2116" s="2">
        <v>97.600000000000847</v>
      </c>
    </row>
    <row r="2117" spans="1:5" x14ac:dyDescent="0.25">
      <c r="A2117" s="3">
        <v>41769.535590277781</v>
      </c>
      <c r="B2117" s="2">
        <v>26.5</v>
      </c>
      <c r="C2117" s="2">
        <v>149</v>
      </c>
      <c r="D2117" s="2">
        <v>0</v>
      </c>
      <c r="E2117" s="2">
        <v>97.600000000000847</v>
      </c>
    </row>
    <row r="2118" spans="1:5" x14ac:dyDescent="0.25">
      <c r="A2118" s="3">
        <v>41769.536168981482</v>
      </c>
      <c r="B2118" s="2">
        <v>26.7</v>
      </c>
      <c r="C2118" s="2">
        <v>148.80000000000001</v>
      </c>
      <c r="D2118" s="2">
        <v>0</v>
      </c>
      <c r="E2118" s="2">
        <v>97.600000000000847</v>
      </c>
    </row>
    <row r="2119" spans="1:5" x14ac:dyDescent="0.25">
      <c r="A2119" s="3">
        <v>41769.536458333336</v>
      </c>
      <c r="B2119" s="2">
        <v>26.6</v>
      </c>
      <c r="C2119" s="2">
        <v>149</v>
      </c>
      <c r="D2119" s="2">
        <v>0</v>
      </c>
      <c r="E2119" s="2">
        <v>97.600000000000847</v>
      </c>
    </row>
    <row r="2120" spans="1:5" x14ac:dyDescent="0.25">
      <c r="A2120" s="3">
        <v>41769.536631944444</v>
      </c>
      <c r="B2120" s="2">
        <v>26.7</v>
      </c>
      <c r="C2120" s="2">
        <v>148.80000000000001</v>
      </c>
      <c r="D2120" s="2">
        <v>0</v>
      </c>
      <c r="E2120" s="2">
        <v>97.600000000000847</v>
      </c>
    </row>
    <row r="2121" spans="1:5" x14ac:dyDescent="0.25">
      <c r="A2121" s="3">
        <v>41769.538657407407</v>
      </c>
      <c r="B2121" s="2">
        <v>26.8</v>
      </c>
      <c r="C2121" s="2">
        <v>149</v>
      </c>
      <c r="D2121" s="2">
        <v>0</v>
      </c>
      <c r="E2121" s="2">
        <v>97.600000000000847</v>
      </c>
    </row>
    <row r="2122" spans="1:5" x14ac:dyDescent="0.25">
      <c r="A2122" s="3">
        <v>41769.538715277777</v>
      </c>
      <c r="B2122" s="2">
        <v>26.8</v>
      </c>
      <c r="C2122" s="2">
        <v>148.80000000000001</v>
      </c>
      <c r="D2122" s="2">
        <v>0</v>
      </c>
      <c r="E2122" s="2">
        <v>97.600000000000847</v>
      </c>
    </row>
    <row r="2123" spans="1:5" x14ac:dyDescent="0.25">
      <c r="A2123" s="3">
        <v>41769.542361111111</v>
      </c>
      <c r="B2123" s="2">
        <v>27</v>
      </c>
      <c r="C2123" s="2">
        <v>149</v>
      </c>
      <c r="D2123" s="2">
        <v>0</v>
      </c>
      <c r="E2123" s="2">
        <v>97.600000000000847</v>
      </c>
    </row>
    <row r="2124" spans="1:5" x14ac:dyDescent="0.25">
      <c r="A2124" s="3">
        <v>41769.54241898148</v>
      </c>
      <c r="B2124" s="2">
        <v>27</v>
      </c>
      <c r="C2124" s="2">
        <v>148.80000000000001</v>
      </c>
      <c r="D2124" s="2">
        <v>0</v>
      </c>
      <c r="E2124" s="2">
        <v>97.600000000000847</v>
      </c>
    </row>
    <row r="2125" spans="1:5" x14ac:dyDescent="0.25">
      <c r="A2125" s="3">
        <v>41769.544907407406</v>
      </c>
      <c r="B2125" s="2">
        <v>27.3</v>
      </c>
      <c r="C2125" s="2">
        <v>149</v>
      </c>
      <c r="D2125" s="2">
        <v>0</v>
      </c>
      <c r="E2125" s="2">
        <v>97.600000000000847</v>
      </c>
    </row>
    <row r="2126" spans="1:5" x14ac:dyDescent="0.25">
      <c r="A2126" s="3">
        <v>41769.544965277775</v>
      </c>
      <c r="B2126" s="2">
        <v>27.3</v>
      </c>
      <c r="C2126" s="2">
        <v>148.80000000000001</v>
      </c>
      <c r="D2126" s="2">
        <v>0</v>
      </c>
      <c r="E2126" s="2">
        <v>97.600000000000847</v>
      </c>
    </row>
    <row r="2127" spans="1:5" x14ac:dyDescent="0.25">
      <c r="A2127" s="3">
        <v>41769.563946759263</v>
      </c>
      <c r="B2127" s="2">
        <v>28.2</v>
      </c>
      <c r="C2127" s="2">
        <v>148.6</v>
      </c>
      <c r="D2127" s="2">
        <v>0</v>
      </c>
      <c r="E2127" s="2">
        <v>97.600000000000847</v>
      </c>
    </row>
    <row r="2128" spans="1:5" x14ac:dyDescent="0.25">
      <c r="A2128" s="3">
        <v>41769.565104166664</v>
      </c>
      <c r="B2128" s="2">
        <v>28.4</v>
      </c>
      <c r="C2128" s="2">
        <v>148.80000000000001</v>
      </c>
      <c r="D2128" s="2">
        <v>0</v>
      </c>
      <c r="E2128" s="2">
        <v>97.600000000000847</v>
      </c>
    </row>
    <row r="2129" spans="1:5" x14ac:dyDescent="0.25">
      <c r="A2129" s="3">
        <v>41769.56521990741</v>
      </c>
      <c r="B2129" s="2">
        <v>28.3</v>
      </c>
      <c r="C2129" s="2">
        <v>148.6</v>
      </c>
      <c r="D2129" s="2">
        <v>0</v>
      </c>
      <c r="E2129" s="2">
        <v>97.600000000000847</v>
      </c>
    </row>
    <row r="2130" spans="1:5" x14ac:dyDescent="0.25">
      <c r="A2130" s="3">
        <v>41769.58935185185</v>
      </c>
      <c r="B2130" s="2">
        <v>29.3</v>
      </c>
      <c r="C2130" s="2">
        <v>148.4</v>
      </c>
      <c r="D2130" s="2">
        <v>0</v>
      </c>
      <c r="E2130" s="2">
        <v>97.600000000000847</v>
      </c>
    </row>
    <row r="2131" spans="1:5" x14ac:dyDescent="0.25">
      <c r="A2131" s="3">
        <v>41769.589467592596</v>
      </c>
      <c r="B2131" s="2">
        <v>29.4</v>
      </c>
      <c r="C2131" s="2">
        <v>148.6</v>
      </c>
      <c r="D2131" s="2">
        <v>0</v>
      </c>
      <c r="E2131" s="2">
        <v>97.600000000000847</v>
      </c>
    </row>
    <row r="2132" spans="1:5" x14ac:dyDescent="0.25">
      <c r="A2132" s="3">
        <v>41769.589525462965</v>
      </c>
      <c r="B2132" s="2">
        <v>29.4</v>
      </c>
      <c r="C2132" s="2">
        <v>148.4</v>
      </c>
      <c r="D2132" s="2">
        <v>0</v>
      </c>
      <c r="E2132" s="2">
        <v>97.600000000000847</v>
      </c>
    </row>
    <row r="2133" spans="1:5" x14ac:dyDescent="0.25">
      <c r="A2133" s="3">
        <v>41769.589641203704</v>
      </c>
      <c r="B2133" s="2">
        <v>29.4</v>
      </c>
      <c r="C2133" s="2">
        <v>148.6</v>
      </c>
      <c r="D2133" s="2">
        <v>0</v>
      </c>
      <c r="E2133" s="2">
        <v>97.600000000000847</v>
      </c>
    </row>
    <row r="2134" spans="1:5" x14ac:dyDescent="0.25">
      <c r="A2134" s="3">
        <v>41769.589988425927</v>
      </c>
      <c r="B2134" s="2">
        <v>29.5</v>
      </c>
      <c r="C2134" s="2">
        <v>148.4</v>
      </c>
      <c r="D2134" s="2">
        <v>0</v>
      </c>
      <c r="E2134" s="2">
        <v>97.600000000000847</v>
      </c>
    </row>
    <row r="2135" spans="1:5" x14ac:dyDescent="0.25">
      <c r="A2135" s="3">
        <v>41769.606886574074</v>
      </c>
      <c r="B2135" s="2">
        <v>29.8</v>
      </c>
      <c r="C2135" s="2">
        <v>148.19999999999999</v>
      </c>
      <c r="D2135" s="2">
        <v>0</v>
      </c>
      <c r="E2135" s="2">
        <v>97.600000000000847</v>
      </c>
    </row>
    <row r="2136" spans="1:5" x14ac:dyDescent="0.25">
      <c r="A2136" s="3">
        <v>41769.607060185182</v>
      </c>
      <c r="B2136" s="2">
        <v>29.8</v>
      </c>
      <c r="C2136" s="2">
        <v>148.4</v>
      </c>
      <c r="D2136" s="2">
        <v>0</v>
      </c>
      <c r="E2136" s="2">
        <v>97.600000000000847</v>
      </c>
    </row>
    <row r="2137" spans="1:5" x14ac:dyDescent="0.25">
      <c r="A2137" s="3">
        <v>41769.607175925928</v>
      </c>
      <c r="B2137" s="2">
        <v>29.7</v>
      </c>
      <c r="C2137" s="2">
        <v>148.19999999999999</v>
      </c>
      <c r="D2137" s="2">
        <v>0</v>
      </c>
      <c r="E2137" s="2">
        <v>97.600000000000847</v>
      </c>
    </row>
    <row r="2138" spans="1:5" x14ac:dyDescent="0.25">
      <c r="A2138" s="3">
        <v>41769.610069444447</v>
      </c>
      <c r="B2138" s="2">
        <v>29.8</v>
      </c>
      <c r="C2138" s="2">
        <v>148.4</v>
      </c>
      <c r="D2138" s="2">
        <v>0</v>
      </c>
      <c r="E2138" s="2">
        <v>97.600000000000847</v>
      </c>
    </row>
    <row r="2139" spans="1:5" x14ac:dyDescent="0.25">
      <c r="A2139" s="3">
        <v>41769.610532407409</v>
      </c>
      <c r="B2139" s="2">
        <v>29.7</v>
      </c>
      <c r="C2139" s="2">
        <v>148.19999999999999</v>
      </c>
      <c r="D2139" s="2">
        <v>0</v>
      </c>
      <c r="E2139" s="2">
        <v>97.600000000000847</v>
      </c>
    </row>
    <row r="2140" spans="1:5" x14ac:dyDescent="0.25">
      <c r="A2140" s="3">
        <v>41769.610590277778</v>
      </c>
      <c r="B2140" s="2">
        <v>29.7</v>
      </c>
      <c r="C2140" s="2">
        <v>148.4</v>
      </c>
      <c r="D2140" s="2">
        <v>0</v>
      </c>
      <c r="E2140" s="2">
        <v>97.600000000000847</v>
      </c>
    </row>
    <row r="2141" spans="1:5" x14ac:dyDescent="0.25">
      <c r="A2141" s="3">
        <v>41769.610706018517</v>
      </c>
      <c r="B2141" s="2">
        <v>29.7</v>
      </c>
      <c r="C2141" s="2">
        <v>148.19999999999999</v>
      </c>
      <c r="D2141" s="2">
        <v>0</v>
      </c>
      <c r="E2141" s="2">
        <v>97.600000000000847</v>
      </c>
    </row>
    <row r="2142" spans="1:5" x14ac:dyDescent="0.25">
      <c r="A2142" s="3">
        <v>41769.628645833334</v>
      </c>
      <c r="B2142" s="2">
        <v>30</v>
      </c>
      <c r="C2142" s="2">
        <v>148</v>
      </c>
      <c r="D2142" s="2">
        <v>0</v>
      </c>
      <c r="E2142" s="2">
        <v>97.600000000000847</v>
      </c>
    </row>
    <row r="2143" spans="1:5" x14ac:dyDescent="0.25">
      <c r="A2143" s="3">
        <v>41769.628703703704</v>
      </c>
      <c r="B2143" s="2">
        <v>30</v>
      </c>
      <c r="C2143" s="2">
        <v>148.19999999999999</v>
      </c>
      <c r="D2143" s="2">
        <v>0</v>
      </c>
      <c r="E2143" s="2">
        <v>97.600000000000847</v>
      </c>
    </row>
    <row r="2144" spans="1:5" x14ac:dyDescent="0.25">
      <c r="A2144" s="3">
        <v>41769.629629629628</v>
      </c>
      <c r="B2144" s="2">
        <v>30</v>
      </c>
      <c r="C2144" s="2">
        <v>148</v>
      </c>
      <c r="D2144" s="2">
        <v>0</v>
      </c>
      <c r="E2144" s="2">
        <v>97.600000000000847</v>
      </c>
    </row>
    <row r="2145" spans="1:5" x14ac:dyDescent="0.25">
      <c r="A2145" s="3">
        <v>41769.629745370374</v>
      </c>
      <c r="B2145" s="2">
        <v>30</v>
      </c>
      <c r="C2145" s="2">
        <v>148.19999999999999</v>
      </c>
      <c r="D2145" s="2">
        <v>0</v>
      </c>
      <c r="E2145" s="2">
        <v>97.600000000000847</v>
      </c>
    </row>
    <row r="2146" spans="1:5" x14ac:dyDescent="0.25">
      <c r="A2146" s="3">
        <v>41769.629803240743</v>
      </c>
      <c r="B2146" s="2">
        <v>30</v>
      </c>
      <c r="C2146" s="2">
        <v>148</v>
      </c>
      <c r="D2146" s="2">
        <v>0</v>
      </c>
      <c r="E2146" s="2">
        <v>97.600000000000847</v>
      </c>
    </row>
    <row r="2147" spans="1:5" x14ac:dyDescent="0.25">
      <c r="A2147" s="3">
        <v>41769.63003472222</v>
      </c>
      <c r="B2147" s="2">
        <v>29.9</v>
      </c>
      <c r="C2147" s="2">
        <v>148.19999999999999</v>
      </c>
      <c r="D2147" s="2">
        <v>0</v>
      </c>
      <c r="E2147" s="2">
        <v>97.600000000000847</v>
      </c>
    </row>
    <row r="2148" spans="1:5" x14ac:dyDescent="0.25">
      <c r="A2148" s="3">
        <v>41769.63009259259</v>
      </c>
      <c r="B2148" s="2">
        <v>29.9</v>
      </c>
      <c r="C2148" s="2">
        <v>148</v>
      </c>
      <c r="D2148" s="2">
        <v>0</v>
      </c>
      <c r="E2148" s="2">
        <v>97.600000000000847</v>
      </c>
    </row>
    <row r="2149" spans="1:5" x14ac:dyDescent="0.25">
      <c r="A2149" s="3">
        <v>41769.630844907406</v>
      </c>
      <c r="B2149" s="2">
        <v>29.9</v>
      </c>
      <c r="C2149" s="2">
        <v>148.19999999999999</v>
      </c>
      <c r="D2149" s="2">
        <v>0</v>
      </c>
      <c r="E2149" s="2">
        <v>97.600000000000847</v>
      </c>
    </row>
    <row r="2150" spans="1:5" x14ac:dyDescent="0.25">
      <c r="A2150" s="3">
        <v>41769.63113425926</v>
      </c>
      <c r="B2150" s="2">
        <v>29.9</v>
      </c>
      <c r="C2150" s="2">
        <v>148</v>
      </c>
      <c r="D2150" s="2">
        <v>0</v>
      </c>
      <c r="E2150" s="2">
        <v>97.600000000000847</v>
      </c>
    </row>
    <row r="2151" spans="1:5" x14ac:dyDescent="0.25">
      <c r="A2151" s="3">
        <v>41769.631655092591</v>
      </c>
      <c r="B2151" s="2">
        <v>29.9</v>
      </c>
      <c r="C2151" s="2">
        <v>148.19999999999999</v>
      </c>
      <c r="D2151" s="2">
        <v>0</v>
      </c>
      <c r="E2151" s="2">
        <v>97.600000000000847</v>
      </c>
    </row>
    <row r="2152" spans="1:5" x14ac:dyDescent="0.25">
      <c r="A2152" s="3">
        <v>41769.631886574076</v>
      </c>
      <c r="B2152" s="2">
        <v>29.9</v>
      </c>
      <c r="C2152" s="2">
        <v>148</v>
      </c>
      <c r="D2152" s="2">
        <v>0</v>
      </c>
      <c r="E2152" s="2">
        <v>97.600000000000847</v>
      </c>
    </row>
    <row r="2153" spans="1:5" x14ac:dyDescent="0.25">
      <c r="A2153" s="3">
        <v>41769.631944444445</v>
      </c>
      <c r="B2153" s="2">
        <v>29.9</v>
      </c>
      <c r="C2153" s="2">
        <v>148.19999999999999</v>
      </c>
      <c r="D2153" s="2">
        <v>0</v>
      </c>
      <c r="E2153" s="2">
        <v>97.600000000000847</v>
      </c>
    </row>
    <row r="2154" spans="1:5" x14ac:dyDescent="0.25">
      <c r="A2154" s="3">
        <v>41769.632060185184</v>
      </c>
      <c r="B2154" s="2">
        <v>29.9</v>
      </c>
      <c r="C2154" s="2">
        <v>148</v>
      </c>
      <c r="D2154" s="2">
        <v>0</v>
      </c>
      <c r="E2154" s="2">
        <v>97.600000000000847</v>
      </c>
    </row>
    <row r="2155" spans="1:5" x14ac:dyDescent="0.25">
      <c r="A2155" s="3">
        <v>41769.667766203704</v>
      </c>
      <c r="B2155" s="2">
        <v>29.1</v>
      </c>
      <c r="C2155" s="2">
        <v>147.80000000000001</v>
      </c>
      <c r="D2155" s="2">
        <v>0</v>
      </c>
      <c r="E2155" s="2">
        <v>97.600000000000847</v>
      </c>
    </row>
    <row r="2156" spans="1:5" x14ac:dyDescent="0.25">
      <c r="A2156" s="3">
        <v>41769.667824074073</v>
      </c>
      <c r="B2156" s="2">
        <v>29.1</v>
      </c>
      <c r="C2156" s="2">
        <v>148</v>
      </c>
      <c r="D2156" s="2">
        <v>0</v>
      </c>
      <c r="E2156" s="2">
        <v>97.600000000000847</v>
      </c>
    </row>
    <row r="2157" spans="1:5" x14ac:dyDescent="0.25">
      <c r="A2157" s="3">
        <v>41769.668113425927</v>
      </c>
      <c r="B2157" s="2">
        <v>29.1</v>
      </c>
      <c r="C2157" s="2">
        <v>147.80000000000001</v>
      </c>
      <c r="D2157" s="2">
        <v>0</v>
      </c>
      <c r="E2157" s="2">
        <v>97.600000000000847</v>
      </c>
    </row>
    <row r="2158" spans="1:5" x14ac:dyDescent="0.25">
      <c r="A2158" s="3">
        <v>41769.668171296296</v>
      </c>
      <c r="B2158" s="2">
        <v>29.1</v>
      </c>
      <c r="C2158" s="2">
        <v>148</v>
      </c>
      <c r="D2158" s="2">
        <v>0</v>
      </c>
      <c r="E2158" s="2">
        <v>97.600000000000847</v>
      </c>
    </row>
    <row r="2159" spans="1:5" x14ac:dyDescent="0.25">
      <c r="A2159" s="3">
        <v>41769.66851851852</v>
      </c>
      <c r="B2159" s="2">
        <v>29.1</v>
      </c>
      <c r="C2159" s="2">
        <v>147.80000000000001</v>
      </c>
      <c r="D2159" s="2">
        <v>0</v>
      </c>
      <c r="E2159" s="2">
        <v>97.600000000000847</v>
      </c>
    </row>
    <row r="2160" spans="1:5" x14ac:dyDescent="0.25">
      <c r="A2160" s="3">
        <v>41769.670428240737</v>
      </c>
      <c r="B2160" s="2">
        <v>29</v>
      </c>
      <c r="C2160" s="2">
        <v>148</v>
      </c>
      <c r="D2160" s="2">
        <v>0</v>
      </c>
      <c r="E2160" s="2">
        <v>97.600000000000847</v>
      </c>
    </row>
    <row r="2161" spans="1:5" x14ac:dyDescent="0.25">
      <c r="A2161" s="3">
        <v>41769.670717592591</v>
      </c>
      <c r="B2161" s="2">
        <v>29</v>
      </c>
      <c r="C2161" s="2">
        <v>147.80000000000001</v>
      </c>
      <c r="D2161" s="2">
        <v>0</v>
      </c>
      <c r="E2161" s="2">
        <v>97.600000000000847</v>
      </c>
    </row>
    <row r="2162" spans="1:5" x14ac:dyDescent="0.25">
      <c r="A2162" s="3">
        <v>41769.689120370371</v>
      </c>
      <c r="B2162" s="2">
        <v>28.2</v>
      </c>
      <c r="C2162" s="2">
        <v>147.6</v>
      </c>
      <c r="D2162" s="2">
        <v>0</v>
      </c>
      <c r="E2162" s="2">
        <v>97.600000000000847</v>
      </c>
    </row>
    <row r="2163" spans="1:5" x14ac:dyDescent="0.25">
      <c r="A2163" s="3">
        <v>41769.689236111109</v>
      </c>
      <c r="B2163" s="2">
        <v>28.2</v>
      </c>
      <c r="C2163" s="2">
        <v>147.80000000000001</v>
      </c>
      <c r="D2163" s="2">
        <v>0</v>
      </c>
      <c r="E2163" s="2">
        <v>97.600000000000847</v>
      </c>
    </row>
    <row r="2164" spans="1:5" x14ac:dyDescent="0.25">
      <c r="A2164" s="3">
        <v>41769.689525462964</v>
      </c>
      <c r="B2164" s="2">
        <v>28.2</v>
      </c>
      <c r="C2164" s="2">
        <v>147.6</v>
      </c>
      <c r="D2164" s="2">
        <v>0</v>
      </c>
      <c r="E2164" s="2">
        <v>97.600000000000847</v>
      </c>
    </row>
    <row r="2165" spans="1:5" x14ac:dyDescent="0.25">
      <c r="A2165" s="3">
        <v>41769.709432870368</v>
      </c>
      <c r="B2165" s="2">
        <v>27.4</v>
      </c>
      <c r="C2165" s="2">
        <v>147.4</v>
      </c>
      <c r="D2165" s="2">
        <v>0</v>
      </c>
      <c r="E2165" s="2">
        <v>97.600000000000847</v>
      </c>
    </row>
    <row r="2166" spans="1:5" x14ac:dyDescent="0.25">
      <c r="A2166" s="3">
        <v>41769.710011574076</v>
      </c>
      <c r="B2166" s="2">
        <v>27.4</v>
      </c>
      <c r="C2166" s="2">
        <v>147.6</v>
      </c>
      <c r="D2166" s="2">
        <v>0</v>
      </c>
      <c r="E2166" s="2">
        <v>97.600000000000847</v>
      </c>
    </row>
    <row r="2167" spans="1:5" x14ac:dyDescent="0.25">
      <c r="A2167" s="3">
        <v>41769.710069444445</v>
      </c>
      <c r="B2167" s="2">
        <v>27.4</v>
      </c>
      <c r="C2167" s="2">
        <v>147.4</v>
      </c>
      <c r="D2167" s="2">
        <v>0</v>
      </c>
      <c r="E2167" s="2">
        <v>97.600000000000847</v>
      </c>
    </row>
    <row r="2168" spans="1:5" x14ac:dyDescent="0.25">
      <c r="A2168" s="3">
        <v>41769.710185185184</v>
      </c>
      <c r="B2168" s="2">
        <v>27.4</v>
      </c>
      <c r="C2168" s="2">
        <v>147.6</v>
      </c>
      <c r="D2168" s="2">
        <v>0</v>
      </c>
      <c r="E2168" s="2">
        <v>97.600000000000847</v>
      </c>
    </row>
    <row r="2169" spans="1:5" x14ac:dyDescent="0.25">
      <c r="A2169" s="3">
        <v>41769.710358796299</v>
      </c>
      <c r="B2169" s="2">
        <v>27.4</v>
      </c>
      <c r="C2169" s="2">
        <v>147.4</v>
      </c>
      <c r="D2169" s="2">
        <v>0</v>
      </c>
      <c r="E2169" s="2">
        <v>97.600000000000847</v>
      </c>
    </row>
    <row r="2170" spans="1:5" x14ac:dyDescent="0.25">
      <c r="A2170" s="3">
        <v>41769.710821759261</v>
      </c>
      <c r="B2170" s="2">
        <v>27.4</v>
      </c>
      <c r="C2170" s="2">
        <v>147.6</v>
      </c>
      <c r="D2170" s="2">
        <v>0</v>
      </c>
      <c r="E2170" s="2">
        <v>97.600000000000847</v>
      </c>
    </row>
    <row r="2171" spans="1:5" x14ac:dyDescent="0.25">
      <c r="A2171" s="3">
        <v>41769.710879629631</v>
      </c>
      <c r="B2171" s="2">
        <v>27.4</v>
      </c>
      <c r="C2171" s="2">
        <v>147.4</v>
      </c>
      <c r="D2171" s="2">
        <v>0</v>
      </c>
      <c r="E2171" s="2">
        <v>97.600000000000847</v>
      </c>
    </row>
    <row r="2172" spans="1:5" x14ac:dyDescent="0.25">
      <c r="A2172" s="3">
        <v>41769.711226851854</v>
      </c>
      <c r="B2172" s="2">
        <v>27.3</v>
      </c>
      <c r="C2172" s="2">
        <v>147.6</v>
      </c>
      <c r="D2172" s="2">
        <v>0</v>
      </c>
      <c r="E2172" s="2">
        <v>97.600000000000847</v>
      </c>
    </row>
    <row r="2173" spans="1:5" x14ac:dyDescent="0.25">
      <c r="A2173" s="3">
        <v>41769.711342592593</v>
      </c>
      <c r="B2173" s="2">
        <v>27.4</v>
      </c>
      <c r="C2173" s="2">
        <v>147.4</v>
      </c>
      <c r="D2173" s="2">
        <v>0</v>
      </c>
      <c r="E2173" s="2">
        <v>97.600000000000847</v>
      </c>
    </row>
    <row r="2174" spans="1:5" x14ac:dyDescent="0.25">
      <c r="A2174" s="3">
        <v>41769.731423611112</v>
      </c>
      <c r="B2174" s="2">
        <v>26.6</v>
      </c>
      <c r="C2174" s="2">
        <v>147.19999999999999</v>
      </c>
      <c r="D2174" s="2">
        <v>0</v>
      </c>
      <c r="E2174" s="2">
        <v>97.600000000000847</v>
      </c>
    </row>
    <row r="2175" spans="1:5" x14ac:dyDescent="0.25">
      <c r="A2175" s="3">
        <v>41769.766261574077</v>
      </c>
      <c r="B2175" s="2">
        <v>25.5</v>
      </c>
      <c r="C2175" s="2">
        <v>147</v>
      </c>
      <c r="D2175" s="2">
        <v>0</v>
      </c>
      <c r="E2175" s="2">
        <v>97.600000000000847</v>
      </c>
    </row>
    <row r="2176" spans="1:5" x14ac:dyDescent="0.25">
      <c r="A2176" s="3">
        <v>41769.766493055555</v>
      </c>
      <c r="B2176" s="2">
        <v>25.5</v>
      </c>
      <c r="C2176" s="2">
        <v>147.19999999999999</v>
      </c>
      <c r="D2176" s="2">
        <v>0</v>
      </c>
      <c r="E2176" s="2">
        <v>97.600000000000847</v>
      </c>
    </row>
    <row r="2177" spans="1:5" x14ac:dyDescent="0.25">
      <c r="A2177" s="3">
        <v>41769.766608796293</v>
      </c>
      <c r="B2177" s="2">
        <v>25.5</v>
      </c>
      <c r="C2177" s="2">
        <v>147</v>
      </c>
      <c r="D2177" s="2">
        <v>0</v>
      </c>
      <c r="E2177" s="2">
        <v>97.600000000000847</v>
      </c>
    </row>
    <row r="2178" spans="1:5" x14ac:dyDescent="0.25">
      <c r="A2178" s="3">
        <v>41769.766840277778</v>
      </c>
      <c r="B2178" s="2">
        <v>25.5</v>
      </c>
      <c r="C2178" s="2">
        <v>147.19999999999999</v>
      </c>
      <c r="D2178" s="2">
        <v>0</v>
      </c>
      <c r="E2178" s="2">
        <v>97.600000000000847</v>
      </c>
    </row>
    <row r="2179" spans="1:5" x14ac:dyDescent="0.25">
      <c r="A2179" s="3">
        <v>41769.76730324074</v>
      </c>
      <c r="B2179" s="2">
        <v>25.5</v>
      </c>
      <c r="C2179" s="2">
        <v>147</v>
      </c>
      <c r="D2179" s="2">
        <v>0</v>
      </c>
      <c r="E2179" s="2">
        <v>97.600000000000847</v>
      </c>
    </row>
    <row r="2180" spans="1:5" x14ac:dyDescent="0.25">
      <c r="A2180" s="3">
        <v>41769.797974537039</v>
      </c>
      <c r="B2180" s="2">
        <v>24.6</v>
      </c>
      <c r="C2180" s="2">
        <v>146.80000000000001</v>
      </c>
      <c r="D2180" s="2">
        <v>0</v>
      </c>
      <c r="E2180" s="2">
        <v>97.600000000000847</v>
      </c>
    </row>
    <row r="2181" spans="1:5" x14ac:dyDescent="0.25">
      <c r="A2181" s="3">
        <v>41769.798958333333</v>
      </c>
      <c r="B2181" s="2">
        <v>24.5</v>
      </c>
      <c r="C2181" s="2">
        <v>147</v>
      </c>
      <c r="D2181" s="2">
        <v>0</v>
      </c>
      <c r="E2181" s="2">
        <v>97.600000000000847</v>
      </c>
    </row>
    <row r="2182" spans="1:5" x14ac:dyDescent="0.25">
      <c r="A2182" s="3">
        <v>41769.799479166664</v>
      </c>
      <c r="B2182" s="2">
        <v>24.5</v>
      </c>
      <c r="C2182" s="2">
        <v>146.80000000000001</v>
      </c>
      <c r="D2182" s="2">
        <v>0</v>
      </c>
      <c r="E2182" s="2">
        <v>97.600000000000847</v>
      </c>
    </row>
    <row r="2183" spans="1:5" x14ac:dyDescent="0.25">
      <c r="A2183" s="3">
        <v>41769.848032407404</v>
      </c>
      <c r="B2183" s="2">
        <v>23.1</v>
      </c>
      <c r="C2183" s="2">
        <v>146.6</v>
      </c>
      <c r="D2183" s="2">
        <v>0</v>
      </c>
      <c r="E2183" s="2">
        <v>97.600000000000847</v>
      </c>
    </row>
    <row r="2184" spans="1:5" x14ac:dyDescent="0.25">
      <c r="A2184" s="3">
        <v>41769.894270833334</v>
      </c>
      <c r="B2184" s="2">
        <v>22</v>
      </c>
      <c r="C2184" s="2">
        <v>146.4</v>
      </c>
      <c r="D2184" s="2">
        <v>0</v>
      </c>
      <c r="E2184" s="2">
        <v>97.600000000000847</v>
      </c>
    </row>
    <row r="2185" spans="1:5" x14ac:dyDescent="0.25">
      <c r="A2185" s="3">
        <v>41769.977083333331</v>
      </c>
      <c r="B2185" s="2">
        <v>19.899999999999999</v>
      </c>
      <c r="C2185" s="2">
        <v>146.19999999999999</v>
      </c>
      <c r="D2185" s="2">
        <v>0</v>
      </c>
      <c r="E2185" s="2">
        <v>97.600000000000847</v>
      </c>
    </row>
    <row r="2186" spans="1:5" x14ac:dyDescent="0.25">
      <c r="A2186" s="3">
        <v>41770.088252314818</v>
      </c>
      <c r="B2186" s="2">
        <v>17.8</v>
      </c>
      <c r="C2186" s="2">
        <v>146</v>
      </c>
      <c r="D2186" s="2">
        <v>0</v>
      </c>
      <c r="E2186" s="2">
        <v>97.600000000000847</v>
      </c>
    </row>
    <row r="2187" spans="1:5" x14ac:dyDescent="0.25">
      <c r="A2187" s="3">
        <v>41770.242939814816</v>
      </c>
      <c r="B2187" s="2">
        <v>15.4</v>
      </c>
      <c r="C2187" s="2">
        <v>145.80000000000001</v>
      </c>
      <c r="D2187" s="2">
        <v>0</v>
      </c>
      <c r="E2187" s="2">
        <v>97.600000000000847</v>
      </c>
    </row>
    <row r="2188" spans="1:5" x14ac:dyDescent="0.25">
      <c r="A2188" s="3">
        <v>41770.358275462961</v>
      </c>
      <c r="B2188" s="2">
        <v>15.8</v>
      </c>
      <c r="C2188" s="2">
        <v>145.6</v>
      </c>
      <c r="D2188" s="2">
        <v>0</v>
      </c>
      <c r="E2188" s="2">
        <v>97.600000000000847</v>
      </c>
    </row>
    <row r="2189" spans="1:5" x14ac:dyDescent="0.25">
      <c r="A2189" s="3">
        <v>41770.472048611111</v>
      </c>
      <c r="B2189" s="2">
        <v>18.8</v>
      </c>
      <c r="C2189" s="2">
        <v>145.4</v>
      </c>
      <c r="D2189" s="2">
        <v>0</v>
      </c>
      <c r="E2189" s="2">
        <v>97.600000000000847</v>
      </c>
    </row>
    <row r="2190" spans="1:5" x14ac:dyDescent="0.25">
      <c r="A2190" s="3">
        <v>41770.501215277778</v>
      </c>
      <c r="B2190" s="2">
        <v>20.3</v>
      </c>
      <c r="C2190" s="2">
        <v>145.6</v>
      </c>
      <c r="D2190" s="2">
        <v>0</v>
      </c>
      <c r="E2190" s="2">
        <v>97.600000000000847</v>
      </c>
    </row>
    <row r="2191" spans="1:5" x14ac:dyDescent="0.25">
      <c r="A2191" s="3">
        <v>41770.501388888886</v>
      </c>
      <c r="B2191" s="2">
        <v>20.3</v>
      </c>
      <c r="C2191" s="2">
        <v>145.4</v>
      </c>
      <c r="D2191" s="2">
        <v>0</v>
      </c>
      <c r="E2191" s="2">
        <v>97.600000000000847</v>
      </c>
    </row>
    <row r="2192" spans="1:5" x14ac:dyDescent="0.25">
      <c r="A2192" s="3">
        <v>41770.517245370371</v>
      </c>
      <c r="B2192" s="2">
        <v>20.7</v>
      </c>
      <c r="C2192" s="2">
        <v>145.6</v>
      </c>
      <c r="D2192" s="2">
        <v>0</v>
      </c>
      <c r="E2192" s="2">
        <v>97.600000000000847</v>
      </c>
    </row>
    <row r="2193" spans="1:5" x14ac:dyDescent="0.25">
      <c r="A2193" s="3">
        <v>41770.51730324074</v>
      </c>
      <c r="B2193" s="2">
        <v>20.7</v>
      </c>
      <c r="C2193" s="2">
        <v>145.4</v>
      </c>
      <c r="D2193" s="2">
        <v>0</v>
      </c>
      <c r="E2193" s="2">
        <v>97.600000000000847</v>
      </c>
    </row>
    <row r="2194" spans="1:5" x14ac:dyDescent="0.25">
      <c r="A2194" s="3">
        <v>41770.527546296296</v>
      </c>
      <c r="B2194" s="2">
        <v>21</v>
      </c>
      <c r="C2194" s="2">
        <v>145.6</v>
      </c>
      <c r="D2194" s="2">
        <v>0</v>
      </c>
      <c r="E2194" s="2">
        <v>97.600000000000847</v>
      </c>
    </row>
    <row r="2195" spans="1:5" x14ac:dyDescent="0.25">
      <c r="A2195" s="3">
        <v>41770.527604166666</v>
      </c>
      <c r="B2195" s="2">
        <v>21</v>
      </c>
      <c r="C2195" s="2">
        <v>145.4</v>
      </c>
      <c r="D2195" s="2">
        <v>0</v>
      </c>
      <c r="E2195" s="2">
        <v>97.600000000000847</v>
      </c>
    </row>
    <row r="2196" spans="1:5" x14ac:dyDescent="0.25">
      <c r="A2196" s="3">
        <v>41770.528298611112</v>
      </c>
      <c r="B2196" s="2">
        <v>21.2</v>
      </c>
      <c r="C2196" s="2">
        <v>145.6</v>
      </c>
      <c r="D2196" s="2">
        <v>0</v>
      </c>
      <c r="E2196" s="2">
        <v>97.600000000000847</v>
      </c>
    </row>
    <row r="2197" spans="1:5" x14ac:dyDescent="0.25">
      <c r="A2197" s="3">
        <v>41770.528356481482</v>
      </c>
      <c r="B2197" s="2">
        <v>21.1</v>
      </c>
      <c r="C2197" s="2">
        <v>145.4</v>
      </c>
      <c r="D2197" s="2">
        <v>0</v>
      </c>
      <c r="E2197" s="2">
        <v>97.600000000000847</v>
      </c>
    </row>
    <row r="2198" spans="1:5" x14ac:dyDescent="0.25">
      <c r="A2198" s="3">
        <v>41770.530266203707</v>
      </c>
      <c r="B2198" s="2">
        <v>21</v>
      </c>
      <c r="C2198" s="2">
        <v>145.6</v>
      </c>
      <c r="D2198" s="2">
        <v>0</v>
      </c>
      <c r="E2198" s="2">
        <v>97.600000000000847</v>
      </c>
    </row>
    <row r="2199" spans="1:5" x14ac:dyDescent="0.25">
      <c r="A2199" s="3">
        <v>41770.530324074076</v>
      </c>
      <c r="B2199" s="2">
        <v>21</v>
      </c>
      <c r="C2199" s="2">
        <v>145.4</v>
      </c>
      <c r="D2199" s="2">
        <v>0</v>
      </c>
      <c r="E2199" s="2">
        <v>97.600000000000847</v>
      </c>
    </row>
    <row r="2200" spans="1:5" x14ac:dyDescent="0.25">
      <c r="A2200" s="3">
        <v>41770.535821759258</v>
      </c>
      <c r="B2200" s="2">
        <v>21.1</v>
      </c>
      <c r="C2200" s="2">
        <v>145.6</v>
      </c>
      <c r="D2200" s="2">
        <v>0</v>
      </c>
      <c r="E2200" s="2">
        <v>97.600000000000847</v>
      </c>
    </row>
    <row r="2201" spans="1:5" x14ac:dyDescent="0.25">
      <c r="A2201" s="3">
        <v>41770.535995370374</v>
      </c>
      <c r="B2201" s="2">
        <v>21.1</v>
      </c>
      <c r="C2201" s="2">
        <v>145.4</v>
      </c>
      <c r="D2201" s="2">
        <v>0</v>
      </c>
      <c r="E2201" s="2">
        <v>97.600000000000847</v>
      </c>
    </row>
    <row r="2202" spans="1:5" x14ac:dyDescent="0.25">
      <c r="A2202" s="3">
        <v>41770.538888888892</v>
      </c>
      <c r="B2202" s="2">
        <v>21.1</v>
      </c>
      <c r="C2202" s="2">
        <v>145.6</v>
      </c>
      <c r="D2202" s="2">
        <v>0</v>
      </c>
      <c r="E2202" s="2">
        <v>97.600000000000847</v>
      </c>
    </row>
    <row r="2203" spans="1:5" x14ac:dyDescent="0.25">
      <c r="A2203" s="3">
        <v>41770.5390625</v>
      </c>
      <c r="B2203" s="2">
        <v>21.1</v>
      </c>
      <c r="C2203" s="2">
        <v>145.4</v>
      </c>
      <c r="D2203" s="2">
        <v>0</v>
      </c>
      <c r="E2203" s="2">
        <v>97.600000000000847</v>
      </c>
    </row>
    <row r="2204" spans="1:5" x14ac:dyDescent="0.25">
      <c r="A2204" s="3">
        <v>41770.572974537034</v>
      </c>
      <c r="B2204" s="2">
        <v>22.2</v>
      </c>
      <c r="C2204" s="2">
        <v>145.19999999999999</v>
      </c>
      <c r="D2204" s="2">
        <v>0</v>
      </c>
      <c r="E2204" s="2">
        <v>97.600000000000847</v>
      </c>
    </row>
    <row r="2205" spans="1:5" x14ac:dyDescent="0.25">
      <c r="A2205" s="3">
        <v>41770.574652777781</v>
      </c>
      <c r="B2205" s="2">
        <v>22.1</v>
      </c>
      <c r="C2205" s="2">
        <v>145.4</v>
      </c>
      <c r="D2205" s="2">
        <v>0</v>
      </c>
      <c r="E2205" s="2">
        <v>97.600000000000847</v>
      </c>
    </row>
    <row r="2206" spans="1:5" x14ac:dyDescent="0.25">
      <c r="A2206" s="3">
        <v>41770.57476851852</v>
      </c>
      <c r="B2206" s="2">
        <v>22.1</v>
      </c>
      <c r="C2206" s="2">
        <v>145.19999999999999</v>
      </c>
      <c r="D2206" s="2">
        <v>0</v>
      </c>
      <c r="E2206" s="2">
        <v>97.600000000000847</v>
      </c>
    </row>
    <row r="2207" spans="1:5" x14ac:dyDescent="0.25">
      <c r="A2207" s="3">
        <v>41770.577604166669</v>
      </c>
      <c r="B2207" s="2">
        <v>22.3</v>
      </c>
      <c r="C2207" s="2">
        <v>145.4</v>
      </c>
      <c r="D2207" s="2">
        <v>0</v>
      </c>
      <c r="E2207" s="2">
        <v>97.600000000000847</v>
      </c>
    </row>
    <row r="2208" spans="1:5" x14ac:dyDescent="0.25">
      <c r="A2208" s="3">
        <v>41770.577719907407</v>
      </c>
      <c r="B2208" s="2">
        <v>22.3</v>
      </c>
      <c r="C2208" s="2">
        <v>145.19999999999999</v>
      </c>
      <c r="D2208" s="2">
        <v>0</v>
      </c>
      <c r="E2208" s="2">
        <v>97.600000000000847</v>
      </c>
    </row>
    <row r="2209" spans="1:5" x14ac:dyDescent="0.25">
      <c r="A2209" s="3">
        <v>41770.581712962965</v>
      </c>
      <c r="B2209" s="2">
        <v>22.5</v>
      </c>
      <c r="C2209" s="2">
        <v>145.4</v>
      </c>
      <c r="D2209" s="2">
        <v>0</v>
      </c>
      <c r="E2209" s="2">
        <v>97.600000000000847</v>
      </c>
    </row>
    <row r="2210" spans="1:5" x14ac:dyDescent="0.25">
      <c r="A2210" s="3">
        <v>41770.581828703704</v>
      </c>
      <c r="B2210" s="2">
        <v>22.5</v>
      </c>
      <c r="C2210" s="2">
        <v>145.19999999999999</v>
      </c>
      <c r="D2210" s="2">
        <v>0</v>
      </c>
      <c r="E2210" s="2">
        <v>97.600000000000847</v>
      </c>
    </row>
    <row r="2211" spans="1:5" x14ac:dyDescent="0.25">
      <c r="A2211" s="3">
        <v>41770.583912037036</v>
      </c>
      <c r="B2211" s="2">
        <v>22.5</v>
      </c>
      <c r="C2211" s="2">
        <v>145.4</v>
      </c>
      <c r="D2211" s="2">
        <v>0</v>
      </c>
      <c r="E2211" s="2">
        <v>97.600000000000847</v>
      </c>
    </row>
    <row r="2212" spans="1:5" x14ac:dyDescent="0.25">
      <c r="A2212" s="3">
        <v>41770.584085648145</v>
      </c>
      <c r="B2212" s="2">
        <v>22.5</v>
      </c>
      <c r="C2212" s="2">
        <v>145.19999999999999</v>
      </c>
      <c r="D2212" s="2">
        <v>0</v>
      </c>
      <c r="E2212" s="2">
        <v>97.600000000000847</v>
      </c>
    </row>
    <row r="2213" spans="1:5" x14ac:dyDescent="0.25">
      <c r="A2213" s="3">
        <v>41770.586747685185</v>
      </c>
      <c r="B2213" s="2">
        <v>22.7</v>
      </c>
      <c r="C2213" s="2">
        <v>145.4</v>
      </c>
      <c r="D2213" s="2">
        <v>0</v>
      </c>
      <c r="E2213" s="2">
        <v>97.600000000000847</v>
      </c>
    </row>
    <row r="2214" spans="1:5" x14ac:dyDescent="0.25">
      <c r="A2214" s="3">
        <v>41770.586863425924</v>
      </c>
      <c r="B2214" s="2">
        <v>22.6</v>
      </c>
      <c r="C2214" s="2">
        <v>145.19999999999999</v>
      </c>
      <c r="D2214" s="2">
        <v>0</v>
      </c>
      <c r="E2214" s="2">
        <v>97.600000000000847</v>
      </c>
    </row>
    <row r="2215" spans="1:5" x14ac:dyDescent="0.25">
      <c r="A2215" s="3">
        <v>41770.63559027778</v>
      </c>
      <c r="B2215" s="2">
        <v>22.5</v>
      </c>
      <c r="C2215" s="2">
        <v>145</v>
      </c>
      <c r="D2215" s="2">
        <v>0</v>
      </c>
      <c r="E2215" s="2">
        <v>97.600000000000847</v>
      </c>
    </row>
    <row r="2216" spans="1:5" x14ac:dyDescent="0.25">
      <c r="A2216" s="3">
        <v>41770.635706018518</v>
      </c>
      <c r="B2216" s="2">
        <v>22.5</v>
      </c>
      <c r="C2216" s="2">
        <v>145.19999999999999</v>
      </c>
      <c r="D2216" s="2">
        <v>0</v>
      </c>
      <c r="E2216" s="2">
        <v>97.600000000000847</v>
      </c>
    </row>
    <row r="2217" spans="1:5" x14ac:dyDescent="0.25">
      <c r="A2217" s="3">
        <v>41770.636053240742</v>
      </c>
      <c r="B2217" s="2">
        <v>22.5</v>
      </c>
      <c r="C2217" s="2">
        <v>145</v>
      </c>
      <c r="D2217" s="2">
        <v>0</v>
      </c>
      <c r="E2217" s="2">
        <v>97.600000000000847</v>
      </c>
    </row>
    <row r="2218" spans="1:5" x14ac:dyDescent="0.25">
      <c r="A2218" s="3">
        <v>41770.636284722219</v>
      </c>
      <c r="B2218" s="2">
        <v>22.5</v>
      </c>
      <c r="C2218" s="2">
        <v>145.19999999999999</v>
      </c>
      <c r="D2218" s="2">
        <v>0</v>
      </c>
      <c r="E2218" s="2">
        <v>97.600000000000847</v>
      </c>
    </row>
    <row r="2219" spans="1:5" x14ac:dyDescent="0.25">
      <c r="A2219" s="3">
        <v>41770.636863425927</v>
      </c>
      <c r="B2219" s="2">
        <v>22.5</v>
      </c>
      <c r="C2219" s="2">
        <v>145</v>
      </c>
      <c r="D2219" s="2">
        <v>0</v>
      </c>
      <c r="E2219" s="2">
        <v>97.600000000000847</v>
      </c>
    </row>
    <row r="2220" spans="1:5" x14ac:dyDescent="0.25">
      <c r="A2220" s="3">
        <v>41770.637037037035</v>
      </c>
      <c r="B2220" s="2">
        <v>22.5</v>
      </c>
      <c r="C2220" s="2">
        <v>145.19999999999999</v>
      </c>
      <c r="D2220" s="2">
        <v>0</v>
      </c>
      <c r="E2220" s="2">
        <v>97.600000000000847</v>
      </c>
    </row>
    <row r="2221" spans="1:5" x14ac:dyDescent="0.25">
      <c r="A2221" s="3">
        <v>41770.637094907404</v>
      </c>
      <c r="B2221" s="2">
        <v>22.5</v>
      </c>
      <c r="C2221" s="2">
        <v>145</v>
      </c>
      <c r="D2221" s="2">
        <v>0</v>
      </c>
      <c r="E2221" s="2">
        <v>97.600000000000847</v>
      </c>
    </row>
    <row r="2222" spans="1:5" x14ac:dyDescent="0.25">
      <c r="A2222" s="3">
        <v>41770.637615740743</v>
      </c>
      <c r="B2222" s="2">
        <v>22.5</v>
      </c>
      <c r="C2222" s="2">
        <v>145.19999999999999</v>
      </c>
      <c r="D2222" s="2">
        <v>0</v>
      </c>
      <c r="E2222" s="2">
        <v>97.600000000000847</v>
      </c>
    </row>
    <row r="2223" spans="1:5" x14ac:dyDescent="0.25">
      <c r="A2223" s="3">
        <v>41770.637789351851</v>
      </c>
      <c r="B2223" s="2">
        <v>22.5</v>
      </c>
      <c r="C2223" s="2">
        <v>145</v>
      </c>
      <c r="D2223" s="2">
        <v>0</v>
      </c>
      <c r="E2223" s="2">
        <v>97.600000000000847</v>
      </c>
    </row>
    <row r="2224" spans="1:5" x14ac:dyDescent="0.25">
      <c r="A2224" s="3">
        <v>41770.638136574074</v>
      </c>
      <c r="B2224" s="2">
        <v>22.5</v>
      </c>
      <c r="C2224" s="2">
        <v>145.19999999999999</v>
      </c>
      <c r="D2224" s="2">
        <v>0</v>
      </c>
      <c r="E2224" s="2">
        <v>97.600000000000847</v>
      </c>
    </row>
    <row r="2225" spans="1:5" x14ac:dyDescent="0.25">
      <c r="A2225" s="3">
        <v>41770.638310185182</v>
      </c>
      <c r="B2225" s="2">
        <v>22.5</v>
      </c>
      <c r="C2225" s="2">
        <v>145</v>
      </c>
      <c r="D2225" s="2">
        <v>0</v>
      </c>
      <c r="E2225" s="2">
        <v>97.600000000000847</v>
      </c>
    </row>
    <row r="2226" spans="1:5" x14ac:dyDescent="0.25">
      <c r="A2226" s="3">
        <v>41770.639699074076</v>
      </c>
      <c r="B2226" s="2">
        <v>22.5</v>
      </c>
      <c r="C2226" s="2">
        <v>145.19999999999999</v>
      </c>
      <c r="D2226" s="2">
        <v>0</v>
      </c>
      <c r="E2226" s="2">
        <v>97.600000000000847</v>
      </c>
    </row>
    <row r="2227" spans="1:5" x14ac:dyDescent="0.25">
      <c r="A2227" s="3">
        <v>41770.639756944445</v>
      </c>
      <c r="B2227" s="2">
        <v>22.5</v>
      </c>
      <c r="C2227" s="2">
        <v>145</v>
      </c>
      <c r="D2227" s="2">
        <v>0</v>
      </c>
      <c r="E2227" s="2">
        <v>97.600000000000847</v>
      </c>
    </row>
    <row r="2228" spans="1:5" x14ac:dyDescent="0.25">
      <c r="A2228" s="3">
        <v>41770.639930555553</v>
      </c>
      <c r="B2228" s="2">
        <v>22.5</v>
      </c>
      <c r="C2228" s="2">
        <v>145.19999999999999</v>
      </c>
      <c r="D2228" s="2">
        <v>0</v>
      </c>
      <c r="E2228" s="2">
        <v>97.600000000000847</v>
      </c>
    </row>
    <row r="2229" spans="1:5" x14ac:dyDescent="0.25">
      <c r="A2229" s="3">
        <v>41770.640046296299</v>
      </c>
      <c r="B2229" s="2">
        <v>22.5</v>
      </c>
      <c r="C2229" s="2">
        <v>145</v>
      </c>
      <c r="D2229" s="2">
        <v>0</v>
      </c>
      <c r="E2229" s="2">
        <v>97.600000000000847</v>
      </c>
    </row>
    <row r="2230" spans="1:5" x14ac:dyDescent="0.25">
      <c r="A2230" s="3">
        <v>41770.640219907407</v>
      </c>
      <c r="B2230" s="2">
        <v>22.5</v>
      </c>
      <c r="C2230" s="2">
        <v>145.19999999999999</v>
      </c>
      <c r="D2230" s="2">
        <v>0</v>
      </c>
      <c r="E2230" s="2">
        <v>97.600000000000847</v>
      </c>
    </row>
    <row r="2231" spans="1:5" x14ac:dyDescent="0.25">
      <c r="A2231" s="3">
        <v>41770.640740740739</v>
      </c>
      <c r="B2231" s="2">
        <v>22.5</v>
      </c>
      <c r="C2231" s="2">
        <v>145</v>
      </c>
      <c r="D2231" s="2">
        <v>0</v>
      </c>
      <c r="E2231" s="2">
        <v>97.600000000000847</v>
      </c>
    </row>
    <row r="2232" spans="1:5" x14ac:dyDescent="0.25">
      <c r="A2232" s="3">
        <v>41770.646064814813</v>
      </c>
      <c r="B2232" s="2">
        <v>22.4</v>
      </c>
      <c r="C2232" s="2">
        <v>145.19999999999999</v>
      </c>
      <c r="D2232" s="2">
        <v>0</v>
      </c>
      <c r="E2232" s="2">
        <v>97.600000000000847</v>
      </c>
    </row>
    <row r="2233" spans="1:5" x14ac:dyDescent="0.25">
      <c r="A2233" s="3">
        <v>41770.646122685182</v>
      </c>
      <c r="B2233" s="2">
        <v>22.4</v>
      </c>
      <c r="C2233" s="2">
        <v>145</v>
      </c>
      <c r="D2233" s="2">
        <v>0</v>
      </c>
      <c r="E2233" s="2">
        <v>97.600000000000847</v>
      </c>
    </row>
    <row r="2234" spans="1:5" x14ac:dyDescent="0.25">
      <c r="A2234" s="3">
        <v>41770.651967592596</v>
      </c>
      <c r="B2234" s="2">
        <v>22.4</v>
      </c>
      <c r="C2234" s="2">
        <v>145.19999999999999</v>
      </c>
      <c r="D2234" s="2">
        <v>0</v>
      </c>
      <c r="E2234" s="2">
        <v>97.600000000000847</v>
      </c>
    </row>
    <row r="2235" spans="1:5" x14ac:dyDescent="0.25">
      <c r="A2235" s="3">
        <v>41770.652083333334</v>
      </c>
      <c r="B2235" s="2">
        <v>22.4</v>
      </c>
      <c r="C2235" s="2">
        <v>145</v>
      </c>
      <c r="D2235" s="2">
        <v>0</v>
      </c>
      <c r="E2235" s="2">
        <v>97.600000000000847</v>
      </c>
    </row>
    <row r="2236" spans="1:5" x14ac:dyDescent="0.25">
      <c r="A2236" s="3">
        <v>41770.65520833333</v>
      </c>
      <c r="B2236" s="2">
        <v>22.3</v>
      </c>
      <c r="C2236" s="2">
        <v>145.19999999999999</v>
      </c>
      <c r="D2236" s="2">
        <v>0</v>
      </c>
      <c r="E2236" s="2">
        <v>97.600000000000847</v>
      </c>
    </row>
    <row r="2237" spans="1:5" x14ac:dyDescent="0.25">
      <c r="A2237" s="3">
        <v>41770.655381944445</v>
      </c>
      <c r="B2237" s="2">
        <v>22.3</v>
      </c>
      <c r="C2237" s="2">
        <v>145</v>
      </c>
      <c r="D2237" s="2">
        <v>0</v>
      </c>
      <c r="E2237" s="2">
        <v>97.600000000000847</v>
      </c>
    </row>
    <row r="2238" spans="1:5" x14ac:dyDescent="0.25">
      <c r="A2238" s="3">
        <v>41770.657638888886</v>
      </c>
      <c r="B2238" s="2">
        <v>22.3</v>
      </c>
      <c r="C2238" s="2">
        <v>145.19999999999999</v>
      </c>
      <c r="D2238" s="2">
        <v>0</v>
      </c>
      <c r="E2238" s="2">
        <v>97.600000000000847</v>
      </c>
    </row>
    <row r="2239" spans="1:5" x14ac:dyDescent="0.25">
      <c r="A2239" s="3">
        <v>41770.657696759263</v>
      </c>
      <c r="B2239" s="2">
        <v>22.3</v>
      </c>
      <c r="C2239" s="2">
        <v>145</v>
      </c>
      <c r="D2239" s="2">
        <v>0</v>
      </c>
      <c r="E2239" s="2">
        <v>97.600000000000847</v>
      </c>
    </row>
    <row r="2240" spans="1:5" x14ac:dyDescent="0.25">
      <c r="A2240" s="3">
        <v>41770.658680555556</v>
      </c>
      <c r="B2240" s="2">
        <v>22.3</v>
      </c>
      <c r="C2240" s="2">
        <v>145.19999999999999</v>
      </c>
      <c r="D2240" s="2">
        <v>0</v>
      </c>
      <c r="E2240" s="2">
        <v>97.600000000000847</v>
      </c>
    </row>
    <row r="2241" spans="1:5" x14ac:dyDescent="0.25">
      <c r="A2241" s="3">
        <v>41770.658796296295</v>
      </c>
      <c r="B2241" s="2">
        <v>22.3</v>
      </c>
      <c r="C2241" s="2">
        <v>145</v>
      </c>
      <c r="D2241" s="2">
        <v>0</v>
      </c>
      <c r="E2241" s="2">
        <v>97.600000000000847</v>
      </c>
    </row>
    <row r="2242" spans="1:5" x14ac:dyDescent="0.25">
      <c r="A2242" s="3">
        <v>41770.66741898148</v>
      </c>
      <c r="B2242" s="2">
        <v>22.2</v>
      </c>
      <c r="C2242" s="2">
        <v>144.80000000000001</v>
      </c>
      <c r="D2242" s="2">
        <v>0</v>
      </c>
      <c r="E2242" s="2">
        <v>97.600000000000847</v>
      </c>
    </row>
    <row r="2243" spans="1:5" x14ac:dyDescent="0.25">
      <c r="A2243" s="3">
        <v>41770.667534722219</v>
      </c>
      <c r="B2243" s="2">
        <v>22.3</v>
      </c>
      <c r="C2243" s="2">
        <v>145</v>
      </c>
      <c r="D2243" s="2">
        <v>0</v>
      </c>
      <c r="E2243" s="2">
        <v>97.600000000000847</v>
      </c>
    </row>
    <row r="2244" spans="1:5" x14ac:dyDescent="0.25">
      <c r="A2244" s="3">
        <v>41770.667650462965</v>
      </c>
      <c r="B2244" s="2">
        <v>22.2</v>
      </c>
      <c r="C2244" s="2">
        <v>144.80000000000001</v>
      </c>
      <c r="D2244" s="2">
        <v>0</v>
      </c>
      <c r="E2244" s="2">
        <v>97.600000000000847</v>
      </c>
    </row>
    <row r="2245" spans="1:5" x14ac:dyDescent="0.25">
      <c r="A2245" s="3">
        <v>41770.667708333334</v>
      </c>
      <c r="B2245" s="2">
        <v>22.2</v>
      </c>
      <c r="C2245" s="2">
        <v>145</v>
      </c>
      <c r="D2245" s="2">
        <v>0</v>
      </c>
      <c r="E2245" s="2">
        <v>97.600000000000847</v>
      </c>
    </row>
    <row r="2246" spans="1:5" x14ac:dyDescent="0.25">
      <c r="A2246" s="3">
        <v>41770.669212962966</v>
      </c>
      <c r="B2246" s="2">
        <v>22.3</v>
      </c>
      <c r="C2246" s="2">
        <v>144.80000000000001</v>
      </c>
      <c r="D2246" s="2">
        <v>0</v>
      </c>
      <c r="E2246" s="2">
        <v>97.600000000000847</v>
      </c>
    </row>
    <row r="2247" spans="1:5" x14ac:dyDescent="0.25">
      <c r="A2247" s="3">
        <v>41770.669560185182</v>
      </c>
      <c r="B2247" s="2">
        <v>22.3</v>
      </c>
      <c r="C2247" s="2">
        <v>145</v>
      </c>
      <c r="D2247" s="2">
        <v>0</v>
      </c>
      <c r="E2247" s="2">
        <v>97.600000000000847</v>
      </c>
    </row>
    <row r="2248" spans="1:5" x14ac:dyDescent="0.25">
      <c r="A2248" s="3">
        <v>41770.669733796298</v>
      </c>
      <c r="B2248" s="2">
        <v>22.3</v>
      </c>
      <c r="C2248" s="2">
        <v>144.80000000000001</v>
      </c>
      <c r="D2248" s="2">
        <v>0</v>
      </c>
      <c r="E2248" s="2">
        <v>97.600000000000847</v>
      </c>
    </row>
    <row r="2249" spans="1:5" x14ac:dyDescent="0.25">
      <c r="A2249" s="3">
        <v>41770.669965277775</v>
      </c>
      <c r="B2249" s="2">
        <v>22.3</v>
      </c>
      <c r="C2249" s="2">
        <v>145</v>
      </c>
      <c r="D2249" s="2">
        <v>0</v>
      </c>
      <c r="E2249" s="2">
        <v>97.600000000000847</v>
      </c>
    </row>
    <row r="2250" spans="1:5" x14ac:dyDescent="0.25">
      <c r="A2250" s="3">
        <v>41770.670023148145</v>
      </c>
      <c r="B2250" s="2">
        <v>22.2</v>
      </c>
      <c r="C2250" s="2">
        <v>144.80000000000001</v>
      </c>
      <c r="D2250" s="2">
        <v>0</v>
      </c>
      <c r="E2250" s="2">
        <v>97.600000000000847</v>
      </c>
    </row>
    <row r="2251" spans="1:5" x14ac:dyDescent="0.25">
      <c r="A2251" s="3">
        <v>41770.67291666667</v>
      </c>
      <c r="B2251" s="2">
        <v>22.3</v>
      </c>
      <c r="C2251" s="2">
        <v>145</v>
      </c>
      <c r="D2251" s="2">
        <v>0</v>
      </c>
      <c r="E2251" s="2">
        <v>97.600000000000847</v>
      </c>
    </row>
    <row r="2252" spans="1:5" x14ac:dyDescent="0.25">
      <c r="A2252" s="3">
        <v>41770.673032407409</v>
      </c>
      <c r="B2252" s="2">
        <v>22.3</v>
      </c>
      <c r="C2252" s="2">
        <v>144.80000000000001</v>
      </c>
      <c r="D2252" s="2">
        <v>0</v>
      </c>
      <c r="E2252" s="2">
        <v>97.600000000000847</v>
      </c>
    </row>
    <row r="2253" spans="1:5" x14ac:dyDescent="0.25">
      <c r="A2253" s="3">
        <v>41770.673321759263</v>
      </c>
      <c r="B2253" s="2">
        <v>22.3</v>
      </c>
      <c r="C2253" s="2">
        <v>145</v>
      </c>
      <c r="D2253" s="2">
        <v>0</v>
      </c>
      <c r="E2253" s="2">
        <v>97.600000000000847</v>
      </c>
    </row>
    <row r="2254" spans="1:5" x14ac:dyDescent="0.25">
      <c r="A2254" s="3">
        <v>41770.673379629632</v>
      </c>
      <c r="B2254" s="2">
        <v>22.3</v>
      </c>
      <c r="C2254" s="2">
        <v>144.80000000000001</v>
      </c>
      <c r="D2254" s="2">
        <v>0</v>
      </c>
      <c r="E2254" s="2">
        <v>97.600000000000847</v>
      </c>
    </row>
    <row r="2255" spans="1:5" x14ac:dyDescent="0.25">
      <c r="A2255" s="3">
        <v>41770.679629629631</v>
      </c>
      <c r="B2255" s="2">
        <v>22.1</v>
      </c>
      <c r="C2255" s="2">
        <v>145</v>
      </c>
      <c r="D2255" s="2">
        <v>0</v>
      </c>
      <c r="E2255" s="2">
        <v>97.600000000000847</v>
      </c>
    </row>
    <row r="2256" spans="1:5" x14ac:dyDescent="0.25">
      <c r="A2256" s="3">
        <v>41770.6796875</v>
      </c>
      <c r="B2256" s="2">
        <v>22.1</v>
      </c>
      <c r="C2256" s="2">
        <v>144.80000000000001</v>
      </c>
      <c r="D2256" s="2">
        <v>0</v>
      </c>
      <c r="E2256" s="2">
        <v>97.600000000000847</v>
      </c>
    </row>
    <row r="2257" spans="1:5" x14ac:dyDescent="0.25">
      <c r="A2257" s="3">
        <v>41770.68136574074</v>
      </c>
      <c r="B2257" s="2">
        <v>22.1</v>
      </c>
      <c r="C2257" s="2">
        <v>145</v>
      </c>
      <c r="D2257" s="2">
        <v>0</v>
      </c>
      <c r="E2257" s="2">
        <v>97.600000000000847</v>
      </c>
    </row>
    <row r="2258" spans="1:5" x14ac:dyDescent="0.25">
      <c r="A2258" s="3">
        <v>41770.681597222225</v>
      </c>
      <c r="B2258" s="2">
        <v>22.1</v>
      </c>
      <c r="C2258" s="2">
        <v>144.80000000000001</v>
      </c>
      <c r="D2258" s="2">
        <v>0</v>
      </c>
      <c r="E2258" s="2">
        <v>97.600000000000847</v>
      </c>
    </row>
    <row r="2259" spans="1:5" x14ac:dyDescent="0.25">
      <c r="A2259" s="3">
        <v>41770.682638888888</v>
      </c>
      <c r="B2259" s="2">
        <v>22.1</v>
      </c>
      <c r="C2259" s="2">
        <v>145</v>
      </c>
      <c r="D2259" s="2">
        <v>0</v>
      </c>
      <c r="E2259" s="2">
        <v>97.600000000000847</v>
      </c>
    </row>
    <row r="2260" spans="1:5" x14ac:dyDescent="0.25">
      <c r="A2260" s="3">
        <v>41770.682754629626</v>
      </c>
      <c r="B2260" s="2">
        <v>22.1</v>
      </c>
      <c r="C2260" s="2">
        <v>144.80000000000001</v>
      </c>
      <c r="D2260" s="2">
        <v>0</v>
      </c>
      <c r="E2260" s="2">
        <v>97.600000000000847</v>
      </c>
    </row>
    <row r="2261" spans="1:5" x14ac:dyDescent="0.25">
      <c r="A2261" s="3">
        <v>41770.684317129628</v>
      </c>
      <c r="B2261" s="2">
        <v>22.1</v>
      </c>
      <c r="C2261" s="2">
        <v>145</v>
      </c>
      <c r="D2261" s="2">
        <v>0</v>
      </c>
      <c r="E2261" s="2">
        <v>97.600000000000847</v>
      </c>
    </row>
    <row r="2262" spans="1:5" x14ac:dyDescent="0.25">
      <c r="A2262" s="3">
        <v>41770.684432870374</v>
      </c>
      <c r="B2262" s="2">
        <v>22.1</v>
      </c>
      <c r="C2262" s="2">
        <v>144.80000000000001</v>
      </c>
      <c r="D2262" s="2">
        <v>0</v>
      </c>
      <c r="E2262" s="2">
        <v>97.600000000000847</v>
      </c>
    </row>
    <row r="2263" spans="1:5" x14ac:dyDescent="0.25">
      <c r="A2263" s="3">
        <v>41770.684490740743</v>
      </c>
      <c r="B2263" s="2">
        <v>22.1</v>
      </c>
      <c r="C2263" s="2">
        <v>145</v>
      </c>
      <c r="D2263" s="2">
        <v>0</v>
      </c>
      <c r="E2263" s="2">
        <v>97.600000000000847</v>
      </c>
    </row>
    <row r="2264" spans="1:5" x14ac:dyDescent="0.25">
      <c r="A2264" s="3">
        <v>41770.684664351851</v>
      </c>
      <c r="B2264" s="2">
        <v>22.1</v>
      </c>
      <c r="C2264" s="2">
        <v>144.80000000000001</v>
      </c>
      <c r="D2264" s="2">
        <v>0</v>
      </c>
      <c r="E2264" s="2">
        <v>97.600000000000847</v>
      </c>
    </row>
    <row r="2265" spans="1:5" x14ac:dyDescent="0.25">
      <c r="A2265" s="3">
        <v>41770.68582175926</v>
      </c>
      <c r="B2265" s="2">
        <v>22.2</v>
      </c>
      <c r="C2265" s="2">
        <v>145</v>
      </c>
      <c r="D2265" s="2">
        <v>0</v>
      </c>
      <c r="E2265" s="2">
        <v>97.600000000000847</v>
      </c>
    </row>
    <row r="2266" spans="1:5" x14ac:dyDescent="0.25">
      <c r="A2266" s="3">
        <v>41770.686053240737</v>
      </c>
      <c r="B2266" s="2">
        <v>22.2</v>
      </c>
      <c r="C2266" s="2">
        <v>144.80000000000001</v>
      </c>
      <c r="D2266" s="2">
        <v>0</v>
      </c>
      <c r="E2266" s="2">
        <v>97.600000000000847</v>
      </c>
    </row>
    <row r="2267" spans="1:5" x14ac:dyDescent="0.25">
      <c r="A2267" s="3">
        <v>41770.700173611112</v>
      </c>
      <c r="B2267" s="2">
        <v>21.9</v>
      </c>
      <c r="C2267" s="2">
        <v>144.6</v>
      </c>
      <c r="D2267" s="2">
        <v>0</v>
      </c>
      <c r="E2267" s="2">
        <v>97.600000000000847</v>
      </c>
    </row>
    <row r="2268" spans="1:5" x14ac:dyDescent="0.25">
      <c r="A2268" s="3">
        <v>41770.700231481482</v>
      </c>
      <c r="B2268" s="2">
        <v>21.8</v>
      </c>
      <c r="C2268" s="2">
        <v>144.80000000000001</v>
      </c>
      <c r="D2268" s="2">
        <v>0</v>
      </c>
      <c r="E2268" s="2">
        <v>97.600000000000847</v>
      </c>
    </row>
    <row r="2269" spans="1:5" x14ac:dyDescent="0.25">
      <c r="A2269" s="3">
        <v>41770.702951388892</v>
      </c>
      <c r="B2269" s="2">
        <v>21.8</v>
      </c>
      <c r="C2269" s="2">
        <v>144.6</v>
      </c>
      <c r="D2269" s="2">
        <v>0</v>
      </c>
      <c r="E2269" s="2">
        <v>97.600000000000847</v>
      </c>
    </row>
    <row r="2270" spans="1:5" x14ac:dyDescent="0.25">
      <c r="A2270" s="3">
        <v>41770.704976851855</v>
      </c>
      <c r="B2270" s="2">
        <v>21.9</v>
      </c>
      <c r="C2270" s="2">
        <v>144.80000000000001</v>
      </c>
      <c r="D2270" s="2">
        <v>0</v>
      </c>
      <c r="E2270" s="2">
        <v>97.600000000000847</v>
      </c>
    </row>
    <row r="2271" spans="1:5" x14ac:dyDescent="0.25">
      <c r="A2271" s="3">
        <v>41770.705208333333</v>
      </c>
      <c r="B2271" s="2">
        <v>21.9</v>
      </c>
      <c r="C2271" s="2">
        <v>144.6</v>
      </c>
      <c r="D2271" s="2">
        <v>0</v>
      </c>
      <c r="E2271" s="2">
        <v>97.600000000000847</v>
      </c>
    </row>
    <row r="2272" spans="1:5" x14ac:dyDescent="0.25">
      <c r="A2272" s="3">
        <v>41770.707407407404</v>
      </c>
      <c r="B2272" s="2">
        <v>21.7</v>
      </c>
      <c r="C2272" s="2">
        <v>144.80000000000001</v>
      </c>
      <c r="D2272" s="2">
        <v>0</v>
      </c>
      <c r="E2272" s="2">
        <v>97.600000000000847</v>
      </c>
    </row>
    <row r="2273" spans="1:5" x14ac:dyDescent="0.25">
      <c r="A2273" s="3">
        <v>41770.70758101852</v>
      </c>
      <c r="B2273" s="2">
        <v>21.7</v>
      </c>
      <c r="C2273" s="2">
        <v>144.6</v>
      </c>
      <c r="D2273" s="2">
        <v>0</v>
      </c>
      <c r="E2273" s="2">
        <v>97.600000000000847</v>
      </c>
    </row>
    <row r="2274" spans="1:5" x14ac:dyDescent="0.25">
      <c r="A2274" s="3">
        <v>41770.70925925926</v>
      </c>
      <c r="B2274" s="2">
        <v>21.8</v>
      </c>
      <c r="C2274" s="2">
        <v>144.80000000000001</v>
      </c>
      <c r="D2274" s="2">
        <v>0</v>
      </c>
      <c r="E2274" s="2">
        <v>97.600000000000847</v>
      </c>
    </row>
    <row r="2275" spans="1:5" x14ac:dyDescent="0.25">
      <c r="A2275" s="3">
        <v>41770.709432870368</v>
      </c>
      <c r="B2275" s="2">
        <v>21.8</v>
      </c>
      <c r="C2275" s="2">
        <v>144.6</v>
      </c>
      <c r="D2275" s="2">
        <v>0</v>
      </c>
      <c r="E2275" s="2">
        <v>97.600000000000847</v>
      </c>
    </row>
    <row r="2276" spans="1:5" x14ac:dyDescent="0.25">
      <c r="A2276" s="3">
        <v>41770.709722222222</v>
      </c>
      <c r="B2276" s="2">
        <v>21.8</v>
      </c>
      <c r="C2276" s="2">
        <v>144.80000000000001</v>
      </c>
      <c r="D2276" s="2">
        <v>0</v>
      </c>
      <c r="E2276" s="2">
        <v>97.600000000000847</v>
      </c>
    </row>
    <row r="2277" spans="1:5" x14ac:dyDescent="0.25">
      <c r="A2277" s="3">
        <v>41770.710243055553</v>
      </c>
      <c r="B2277" s="2">
        <v>21.7</v>
      </c>
      <c r="C2277" s="2">
        <v>144.6</v>
      </c>
      <c r="D2277" s="2">
        <v>0</v>
      </c>
      <c r="E2277" s="2">
        <v>97.600000000000847</v>
      </c>
    </row>
    <row r="2278" spans="1:5" x14ac:dyDescent="0.25">
      <c r="A2278" s="3">
        <v>41770.711053240739</v>
      </c>
      <c r="B2278" s="2">
        <v>21.8</v>
      </c>
      <c r="C2278" s="2">
        <v>144.80000000000001</v>
      </c>
      <c r="D2278" s="2">
        <v>0</v>
      </c>
      <c r="E2278" s="2">
        <v>97.600000000000847</v>
      </c>
    </row>
    <row r="2279" spans="1:5" x14ac:dyDescent="0.25">
      <c r="A2279" s="3">
        <v>41770.711168981485</v>
      </c>
      <c r="B2279" s="2">
        <v>21.8</v>
      </c>
      <c r="C2279" s="2">
        <v>144.6</v>
      </c>
      <c r="D2279" s="2">
        <v>0</v>
      </c>
      <c r="E2279" s="2">
        <v>97.600000000000847</v>
      </c>
    </row>
    <row r="2280" spans="1:5" x14ac:dyDescent="0.25">
      <c r="A2280" s="3">
        <v>41770.761921296296</v>
      </c>
      <c r="B2280" s="2">
        <v>20.8</v>
      </c>
      <c r="C2280" s="2">
        <v>144.4</v>
      </c>
      <c r="D2280" s="2">
        <v>0</v>
      </c>
      <c r="E2280" s="2">
        <v>97.600000000000847</v>
      </c>
    </row>
    <row r="2281" spans="1:5" x14ac:dyDescent="0.25">
      <c r="A2281" s="3">
        <v>41770.76284722222</v>
      </c>
      <c r="B2281" s="2">
        <v>20.8</v>
      </c>
      <c r="C2281" s="2">
        <v>144.6</v>
      </c>
      <c r="D2281" s="2">
        <v>0</v>
      </c>
      <c r="E2281" s="2">
        <v>97.600000000000847</v>
      </c>
    </row>
    <row r="2282" spans="1:5" x14ac:dyDescent="0.25">
      <c r="A2282" s="3">
        <v>41770.76290509259</v>
      </c>
      <c r="B2282" s="2">
        <v>20.8</v>
      </c>
      <c r="C2282" s="2">
        <v>144.4</v>
      </c>
      <c r="D2282" s="2">
        <v>0</v>
      </c>
      <c r="E2282" s="2">
        <v>97.600000000000847</v>
      </c>
    </row>
    <row r="2283" spans="1:5" x14ac:dyDescent="0.25">
      <c r="A2283" s="3">
        <v>41770.765451388892</v>
      </c>
      <c r="B2283" s="2">
        <v>20.7</v>
      </c>
      <c r="C2283" s="2">
        <v>144.6</v>
      </c>
      <c r="D2283" s="2">
        <v>0</v>
      </c>
      <c r="E2283" s="2">
        <v>97.600000000000847</v>
      </c>
    </row>
    <row r="2284" spans="1:5" x14ac:dyDescent="0.25">
      <c r="A2284" s="3">
        <v>41770.765682870369</v>
      </c>
      <c r="B2284" s="2">
        <v>20.7</v>
      </c>
      <c r="C2284" s="2">
        <v>144.4</v>
      </c>
      <c r="D2284" s="2">
        <v>0</v>
      </c>
      <c r="E2284" s="2">
        <v>97.600000000000847</v>
      </c>
    </row>
    <row r="2285" spans="1:5" x14ac:dyDescent="0.25">
      <c r="A2285" s="3">
        <v>41770.767361111109</v>
      </c>
      <c r="B2285" s="2">
        <v>20.7</v>
      </c>
      <c r="C2285" s="2">
        <v>144.6</v>
      </c>
      <c r="D2285" s="2">
        <v>0</v>
      </c>
      <c r="E2285" s="2">
        <v>97.600000000000847</v>
      </c>
    </row>
    <row r="2286" spans="1:5" x14ac:dyDescent="0.25">
      <c r="A2286" s="3">
        <v>41770.767476851855</v>
      </c>
      <c r="B2286" s="2">
        <v>20.7</v>
      </c>
      <c r="C2286" s="2">
        <v>144.4</v>
      </c>
      <c r="D2286" s="2">
        <v>0</v>
      </c>
      <c r="E2286" s="2">
        <v>97.600000000000847</v>
      </c>
    </row>
    <row r="2287" spans="1:5" x14ac:dyDescent="0.25">
      <c r="A2287" s="3">
        <v>41770.77008101852</v>
      </c>
      <c r="B2287" s="2">
        <v>20.7</v>
      </c>
      <c r="C2287" s="2">
        <v>144.6</v>
      </c>
      <c r="D2287" s="2">
        <v>0</v>
      </c>
      <c r="E2287" s="2">
        <v>97.600000000000847</v>
      </c>
    </row>
    <row r="2288" spans="1:5" x14ac:dyDescent="0.25">
      <c r="A2288" s="3">
        <v>41770.770138888889</v>
      </c>
      <c r="B2288" s="2">
        <v>20.7</v>
      </c>
      <c r="C2288" s="2">
        <v>144.4</v>
      </c>
      <c r="D2288" s="2">
        <v>0</v>
      </c>
      <c r="E2288" s="2">
        <v>97.600000000000847</v>
      </c>
    </row>
    <row r="2289" spans="1:5" x14ac:dyDescent="0.25">
      <c r="A2289" s="3">
        <v>41770.828703703701</v>
      </c>
      <c r="B2289" s="2">
        <v>19.600000000000001</v>
      </c>
      <c r="C2289" s="2">
        <v>144.19999999999999</v>
      </c>
      <c r="D2289" s="2">
        <v>0</v>
      </c>
      <c r="E2289" s="2">
        <v>97.600000000000847</v>
      </c>
    </row>
    <row r="2290" spans="1:5" x14ac:dyDescent="0.25">
      <c r="A2290" s="3">
        <v>41770.829456018517</v>
      </c>
      <c r="B2290" s="2">
        <v>19.600000000000001</v>
      </c>
      <c r="C2290" s="2">
        <v>144.4</v>
      </c>
      <c r="D2290" s="2">
        <v>0</v>
      </c>
      <c r="E2290" s="2">
        <v>97.600000000000847</v>
      </c>
    </row>
    <row r="2291" spans="1:5" x14ac:dyDescent="0.25">
      <c r="A2291" s="3">
        <v>41770.829629629632</v>
      </c>
      <c r="B2291" s="2">
        <v>19.5</v>
      </c>
      <c r="C2291" s="2">
        <v>144.19999999999999</v>
      </c>
      <c r="D2291" s="2">
        <v>0</v>
      </c>
      <c r="E2291" s="2">
        <v>97.600000000000847</v>
      </c>
    </row>
    <row r="2292" spans="1:5" x14ac:dyDescent="0.25">
      <c r="A2292" s="3">
        <v>41770.831018518518</v>
      </c>
      <c r="B2292" s="2">
        <v>19.5</v>
      </c>
      <c r="C2292" s="2">
        <v>144.4</v>
      </c>
      <c r="D2292" s="2">
        <v>0</v>
      </c>
      <c r="E2292" s="2">
        <v>97.600000000000847</v>
      </c>
    </row>
    <row r="2293" spans="1:5" x14ac:dyDescent="0.25">
      <c r="A2293" s="3">
        <v>41770.831134259257</v>
      </c>
      <c r="B2293" s="2">
        <v>19.5</v>
      </c>
      <c r="C2293" s="2">
        <v>144.19999999999999</v>
      </c>
      <c r="D2293" s="2">
        <v>0</v>
      </c>
      <c r="E2293" s="2">
        <v>97.600000000000847</v>
      </c>
    </row>
    <row r="2294" spans="1:5" x14ac:dyDescent="0.25">
      <c r="A2294" s="3">
        <v>41770.831655092596</v>
      </c>
      <c r="B2294" s="2">
        <v>19.5</v>
      </c>
      <c r="C2294" s="2">
        <v>144.4</v>
      </c>
      <c r="D2294" s="2">
        <v>0</v>
      </c>
      <c r="E2294" s="2">
        <v>97.600000000000847</v>
      </c>
    </row>
    <row r="2295" spans="1:5" x14ac:dyDescent="0.25">
      <c r="A2295" s="3">
        <v>41770.831770833334</v>
      </c>
      <c r="B2295" s="2">
        <v>19.5</v>
      </c>
      <c r="C2295" s="2">
        <v>144.6</v>
      </c>
      <c r="D2295" s="2">
        <v>0</v>
      </c>
      <c r="E2295" s="2">
        <v>97.600000000000847</v>
      </c>
    </row>
    <row r="2296" spans="1:5" x14ac:dyDescent="0.25">
      <c r="A2296" s="3">
        <v>41770.831944444442</v>
      </c>
      <c r="B2296" s="2">
        <v>19.5</v>
      </c>
      <c r="C2296" s="2">
        <v>144.4</v>
      </c>
      <c r="D2296" s="2">
        <v>0</v>
      </c>
      <c r="E2296" s="2">
        <v>97.600000000000847</v>
      </c>
    </row>
    <row r="2297" spans="1:5" x14ac:dyDescent="0.25">
      <c r="A2297" s="3">
        <v>41770.832060185188</v>
      </c>
      <c r="B2297" s="2">
        <v>19.5</v>
      </c>
      <c r="C2297" s="2">
        <v>144.19999999999999</v>
      </c>
      <c r="D2297" s="2">
        <v>0</v>
      </c>
      <c r="E2297" s="2">
        <v>97.600000000000847</v>
      </c>
    </row>
    <row r="2298" spans="1:5" x14ac:dyDescent="0.25">
      <c r="A2298" s="3">
        <v>41770.835763888892</v>
      </c>
      <c r="B2298" s="2">
        <v>19.2</v>
      </c>
      <c r="C2298" s="2">
        <v>144.4</v>
      </c>
      <c r="D2298" s="2">
        <v>0</v>
      </c>
      <c r="E2298" s="2">
        <v>97.600000000000847</v>
      </c>
    </row>
    <row r="2299" spans="1:5" x14ac:dyDescent="0.25">
      <c r="A2299" s="3">
        <v>41770.836053240739</v>
      </c>
      <c r="B2299" s="2">
        <v>19.2</v>
      </c>
      <c r="C2299" s="2">
        <v>144.19999999999999</v>
      </c>
      <c r="D2299" s="2">
        <v>0</v>
      </c>
      <c r="E2299" s="2">
        <v>97.600000000000847</v>
      </c>
    </row>
    <row r="2300" spans="1:5" x14ac:dyDescent="0.25">
      <c r="A2300" s="3">
        <v>41770.836168981485</v>
      </c>
      <c r="B2300" s="2">
        <v>19.2</v>
      </c>
      <c r="C2300" s="2">
        <v>144.4</v>
      </c>
      <c r="D2300" s="2">
        <v>0</v>
      </c>
      <c r="E2300" s="2">
        <v>97.600000000000847</v>
      </c>
    </row>
    <row r="2301" spans="1:5" x14ac:dyDescent="0.25">
      <c r="A2301" s="3">
        <v>41770.836284722223</v>
      </c>
      <c r="B2301" s="2">
        <v>19.2</v>
      </c>
      <c r="C2301" s="2">
        <v>144.19999999999999</v>
      </c>
      <c r="D2301" s="2">
        <v>0</v>
      </c>
      <c r="E2301" s="2">
        <v>97.600000000000847</v>
      </c>
    </row>
    <row r="2302" spans="1:5" x14ac:dyDescent="0.25">
      <c r="A2302" s="3">
        <v>41770.83697916667</v>
      </c>
      <c r="B2302" s="2">
        <v>19.100000000000001</v>
      </c>
      <c r="C2302" s="2">
        <v>144.4</v>
      </c>
      <c r="D2302" s="2">
        <v>0</v>
      </c>
      <c r="E2302" s="2">
        <v>97.600000000000847</v>
      </c>
    </row>
    <row r="2303" spans="1:5" x14ac:dyDescent="0.25">
      <c r="A2303" s="3">
        <v>41770.837210648147</v>
      </c>
      <c r="B2303" s="2">
        <v>19.100000000000001</v>
      </c>
      <c r="C2303" s="2">
        <v>144.19999999999999</v>
      </c>
      <c r="D2303" s="2">
        <v>0</v>
      </c>
      <c r="E2303" s="2">
        <v>97.600000000000847</v>
      </c>
    </row>
    <row r="2304" spans="1:5" x14ac:dyDescent="0.25">
      <c r="A2304" s="3">
        <v>41770.837789351855</v>
      </c>
      <c r="B2304" s="2">
        <v>19</v>
      </c>
      <c r="C2304" s="2">
        <v>144.4</v>
      </c>
      <c r="D2304" s="2">
        <v>0</v>
      </c>
      <c r="E2304" s="2">
        <v>97.600000000000847</v>
      </c>
    </row>
    <row r="2305" spans="1:5" x14ac:dyDescent="0.25">
      <c r="A2305" s="3">
        <v>41770.837847222225</v>
      </c>
      <c r="B2305" s="2">
        <v>19</v>
      </c>
      <c r="C2305" s="2">
        <v>144.19999999999999</v>
      </c>
      <c r="D2305" s="2">
        <v>0</v>
      </c>
      <c r="E2305" s="2">
        <v>97.600000000000847</v>
      </c>
    </row>
    <row r="2306" spans="1:5" x14ac:dyDescent="0.25">
      <c r="A2306" s="3">
        <v>41770.839062500003</v>
      </c>
      <c r="B2306" s="2">
        <v>18.899999999999999</v>
      </c>
      <c r="C2306" s="2">
        <v>144.4</v>
      </c>
      <c r="D2306" s="2">
        <v>0</v>
      </c>
      <c r="E2306" s="2">
        <v>97.600000000000847</v>
      </c>
    </row>
    <row r="2307" spans="1:5" x14ac:dyDescent="0.25">
      <c r="A2307" s="3">
        <v>41770.83935185185</v>
      </c>
      <c r="B2307" s="2">
        <v>18.8</v>
      </c>
      <c r="C2307" s="2">
        <v>144.19999999999999</v>
      </c>
      <c r="D2307" s="2">
        <v>0</v>
      </c>
      <c r="E2307" s="2">
        <v>97.600000000000847</v>
      </c>
    </row>
    <row r="2308" spans="1:5" x14ac:dyDescent="0.25">
      <c r="A2308" s="3">
        <v>41770.839525462965</v>
      </c>
      <c r="B2308" s="2">
        <v>18.7</v>
      </c>
      <c r="C2308" s="2">
        <v>144.4</v>
      </c>
      <c r="D2308" s="2">
        <v>0</v>
      </c>
      <c r="E2308" s="2">
        <v>97.600000000000847</v>
      </c>
    </row>
    <row r="2309" spans="1:5" x14ac:dyDescent="0.25">
      <c r="A2309" s="3">
        <v>41770.840162037035</v>
      </c>
      <c r="B2309" s="2">
        <v>18.600000000000001</v>
      </c>
      <c r="C2309" s="2">
        <v>144.6</v>
      </c>
      <c r="D2309" s="2">
        <v>0</v>
      </c>
      <c r="E2309" s="2">
        <v>97.600000000000847</v>
      </c>
    </row>
    <row r="2310" spans="1:5" x14ac:dyDescent="0.25">
      <c r="A2310" s="3">
        <v>41770.840567129628</v>
      </c>
      <c r="B2310" s="2">
        <v>18.600000000000001</v>
      </c>
      <c r="C2310" s="2">
        <v>144.4</v>
      </c>
      <c r="D2310" s="2">
        <v>0</v>
      </c>
      <c r="E2310" s="2">
        <v>97.600000000000847</v>
      </c>
    </row>
    <row r="2311" spans="1:5" x14ac:dyDescent="0.25">
      <c r="A2311" s="3">
        <v>41770.841782407406</v>
      </c>
      <c r="B2311" s="2">
        <v>18.399999999999999</v>
      </c>
      <c r="C2311" s="2">
        <v>144.6</v>
      </c>
      <c r="D2311" s="2">
        <v>0</v>
      </c>
      <c r="E2311" s="2">
        <v>97.600000000000847</v>
      </c>
    </row>
    <row r="2312" spans="1:5" x14ac:dyDescent="0.25">
      <c r="A2312" s="3">
        <v>41770.842303240737</v>
      </c>
      <c r="B2312" s="2">
        <v>18.399999999999999</v>
      </c>
      <c r="C2312" s="2">
        <v>144.4</v>
      </c>
      <c r="D2312" s="2">
        <v>0</v>
      </c>
      <c r="E2312" s="2">
        <v>97.600000000000847</v>
      </c>
    </row>
    <row r="2313" spans="1:5" x14ac:dyDescent="0.25">
      <c r="A2313" s="3">
        <v>41770.84375</v>
      </c>
      <c r="B2313" s="2">
        <v>18.2</v>
      </c>
      <c r="C2313" s="2">
        <v>144.6</v>
      </c>
      <c r="D2313" s="2">
        <v>0</v>
      </c>
      <c r="E2313" s="2">
        <v>97.600000000000847</v>
      </c>
    </row>
    <row r="2314" spans="1:5" x14ac:dyDescent="0.25">
      <c r="A2314" s="3">
        <v>41770.843981481485</v>
      </c>
      <c r="B2314" s="2">
        <v>18.2</v>
      </c>
      <c r="C2314" s="2">
        <v>144.4</v>
      </c>
      <c r="D2314" s="2">
        <v>0</v>
      </c>
      <c r="E2314" s="2">
        <v>97.600000000000847</v>
      </c>
    </row>
    <row r="2315" spans="1:5" x14ac:dyDescent="0.25">
      <c r="A2315" s="3">
        <v>41770.846759259257</v>
      </c>
      <c r="B2315" s="2">
        <v>18</v>
      </c>
      <c r="C2315" s="2">
        <v>144.4</v>
      </c>
      <c r="D2315" s="2">
        <v>0.2</v>
      </c>
      <c r="E2315" s="2">
        <v>97.80000000000085</v>
      </c>
    </row>
    <row r="2316" spans="1:5" x14ac:dyDescent="0.25">
      <c r="A2316" s="3">
        <v>41770.846875000003</v>
      </c>
      <c r="B2316" s="2">
        <v>18</v>
      </c>
      <c r="C2316" s="2">
        <v>144.6</v>
      </c>
      <c r="D2316" s="2">
        <v>0</v>
      </c>
      <c r="E2316" s="2">
        <v>97.80000000000085</v>
      </c>
    </row>
    <row r="2317" spans="1:5" x14ac:dyDescent="0.25">
      <c r="A2317" s="3">
        <v>41770.84716435185</v>
      </c>
      <c r="B2317" s="2">
        <v>17.899999999999999</v>
      </c>
      <c r="C2317" s="2">
        <v>144.4</v>
      </c>
      <c r="D2317" s="2">
        <v>0</v>
      </c>
      <c r="E2317" s="2">
        <v>97.80000000000085</v>
      </c>
    </row>
    <row r="2318" spans="1:5" x14ac:dyDescent="0.25">
      <c r="A2318" s="3">
        <v>41770.847222222219</v>
      </c>
      <c r="B2318" s="2">
        <v>17.899999999999999</v>
      </c>
      <c r="C2318" s="2">
        <v>144.6</v>
      </c>
      <c r="D2318" s="2">
        <v>0</v>
      </c>
      <c r="E2318" s="2">
        <v>97.80000000000085</v>
      </c>
    </row>
    <row r="2319" spans="1:5" x14ac:dyDescent="0.25">
      <c r="A2319" s="3">
        <v>41770.847395833334</v>
      </c>
      <c r="B2319" s="2">
        <v>17.899999999999999</v>
      </c>
      <c r="C2319" s="2">
        <v>144.6</v>
      </c>
      <c r="D2319" s="2">
        <v>0.2</v>
      </c>
      <c r="E2319" s="2">
        <v>98.000000000000853</v>
      </c>
    </row>
    <row r="2320" spans="1:5" x14ac:dyDescent="0.25">
      <c r="A2320" s="3">
        <v>41770.847569444442</v>
      </c>
      <c r="B2320" s="2">
        <v>17.8</v>
      </c>
      <c r="C2320" s="2">
        <v>144.6</v>
      </c>
      <c r="D2320" s="2">
        <v>0.2</v>
      </c>
      <c r="E2320" s="2">
        <v>98.200000000000855</v>
      </c>
    </row>
    <row r="2321" spans="1:5" x14ac:dyDescent="0.25">
      <c r="A2321" s="3">
        <v>41770.847743055558</v>
      </c>
      <c r="B2321" s="2">
        <v>17.7</v>
      </c>
      <c r="C2321" s="2">
        <v>144.80000000000001</v>
      </c>
      <c r="D2321" s="2">
        <v>0.2</v>
      </c>
      <c r="E2321" s="2">
        <v>98.400000000000858</v>
      </c>
    </row>
    <row r="2322" spans="1:5" x14ac:dyDescent="0.25">
      <c r="A2322" s="3">
        <v>41770.847916666666</v>
      </c>
      <c r="B2322" s="2">
        <v>17.7</v>
      </c>
      <c r="C2322" s="2">
        <v>145</v>
      </c>
      <c r="D2322" s="2">
        <v>0.2</v>
      </c>
      <c r="E2322" s="2">
        <v>98.600000000000861</v>
      </c>
    </row>
    <row r="2323" spans="1:5" x14ac:dyDescent="0.25">
      <c r="A2323" s="3">
        <v>41770.848090277781</v>
      </c>
      <c r="B2323" s="2">
        <v>17.5</v>
      </c>
      <c r="C2323" s="2">
        <v>145.19999999999999</v>
      </c>
      <c r="D2323" s="2">
        <v>0</v>
      </c>
      <c r="E2323" s="2">
        <v>98.600000000000861</v>
      </c>
    </row>
    <row r="2324" spans="1:5" x14ac:dyDescent="0.25">
      <c r="A2324" s="3">
        <v>41770.84820601852</v>
      </c>
      <c r="B2324" s="2">
        <v>17.5</v>
      </c>
      <c r="C2324" s="2">
        <v>145.19999999999999</v>
      </c>
      <c r="D2324" s="2">
        <v>0.2</v>
      </c>
      <c r="E2324" s="2">
        <v>98.800000000000864</v>
      </c>
    </row>
    <row r="2325" spans="1:5" x14ac:dyDescent="0.25">
      <c r="A2325" s="3">
        <v>41770.848321759258</v>
      </c>
      <c r="B2325" s="2">
        <v>17.600000000000001</v>
      </c>
      <c r="C2325" s="2">
        <v>145.4</v>
      </c>
      <c r="D2325" s="2">
        <v>0</v>
      </c>
      <c r="E2325" s="2">
        <v>98.800000000000864</v>
      </c>
    </row>
    <row r="2326" spans="1:5" x14ac:dyDescent="0.25">
      <c r="A2326" s="3">
        <v>41770.848495370374</v>
      </c>
      <c r="B2326" s="2">
        <v>17.7</v>
      </c>
      <c r="C2326" s="2">
        <v>145.6</v>
      </c>
      <c r="D2326" s="2">
        <v>0</v>
      </c>
      <c r="E2326" s="2">
        <v>98.800000000000864</v>
      </c>
    </row>
    <row r="2327" spans="1:5" x14ac:dyDescent="0.25">
      <c r="A2327" s="3">
        <v>41770.848553240743</v>
      </c>
      <c r="B2327" s="2">
        <v>17.7</v>
      </c>
      <c r="C2327" s="2">
        <v>145.6</v>
      </c>
      <c r="D2327" s="2">
        <v>0.2</v>
      </c>
      <c r="E2327" s="2">
        <v>99.000000000000867</v>
      </c>
    </row>
    <row r="2328" spans="1:5" x14ac:dyDescent="0.25">
      <c r="A2328" s="3">
        <v>41770.848611111112</v>
      </c>
      <c r="B2328" s="2">
        <v>17.8</v>
      </c>
      <c r="C2328" s="2">
        <v>145.80000000000001</v>
      </c>
      <c r="D2328" s="2">
        <v>0</v>
      </c>
      <c r="E2328" s="2">
        <v>99.000000000000867</v>
      </c>
    </row>
    <row r="2329" spans="1:5" x14ac:dyDescent="0.25">
      <c r="A2329" s="3">
        <v>41770.849247685182</v>
      </c>
      <c r="B2329" s="2">
        <v>17.7</v>
      </c>
      <c r="C2329" s="2">
        <v>145.80000000000001</v>
      </c>
      <c r="D2329" s="2">
        <v>0.2</v>
      </c>
      <c r="E2329" s="2">
        <v>99.20000000000087</v>
      </c>
    </row>
    <row r="2330" spans="1:5" x14ac:dyDescent="0.25">
      <c r="A2330" s="3">
        <v>41770.849652777775</v>
      </c>
      <c r="B2330" s="2">
        <v>17.5</v>
      </c>
      <c r="C2330" s="2">
        <v>146</v>
      </c>
      <c r="D2330" s="2">
        <v>0</v>
      </c>
      <c r="E2330" s="2">
        <v>99.20000000000087</v>
      </c>
    </row>
    <row r="2331" spans="1:5" x14ac:dyDescent="0.25">
      <c r="A2331" s="3">
        <v>41770.850810185184</v>
      </c>
      <c r="B2331" s="2">
        <v>17.399999999999999</v>
      </c>
      <c r="C2331" s="2">
        <v>146.19999999999999</v>
      </c>
      <c r="D2331" s="2">
        <v>0</v>
      </c>
      <c r="E2331" s="2">
        <v>99.20000000000087</v>
      </c>
    </row>
    <row r="2332" spans="1:5" x14ac:dyDescent="0.25">
      <c r="A2332" s="3">
        <v>41770.850983796299</v>
      </c>
      <c r="B2332" s="2">
        <v>17.399999999999999</v>
      </c>
      <c r="C2332" s="2">
        <v>146.19999999999999</v>
      </c>
      <c r="D2332" s="2">
        <v>0.2</v>
      </c>
      <c r="E2332" s="2">
        <v>99.400000000000873</v>
      </c>
    </row>
    <row r="2333" spans="1:5" x14ac:dyDescent="0.25">
      <c r="A2333" s="3">
        <v>41770.85491898148</v>
      </c>
      <c r="B2333" s="2">
        <v>17</v>
      </c>
      <c r="C2333" s="2">
        <v>146.4</v>
      </c>
      <c r="D2333" s="2">
        <v>0</v>
      </c>
      <c r="E2333" s="2">
        <v>99.400000000000873</v>
      </c>
    </row>
    <row r="2334" spans="1:5" x14ac:dyDescent="0.25">
      <c r="A2334" s="3">
        <v>41770.85497685185</v>
      </c>
      <c r="B2334" s="2">
        <v>17</v>
      </c>
      <c r="C2334" s="2">
        <v>146.4</v>
      </c>
      <c r="D2334" s="2">
        <v>0.2</v>
      </c>
      <c r="E2334" s="2">
        <v>99.600000000000875</v>
      </c>
    </row>
    <row r="2335" spans="1:5" x14ac:dyDescent="0.25">
      <c r="A2335" s="3">
        <v>41770.856076388889</v>
      </c>
      <c r="B2335" s="2">
        <v>16.899999999999999</v>
      </c>
      <c r="C2335" s="2">
        <v>146.4</v>
      </c>
      <c r="D2335" s="2">
        <v>0.2</v>
      </c>
      <c r="E2335" s="2">
        <v>99.800000000000878</v>
      </c>
    </row>
    <row r="2336" spans="1:5" x14ac:dyDescent="0.25">
      <c r="A2336" s="3">
        <v>41770.856539351851</v>
      </c>
      <c r="B2336" s="2">
        <v>17</v>
      </c>
      <c r="C2336" s="2">
        <v>146.6</v>
      </c>
      <c r="D2336" s="2">
        <v>0</v>
      </c>
      <c r="E2336" s="2">
        <v>99.800000000000878</v>
      </c>
    </row>
    <row r="2337" spans="1:5" x14ac:dyDescent="0.25">
      <c r="A2337" s="3">
        <v>41770.857118055559</v>
      </c>
      <c r="B2337" s="2">
        <v>17</v>
      </c>
      <c r="C2337" s="2">
        <v>146.6</v>
      </c>
      <c r="D2337" s="2">
        <v>0.2</v>
      </c>
      <c r="E2337" s="2">
        <v>100.00000000000088</v>
      </c>
    </row>
    <row r="2338" spans="1:5" x14ac:dyDescent="0.25">
      <c r="A2338" s="3">
        <v>41770.857349537036</v>
      </c>
      <c r="B2338" s="2">
        <v>17</v>
      </c>
      <c r="C2338" s="2">
        <v>146.80000000000001</v>
      </c>
      <c r="D2338" s="2">
        <v>0</v>
      </c>
      <c r="E2338" s="2">
        <v>100.00000000000088</v>
      </c>
    </row>
    <row r="2339" spans="1:5" x14ac:dyDescent="0.25">
      <c r="A2339" s="3">
        <v>41770.858506944445</v>
      </c>
      <c r="B2339" s="2">
        <v>16.899999999999999</v>
      </c>
      <c r="C2339" s="2">
        <v>147</v>
      </c>
      <c r="D2339" s="2">
        <v>0</v>
      </c>
      <c r="E2339" s="2">
        <v>100.00000000000088</v>
      </c>
    </row>
    <row r="2340" spans="1:5" x14ac:dyDescent="0.25">
      <c r="A2340" s="3">
        <v>41770.858854166669</v>
      </c>
      <c r="B2340" s="2">
        <v>16.899999999999999</v>
      </c>
      <c r="C2340" s="2">
        <v>147</v>
      </c>
      <c r="D2340" s="2">
        <v>0.2</v>
      </c>
      <c r="E2340" s="2">
        <v>100.20000000000088</v>
      </c>
    </row>
    <row r="2341" spans="1:5" x14ac:dyDescent="0.25">
      <c r="A2341" s="3">
        <v>41770.860300925924</v>
      </c>
      <c r="B2341" s="2">
        <v>16.899999999999999</v>
      </c>
      <c r="C2341" s="2">
        <v>147</v>
      </c>
      <c r="D2341" s="2">
        <v>0.2</v>
      </c>
      <c r="E2341" s="2">
        <v>100.40000000000089</v>
      </c>
    </row>
    <row r="2342" spans="1:5" x14ac:dyDescent="0.25">
      <c r="A2342" s="3">
        <v>41770.86041666667</v>
      </c>
      <c r="B2342" s="2">
        <v>16.899999999999999</v>
      </c>
      <c r="C2342" s="2">
        <v>147.19999999999999</v>
      </c>
      <c r="D2342" s="2">
        <v>0</v>
      </c>
      <c r="E2342" s="2">
        <v>100.40000000000089</v>
      </c>
    </row>
    <row r="2343" spans="1:5" x14ac:dyDescent="0.25">
      <c r="A2343" s="3">
        <v>41770.862847222219</v>
      </c>
      <c r="B2343" s="2">
        <v>16.7</v>
      </c>
      <c r="C2343" s="2">
        <v>147.19999999999999</v>
      </c>
      <c r="D2343" s="2">
        <v>0.2</v>
      </c>
      <c r="E2343" s="2">
        <v>100.60000000000089</v>
      </c>
    </row>
    <row r="2344" spans="1:5" x14ac:dyDescent="0.25">
      <c r="A2344" s="3">
        <v>41770.862962962965</v>
      </c>
      <c r="B2344" s="2">
        <v>17.100000000000001</v>
      </c>
      <c r="C2344" s="2">
        <v>147.4</v>
      </c>
      <c r="D2344" s="2">
        <v>0</v>
      </c>
      <c r="E2344" s="2">
        <v>100.60000000000089</v>
      </c>
    </row>
    <row r="2345" spans="1:5" x14ac:dyDescent="0.25">
      <c r="A2345" s="3">
        <v>41770.863252314812</v>
      </c>
      <c r="B2345" s="2">
        <v>17.100000000000001</v>
      </c>
      <c r="C2345" s="2">
        <v>147.6</v>
      </c>
      <c r="D2345" s="2">
        <v>0</v>
      </c>
      <c r="E2345" s="2">
        <v>100.60000000000089</v>
      </c>
    </row>
    <row r="2346" spans="1:5" x14ac:dyDescent="0.25">
      <c r="A2346" s="3">
        <v>41770.863310185188</v>
      </c>
      <c r="B2346" s="2">
        <v>17</v>
      </c>
      <c r="C2346" s="2">
        <v>147.6</v>
      </c>
      <c r="D2346" s="2">
        <v>0.2</v>
      </c>
      <c r="E2346" s="2">
        <v>100.80000000000089</v>
      </c>
    </row>
    <row r="2347" spans="1:5" x14ac:dyDescent="0.25">
      <c r="A2347" s="3">
        <v>41770.86377314815</v>
      </c>
      <c r="B2347" s="2">
        <v>16.7</v>
      </c>
      <c r="C2347" s="2">
        <v>147.6</v>
      </c>
      <c r="D2347" s="2">
        <v>0.2</v>
      </c>
      <c r="E2347" s="2">
        <v>101.0000000000009</v>
      </c>
    </row>
    <row r="2348" spans="1:5" x14ac:dyDescent="0.25">
      <c r="A2348" s="3">
        <v>41770.86383101852</v>
      </c>
      <c r="B2348" s="2">
        <v>16.7</v>
      </c>
      <c r="C2348" s="2">
        <v>147.80000000000001</v>
      </c>
      <c r="D2348" s="2">
        <v>0</v>
      </c>
      <c r="E2348" s="2">
        <v>101.0000000000009</v>
      </c>
    </row>
    <row r="2349" spans="1:5" x14ac:dyDescent="0.25">
      <c r="A2349" s="3">
        <v>41770.864062499997</v>
      </c>
      <c r="B2349" s="2">
        <v>16.899999999999999</v>
      </c>
      <c r="C2349" s="2">
        <v>148</v>
      </c>
      <c r="D2349" s="2">
        <v>0.2</v>
      </c>
      <c r="E2349" s="2">
        <v>101.2000000000009</v>
      </c>
    </row>
    <row r="2350" spans="1:5" x14ac:dyDescent="0.25">
      <c r="A2350" s="3">
        <v>41770.864699074074</v>
      </c>
      <c r="B2350" s="2">
        <v>16.7</v>
      </c>
      <c r="C2350" s="2">
        <v>148.19999999999999</v>
      </c>
      <c r="D2350" s="2">
        <v>0</v>
      </c>
      <c r="E2350" s="2">
        <v>101.2000000000009</v>
      </c>
    </row>
    <row r="2351" spans="1:5" x14ac:dyDescent="0.25">
      <c r="A2351" s="3">
        <v>41770.864814814813</v>
      </c>
      <c r="B2351" s="2">
        <v>16.7</v>
      </c>
      <c r="C2351" s="2">
        <v>148.19999999999999</v>
      </c>
      <c r="D2351" s="2">
        <v>0.2</v>
      </c>
      <c r="E2351" s="2">
        <v>101.4000000000009</v>
      </c>
    </row>
    <row r="2352" spans="1:5" x14ac:dyDescent="0.25">
      <c r="A2352" s="3">
        <v>41770.867766203701</v>
      </c>
      <c r="B2352" s="2">
        <v>16.5</v>
      </c>
      <c r="C2352" s="2">
        <v>148.4</v>
      </c>
      <c r="D2352" s="2">
        <v>0</v>
      </c>
      <c r="E2352" s="2">
        <v>101.4000000000009</v>
      </c>
    </row>
    <row r="2353" spans="1:5" x14ac:dyDescent="0.25">
      <c r="A2353" s="3">
        <v>41770.868518518517</v>
      </c>
      <c r="B2353" s="2">
        <v>16.399999999999999</v>
      </c>
      <c r="C2353" s="2">
        <v>148.4</v>
      </c>
      <c r="D2353" s="2">
        <v>0.2</v>
      </c>
      <c r="E2353" s="2">
        <v>101.6000000000009</v>
      </c>
    </row>
    <row r="2354" spans="1:5" x14ac:dyDescent="0.25">
      <c r="A2354" s="3">
        <v>41770.869502314818</v>
      </c>
      <c r="B2354" s="2">
        <v>16.3</v>
      </c>
      <c r="C2354" s="2">
        <v>148.4</v>
      </c>
      <c r="D2354" s="2">
        <v>0.2</v>
      </c>
      <c r="E2354" s="2">
        <v>101.80000000000091</v>
      </c>
    </row>
    <row r="2355" spans="1:5" x14ac:dyDescent="0.25">
      <c r="A2355" s="3">
        <v>41770.869618055556</v>
      </c>
      <c r="B2355" s="2">
        <v>16.3</v>
      </c>
      <c r="C2355" s="2">
        <v>148.6</v>
      </c>
      <c r="D2355" s="2">
        <v>0</v>
      </c>
      <c r="E2355" s="2">
        <v>101.80000000000091</v>
      </c>
    </row>
    <row r="2356" spans="1:5" x14ac:dyDescent="0.25">
      <c r="A2356" s="3">
        <v>41770.870486111111</v>
      </c>
      <c r="B2356" s="2">
        <v>16.399999999999999</v>
      </c>
      <c r="C2356" s="2">
        <v>148.80000000000001</v>
      </c>
      <c r="D2356" s="2">
        <v>0</v>
      </c>
      <c r="E2356" s="2">
        <v>101.80000000000091</v>
      </c>
    </row>
    <row r="2357" spans="1:5" x14ac:dyDescent="0.25">
      <c r="A2357" s="3">
        <v>41770.87060185185</v>
      </c>
      <c r="B2357" s="2">
        <v>16.3</v>
      </c>
      <c r="C2357" s="2">
        <v>148.80000000000001</v>
      </c>
      <c r="D2357" s="2">
        <v>0.2</v>
      </c>
      <c r="E2357" s="2">
        <v>102.00000000000091</v>
      </c>
    </row>
    <row r="2358" spans="1:5" x14ac:dyDescent="0.25">
      <c r="A2358" s="3">
        <v>41770.871527777781</v>
      </c>
      <c r="B2358" s="2">
        <v>16.100000000000001</v>
      </c>
      <c r="C2358" s="2">
        <v>149</v>
      </c>
      <c r="D2358" s="2">
        <v>0.2</v>
      </c>
      <c r="E2358" s="2">
        <v>102.20000000000091</v>
      </c>
    </row>
    <row r="2359" spans="1:5" x14ac:dyDescent="0.25">
      <c r="A2359" s="3">
        <v>41770.87228009259</v>
      </c>
      <c r="B2359" s="2">
        <v>16</v>
      </c>
      <c r="C2359" s="2">
        <v>149</v>
      </c>
      <c r="D2359" s="2">
        <v>0.2</v>
      </c>
      <c r="E2359" s="2">
        <v>102.40000000000092</v>
      </c>
    </row>
    <row r="2360" spans="1:5" x14ac:dyDescent="0.25">
      <c r="A2360" s="3">
        <v>41770.872511574074</v>
      </c>
      <c r="B2360" s="2">
        <v>16</v>
      </c>
      <c r="C2360" s="2">
        <v>149.19999999999999</v>
      </c>
      <c r="D2360" s="2">
        <v>0</v>
      </c>
      <c r="E2360" s="2">
        <v>102.40000000000092</v>
      </c>
    </row>
    <row r="2361" spans="1:5" x14ac:dyDescent="0.25">
      <c r="A2361" s="3">
        <v>41770.872858796298</v>
      </c>
      <c r="B2361" s="2">
        <v>16.2</v>
      </c>
      <c r="C2361" s="2">
        <v>149.19999999999999</v>
      </c>
      <c r="D2361" s="2">
        <v>0.2</v>
      </c>
      <c r="E2361" s="2">
        <v>102.60000000000092</v>
      </c>
    </row>
    <row r="2362" spans="1:5" x14ac:dyDescent="0.25">
      <c r="A2362" s="3">
        <v>41770.873148148145</v>
      </c>
      <c r="B2362" s="2">
        <v>16.2</v>
      </c>
      <c r="C2362" s="2">
        <v>149.4</v>
      </c>
      <c r="D2362" s="2">
        <v>0</v>
      </c>
      <c r="E2362" s="2">
        <v>102.60000000000092</v>
      </c>
    </row>
    <row r="2363" spans="1:5" x14ac:dyDescent="0.25">
      <c r="A2363" s="3">
        <v>41770.873553240737</v>
      </c>
      <c r="B2363" s="2">
        <v>16</v>
      </c>
      <c r="C2363" s="2">
        <v>149.4</v>
      </c>
      <c r="D2363" s="2">
        <v>0.2</v>
      </c>
      <c r="E2363" s="2">
        <v>102.80000000000092</v>
      </c>
    </row>
    <row r="2364" spans="1:5" x14ac:dyDescent="0.25">
      <c r="A2364" s="3">
        <v>41770.873668981483</v>
      </c>
      <c r="B2364" s="2">
        <v>16</v>
      </c>
      <c r="C2364" s="2">
        <v>149.6</v>
      </c>
      <c r="D2364" s="2">
        <v>0</v>
      </c>
      <c r="E2364" s="2">
        <v>102.80000000000092</v>
      </c>
    </row>
    <row r="2365" spans="1:5" x14ac:dyDescent="0.25">
      <c r="A2365" s="3">
        <v>41770.874131944445</v>
      </c>
      <c r="B2365" s="2">
        <v>16.100000000000001</v>
      </c>
      <c r="C2365" s="2">
        <v>149.6</v>
      </c>
      <c r="D2365" s="2">
        <v>0.2</v>
      </c>
      <c r="E2365" s="2">
        <v>103.00000000000092</v>
      </c>
    </row>
    <row r="2366" spans="1:5" x14ac:dyDescent="0.25">
      <c r="A2366" s="3">
        <v>41770.874247685184</v>
      </c>
      <c r="B2366" s="2">
        <v>16.100000000000001</v>
      </c>
      <c r="C2366" s="2">
        <v>149.80000000000001</v>
      </c>
      <c r="D2366" s="2">
        <v>0</v>
      </c>
      <c r="E2366" s="2">
        <v>103.00000000000092</v>
      </c>
    </row>
    <row r="2367" spans="1:5" x14ac:dyDescent="0.25">
      <c r="A2367" s="3">
        <v>41770.874652777777</v>
      </c>
      <c r="B2367" s="2">
        <v>16</v>
      </c>
      <c r="C2367" s="2">
        <v>149.80000000000001</v>
      </c>
      <c r="D2367" s="2">
        <v>0.2</v>
      </c>
      <c r="E2367" s="2">
        <v>103.20000000000093</v>
      </c>
    </row>
    <row r="2368" spans="1:5" x14ac:dyDescent="0.25">
      <c r="A2368" s="3">
        <v>41770.874710648146</v>
      </c>
      <c r="B2368" s="2">
        <v>16</v>
      </c>
      <c r="C2368" s="2">
        <v>150</v>
      </c>
      <c r="D2368" s="2">
        <v>0</v>
      </c>
      <c r="E2368" s="2">
        <v>103.20000000000093</v>
      </c>
    </row>
    <row r="2369" spans="1:5" x14ac:dyDescent="0.25">
      <c r="A2369" s="3">
        <v>41770.875520833331</v>
      </c>
      <c r="B2369" s="2">
        <v>15.9</v>
      </c>
      <c r="C2369" s="2">
        <v>150</v>
      </c>
      <c r="D2369" s="2">
        <v>0.2</v>
      </c>
      <c r="E2369" s="2">
        <v>103.40000000000093</v>
      </c>
    </row>
    <row r="2370" spans="1:5" x14ac:dyDescent="0.25">
      <c r="A2370" s="3">
        <v>41770.875868055555</v>
      </c>
      <c r="B2370" s="2">
        <v>15.8</v>
      </c>
      <c r="C2370" s="2">
        <v>150.19999999999999</v>
      </c>
      <c r="D2370" s="2">
        <v>0</v>
      </c>
      <c r="E2370" s="2">
        <v>103.40000000000093</v>
      </c>
    </row>
    <row r="2371" spans="1:5" x14ac:dyDescent="0.25">
      <c r="A2371" s="3">
        <v>41770.877025462964</v>
      </c>
      <c r="B2371" s="2">
        <v>15.8</v>
      </c>
      <c r="C2371" s="2">
        <v>150.19999999999999</v>
      </c>
      <c r="D2371" s="2">
        <v>0.2</v>
      </c>
      <c r="E2371" s="2">
        <v>103.60000000000093</v>
      </c>
    </row>
    <row r="2372" spans="1:5" x14ac:dyDescent="0.25">
      <c r="A2372" s="3">
        <v>41770.877372685187</v>
      </c>
      <c r="B2372" s="2">
        <v>15.8</v>
      </c>
      <c r="C2372" s="2">
        <v>150.4</v>
      </c>
      <c r="D2372" s="2">
        <v>0</v>
      </c>
      <c r="E2372" s="2">
        <v>103.60000000000093</v>
      </c>
    </row>
    <row r="2373" spans="1:5" x14ac:dyDescent="0.25">
      <c r="A2373" s="3">
        <v>41770.878298611111</v>
      </c>
      <c r="B2373" s="2">
        <v>15.8</v>
      </c>
      <c r="C2373" s="2">
        <v>150.4</v>
      </c>
      <c r="D2373" s="2">
        <v>0.2</v>
      </c>
      <c r="E2373" s="2">
        <v>103.80000000000094</v>
      </c>
    </row>
    <row r="2374" spans="1:5" x14ac:dyDescent="0.25">
      <c r="A2374" s="3">
        <v>41770.878645833334</v>
      </c>
      <c r="B2374" s="2">
        <v>15.7</v>
      </c>
      <c r="C2374" s="2">
        <v>150.6</v>
      </c>
      <c r="D2374" s="2">
        <v>0</v>
      </c>
      <c r="E2374" s="2">
        <v>103.80000000000094</v>
      </c>
    </row>
    <row r="2375" spans="1:5" x14ac:dyDescent="0.25">
      <c r="A2375" s="3">
        <v>41770.879340277781</v>
      </c>
      <c r="B2375" s="2">
        <v>15.7</v>
      </c>
      <c r="C2375" s="2">
        <v>150.6</v>
      </c>
      <c r="D2375" s="2">
        <v>0.2</v>
      </c>
      <c r="E2375" s="2">
        <v>104.00000000000094</v>
      </c>
    </row>
    <row r="2376" spans="1:5" x14ac:dyDescent="0.25">
      <c r="A2376" s="3">
        <v>41770.879571759258</v>
      </c>
      <c r="B2376" s="2">
        <v>15.7</v>
      </c>
      <c r="C2376" s="2">
        <v>150.80000000000001</v>
      </c>
      <c r="D2376" s="2">
        <v>0</v>
      </c>
      <c r="E2376" s="2">
        <v>104.00000000000094</v>
      </c>
    </row>
    <row r="2377" spans="1:5" x14ac:dyDescent="0.25">
      <c r="A2377" s="3">
        <v>41770.879976851851</v>
      </c>
      <c r="B2377" s="2">
        <v>15.7</v>
      </c>
      <c r="C2377" s="2">
        <v>150.80000000000001</v>
      </c>
      <c r="D2377" s="2">
        <v>0.2</v>
      </c>
      <c r="E2377" s="2">
        <v>104.20000000000094</v>
      </c>
    </row>
    <row r="2378" spans="1:5" x14ac:dyDescent="0.25">
      <c r="A2378" s="3">
        <v>41770.880266203705</v>
      </c>
      <c r="B2378" s="2">
        <v>15.7</v>
      </c>
      <c r="C2378" s="2">
        <v>151</v>
      </c>
      <c r="D2378" s="2">
        <v>0</v>
      </c>
      <c r="E2378" s="2">
        <v>104.20000000000094</v>
      </c>
    </row>
    <row r="2379" spans="1:5" x14ac:dyDescent="0.25">
      <c r="A2379" s="3">
        <v>41770.880902777775</v>
      </c>
      <c r="B2379" s="2">
        <v>15.7</v>
      </c>
      <c r="C2379" s="2">
        <v>151</v>
      </c>
      <c r="D2379" s="2">
        <v>0.2</v>
      </c>
      <c r="E2379" s="2">
        <v>104.40000000000094</v>
      </c>
    </row>
    <row r="2380" spans="1:5" x14ac:dyDescent="0.25">
      <c r="A2380" s="3">
        <v>41770.88113425926</v>
      </c>
      <c r="B2380" s="2">
        <v>15.7</v>
      </c>
      <c r="C2380" s="2">
        <v>151.19999999999999</v>
      </c>
      <c r="D2380" s="2">
        <v>0</v>
      </c>
      <c r="E2380" s="2">
        <v>104.40000000000094</v>
      </c>
    </row>
    <row r="2381" spans="1:5" x14ac:dyDescent="0.25">
      <c r="A2381" s="3">
        <v>41770.88177083333</v>
      </c>
      <c r="B2381" s="2">
        <v>15.7</v>
      </c>
      <c r="C2381" s="2">
        <v>151.19999999999999</v>
      </c>
      <c r="D2381" s="2">
        <v>0.2</v>
      </c>
      <c r="E2381" s="2">
        <v>104.60000000000095</v>
      </c>
    </row>
    <row r="2382" spans="1:5" x14ac:dyDescent="0.25">
      <c r="A2382" s="3">
        <v>41770.882118055553</v>
      </c>
      <c r="B2382" s="2">
        <v>15.6</v>
      </c>
      <c r="C2382" s="2">
        <v>151.4</v>
      </c>
      <c r="D2382" s="2">
        <v>0</v>
      </c>
      <c r="E2382" s="2">
        <v>104.60000000000095</v>
      </c>
    </row>
    <row r="2383" spans="1:5" x14ac:dyDescent="0.25">
      <c r="A2383" s="3">
        <v>41770.883333333331</v>
      </c>
      <c r="B2383" s="2">
        <v>15.6</v>
      </c>
      <c r="C2383" s="2">
        <v>151.4</v>
      </c>
      <c r="D2383" s="2">
        <v>0.2</v>
      </c>
      <c r="E2383" s="2">
        <v>104.80000000000095</v>
      </c>
    </row>
    <row r="2384" spans="1:5" x14ac:dyDescent="0.25">
      <c r="A2384" s="3">
        <v>41770.883680555555</v>
      </c>
      <c r="B2384" s="2">
        <v>15.6</v>
      </c>
      <c r="C2384" s="2">
        <v>151.6</v>
      </c>
      <c r="D2384" s="2">
        <v>0</v>
      </c>
      <c r="E2384" s="2">
        <v>104.80000000000095</v>
      </c>
    </row>
    <row r="2385" spans="1:5" x14ac:dyDescent="0.25">
      <c r="A2385" s="3">
        <v>41770.884606481479</v>
      </c>
      <c r="B2385" s="2">
        <v>15.5</v>
      </c>
      <c r="C2385" s="2">
        <v>151.6</v>
      </c>
      <c r="D2385" s="2">
        <v>0.2</v>
      </c>
      <c r="E2385" s="2">
        <v>105.00000000000095</v>
      </c>
    </row>
    <row r="2386" spans="1:5" x14ac:dyDescent="0.25">
      <c r="A2386" s="3">
        <v>41770.884953703702</v>
      </c>
      <c r="B2386" s="2">
        <v>15.4</v>
      </c>
      <c r="C2386" s="2">
        <v>151.80000000000001</v>
      </c>
      <c r="D2386" s="2">
        <v>0</v>
      </c>
      <c r="E2386" s="2">
        <v>105.00000000000095</v>
      </c>
    </row>
    <row r="2387" spans="1:5" x14ac:dyDescent="0.25">
      <c r="A2387" s="3">
        <v>41770.885300925926</v>
      </c>
      <c r="B2387" s="2">
        <v>15.5</v>
      </c>
      <c r="C2387" s="2">
        <v>151.80000000000001</v>
      </c>
      <c r="D2387" s="2">
        <v>0.2</v>
      </c>
      <c r="E2387" s="2">
        <v>105.20000000000095</v>
      </c>
    </row>
    <row r="2388" spans="1:5" x14ac:dyDescent="0.25">
      <c r="A2388" s="3">
        <v>41770.885474537034</v>
      </c>
      <c r="B2388" s="2">
        <v>15.5</v>
      </c>
      <c r="C2388" s="2">
        <v>152</v>
      </c>
      <c r="D2388" s="2">
        <v>0</v>
      </c>
      <c r="E2388" s="2">
        <v>105.20000000000095</v>
      </c>
    </row>
    <row r="2389" spans="1:5" x14ac:dyDescent="0.25">
      <c r="A2389" s="3">
        <v>41770.885648148149</v>
      </c>
      <c r="B2389" s="2">
        <v>15.5</v>
      </c>
      <c r="C2389" s="2">
        <v>152</v>
      </c>
      <c r="D2389" s="2">
        <v>0.2</v>
      </c>
      <c r="E2389" s="2">
        <v>105.40000000000096</v>
      </c>
    </row>
    <row r="2390" spans="1:5" x14ac:dyDescent="0.25">
      <c r="A2390" s="3">
        <v>41770.885879629626</v>
      </c>
      <c r="B2390" s="2">
        <v>15.5</v>
      </c>
      <c r="C2390" s="2">
        <v>152.19999999999999</v>
      </c>
      <c r="D2390" s="2">
        <v>0</v>
      </c>
      <c r="E2390" s="2">
        <v>105.40000000000096</v>
      </c>
    </row>
    <row r="2391" spans="1:5" x14ac:dyDescent="0.25">
      <c r="A2391" s="3">
        <v>41770.885995370372</v>
      </c>
      <c r="B2391" s="2">
        <v>15.5</v>
      </c>
      <c r="C2391" s="2">
        <v>152.19999999999999</v>
      </c>
      <c r="D2391" s="2">
        <v>0.2</v>
      </c>
      <c r="E2391" s="2">
        <v>105.60000000000096</v>
      </c>
    </row>
    <row r="2392" spans="1:5" x14ac:dyDescent="0.25">
      <c r="A2392" s="3">
        <v>41770.88616898148</v>
      </c>
      <c r="B2392" s="2">
        <v>15.4</v>
      </c>
      <c r="C2392" s="2">
        <v>152.4</v>
      </c>
      <c r="D2392" s="2">
        <v>0</v>
      </c>
      <c r="E2392" s="2">
        <v>105.60000000000096</v>
      </c>
    </row>
    <row r="2393" spans="1:5" x14ac:dyDescent="0.25">
      <c r="A2393" s="3">
        <v>41770.886342592596</v>
      </c>
      <c r="B2393" s="2">
        <v>15.4</v>
      </c>
      <c r="C2393" s="2">
        <v>152.4</v>
      </c>
      <c r="D2393" s="2">
        <v>0.2</v>
      </c>
      <c r="E2393" s="2">
        <v>105.80000000000096</v>
      </c>
    </row>
    <row r="2394" spans="1:5" x14ac:dyDescent="0.25">
      <c r="A2394" s="3">
        <v>41770.886516203704</v>
      </c>
      <c r="B2394" s="2">
        <v>15.4</v>
      </c>
      <c r="C2394" s="2">
        <v>152.6</v>
      </c>
      <c r="D2394" s="2">
        <v>0</v>
      </c>
      <c r="E2394" s="2">
        <v>105.80000000000096</v>
      </c>
    </row>
    <row r="2395" spans="1:5" x14ac:dyDescent="0.25">
      <c r="A2395" s="3">
        <v>41770.886689814812</v>
      </c>
      <c r="B2395" s="2">
        <v>15.4</v>
      </c>
      <c r="C2395" s="2">
        <v>152.6</v>
      </c>
      <c r="D2395" s="2">
        <v>0.2</v>
      </c>
      <c r="E2395" s="2">
        <v>106.00000000000097</v>
      </c>
    </row>
    <row r="2396" spans="1:5" x14ac:dyDescent="0.25">
      <c r="A2396" s="3">
        <v>41770.886863425927</v>
      </c>
      <c r="B2396" s="2">
        <v>15.4</v>
      </c>
      <c r="C2396" s="2">
        <v>152.80000000000001</v>
      </c>
      <c r="D2396" s="2">
        <v>0</v>
      </c>
      <c r="E2396" s="2">
        <v>106.00000000000097</v>
      </c>
    </row>
    <row r="2397" spans="1:5" x14ac:dyDescent="0.25">
      <c r="A2397" s="3">
        <v>41770.887094907404</v>
      </c>
      <c r="B2397" s="2">
        <v>15.2</v>
      </c>
      <c r="C2397" s="2">
        <v>152.80000000000001</v>
      </c>
      <c r="D2397" s="2">
        <v>0.2</v>
      </c>
      <c r="E2397" s="2">
        <v>106.20000000000097</v>
      </c>
    </row>
    <row r="2398" spans="1:5" x14ac:dyDescent="0.25">
      <c r="A2398" s="3">
        <v>41770.88721064815</v>
      </c>
      <c r="B2398" s="2">
        <v>15.2</v>
      </c>
      <c r="C2398" s="2">
        <v>153</v>
      </c>
      <c r="D2398" s="2">
        <v>0</v>
      </c>
      <c r="E2398" s="2">
        <v>106.20000000000097</v>
      </c>
    </row>
    <row r="2399" spans="1:5" x14ac:dyDescent="0.25">
      <c r="A2399" s="3">
        <v>41770.887731481482</v>
      </c>
      <c r="B2399" s="2">
        <v>15.1</v>
      </c>
      <c r="C2399" s="2">
        <v>153.19999999999999</v>
      </c>
      <c r="D2399" s="2">
        <v>0.2</v>
      </c>
      <c r="E2399" s="2">
        <v>106.40000000000097</v>
      </c>
    </row>
    <row r="2400" spans="1:5" x14ac:dyDescent="0.25">
      <c r="A2400" s="3">
        <v>41770.888368055559</v>
      </c>
      <c r="B2400" s="2">
        <v>15</v>
      </c>
      <c r="C2400" s="2">
        <v>153.4</v>
      </c>
      <c r="D2400" s="2">
        <v>0.2</v>
      </c>
      <c r="E2400" s="2">
        <v>106.60000000000097</v>
      </c>
    </row>
    <row r="2401" spans="1:5" x14ac:dyDescent="0.25">
      <c r="A2401" s="3">
        <v>41770.889004629629</v>
      </c>
      <c r="B2401" s="2">
        <v>15</v>
      </c>
      <c r="C2401" s="2">
        <v>153.4</v>
      </c>
      <c r="D2401" s="2">
        <v>0.2</v>
      </c>
      <c r="E2401" s="2">
        <v>106.80000000000098</v>
      </c>
    </row>
    <row r="2402" spans="1:5" x14ac:dyDescent="0.25">
      <c r="A2402" s="3">
        <v>41770.889062499999</v>
      </c>
      <c r="B2402" s="2">
        <v>15</v>
      </c>
      <c r="C2402" s="2">
        <v>153.6</v>
      </c>
      <c r="D2402" s="2">
        <v>0</v>
      </c>
      <c r="E2402" s="2">
        <v>106.80000000000098</v>
      </c>
    </row>
    <row r="2403" spans="1:5" x14ac:dyDescent="0.25">
      <c r="A2403" s="3">
        <v>41770.889467592591</v>
      </c>
      <c r="B2403" s="2">
        <v>15</v>
      </c>
      <c r="C2403" s="2">
        <v>153.6</v>
      </c>
      <c r="D2403" s="2">
        <v>0.2</v>
      </c>
      <c r="E2403" s="2">
        <v>107.00000000000098</v>
      </c>
    </row>
    <row r="2404" spans="1:5" x14ac:dyDescent="0.25">
      <c r="A2404" s="3">
        <v>41770.889699074076</v>
      </c>
      <c r="B2404" s="2">
        <v>14.9</v>
      </c>
      <c r="C2404" s="2">
        <v>153.80000000000001</v>
      </c>
      <c r="D2404" s="2">
        <v>0</v>
      </c>
      <c r="E2404" s="2">
        <v>107.00000000000098</v>
      </c>
    </row>
    <row r="2405" spans="1:5" x14ac:dyDescent="0.25">
      <c r="A2405" s="3">
        <v>41770.889988425923</v>
      </c>
      <c r="B2405" s="2">
        <v>14.9</v>
      </c>
      <c r="C2405" s="2">
        <v>153.80000000000001</v>
      </c>
      <c r="D2405" s="2">
        <v>0.2</v>
      </c>
      <c r="E2405" s="2">
        <v>107.20000000000098</v>
      </c>
    </row>
    <row r="2406" spans="1:5" x14ac:dyDescent="0.25">
      <c r="A2406" s="3">
        <v>41770.890277777777</v>
      </c>
      <c r="B2406" s="2">
        <v>14.9</v>
      </c>
      <c r="C2406" s="2">
        <v>154</v>
      </c>
      <c r="D2406" s="2">
        <v>0</v>
      </c>
      <c r="E2406" s="2">
        <v>107.20000000000098</v>
      </c>
    </row>
    <row r="2407" spans="1:5" x14ac:dyDescent="0.25">
      <c r="A2407" s="3">
        <v>41770.890509259261</v>
      </c>
      <c r="B2407" s="2">
        <v>14.9</v>
      </c>
      <c r="C2407" s="2">
        <v>154</v>
      </c>
      <c r="D2407" s="2">
        <v>0.2</v>
      </c>
      <c r="E2407" s="2">
        <v>107.40000000000099</v>
      </c>
    </row>
    <row r="2408" spans="1:5" x14ac:dyDescent="0.25">
      <c r="A2408" s="3">
        <v>41770.890914351854</v>
      </c>
      <c r="B2408" s="2">
        <v>14.9</v>
      </c>
      <c r="C2408" s="2">
        <v>154.19999999999999</v>
      </c>
      <c r="D2408" s="2">
        <v>0</v>
      </c>
      <c r="E2408" s="2">
        <v>107.40000000000099</v>
      </c>
    </row>
    <row r="2409" spans="1:5" x14ac:dyDescent="0.25">
      <c r="A2409" s="3">
        <v>41770.891087962962</v>
      </c>
      <c r="B2409" s="2">
        <v>14.9</v>
      </c>
      <c r="C2409" s="2">
        <v>154.19999999999999</v>
      </c>
      <c r="D2409" s="2">
        <v>0.2</v>
      </c>
      <c r="E2409" s="2">
        <v>107.60000000000099</v>
      </c>
    </row>
    <row r="2410" spans="1:5" x14ac:dyDescent="0.25">
      <c r="A2410" s="3">
        <v>41770.891493055555</v>
      </c>
      <c r="B2410" s="2">
        <v>14.9</v>
      </c>
      <c r="C2410" s="2">
        <v>154.4</v>
      </c>
      <c r="D2410" s="2">
        <v>0.2</v>
      </c>
      <c r="E2410" s="2">
        <v>107.80000000000099</v>
      </c>
    </row>
    <row r="2411" spans="1:5" x14ac:dyDescent="0.25">
      <c r="A2411" s="3">
        <v>41770.891956018517</v>
      </c>
      <c r="B2411" s="2">
        <v>14.9</v>
      </c>
      <c r="C2411" s="2">
        <v>154.6</v>
      </c>
      <c r="D2411" s="2">
        <v>0.2</v>
      </c>
      <c r="E2411" s="2">
        <v>108.00000000000099</v>
      </c>
    </row>
    <row r="2412" spans="1:5" x14ac:dyDescent="0.25">
      <c r="A2412" s="3">
        <v>41770.89230324074</v>
      </c>
      <c r="B2412" s="2">
        <v>14.9</v>
      </c>
      <c r="C2412" s="2">
        <v>154.6</v>
      </c>
      <c r="D2412" s="2">
        <v>0.2</v>
      </c>
      <c r="E2412" s="2">
        <v>108.200000000001</v>
      </c>
    </row>
    <row r="2413" spans="1:5" x14ac:dyDescent="0.25">
      <c r="A2413" s="3">
        <v>41770.892361111109</v>
      </c>
      <c r="B2413" s="2">
        <v>14.9</v>
      </c>
      <c r="C2413" s="2">
        <v>154.80000000000001</v>
      </c>
      <c r="D2413" s="2">
        <v>0</v>
      </c>
      <c r="E2413" s="2">
        <v>108.200000000001</v>
      </c>
    </row>
    <row r="2414" spans="1:5" x14ac:dyDescent="0.25">
      <c r="A2414" s="3">
        <v>41770.892766203702</v>
      </c>
      <c r="B2414" s="2">
        <v>14.8</v>
      </c>
      <c r="C2414" s="2">
        <v>155</v>
      </c>
      <c r="D2414" s="2">
        <v>0</v>
      </c>
      <c r="E2414" s="2">
        <v>108.200000000001</v>
      </c>
    </row>
    <row r="2415" spans="1:5" x14ac:dyDescent="0.25">
      <c r="A2415" s="3">
        <v>41770.892824074072</v>
      </c>
      <c r="B2415" s="2">
        <v>14.8</v>
      </c>
      <c r="C2415" s="2">
        <v>155</v>
      </c>
      <c r="D2415" s="2">
        <v>0.2</v>
      </c>
      <c r="E2415" s="2">
        <v>108.400000000001</v>
      </c>
    </row>
    <row r="2416" spans="1:5" x14ac:dyDescent="0.25">
      <c r="A2416" s="3">
        <v>41770.89334490741</v>
      </c>
      <c r="B2416" s="2">
        <v>14.8</v>
      </c>
      <c r="C2416" s="2">
        <v>155.19999999999999</v>
      </c>
      <c r="D2416" s="2">
        <v>0</v>
      </c>
      <c r="E2416" s="2">
        <v>108.400000000001</v>
      </c>
    </row>
    <row r="2417" spans="1:5" x14ac:dyDescent="0.25">
      <c r="A2417" s="3">
        <v>41770.89340277778</v>
      </c>
      <c r="B2417" s="2">
        <v>14.8</v>
      </c>
      <c r="C2417" s="2">
        <v>155.19999999999999</v>
      </c>
      <c r="D2417" s="2">
        <v>0.2</v>
      </c>
      <c r="E2417" s="2">
        <v>108.600000000001</v>
      </c>
    </row>
    <row r="2418" spans="1:5" x14ac:dyDescent="0.25">
      <c r="A2418" s="3">
        <v>41770.89398148148</v>
      </c>
      <c r="B2418" s="2">
        <v>14.7</v>
      </c>
      <c r="C2418" s="2">
        <v>155.4</v>
      </c>
      <c r="D2418" s="2">
        <v>0</v>
      </c>
      <c r="E2418" s="2">
        <v>108.600000000001</v>
      </c>
    </row>
    <row r="2419" spans="1:5" x14ac:dyDescent="0.25">
      <c r="A2419" s="3">
        <v>41770.894155092596</v>
      </c>
      <c r="B2419" s="2">
        <v>14.7</v>
      </c>
      <c r="C2419" s="2">
        <v>155.4</v>
      </c>
      <c r="D2419" s="2">
        <v>0.2</v>
      </c>
      <c r="E2419" s="2">
        <v>108.80000000000101</v>
      </c>
    </row>
    <row r="2420" spans="1:5" x14ac:dyDescent="0.25">
      <c r="A2420" s="3">
        <v>41770.894849537035</v>
      </c>
      <c r="B2420" s="2">
        <v>14.7</v>
      </c>
      <c r="C2420" s="2">
        <v>155.6</v>
      </c>
      <c r="D2420" s="2">
        <v>0</v>
      </c>
      <c r="E2420" s="2">
        <v>108.80000000000101</v>
      </c>
    </row>
    <row r="2421" spans="1:5" x14ac:dyDescent="0.25">
      <c r="A2421" s="3">
        <v>41770.894965277781</v>
      </c>
      <c r="B2421" s="2">
        <v>14.6</v>
      </c>
      <c r="C2421" s="2">
        <v>155.6</v>
      </c>
      <c r="D2421" s="2">
        <v>0.2</v>
      </c>
      <c r="E2421" s="2">
        <v>109.00000000000101</v>
      </c>
    </row>
    <row r="2422" spans="1:5" x14ac:dyDescent="0.25">
      <c r="A2422" s="3">
        <v>41770.895833333336</v>
      </c>
      <c r="B2422" s="2">
        <v>14.6</v>
      </c>
      <c r="C2422" s="2">
        <v>155.80000000000001</v>
      </c>
      <c r="D2422" s="2">
        <v>0.2</v>
      </c>
      <c r="E2422" s="2">
        <v>109.20000000000101</v>
      </c>
    </row>
    <row r="2423" spans="1:5" x14ac:dyDescent="0.25">
      <c r="A2423" s="3">
        <v>41770.896585648145</v>
      </c>
      <c r="B2423" s="2">
        <v>14.5</v>
      </c>
      <c r="C2423" s="2">
        <v>155.80000000000001</v>
      </c>
      <c r="D2423" s="2">
        <v>0.2</v>
      </c>
      <c r="E2423" s="2">
        <v>109.40000000000101</v>
      </c>
    </row>
    <row r="2424" spans="1:5" x14ac:dyDescent="0.25">
      <c r="A2424" s="3">
        <v>41770.896643518521</v>
      </c>
      <c r="B2424" s="2">
        <v>14.5</v>
      </c>
      <c r="C2424" s="2">
        <v>156</v>
      </c>
      <c r="D2424" s="2">
        <v>0</v>
      </c>
      <c r="E2424" s="2">
        <v>109.40000000000101</v>
      </c>
    </row>
    <row r="2425" spans="1:5" x14ac:dyDescent="0.25">
      <c r="A2425" s="3">
        <v>41770.897164351853</v>
      </c>
      <c r="B2425" s="2">
        <v>14.7</v>
      </c>
      <c r="C2425" s="2">
        <v>156</v>
      </c>
      <c r="D2425" s="2">
        <v>0.2</v>
      </c>
      <c r="E2425" s="2">
        <v>109.60000000000102</v>
      </c>
    </row>
    <row r="2426" spans="1:5" x14ac:dyDescent="0.25">
      <c r="A2426" s="3">
        <v>41770.897337962961</v>
      </c>
      <c r="B2426" s="2">
        <v>14.6</v>
      </c>
      <c r="C2426" s="2">
        <v>156.19999999999999</v>
      </c>
      <c r="D2426" s="2">
        <v>0</v>
      </c>
      <c r="E2426" s="2">
        <v>109.60000000000102</v>
      </c>
    </row>
    <row r="2427" spans="1:5" x14ac:dyDescent="0.25">
      <c r="A2427" s="3">
        <v>41770.897685185184</v>
      </c>
      <c r="B2427" s="2">
        <v>14.6</v>
      </c>
      <c r="C2427" s="2">
        <v>156.19999999999999</v>
      </c>
      <c r="D2427" s="2">
        <v>0.2</v>
      </c>
      <c r="E2427" s="2">
        <v>109.80000000000102</v>
      </c>
    </row>
    <row r="2428" spans="1:5" x14ac:dyDescent="0.25">
      <c r="A2428" s="3">
        <v>41770.897916666669</v>
      </c>
      <c r="B2428" s="2">
        <v>14.5</v>
      </c>
      <c r="C2428" s="2">
        <v>156.4</v>
      </c>
      <c r="D2428" s="2">
        <v>0</v>
      </c>
      <c r="E2428" s="2">
        <v>109.80000000000102</v>
      </c>
    </row>
    <row r="2429" spans="1:5" x14ac:dyDescent="0.25">
      <c r="A2429" s="3">
        <v>41770.898321759261</v>
      </c>
      <c r="B2429" s="2">
        <v>14.5</v>
      </c>
      <c r="C2429" s="2">
        <v>156.4</v>
      </c>
      <c r="D2429" s="2">
        <v>0.2</v>
      </c>
      <c r="E2429" s="2">
        <v>110.00000000000102</v>
      </c>
    </row>
    <row r="2430" spans="1:5" x14ac:dyDescent="0.25">
      <c r="A2430" s="3">
        <v>41770.898553240739</v>
      </c>
      <c r="B2430" s="2">
        <v>14.5</v>
      </c>
      <c r="C2430" s="2">
        <v>156.6</v>
      </c>
      <c r="D2430" s="2">
        <v>0</v>
      </c>
      <c r="E2430" s="2">
        <v>110.00000000000102</v>
      </c>
    </row>
    <row r="2431" spans="1:5" x14ac:dyDescent="0.25">
      <c r="A2431" s="3">
        <v>41770.898842592593</v>
      </c>
      <c r="B2431" s="2">
        <v>14.5</v>
      </c>
      <c r="C2431" s="2">
        <v>156.6</v>
      </c>
      <c r="D2431" s="2">
        <v>0.2</v>
      </c>
      <c r="E2431" s="2">
        <v>110.20000000000103</v>
      </c>
    </row>
    <row r="2432" spans="1:5" x14ac:dyDescent="0.25">
      <c r="A2432" s="3">
        <v>41770.899131944447</v>
      </c>
      <c r="B2432" s="2">
        <v>14.5</v>
      </c>
      <c r="C2432" s="2">
        <v>156.80000000000001</v>
      </c>
      <c r="D2432" s="2">
        <v>0</v>
      </c>
      <c r="E2432" s="2">
        <v>110.20000000000103</v>
      </c>
    </row>
    <row r="2433" spans="1:5" x14ac:dyDescent="0.25">
      <c r="A2433" s="3">
        <v>41770.899421296293</v>
      </c>
      <c r="B2433" s="2">
        <v>14.5</v>
      </c>
      <c r="C2433" s="2">
        <v>156.80000000000001</v>
      </c>
      <c r="D2433" s="2">
        <v>0.2</v>
      </c>
      <c r="E2433" s="2">
        <v>110.40000000000103</v>
      </c>
    </row>
    <row r="2434" spans="1:5" x14ac:dyDescent="0.25">
      <c r="A2434" s="3">
        <v>41770.899652777778</v>
      </c>
      <c r="B2434" s="2">
        <v>14.6</v>
      </c>
      <c r="C2434" s="2">
        <v>157</v>
      </c>
      <c r="D2434" s="2">
        <v>0</v>
      </c>
      <c r="E2434" s="2">
        <v>110.40000000000103</v>
      </c>
    </row>
    <row r="2435" spans="1:5" x14ac:dyDescent="0.25">
      <c r="A2435" s="3">
        <v>41770.899884259263</v>
      </c>
      <c r="B2435" s="2">
        <v>14.6</v>
      </c>
      <c r="C2435" s="2">
        <v>157</v>
      </c>
      <c r="D2435" s="2">
        <v>0.2</v>
      </c>
      <c r="E2435" s="2">
        <v>110.60000000000103</v>
      </c>
    </row>
    <row r="2436" spans="1:5" x14ac:dyDescent="0.25">
      <c r="A2436" s="3">
        <v>41770.900173611109</v>
      </c>
      <c r="B2436" s="2">
        <v>14.5</v>
      </c>
      <c r="C2436" s="2">
        <v>157.19999999999999</v>
      </c>
      <c r="D2436" s="2">
        <v>0</v>
      </c>
      <c r="E2436" s="2">
        <v>110.60000000000103</v>
      </c>
    </row>
    <row r="2437" spans="1:5" x14ac:dyDescent="0.25">
      <c r="A2437" s="3">
        <v>41770.900520833333</v>
      </c>
      <c r="B2437" s="2">
        <v>14.5</v>
      </c>
      <c r="C2437" s="2">
        <v>157.19999999999999</v>
      </c>
      <c r="D2437" s="2">
        <v>0.2</v>
      </c>
      <c r="E2437" s="2">
        <v>110.80000000000103</v>
      </c>
    </row>
    <row r="2438" spans="1:5" x14ac:dyDescent="0.25">
      <c r="A2438" s="3">
        <v>41770.900810185187</v>
      </c>
      <c r="B2438" s="2">
        <v>14.5</v>
      </c>
      <c r="C2438" s="2">
        <v>157.4</v>
      </c>
      <c r="D2438" s="2">
        <v>0</v>
      </c>
      <c r="E2438" s="2">
        <v>110.80000000000103</v>
      </c>
    </row>
    <row r="2439" spans="1:5" x14ac:dyDescent="0.25">
      <c r="A2439" s="3">
        <v>41770.901099537034</v>
      </c>
      <c r="B2439" s="2">
        <v>14.5</v>
      </c>
      <c r="C2439" s="2">
        <v>157.4</v>
      </c>
      <c r="D2439" s="2">
        <v>0.2</v>
      </c>
      <c r="E2439" s="2">
        <v>111.00000000000104</v>
      </c>
    </row>
    <row r="2440" spans="1:5" x14ac:dyDescent="0.25">
      <c r="A2440" s="3">
        <v>41770.901331018518</v>
      </c>
      <c r="B2440" s="2">
        <v>14.4</v>
      </c>
      <c r="C2440" s="2">
        <v>157.6</v>
      </c>
      <c r="D2440" s="2">
        <v>0</v>
      </c>
      <c r="E2440" s="2">
        <v>111.00000000000104</v>
      </c>
    </row>
    <row r="2441" spans="1:5" x14ac:dyDescent="0.25">
      <c r="A2441" s="3">
        <v>41770.901562500003</v>
      </c>
      <c r="B2441" s="2">
        <v>14.4</v>
      </c>
      <c r="C2441" s="2">
        <v>157.6</v>
      </c>
      <c r="D2441" s="2">
        <v>0.2</v>
      </c>
      <c r="E2441" s="2">
        <v>111.20000000000104</v>
      </c>
    </row>
    <row r="2442" spans="1:5" x14ac:dyDescent="0.25">
      <c r="A2442" s="3">
        <v>41770.90179398148</v>
      </c>
      <c r="B2442" s="2">
        <v>14.4</v>
      </c>
      <c r="C2442" s="2">
        <v>157.80000000000001</v>
      </c>
      <c r="D2442" s="2">
        <v>0</v>
      </c>
      <c r="E2442" s="2">
        <v>111.20000000000104</v>
      </c>
    </row>
    <row r="2443" spans="1:5" x14ac:dyDescent="0.25">
      <c r="A2443" s="3">
        <v>41770.902083333334</v>
      </c>
      <c r="B2443" s="2">
        <v>14.3</v>
      </c>
      <c r="C2443" s="2">
        <v>157.80000000000001</v>
      </c>
      <c r="D2443" s="2">
        <v>0.2</v>
      </c>
      <c r="E2443" s="2">
        <v>111.40000000000104</v>
      </c>
    </row>
    <row r="2444" spans="1:5" x14ac:dyDescent="0.25">
      <c r="A2444" s="3">
        <v>41770.902430555558</v>
      </c>
      <c r="B2444" s="2">
        <v>14.3</v>
      </c>
      <c r="C2444" s="2">
        <v>158</v>
      </c>
      <c r="D2444" s="2">
        <v>0</v>
      </c>
      <c r="E2444" s="2">
        <v>111.40000000000104</v>
      </c>
    </row>
    <row r="2445" spans="1:5" x14ac:dyDescent="0.25">
      <c r="A2445" s="3">
        <v>41770.902719907404</v>
      </c>
      <c r="B2445" s="2">
        <v>14.3</v>
      </c>
      <c r="C2445" s="2">
        <v>158</v>
      </c>
      <c r="D2445" s="2">
        <v>0.2</v>
      </c>
      <c r="E2445" s="2">
        <v>111.60000000000105</v>
      </c>
    </row>
    <row r="2446" spans="1:5" x14ac:dyDescent="0.25">
      <c r="A2446" s="3">
        <v>41770.903009259258</v>
      </c>
      <c r="B2446" s="2">
        <v>14.3</v>
      </c>
      <c r="C2446" s="2">
        <v>158.19999999999999</v>
      </c>
      <c r="D2446" s="2">
        <v>0</v>
      </c>
      <c r="E2446" s="2">
        <v>111.60000000000105</v>
      </c>
    </row>
    <row r="2447" spans="1:5" x14ac:dyDescent="0.25">
      <c r="A2447" s="3">
        <v>41770.903240740743</v>
      </c>
      <c r="B2447" s="2">
        <v>14.2</v>
      </c>
      <c r="C2447" s="2">
        <v>158.19999999999999</v>
      </c>
      <c r="D2447" s="2">
        <v>0.2</v>
      </c>
      <c r="E2447" s="2">
        <v>111.80000000000105</v>
      </c>
    </row>
    <row r="2448" spans="1:5" x14ac:dyDescent="0.25">
      <c r="A2448" s="3">
        <v>41770.903703703705</v>
      </c>
      <c r="B2448" s="2">
        <v>14.2</v>
      </c>
      <c r="C2448" s="2">
        <v>158.4</v>
      </c>
      <c r="D2448" s="2">
        <v>0</v>
      </c>
      <c r="E2448" s="2">
        <v>111.80000000000105</v>
      </c>
    </row>
    <row r="2449" spans="1:5" x14ac:dyDescent="0.25">
      <c r="A2449" s="3">
        <v>41770.903993055559</v>
      </c>
      <c r="B2449" s="2">
        <v>14.2</v>
      </c>
      <c r="C2449" s="2">
        <v>158.4</v>
      </c>
      <c r="D2449" s="2">
        <v>0.2</v>
      </c>
      <c r="E2449" s="2">
        <v>112.00000000000105</v>
      </c>
    </row>
    <row r="2450" spans="1:5" x14ac:dyDescent="0.25">
      <c r="A2450" s="3">
        <v>41770.904513888891</v>
      </c>
      <c r="B2450" s="2">
        <v>14.1</v>
      </c>
      <c r="C2450" s="2">
        <v>158.6</v>
      </c>
      <c r="D2450" s="2">
        <v>0</v>
      </c>
      <c r="E2450" s="2">
        <v>112.00000000000105</v>
      </c>
    </row>
    <row r="2451" spans="1:5" x14ac:dyDescent="0.25">
      <c r="A2451" s="3">
        <v>41770.904687499999</v>
      </c>
      <c r="B2451" s="2">
        <v>14.1</v>
      </c>
      <c r="C2451" s="2">
        <v>158.6</v>
      </c>
      <c r="D2451" s="2">
        <v>0.2</v>
      </c>
      <c r="E2451" s="2">
        <v>112.20000000000105</v>
      </c>
    </row>
    <row r="2452" spans="1:5" x14ac:dyDescent="0.25">
      <c r="A2452" s="3">
        <v>41770.905266203707</v>
      </c>
      <c r="B2452" s="2">
        <v>14.1</v>
      </c>
      <c r="C2452" s="2">
        <v>158.80000000000001</v>
      </c>
      <c r="D2452" s="2">
        <v>0</v>
      </c>
      <c r="E2452" s="2">
        <v>112.20000000000105</v>
      </c>
    </row>
    <row r="2453" spans="1:5" x14ac:dyDescent="0.25">
      <c r="A2453" s="3">
        <v>41770.905555555553</v>
      </c>
      <c r="B2453" s="2">
        <v>14.1</v>
      </c>
      <c r="C2453" s="2">
        <v>158.80000000000001</v>
      </c>
      <c r="D2453" s="2">
        <v>0.2</v>
      </c>
      <c r="E2453" s="2">
        <v>112.40000000000106</v>
      </c>
    </row>
    <row r="2454" spans="1:5" x14ac:dyDescent="0.25">
      <c r="A2454" s="3">
        <v>41770.906018518515</v>
      </c>
      <c r="B2454" s="2">
        <v>14.1</v>
      </c>
      <c r="C2454" s="2">
        <v>159</v>
      </c>
      <c r="D2454" s="2">
        <v>0</v>
      </c>
      <c r="E2454" s="2">
        <v>112.40000000000106</v>
      </c>
    </row>
    <row r="2455" spans="1:5" x14ac:dyDescent="0.25">
      <c r="A2455" s="3">
        <v>41770.90625</v>
      </c>
      <c r="B2455" s="2">
        <v>14.1</v>
      </c>
      <c r="C2455" s="2">
        <v>159</v>
      </c>
      <c r="D2455" s="2">
        <v>0.2</v>
      </c>
      <c r="E2455" s="2">
        <v>112.60000000000106</v>
      </c>
    </row>
    <row r="2456" spans="1:5" x14ac:dyDescent="0.25">
      <c r="A2456" s="3">
        <v>41770.906828703701</v>
      </c>
      <c r="B2456" s="2">
        <v>14</v>
      </c>
      <c r="C2456" s="2">
        <v>159.19999999999999</v>
      </c>
      <c r="D2456" s="2">
        <v>0</v>
      </c>
      <c r="E2456" s="2">
        <v>112.60000000000106</v>
      </c>
    </row>
    <row r="2457" spans="1:5" x14ac:dyDescent="0.25">
      <c r="A2457" s="3">
        <v>41770.90729166667</v>
      </c>
      <c r="B2457" s="2">
        <v>14</v>
      </c>
      <c r="C2457" s="2">
        <v>159.19999999999999</v>
      </c>
      <c r="D2457" s="2">
        <v>0.2</v>
      </c>
      <c r="E2457" s="2">
        <v>112.80000000000106</v>
      </c>
    </row>
    <row r="2458" spans="1:5" x14ac:dyDescent="0.25">
      <c r="A2458" s="3">
        <v>41770.907986111109</v>
      </c>
      <c r="B2458" s="2">
        <v>14</v>
      </c>
      <c r="C2458" s="2">
        <v>159.4</v>
      </c>
      <c r="D2458" s="2">
        <v>0</v>
      </c>
      <c r="E2458" s="2">
        <v>112.80000000000106</v>
      </c>
    </row>
    <row r="2459" spans="1:5" x14ac:dyDescent="0.25">
      <c r="A2459" s="3">
        <v>41770.908275462964</v>
      </c>
      <c r="B2459" s="2">
        <v>14</v>
      </c>
      <c r="C2459" s="2">
        <v>159.4</v>
      </c>
      <c r="D2459" s="2">
        <v>0.2</v>
      </c>
      <c r="E2459" s="2">
        <v>113.00000000000107</v>
      </c>
    </row>
    <row r="2460" spans="1:5" x14ac:dyDescent="0.25">
      <c r="A2460" s="3">
        <v>41770.90896990741</v>
      </c>
      <c r="B2460" s="2">
        <v>14</v>
      </c>
      <c r="C2460" s="2">
        <v>159.6</v>
      </c>
      <c r="D2460" s="2">
        <v>0</v>
      </c>
      <c r="E2460" s="2">
        <v>113.00000000000107</v>
      </c>
    </row>
    <row r="2461" spans="1:5" x14ac:dyDescent="0.25">
      <c r="A2461" s="3">
        <v>41770.909259259257</v>
      </c>
      <c r="B2461" s="2">
        <v>14</v>
      </c>
      <c r="C2461" s="2">
        <v>159.6</v>
      </c>
      <c r="D2461" s="2">
        <v>0.2</v>
      </c>
      <c r="E2461" s="2">
        <v>113.20000000000107</v>
      </c>
    </row>
    <row r="2462" spans="1:5" x14ac:dyDescent="0.25">
      <c r="A2462" s="3">
        <v>41770.910069444442</v>
      </c>
      <c r="B2462" s="2">
        <v>13.9</v>
      </c>
      <c r="C2462" s="2">
        <v>159.80000000000001</v>
      </c>
      <c r="D2462" s="2">
        <v>0</v>
      </c>
      <c r="E2462" s="2">
        <v>113.20000000000107</v>
      </c>
    </row>
    <row r="2463" spans="1:5" x14ac:dyDescent="0.25">
      <c r="A2463" s="3">
        <v>41770.910300925927</v>
      </c>
      <c r="B2463" s="2">
        <v>13.9</v>
      </c>
      <c r="C2463" s="2">
        <v>159.80000000000001</v>
      </c>
      <c r="D2463" s="2">
        <v>0.2</v>
      </c>
      <c r="E2463" s="2">
        <v>113.40000000000107</v>
      </c>
    </row>
    <row r="2464" spans="1:5" x14ac:dyDescent="0.25">
      <c r="A2464" s="3">
        <v>41770.91128472222</v>
      </c>
      <c r="B2464" s="2">
        <v>13.8</v>
      </c>
      <c r="C2464" s="2">
        <v>160</v>
      </c>
      <c r="D2464" s="2">
        <v>0</v>
      </c>
      <c r="E2464" s="2">
        <v>113.40000000000107</v>
      </c>
    </row>
    <row r="2465" spans="1:5" x14ac:dyDescent="0.25">
      <c r="A2465" s="3">
        <v>41770.911574074074</v>
      </c>
      <c r="B2465" s="2">
        <v>13.8</v>
      </c>
      <c r="C2465" s="2">
        <v>160</v>
      </c>
      <c r="D2465" s="2">
        <v>0.2</v>
      </c>
      <c r="E2465" s="2">
        <v>113.60000000000107</v>
      </c>
    </row>
    <row r="2466" spans="1:5" x14ac:dyDescent="0.25">
      <c r="A2466" s="3">
        <v>41770.912442129629</v>
      </c>
      <c r="B2466" s="2">
        <v>13.8</v>
      </c>
      <c r="C2466" s="2">
        <v>160.19999999999999</v>
      </c>
      <c r="D2466" s="2">
        <v>0</v>
      </c>
      <c r="E2466" s="2">
        <v>113.60000000000107</v>
      </c>
    </row>
    <row r="2467" spans="1:5" x14ac:dyDescent="0.25">
      <c r="A2467" s="3">
        <v>41770.912962962961</v>
      </c>
      <c r="B2467" s="2">
        <v>13.7</v>
      </c>
      <c r="C2467" s="2">
        <v>160.19999999999999</v>
      </c>
      <c r="D2467" s="2">
        <v>0.2</v>
      </c>
      <c r="E2467" s="2">
        <v>113.80000000000108</v>
      </c>
    </row>
    <row r="2468" spans="1:5" x14ac:dyDescent="0.25">
      <c r="A2468" s="3">
        <v>41770.914699074077</v>
      </c>
      <c r="B2468" s="2">
        <v>13.6</v>
      </c>
      <c r="C2468" s="2">
        <v>160.4</v>
      </c>
      <c r="D2468" s="2">
        <v>0</v>
      </c>
      <c r="E2468" s="2">
        <v>113.80000000000108</v>
      </c>
    </row>
    <row r="2469" spans="1:5" x14ac:dyDescent="0.25">
      <c r="A2469" s="3">
        <v>41770.915162037039</v>
      </c>
      <c r="B2469" s="2">
        <v>13.6</v>
      </c>
      <c r="C2469" s="2">
        <v>160.4</v>
      </c>
      <c r="D2469" s="2">
        <v>0.2</v>
      </c>
      <c r="E2469" s="2">
        <v>114.00000000000108</v>
      </c>
    </row>
    <row r="2470" spans="1:5" x14ac:dyDescent="0.25">
      <c r="A2470" s="3">
        <v>41770.915914351855</v>
      </c>
      <c r="B2470" s="2">
        <v>13.6</v>
      </c>
      <c r="C2470" s="2">
        <v>160.6</v>
      </c>
      <c r="D2470" s="2">
        <v>0</v>
      </c>
      <c r="E2470" s="2">
        <v>114.00000000000108</v>
      </c>
    </row>
    <row r="2471" spans="1:5" x14ac:dyDescent="0.25">
      <c r="A2471" s="3">
        <v>41770.916261574072</v>
      </c>
      <c r="B2471" s="2">
        <v>13.5</v>
      </c>
      <c r="C2471" s="2">
        <v>160.6</v>
      </c>
      <c r="D2471" s="2">
        <v>0.2</v>
      </c>
      <c r="E2471" s="2">
        <v>114.20000000000108</v>
      </c>
    </row>
    <row r="2472" spans="1:5" x14ac:dyDescent="0.25">
      <c r="A2472" s="3">
        <v>41770.917129629626</v>
      </c>
      <c r="B2472" s="2">
        <v>13.5</v>
      </c>
      <c r="C2472" s="2">
        <v>160.80000000000001</v>
      </c>
      <c r="D2472" s="2">
        <v>0</v>
      </c>
      <c r="E2472" s="2">
        <v>114.20000000000108</v>
      </c>
    </row>
    <row r="2473" spans="1:5" x14ac:dyDescent="0.25">
      <c r="A2473" s="3">
        <v>41770.91747685185</v>
      </c>
      <c r="B2473" s="2">
        <v>13.4</v>
      </c>
      <c r="C2473" s="2">
        <v>160.80000000000001</v>
      </c>
      <c r="D2473" s="2">
        <v>0.2</v>
      </c>
      <c r="E2473" s="2">
        <v>114.40000000000109</v>
      </c>
    </row>
    <row r="2474" spans="1:5" x14ac:dyDescent="0.25">
      <c r="A2474" s="3">
        <v>41770.918229166666</v>
      </c>
      <c r="B2474" s="2">
        <v>13.4</v>
      </c>
      <c r="C2474" s="2">
        <v>161</v>
      </c>
      <c r="D2474" s="2">
        <v>0</v>
      </c>
      <c r="E2474" s="2">
        <v>114.40000000000109</v>
      </c>
    </row>
    <row r="2475" spans="1:5" x14ac:dyDescent="0.25">
      <c r="A2475" s="3">
        <v>41770.918749999997</v>
      </c>
      <c r="B2475" s="2">
        <v>13.4</v>
      </c>
      <c r="C2475" s="2">
        <v>161</v>
      </c>
      <c r="D2475" s="2">
        <v>0.2</v>
      </c>
      <c r="E2475" s="2">
        <v>114.60000000000109</v>
      </c>
    </row>
    <row r="2476" spans="1:5" x14ac:dyDescent="0.25">
      <c r="A2476" s="3">
        <v>41770.920023148145</v>
      </c>
      <c r="B2476" s="2">
        <v>13.3</v>
      </c>
      <c r="C2476" s="2">
        <v>161.19999999999999</v>
      </c>
      <c r="D2476" s="2">
        <v>0</v>
      </c>
      <c r="E2476" s="2">
        <v>114.60000000000109</v>
      </c>
    </row>
    <row r="2477" spans="1:5" x14ac:dyDescent="0.25">
      <c r="A2477" s="3">
        <v>41770.920486111114</v>
      </c>
      <c r="B2477" s="2">
        <v>13.3</v>
      </c>
      <c r="C2477" s="2">
        <v>161.19999999999999</v>
      </c>
      <c r="D2477" s="2">
        <v>0.2</v>
      </c>
      <c r="E2477" s="2">
        <v>114.80000000000109</v>
      </c>
    </row>
    <row r="2478" spans="1:5" x14ac:dyDescent="0.25">
      <c r="A2478" s="3">
        <v>41770.921527777777</v>
      </c>
      <c r="B2478" s="2">
        <v>13.2</v>
      </c>
      <c r="C2478" s="2">
        <v>161.4</v>
      </c>
      <c r="D2478" s="2">
        <v>0</v>
      </c>
      <c r="E2478" s="2">
        <v>114.80000000000109</v>
      </c>
    </row>
    <row r="2479" spans="1:5" x14ac:dyDescent="0.25">
      <c r="A2479" s="3">
        <v>41770.921817129631</v>
      </c>
      <c r="B2479" s="2">
        <v>13.2</v>
      </c>
      <c r="C2479" s="2">
        <v>161.4</v>
      </c>
      <c r="D2479" s="2">
        <v>0.2</v>
      </c>
      <c r="E2479" s="2">
        <v>115.00000000000109</v>
      </c>
    </row>
    <row r="2480" spans="1:5" x14ac:dyDescent="0.25">
      <c r="A2480" s="3">
        <v>41770.923148148147</v>
      </c>
      <c r="B2480" s="2">
        <v>13.2</v>
      </c>
      <c r="C2480" s="2">
        <v>161.6</v>
      </c>
      <c r="D2480" s="2">
        <v>0</v>
      </c>
      <c r="E2480" s="2">
        <v>115.00000000000109</v>
      </c>
    </row>
    <row r="2481" spans="1:5" x14ac:dyDescent="0.25">
      <c r="A2481" s="3">
        <v>41770.923611111109</v>
      </c>
      <c r="B2481" s="2">
        <v>13.2</v>
      </c>
      <c r="C2481" s="2">
        <v>161.6</v>
      </c>
      <c r="D2481" s="2">
        <v>0.2</v>
      </c>
      <c r="E2481" s="2">
        <v>115.2000000000011</v>
      </c>
    </row>
    <row r="2482" spans="1:5" x14ac:dyDescent="0.25">
      <c r="A2482" s="3">
        <v>41770.924768518518</v>
      </c>
      <c r="B2482" s="2">
        <v>13.1</v>
      </c>
      <c r="C2482" s="2">
        <v>161.80000000000001</v>
      </c>
      <c r="D2482" s="2">
        <v>0</v>
      </c>
      <c r="E2482" s="2">
        <v>115.2000000000011</v>
      </c>
    </row>
    <row r="2483" spans="1:5" x14ac:dyDescent="0.25">
      <c r="A2483" s="3">
        <v>41770.924826388888</v>
      </c>
      <c r="B2483" s="2">
        <v>13.1</v>
      </c>
      <c r="C2483" s="2">
        <v>161.80000000000001</v>
      </c>
      <c r="D2483" s="2">
        <v>0.2</v>
      </c>
      <c r="E2483" s="2">
        <v>115.4000000000011</v>
      </c>
    </row>
    <row r="2484" spans="1:5" x14ac:dyDescent="0.25">
      <c r="A2484" s="3">
        <v>41770.926041666666</v>
      </c>
      <c r="B2484" s="2">
        <v>13.1</v>
      </c>
      <c r="C2484" s="2">
        <v>161.80000000000001</v>
      </c>
      <c r="D2484" s="2">
        <v>0.2</v>
      </c>
      <c r="E2484" s="2">
        <v>115.6000000000011</v>
      </c>
    </row>
    <row r="2485" spans="1:5" x14ac:dyDescent="0.25">
      <c r="A2485" s="3">
        <v>41770.926099537035</v>
      </c>
      <c r="B2485" s="2">
        <v>13.1</v>
      </c>
      <c r="C2485" s="2">
        <v>162</v>
      </c>
      <c r="D2485" s="2">
        <v>0</v>
      </c>
      <c r="E2485" s="2">
        <v>115.6000000000011</v>
      </c>
    </row>
    <row r="2486" spans="1:5" x14ac:dyDescent="0.25">
      <c r="A2486" s="3">
        <v>41770.927025462966</v>
      </c>
      <c r="B2486" s="2">
        <v>13.1</v>
      </c>
      <c r="C2486" s="2">
        <v>162</v>
      </c>
      <c r="D2486" s="2">
        <v>0.2</v>
      </c>
      <c r="E2486" s="2">
        <v>115.80000000000111</v>
      </c>
    </row>
    <row r="2487" spans="1:5" x14ac:dyDescent="0.25">
      <c r="A2487" s="3">
        <v>41770.927141203705</v>
      </c>
      <c r="B2487" s="2">
        <v>13.1</v>
      </c>
      <c r="C2487" s="2">
        <v>162.19999999999999</v>
      </c>
      <c r="D2487" s="2">
        <v>0</v>
      </c>
      <c r="E2487" s="2">
        <v>115.80000000000111</v>
      </c>
    </row>
    <row r="2488" spans="1:5" x14ac:dyDescent="0.25">
      <c r="A2488" s="3">
        <v>41770.92800925926</v>
      </c>
      <c r="B2488" s="2">
        <v>13.1</v>
      </c>
      <c r="C2488" s="2">
        <v>162.19999999999999</v>
      </c>
      <c r="D2488" s="2">
        <v>0.2</v>
      </c>
      <c r="E2488" s="2">
        <v>116.00000000000111</v>
      </c>
    </row>
    <row r="2489" spans="1:5" x14ac:dyDescent="0.25">
      <c r="A2489" s="3">
        <v>41770.928067129629</v>
      </c>
      <c r="B2489" s="2">
        <v>13.1</v>
      </c>
      <c r="C2489" s="2">
        <v>162.4</v>
      </c>
      <c r="D2489" s="2">
        <v>0</v>
      </c>
      <c r="E2489" s="2">
        <v>116.00000000000111</v>
      </c>
    </row>
    <row r="2490" spans="1:5" x14ac:dyDescent="0.25">
      <c r="A2490" s="3">
        <v>41770.928877314815</v>
      </c>
      <c r="B2490" s="2">
        <v>13</v>
      </c>
      <c r="C2490" s="2">
        <v>162.4</v>
      </c>
      <c r="D2490" s="2">
        <v>0.2</v>
      </c>
      <c r="E2490" s="2">
        <v>116.20000000000111</v>
      </c>
    </row>
    <row r="2491" spans="1:5" x14ac:dyDescent="0.25">
      <c r="A2491" s="3">
        <v>41770.929108796299</v>
      </c>
      <c r="B2491" s="2">
        <v>13</v>
      </c>
      <c r="C2491" s="2">
        <v>162.6</v>
      </c>
      <c r="D2491" s="2">
        <v>0</v>
      </c>
      <c r="E2491" s="2">
        <v>116.20000000000111</v>
      </c>
    </row>
    <row r="2492" spans="1:5" x14ac:dyDescent="0.25">
      <c r="A2492" s="3">
        <v>41770.929745370369</v>
      </c>
      <c r="B2492" s="2">
        <v>13</v>
      </c>
      <c r="C2492" s="2">
        <v>162.6</v>
      </c>
      <c r="D2492" s="2">
        <v>0.2</v>
      </c>
      <c r="E2492" s="2">
        <v>116.40000000000111</v>
      </c>
    </row>
    <row r="2493" spans="1:5" x14ac:dyDescent="0.25">
      <c r="A2493" s="3">
        <v>41770.929976851854</v>
      </c>
      <c r="B2493" s="2">
        <v>13</v>
      </c>
      <c r="C2493" s="2">
        <v>162.80000000000001</v>
      </c>
      <c r="D2493" s="2">
        <v>0</v>
      </c>
      <c r="E2493" s="2">
        <v>116.40000000000111</v>
      </c>
    </row>
    <row r="2494" spans="1:5" x14ac:dyDescent="0.25">
      <c r="A2494" s="3">
        <v>41770.930497685185</v>
      </c>
      <c r="B2494" s="2">
        <v>12.9</v>
      </c>
      <c r="C2494" s="2">
        <v>162.80000000000001</v>
      </c>
      <c r="D2494" s="2">
        <v>0.2</v>
      </c>
      <c r="E2494" s="2">
        <v>116.60000000000112</v>
      </c>
    </row>
    <row r="2495" spans="1:5" x14ac:dyDescent="0.25">
      <c r="A2495" s="3">
        <v>41770.930960648147</v>
      </c>
      <c r="B2495" s="2">
        <v>13</v>
      </c>
      <c r="C2495" s="2">
        <v>163</v>
      </c>
      <c r="D2495" s="2">
        <v>0</v>
      </c>
      <c r="E2495" s="2">
        <v>116.60000000000112</v>
      </c>
    </row>
    <row r="2496" spans="1:5" x14ac:dyDescent="0.25">
      <c r="A2496" s="3">
        <v>41770.931597222225</v>
      </c>
      <c r="B2496" s="2">
        <v>13</v>
      </c>
      <c r="C2496" s="2">
        <v>163</v>
      </c>
      <c r="D2496" s="2">
        <v>0.2</v>
      </c>
      <c r="E2496" s="2">
        <v>116.80000000000112</v>
      </c>
    </row>
    <row r="2497" spans="1:5" x14ac:dyDescent="0.25">
      <c r="A2497" s="3">
        <v>41770.931886574072</v>
      </c>
      <c r="B2497" s="2">
        <v>12.9</v>
      </c>
      <c r="C2497" s="2">
        <v>163.19999999999999</v>
      </c>
      <c r="D2497" s="2">
        <v>0</v>
      </c>
      <c r="E2497" s="2">
        <v>116.80000000000112</v>
      </c>
    </row>
    <row r="2498" spans="1:5" x14ac:dyDescent="0.25">
      <c r="A2498" s="3">
        <v>41770.932812500003</v>
      </c>
      <c r="B2498" s="2">
        <v>12.9</v>
      </c>
      <c r="C2498" s="2">
        <v>163.19999999999999</v>
      </c>
      <c r="D2498" s="2">
        <v>0.2</v>
      </c>
      <c r="E2498" s="2">
        <v>117.00000000000112</v>
      </c>
    </row>
    <row r="2499" spans="1:5" x14ac:dyDescent="0.25">
      <c r="A2499" s="3">
        <v>41770.933506944442</v>
      </c>
      <c r="B2499" s="2">
        <v>12.9</v>
      </c>
      <c r="C2499" s="2">
        <v>163.4</v>
      </c>
      <c r="D2499" s="2">
        <v>0</v>
      </c>
      <c r="E2499" s="2">
        <v>117.00000000000112</v>
      </c>
    </row>
    <row r="2500" spans="1:5" x14ac:dyDescent="0.25">
      <c r="A2500" s="3">
        <v>41770.933912037035</v>
      </c>
      <c r="B2500" s="2">
        <v>12.9</v>
      </c>
      <c r="C2500" s="2">
        <v>163.4</v>
      </c>
      <c r="D2500" s="2">
        <v>0.2</v>
      </c>
      <c r="E2500" s="2">
        <v>117.20000000000113</v>
      </c>
    </row>
    <row r="2501" spans="1:5" x14ac:dyDescent="0.25">
      <c r="A2501" s="3">
        <v>41770.934374999997</v>
      </c>
      <c r="B2501" s="2">
        <v>12.9</v>
      </c>
      <c r="C2501" s="2">
        <v>163.6</v>
      </c>
      <c r="D2501" s="2">
        <v>0</v>
      </c>
      <c r="E2501" s="2">
        <v>117.20000000000113</v>
      </c>
    </row>
    <row r="2502" spans="1:5" x14ac:dyDescent="0.25">
      <c r="A2502" s="3">
        <v>41770.934837962966</v>
      </c>
      <c r="B2502" s="2">
        <v>12.8</v>
      </c>
      <c r="C2502" s="2">
        <v>163.6</v>
      </c>
      <c r="D2502" s="2">
        <v>0.2</v>
      </c>
      <c r="E2502" s="2">
        <v>117.40000000000113</v>
      </c>
    </row>
    <row r="2503" spans="1:5" x14ac:dyDescent="0.25">
      <c r="A2503" s="3">
        <v>41770.935358796298</v>
      </c>
      <c r="B2503" s="2">
        <v>12.8</v>
      </c>
      <c r="C2503" s="2">
        <v>163.80000000000001</v>
      </c>
      <c r="D2503" s="2">
        <v>0</v>
      </c>
      <c r="E2503" s="2">
        <v>117.40000000000113</v>
      </c>
    </row>
    <row r="2504" spans="1:5" x14ac:dyDescent="0.25">
      <c r="A2504" s="3">
        <v>41770.935879629629</v>
      </c>
      <c r="B2504" s="2">
        <v>12.9</v>
      </c>
      <c r="C2504" s="2">
        <v>163.80000000000001</v>
      </c>
      <c r="D2504" s="2">
        <v>0.2</v>
      </c>
      <c r="E2504" s="2">
        <v>117.60000000000113</v>
      </c>
    </row>
    <row r="2505" spans="1:5" x14ac:dyDescent="0.25">
      <c r="A2505" s="3">
        <v>41770.936400462961</v>
      </c>
      <c r="B2505" s="2">
        <v>12.8</v>
      </c>
      <c r="C2505" s="2">
        <v>164</v>
      </c>
      <c r="D2505" s="2">
        <v>0</v>
      </c>
      <c r="E2505" s="2">
        <v>117.60000000000113</v>
      </c>
    </row>
    <row r="2506" spans="1:5" x14ac:dyDescent="0.25">
      <c r="A2506" s="3">
        <v>41770.936863425923</v>
      </c>
      <c r="B2506" s="2">
        <v>12.8</v>
      </c>
      <c r="C2506" s="2">
        <v>164</v>
      </c>
      <c r="D2506" s="2">
        <v>0.2</v>
      </c>
      <c r="E2506" s="2">
        <v>117.80000000000113</v>
      </c>
    </row>
    <row r="2507" spans="1:5" x14ac:dyDescent="0.25">
      <c r="A2507" s="3">
        <v>41770.9375</v>
      </c>
      <c r="B2507" s="2">
        <v>12.8</v>
      </c>
      <c r="C2507" s="2">
        <v>164.2</v>
      </c>
      <c r="D2507" s="2">
        <v>0</v>
      </c>
      <c r="E2507" s="2">
        <v>117.80000000000113</v>
      </c>
    </row>
    <row r="2508" spans="1:5" x14ac:dyDescent="0.25">
      <c r="A2508" s="3">
        <v>41770.937905092593</v>
      </c>
      <c r="B2508" s="2">
        <v>12.8</v>
      </c>
      <c r="C2508" s="2">
        <v>164.2</v>
      </c>
      <c r="D2508" s="2">
        <v>0.2</v>
      </c>
      <c r="E2508" s="2">
        <v>118.00000000000114</v>
      </c>
    </row>
    <row r="2509" spans="1:5" x14ac:dyDescent="0.25">
      <c r="A2509" s="3">
        <v>41770.93854166667</v>
      </c>
      <c r="B2509" s="2">
        <v>12.7</v>
      </c>
      <c r="C2509" s="2">
        <v>164.4</v>
      </c>
      <c r="D2509" s="2">
        <v>0</v>
      </c>
      <c r="E2509" s="2">
        <v>118.00000000000114</v>
      </c>
    </row>
    <row r="2510" spans="1:5" x14ac:dyDescent="0.25">
      <c r="A2510" s="3">
        <v>41770.939004629632</v>
      </c>
      <c r="B2510" s="2">
        <v>12.7</v>
      </c>
      <c r="C2510" s="2">
        <v>164.4</v>
      </c>
      <c r="D2510" s="2">
        <v>0.2</v>
      </c>
      <c r="E2510" s="2">
        <v>118.20000000000114</v>
      </c>
    </row>
    <row r="2511" spans="1:5" x14ac:dyDescent="0.25">
      <c r="A2511" s="3">
        <v>41770.939756944441</v>
      </c>
      <c r="B2511" s="2">
        <v>12.7</v>
      </c>
      <c r="C2511" s="2">
        <v>164.6</v>
      </c>
      <c r="D2511" s="2">
        <v>0</v>
      </c>
      <c r="E2511" s="2">
        <v>118.20000000000114</v>
      </c>
    </row>
    <row r="2512" spans="1:5" x14ac:dyDescent="0.25">
      <c r="A2512" s="3">
        <v>41770.939988425926</v>
      </c>
      <c r="B2512" s="2">
        <v>12.7</v>
      </c>
      <c r="C2512" s="2">
        <v>164.6</v>
      </c>
      <c r="D2512" s="2">
        <v>0.2</v>
      </c>
      <c r="E2512" s="2">
        <v>118.40000000000114</v>
      </c>
    </row>
    <row r="2513" spans="1:5" x14ac:dyDescent="0.25">
      <c r="A2513" s="3">
        <v>41770.940567129626</v>
      </c>
      <c r="B2513" s="2">
        <v>12.7</v>
      </c>
      <c r="C2513" s="2">
        <v>164.8</v>
      </c>
      <c r="D2513" s="2">
        <v>0</v>
      </c>
      <c r="E2513" s="2">
        <v>118.40000000000114</v>
      </c>
    </row>
    <row r="2514" spans="1:5" x14ac:dyDescent="0.25">
      <c r="A2514" s="3">
        <v>41770.940972222219</v>
      </c>
      <c r="B2514" s="2">
        <v>12.6</v>
      </c>
      <c r="C2514" s="2">
        <v>164.8</v>
      </c>
      <c r="D2514" s="2">
        <v>0.2</v>
      </c>
      <c r="E2514" s="2">
        <v>118.60000000000115</v>
      </c>
    </row>
    <row r="2515" spans="1:5" x14ac:dyDescent="0.25">
      <c r="A2515" s="3">
        <v>41770.941377314812</v>
      </c>
      <c r="B2515" s="2">
        <v>12.6</v>
      </c>
      <c r="C2515" s="2">
        <v>165</v>
      </c>
      <c r="D2515" s="2">
        <v>0</v>
      </c>
      <c r="E2515" s="2">
        <v>118.60000000000115</v>
      </c>
    </row>
    <row r="2516" spans="1:5" x14ac:dyDescent="0.25">
      <c r="A2516" s="3">
        <v>41770.941840277781</v>
      </c>
      <c r="B2516" s="2">
        <v>12.6</v>
      </c>
      <c r="C2516" s="2">
        <v>165</v>
      </c>
      <c r="D2516" s="2">
        <v>0.2</v>
      </c>
      <c r="E2516" s="2">
        <v>118.80000000000115</v>
      </c>
    </row>
    <row r="2517" spans="1:5" x14ac:dyDescent="0.25">
      <c r="A2517" s="3">
        <v>41770.94259259259</v>
      </c>
      <c r="B2517" s="2">
        <v>12.6</v>
      </c>
      <c r="C2517" s="2">
        <v>165.2</v>
      </c>
      <c r="D2517" s="2">
        <v>0</v>
      </c>
      <c r="E2517" s="2">
        <v>118.80000000000115</v>
      </c>
    </row>
    <row r="2518" spans="1:5" x14ac:dyDescent="0.25">
      <c r="A2518" s="3">
        <v>41770.942766203705</v>
      </c>
      <c r="B2518" s="2">
        <v>12.6</v>
      </c>
      <c r="C2518" s="2">
        <v>165.2</v>
      </c>
      <c r="D2518" s="2">
        <v>0.2</v>
      </c>
      <c r="E2518" s="2">
        <v>119.00000000000115</v>
      </c>
    </row>
    <row r="2519" spans="1:5" x14ac:dyDescent="0.25">
      <c r="A2519" s="3">
        <v>41770.943807870368</v>
      </c>
      <c r="B2519" s="2">
        <v>12.6</v>
      </c>
      <c r="C2519" s="2">
        <v>165.2</v>
      </c>
      <c r="D2519" s="2">
        <v>0.2</v>
      </c>
      <c r="E2519" s="2">
        <v>119.20000000000115</v>
      </c>
    </row>
    <row r="2520" spans="1:5" x14ac:dyDescent="0.25">
      <c r="A2520" s="3">
        <v>41770.943865740737</v>
      </c>
      <c r="B2520" s="2">
        <v>12.6</v>
      </c>
      <c r="C2520" s="2">
        <v>165.4</v>
      </c>
      <c r="D2520" s="2">
        <v>0</v>
      </c>
      <c r="E2520" s="2">
        <v>119.20000000000115</v>
      </c>
    </row>
    <row r="2521" spans="1:5" x14ac:dyDescent="0.25">
      <c r="A2521" s="3">
        <v>41770.944560185184</v>
      </c>
      <c r="B2521" s="2">
        <v>12.6</v>
      </c>
      <c r="C2521" s="2">
        <v>165.6</v>
      </c>
      <c r="D2521" s="2">
        <v>0</v>
      </c>
      <c r="E2521" s="2">
        <v>119.20000000000115</v>
      </c>
    </row>
    <row r="2522" spans="1:5" x14ac:dyDescent="0.25">
      <c r="A2522" s="3">
        <v>41770.944733796299</v>
      </c>
      <c r="B2522" s="2">
        <v>12.6</v>
      </c>
      <c r="C2522" s="2">
        <v>165.6</v>
      </c>
      <c r="D2522" s="2">
        <v>0.2</v>
      </c>
      <c r="E2522" s="2">
        <v>119.40000000000116</v>
      </c>
    </row>
    <row r="2523" spans="1:5" x14ac:dyDescent="0.25">
      <c r="A2523" s="3">
        <v>41770.945833333331</v>
      </c>
      <c r="B2523" s="2">
        <v>12.5</v>
      </c>
      <c r="C2523" s="2">
        <v>165.8</v>
      </c>
      <c r="D2523" s="2">
        <v>0</v>
      </c>
      <c r="E2523" s="2">
        <v>119.40000000000116</v>
      </c>
    </row>
    <row r="2524" spans="1:5" x14ac:dyDescent="0.25">
      <c r="A2524" s="3">
        <v>41770.946180555555</v>
      </c>
      <c r="B2524" s="2">
        <v>12.5</v>
      </c>
      <c r="C2524" s="2">
        <v>165.8</v>
      </c>
      <c r="D2524" s="2">
        <v>0.2</v>
      </c>
      <c r="E2524" s="2">
        <v>119.60000000000116</v>
      </c>
    </row>
    <row r="2525" spans="1:5" x14ac:dyDescent="0.25">
      <c r="A2525" s="3">
        <v>41770.94699074074</v>
      </c>
      <c r="B2525" s="2">
        <v>12.5</v>
      </c>
      <c r="C2525" s="2">
        <v>166</v>
      </c>
      <c r="D2525" s="2">
        <v>0</v>
      </c>
      <c r="E2525" s="2">
        <v>119.60000000000116</v>
      </c>
    </row>
    <row r="2526" spans="1:5" x14ac:dyDescent="0.25">
      <c r="A2526" s="3">
        <v>41770.947222222225</v>
      </c>
      <c r="B2526" s="2">
        <v>12.5</v>
      </c>
      <c r="C2526" s="2">
        <v>166</v>
      </c>
      <c r="D2526" s="2">
        <v>0.2</v>
      </c>
      <c r="E2526" s="2">
        <v>119.80000000000116</v>
      </c>
    </row>
    <row r="2527" spans="1:5" x14ac:dyDescent="0.25">
      <c r="A2527" s="3">
        <v>41770.947858796295</v>
      </c>
      <c r="B2527" s="2">
        <v>12.5</v>
      </c>
      <c r="C2527" s="2">
        <v>166.2</v>
      </c>
      <c r="D2527" s="2">
        <v>0</v>
      </c>
      <c r="E2527" s="2">
        <v>119.80000000000116</v>
      </c>
    </row>
    <row r="2528" spans="1:5" x14ac:dyDescent="0.25">
      <c r="A2528" s="3">
        <v>41770.947916666664</v>
      </c>
      <c r="B2528" s="2">
        <v>12.5</v>
      </c>
      <c r="C2528" s="2">
        <v>166.2</v>
      </c>
      <c r="D2528" s="2">
        <v>0.2</v>
      </c>
      <c r="E2528" s="2">
        <v>120.00000000000117</v>
      </c>
    </row>
    <row r="2529" spans="1:5" x14ac:dyDescent="0.25">
      <c r="A2529" s="3">
        <v>41770.948611111111</v>
      </c>
      <c r="B2529" s="2">
        <v>12.4</v>
      </c>
      <c r="C2529" s="2">
        <v>166.4</v>
      </c>
      <c r="D2529" s="2">
        <v>0</v>
      </c>
      <c r="E2529" s="2">
        <v>120.00000000000117</v>
      </c>
    </row>
    <row r="2530" spans="1:5" x14ac:dyDescent="0.25">
      <c r="A2530" s="3">
        <v>41770.94866898148</v>
      </c>
      <c r="B2530" s="2">
        <v>12.4</v>
      </c>
      <c r="C2530" s="2">
        <v>166.4</v>
      </c>
      <c r="D2530" s="2">
        <v>0.2</v>
      </c>
      <c r="E2530" s="2">
        <v>120.20000000000117</v>
      </c>
    </row>
    <row r="2531" spans="1:5" x14ac:dyDescent="0.25">
      <c r="A2531" s="3">
        <v>41770.949826388889</v>
      </c>
      <c r="B2531" s="2">
        <v>12.3</v>
      </c>
      <c r="C2531" s="2">
        <v>166.6</v>
      </c>
      <c r="D2531" s="2">
        <v>0</v>
      </c>
      <c r="E2531" s="2">
        <v>120.20000000000117</v>
      </c>
    </row>
    <row r="2532" spans="1:5" x14ac:dyDescent="0.25">
      <c r="A2532" s="3">
        <v>41770.949942129628</v>
      </c>
      <c r="B2532" s="2">
        <v>12.3</v>
      </c>
      <c r="C2532" s="2">
        <v>166.6</v>
      </c>
      <c r="D2532" s="2">
        <v>0.2</v>
      </c>
      <c r="E2532" s="2">
        <v>120.40000000000117</v>
      </c>
    </row>
    <row r="2533" spans="1:5" x14ac:dyDescent="0.25">
      <c r="A2533" s="3">
        <v>41770.950752314813</v>
      </c>
      <c r="B2533" s="2">
        <v>12.3</v>
      </c>
      <c r="C2533" s="2">
        <v>166.8</v>
      </c>
      <c r="D2533" s="2">
        <v>0</v>
      </c>
      <c r="E2533" s="2">
        <v>120.40000000000117</v>
      </c>
    </row>
    <row r="2534" spans="1:5" x14ac:dyDescent="0.25">
      <c r="A2534" s="3">
        <v>41770.950925925928</v>
      </c>
      <c r="B2534" s="2">
        <v>12.3</v>
      </c>
      <c r="C2534" s="2">
        <v>166.8</v>
      </c>
      <c r="D2534" s="2">
        <v>0.2</v>
      </c>
      <c r="E2534" s="2">
        <v>120.60000000000117</v>
      </c>
    </row>
    <row r="2535" spans="1:5" x14ac:dyDescent="0.25">
      <c r="A2535" s="3">
        <v>41770.951967592591</v>
      </c>
      <c r="B2535" s="2">
        <v>12.2</v>
      </c>
      <c r="C2535" s="2">
        <v>166.8</v>
      </c>
      <c r="D2535" s="2">
        <v>0.2</v>
      </c>
      <c r="E2535" s="2">
        <v>120.80000000000118</v>
      </c>
    </row>
    <row r="2536" spans="1:5" x14ac:dyDescent="0.25">
      <c r="A2536" s="3">
        <v>41770.95208333333</v>
      </c>
      <c r="B2536" s="2">
        <v>12.2</v>
      </c>
      <c r="C2536" s="2">
        <v>167</v>
      </c>
      <c r="D2536" s="2">
        <v>0</v>
      </c>
      <c r="E2536" s="2">
        <v>120.80000000000118</v>
      </c>
    </row>
    <row r="2537" spans="1:5" x14ac:dyDescent="0.25">
      <c r="A2537" s="3">
        <v>41770.953414351854</v>
      </c>
      <c r="B2537" s="2">
        <v>12.1</v>
      </c>
      <c r="C2537" s="2">
        <v>167</v>
      </c>
      <c r="D2537" s="2">
        <v>0.2</v>
      </c>
      <c r="E2537" s="2">
        <v>121.00000000000118</v>
      </c>
    </row>
    <row r="2538" spans="1:5" x14ac:dyDescent="0.25">
      <c r="A2538" s="3">
        <v>41770.953587962962</v>
      </c>
      <c r="B2538" s="2">
        <v>12.1</v>
      </c>
      <c r="C2538" s="2">
        <v>167.2</v>
      </c>
      <c r="D2538" s="2">
        <v>0</v>
      </c>
      <c r="E2538" s="2">
        <v>121.00000000000118</v>
      </c>
    </row>
    <row r="2539" spans="1:5" x14ac:dyDescent="0.25">
      <c r="A2539" s="3">
        <v>41770.954513888886</v>
      </c>
      <c r="B2539" s="2">
        <v>12.1</v>
      </c>
      <c r="C2539" s="2">
        <v>167.2</v>
      </c>
      <c r="D2539" s="2">
        <v>0.2</v>
      </c>
      <c r="E2539" s="2">
        <v>121.20000000000118</v>
      </c>
    </row>
    <row r="2540" spans="1:5" x14ac:dyDescent="0.25">
      <c r="A2540" s="3">
        <v>41770.954687500001</v>
      </c>
      <c r="B2540" s="2">
        <v>12.1</v>
      </c>
      <c r="C2540" s="2">
        <v>167.4</v>
      </c>
      <c r="D2540" s="2">
        <v>0</v>
      </c>
      <c r="E2540" s="2">
        <v>121.20000000000118</v>
      </c>
    </row>
    <row r="2541" spans="1:5" x14ac:dyDescent="0.25">
      <c r="A2541" s="3">
        <v>41770.955555555556</v>
      </c>
      <c r="B2541" s="2">
        <v>12.1</v>
      </c>
      <c r="C2541" s="2">
        <v>167.4</v>
      </c>
      <c r="D2541" s="2">
        <v>0.2</v>
      </c>
      <c r="E2541" s="2">
        <v>121.40000000000119</v>
      </c>
    </row>
    <row r="2542" spans="1:5" x14ac:dyDescent="0.25">
      <c r="A2542" s="3">
        <v>41770.95590277778</v>
      </c>
      <c r="B2542" s="2">
        <v>12.1</v>
      </c>
      <c r="C2542" s="2">
        <v>167.6</v>
      </c>
      <c r="D2542" s="2">
        <v>0</v>
      </c>
      <c r="E2542" s="2">
        <v>121.40000000000119</v>
      </c>
    </row>
    <row r="2543" spans="1:5" x14ac:dyDescent="0.25">
      <c r="A2543" s="3">
        <v>41770.95653935185</v>
      </c>
      <c r="B2543" s="2">
        <v>12.1</v>
      </c>
      <c r="C2543" s="2">
        <v>167.6</v>
      </c>
      <c r="D2543" s="2">
        <v>0.2</v>
      </c>
      <c r="E2543" s="2">
        <v>121.60000000000119</v>
      </c>
    </row>
    <row r="2544" spans="1:5" x14ac:dyDescent="0.25">
      <c r="A2544" s="3">
        <v>41770.957291666666</v>
      </c>
      <c r="B2544" s="2">
        <v>12.1</v>
      </c>
      <c r="C2544" s="2">
        <v>167.8</v>
      </c>
      <c r="D2544" s="2">
        <v>0</v>
      </c>
      <c r="E2544" s="2">
        <v>121.60000000000119</v>
      </c>
    </row>
    <row r="2545" spans="1:5" x14ac:dyDescent="0.25">
      <c r="A2545" s="3">
        <v>41770.95752314815</v>
      </c>
      <c r="B2545" s="2">
        <v>12.1</v>
      </c>
      <c r="C2545" s="2">
        <v>167.8</v>
      </c>
      <c r="D2545" s="2">
        <v>0.2</v>
      </c>
      <c r="E2545" s="2">
        <v>121.80000000000119</v>
      </c>
    </row>
    <row r="2546" spans="1:5" x14ac:dyDescent="0.25">
      <c r="A2546" s="3">
        <v>41770.958506944444</v>
      </c>
      <c r="B2546" s="2">
        <v>12</v>
      </c>
      <c r="C2546" s="2">
        <v>168</v>
      </c>
      <c r="D2546" s="2">
        <v>0</v>
      </c>
      <c r="E2546" s="2">
        <v>121.80000000000119</v>
      </c>
    </row>
    <row r="2547" spans="1:5" x14ac:dyDescent="0.25">
      <c r="A2547" s="3">
        <v>41770.958796296298</v>
      </c>
      <c r="B2547" s="2">
        <v>12.1</v>
      </c>
      <c r="C2547" s="2">
        <v>168</v>
      </c>
      <c r="D2547" s="2">
        <v>0.2</v>
      </c>
      <c r="E2547" s="2">
        <v>122.00000000000119</v>
      </c>
    </row>
    <row r="2548" spans="1:5" x14ac:dyDescent="0.25">
      <c r="A2548" s="3">
        <v>41770.959722222222</v>
      </c>
      <c r="B2548" s="2">
        <v>12.1</v>
      </c>
      <c r="C2548" s="2">
        <v>168.2</v>
      </c>
      <c r="D2548" s="2">
        <v>0</v>
      </c>
      <c r="E2548" s="2">
        <v>122.00000000000119</v>
      </c>
    </row>
    <row r="2549" spans="1:5" x14ac:dyDescent="0.25">
      <c r="A2549" s="3">
        <v>41770.95989583333</v>
      </c>
      <c r="B2549" s="2">
        <v>12.1</v>
      </c>
      <c r="C2549" s="2">
        <v>168.2</v>
      </c>
      <c r="D2549" s="2">
        <v>0.2</v>
      </c>
      <c r="E2549" s="2">
        <v>122.2000000000012</v>
      </c>
    </row>
    <row r="2550" spans="1:5" x14ac:dyDescent="0.25">
      <c r="A2550" s="3">
        <v>41770.960474537038</v>
      </c>
      <c r="B2550" s="2">
        <v>12.1</v>
      </c>
      <c r="C2550" s="2">
        <v>168.4</v>
      </c>
      <c r="D2550" s="2">
        <v>0</v>
      </c>
      <c r="E2550" s="2">
        <v>122.2000000000012</v>
      </c>
    </row>
    <row r="2551" spans="1:5" x14ac:dyDescent="0.25">
      <c r="A2551" s="3">
        <v>41770.960706018515</v>
      </c>
      <c r="B2551" s="2">
        <v>12</v>
      </c>
      <c r="C2551" s="2">
        <v>168.4</v>
      </c>
      <c r="D2551" s="2">
        <v>0.2</v>
      </c>
      <c r="E2551" s="2">
        <v>122.4000000000012</v>
      </c>
    </row>
    <row r="2552" spans="1:5" x14ac:dyDescent="0.25">
      <c r="A2552" s="3">
        <v>41770.961284722223</v>
      </c>
      <c r="B2552" s="2">
        <v>12.1</v>
      </c>
      <c r="C2552" s="2">
        <v>168.6</v>
      </c>
      <c r="D2552" s="2">
        <v>0</v>
      </c>
      <c r="E2552" s="2">
        <v>122.4000000000012</v>
      </c>
    </row>
    <row r="2553" spans="1:5" x14ac:dyDescent="0.25">
      <c r="A2553" s="3">
        <v>41770.961516203701</v>
      </c>
      <c r="B2553" s="2">
        <v>12</v>
      </c>
      <c r="C2553" s="2">
        <v>168.6</v>
      </c>
      <c r="D2553" s="2">
        <v>0.2</v>
      </c>
      <c r="E2553" s="2">
        <v>122.6000000000012</v>
      </c>
    </row>
    <row r="2554" spans="1:5" x14ac:dyDescent="0.25">
      <c r="A2554" s="3">
        <v>41770.962500000001</v>
      </c>
      <c r="B2554" s="2">
        <v>12.1</v>
      </c>
      <c r="C2554" s="2">
        <v>168.8</v>
      </c>
      <c r="D2554" s="2">
        <v>0</v>
      </c>
      <c r="E2554" s="2">
        <v>122.6000000000012</v>
      </c>
    </row>
    <row r="2555" spans="1:5" x14ac:dyDescent="0.25">
      <c r="A2555" s="3">
        <v>41770.96261574074</v>
      </c>
      <c r="B2555" s="2">
        <v>12</v>
      </c>
      <c r="C2555" s="2">
        <v>168.8</v>
      </c>
      <c r="D2555" s="2">
        <v>0.2</v>
      </c>
      <c r="E2555" s="2">
        <v>122.80000000000121</v>
      </c>
    </row>
    <row r="2556" spans="1:5" x14ac:dyDescent="0.25">
      <c r="A2556" s="3">
        <v>41770.964004629626</v>
      </c>
      <c r="B2556" s="2">
        <v>12</v>
      </c>
      <c r="C2556" s="2">
        <v>168.8</v>
      </c>
      <c r="D2556" s="2">
        <v>0.2</v>
      </c>
      <c r="E2556" s="2">
        <v>123.00000000000121</v>
      </c>
    </row>
    <row r="2557" spans="1:5" x14ac:dyDescent="0.25">
      <c r="A2557" s="3">
        <v>41770.964120370372</v>
      </c>
      <c r="B2557" s="2">
        <v>12</v>
      </c>
      <c r="C2557" s="2">
        <v>169</v>
      </c>
      <c r="D2557" s="2">
        <v>0</v>
      </c>
      <c r="E2557" s="2">
        <v>123.00000000000121</v>
      </c>
    </row>
    <row r="2558" spans="1:5" x14ac:dyDescent="0.25">
      <c r="A2558" s="3">
        <v>41770.965162037035</v>
      </c>
      <c r="B2558" s="2">
        <v>11.9</v>
      </c>
      <c r="C2558" s="2">
        <v>169</v>
      </c>
      <c r="D2558" s="2">
        <v>0.2</v>
      </c>
      <c r="E2558" s="2">
        <v>123.20000000000121</v>
      </c>
    </row>
    <row r="2559" spans="1:5" x14ac:dyDescent="0.25">
      <c r="A2559" s="3">
        <v>41770.965451388889</v>
      </c>
      <c r="B2559" s="2">
        <v>11.9</v>
      </c>
      <c r="C2559" s="2">
        <v>169.2</v>
      </c>
      <c r="D2559" s="2">
        <v>0</v>
      </c>
      <c r="E2559" s="2">
        <v>123.20000000000121</v>
      </c>
    </row>
    <row r="2560" spans="1:5" x14ac:dyDescent="0.25">
      <c r="A2560" s="3">
        <v>41770.966435185182</v>
      </c>
      <c r="B2560" s="2">
        <v>11.8</v>
      </c>
      <c r="C2560" s="2">
        <v>169.2</v>
      </c>
      <c r="D2560" s="2">
        <v>0.2</v>
      </c>
      <c r="E2560" s="2">
        <v>123.40000000000121</v>
      </c>
    </row>
    <row r="2561" spans="1:5" x14ac:dyDescent="0.25">
      <c r="A2561" s="3">
        <v>41770.966898148145</v>
      </c>
      <c r="B2561" s="2">
        <v>11.8</v>
      </c>
      <c r="C2561" s="2">
        <v>169.4</v>
      </c>
      <c r="D2561" s="2">
        <v>0</v>
      </c>
      <c r="E2561" s="2">
        <v>123.40000000000121</v>
      </c>
    </row>
    <row r="2562" spans="1:5" x14ac:dyDescent="0.25">
      <c r="A2562" s="3">
        <v>41770.967766203707</v>
      </c>
      <c r="B2562" s="2">
        <v>11.8</v>
      </c>
      <c r="C2562" s="2">
        <v>169.4</v>
      </c>
      <c r="D2562" s="2">
        <v>0.2</v>
      </c>
      <c r="E2562" s="2">
        <v>123.60000000000122</v>
      </c>
    </row>
    <row r="2563" spans="1:5" x14ac:dyDescent="0.25">
      <c r="A2563" s="3">
        <v>41770.968229166669</v>
      </c>
      <c r="B2563" s="2">
        <v>11.8</v>
      </c>
      <c r="C2563" s="2">
        <v>169.6</v>
      </c>
      <c r="D2563" s="2">
        <v>0</v>
      </c>
      <c r="E2563" s="2">
        <v>123.60000000000122</v>
      </c>
    </row>
    <row r="2564" spans="1:5" x14ac:dyDescent="0.25">
      <c r="A2564" s="3">
        <v>41770.969270833331</v>
      </c>
      <c r="B2564" s="2">
        <v>11.7</v>
      </c>
      <c r="C2564" s="2">
        <v>169.6</v>
      </c>
      <c r="D2564" s="2">
        <v>0.2</v>
      </c>
      <c r="E2564" s="2">
        <v>123.80000000000122</v>
      </c>
    </row>
    <row r="2565" spans="1:5" x14ac:dyDescent="0.25">
      <c r="A2565" s="3">
        <v>41770.970138888886</v>
      </c>
      <c r="B2565" s="2">
        <v>11.7</v>
      </c>
      <c r="C2565" s="2">
        <v>169.8</v>
      </c>
      <c r="D2565" s="2">
        <v>0</v>
      </c>
      <c r="E2565" s="2">
        <v>123.80000000000122</v>
      </c>
    </row>
    <row r="2566" spans="1:5" x14ac:dyDescent="0.25">
      <c r="A2566" s="3">
        <v>41770.970949074072</v>
      </c>
      <c r="B2566" s="2">
        <v>11.7</v>
      </c>
      <c r="C2566" s="2">
        <v>169.8</v>
      </c>
      <c r="D2566" s="2">
        <v>0.2</v>
      </c>
      <c r="E2566" s="2">
        <v>124.00000000000122</v>
      </c>
    </row>
    <row r="2567" spans="1:5" x14ac:dyDescent="0.25">
      <c r="A2567" s="3">
        <v>41770.971817129626</v>
      </c>
      <c r="B2567" s="2">
        <v>11.6</v>
      </c>
      <c r="C2567" s="2">
        <v>170</v>
      </c>
      <c r="D2567" s="2">
        <v>0</v>
      </c>
      <c r="E2567" s="2">
        <v>124.00000000000122</v>
      </c>
    </row>
    <row r="2568" spans="1:5" x14ac:dyDescent="0.25">
      <c r="A2568" s="3">
        <v>41770.971932870372</v>
      </c>
      <c r="B2568" s="2">
        <v>11.6</v>
      </c>
      <c r="C2568" s="2">
        <v>170</v>
      </c>
      <c r="D2568" s="2">
        <v>0.2</v>
      </c>
      <c r="E2568" s="2">
        <v>124.20000000000122</v>
      </c>
    </row>
    <row r="2569" spans="1:5" x14ac:dyDescent="0.25">
      <c r="A2569" s="3">
        <v>41770.97314814815</v>
      </c>
      <c r="B2569" s="2">
        <v>11.6</v>
      </c>
      <c r="C2569" s="2">
        <v>170.2</v>
      </c>
      <c r="D2569" s="2">
        <v>0</v>
      </c>
      <c r="E2569" s="2">
        <v>124.20000000000122</v>
      </c>
    </row>
    <row r="2570" spans="1:5" x14ac:dyDescent="0.25">
      <c r="A2570" s="3">
        <v>41770.973437499997</v>
      </c>
      <c r="B2570" s="2">
        <v>11.6</v>
      </c>
      <c r="C2570" s="2">
        <v>170.2</v>
      </c>
      <c r="D2570" s="2">
        <v>0.2</v>
      </c>
      <c r="E2570" s="2">
        <v>124.40000000000123</v>
      </c>
    </row>
    <row r="2571" spans="1:5" x14ac:dyDescent="0.25">
      <c r="A2571" s="3">
        <v>41770.974131944444</v>
      </c>
      <c r="B2571" s="2">
        <v>11.6</v>
      </c>
      <c r="C2571" s="2">
        <v>170.4</v>
      </c>
      <c r="D2571" s="2">
        <v>0</v>
      </c>
      <c r="E2571" s="2">
        <v>124.40000000000123</v>
      </c>
    </row>
    <row r="2572" spans="1:5" x14ac:dyDescent="0.25">
      <c r="A2572" s="3">
        <v>41770.974537037036</v>
      </c>
      <c r="B2572" s="2">
        <v>11.6</v>
      </c>
      <c r="C2572" s="2">
        <v>170.4</v>
      </c>
      <c r="D2572" s="2">
        <v>0.2</v>
      </c>
      <c r="E2572" s="2">
        <v>124.60000000000123</v>
      </c>
    </row>
    <row r="2573" spans="1:5" x14ac:dyDescent="0.25">
      <c r="A2573" s="3">
        <v>41770.975636574076</v>
      </c>
      <c r="B2573" s="2">
        <v>11.6</v>
      </c>
      <c r="C2573" s="2">
        <v>170.6</v>
      </c>
      <c r="D2573" s="2">
        <v>0</v>
      </c>
      <c r="E2573" s="2">
        <v>124.60000000000123</v>
      </c>
    </row>
    <row r="2574" spans="1:5" x14ac:dyDescent="0.25">
      <c r="A2574" s="3">
        <v>41770.975810185184</v>
      </c>
      <c r="B2574" s="2">
        <v>11.6</v>
      </c>
      <c r="C2574" s="2">
        <v>170.6</v>
      </c>
      <c r="D2574" s="2">
        <v>0.2</v>
      </c>
      <c r="E2574" s="2">
        <v>124.80000000000123</v>
      </c>
    </row>
    <row r="2575" spans="1:5" x14ac:dyDescent="0.25">
      <c r="A2575" s="3">
        <v>41770.976736111108</v>
      </c>
      <c r="B2575" s="2">
        <v>11.6</v>
      </c>
      <c r="C2575" s="2">
        <v>170.8</v>
      </c>
      <c r="D2575" s="2">
        <v>0</v>
      </c>
      <c r="E2575" s="2">
        <v>124.80000000000123</v>
      </c>
    </row>
    <row r="2576" spans="1:5" x14ac:dyDescent="0.25">
      <c r="A2576" s="3">
        <v>41770.976851851854</v>
      </c>
      <c r="B2576" s="2">
        <v>11.5</v>
      </c>
      <c r="C2576" s="2">
        <v>170.8</v>
      </c>
      <c r="D2576" s="2">
        <v>0.2</v>
      </c>
      <c r="E2576" s="2">
        <v>125.00000000000124</v>
      </c>
    </row>
    <row r="2577" spans="1:5" x14ac:dyDescent="0.25">
      <c r="A2577" s="3">
        <v>41770.978009259263</v>
      </c>
      <c r="B2577" s="2">
        <v>11.6</v>
      </c>
      <c r="C2577" s="2">
        <v>170.8</v>
      </c>
      <c r="D2577" s="2">
        <v>0.2</v>
      </c>
      <c r="E2577" s="2">
        <v>125.20000000000124</v>
      </c>
    </row>
    <row r="2578" spans="1:5" x14ac:dyDescent="0.25">
      <c r="A2578" s="3">
        <v>41770.978472222225</v>
      </c>
      <c r="B2578" s="2">
        <v>11.5</v>
      </c>
      <c r="C2578" s="2">
        <v>171</v>
      </c>
      <c r="D2578" s="2">
        <v>0</v>
      </c>
      <c r="E2578" s="2">
        <v>125.20000000000124</v>
      </c>
    </row>
    <row r="2579" spans="1:5" x14ac:dyDescent="0.25">
      <c r="A2579" s="3">
        <v>41770.979166666664</v>
      </c>
      <c r="B2579" s="2">
        <v>11.4</v>
      </c>
      <c r="C2579" s="2">
        <v>171</v>
      </c>
      <c r="D2579" s="2">
        <v>0.2</v>
      </c>
      <c r="E2579" s="2">
        <v>125.40000000000124</v>
      </c>
    </row>
    <row r="2580" spans="1:5" x14ac:dyDescent="0.25">
      <c r="A2580" s="3">
        <v>41770.979745370372</v>
      </c>
      <c r="B2580" s="2">
        <v>11.4</v>
      </c>
      <c r="C2580" s="2">
        <v>171.2</v>
      </c>
      <c r="D2580" s="2">
        <v>0</v>
      </c>
      <c r="E2580" s="2">
        <v>125.40000000000124</v>
      </c>
    </row>
    <row r="2581" spans="1:5" x14ac:dyDescent="0.25">
      <c r="A2581" s="3">
        <v>41770.980266203704</v>
      </c>
      <c r="B2581" s="2">
        <v>11.5</v>
      </c>
      <c r="C2581" s="2">
        <v>171.2</v>
      </c>
      <c r="D2581" s="2">
        <v>0.2</v>
      </c>
      <c r="E2581" s="2">
        <v>125.60000000000124</v>
      </c>
    </row>
    <row r="2582" spans="1:5" x14ac:dyDescent="0.25">
      <c r="A2582" s="3">
        <v>41770.98101851852</v>
      </c>
      <c r="B2582" s="2">
        <v>11.6</v>
      </c>
      <c r="C2582" s="2">
        <v>171.4</v>
      </c>
      <c r="D2582" s="2">
        <v>0</v>
      </c>
      <c r="E2582" s="2">
        <v>125.60000000000124</v>
      </c>
    </row>
    <row r="2583" spans="1:5" x14ac:dyDescent="0.25">
      <c r="A2583" s="3">
        <v>41770.98159722222</v>
      </c>
      <c r="B2583" s="2">
        <v>11.6</v>
      </c>
      <c r="C2583" s="2">
        <v>171.4</v>
      </c>
      <c r="D2583" s="2">
        <v>0.2</v>
      </c>
      <c r="E2583" s="2">
        <v>125.80000000000125</v>
      </c>
    </row>
    <row r="2584" spans="1:5" x14ac:dyDescent="0.25">
      <c r="A2584" s="3">
        <v>41770.982581018521</v>
      </c>
      <c r="B2584" s="2">
        <v>11.4</v>
      </c>
      <c r="C2584" s="2">
        <v>171.6</v>
      </c>
      <c r="D2584" s="2">
        <v>0</v>
      </c>
      <c r="E2584" s="2">
        <v>125.80000000000125</v>
      </c>
    </row>
    <row r="2585" spans="1:5" x14ac:dyDescent="0.25">
      <c r="A2585" s="3">
        <v>41770.983101851853</v>
      </c>
      <c r="B2585" s="2">
        <v>11.4</v>
      </c>
      <c r="C2585" s="2">
        <v>171.6</v>
      </c>
      <c r="D2585" s="2">
        <v>0.2</v>
      </c>
      <c r="E2585" s="2">
        <v>126.00000000000125</v>
      </c>
    </row>
    <row r="2586" spans="1:5" x14ac:dyDescent="0.25">
      <c r="A2586" s="3">
        <v>41770.983796296299</v>
      </c>
      <c r="B2586" s="2">
        <v>11.4</v>
      </c>
      <c r="C2586" s="2">
        <v>171.8</v>
      </c>
      <c r="D2586" s="2">
        <v>0</v>
      </c>
      <c r="E2586" s="2">
        <v>126.00000000000125</v>
      </c>
    </row>
    <row r="2587" spans="1:5" x14ac:dyDescent="0.25">
      <c r="A2587" s="3">
        <v>41770.984490740739</v>
      </c>
      <c r="B2587" s="2">
        <v>11.4</v>
      </c>
      <c r="C2587" s="2">
        <v>171.8</v>
      </c>
      <c r="D2587" s="2">
        <v>0.2</v>
      </c>
      <c r="E2587" s="2">
        <v>126.20000000000125</v>
      </c>
    </row>
    <row r="2588" spans="1:5" x14ac:dyDescent="0.25">
      <c r="A2588" s="3">
        <v>41770.985474537039</v>
      </c>
      <c r="B2588" s="2">
        <v>11.3</v>
      </c>
      <c r="C2588" s="2">
        <v>172</v>
      </c>
      <c r="D2588" s="2">
        <v>0</v>
      </c>
      <c r="E2588" s="2">
        <v>126.20000000000125</v>
      </c>
    </row>
    <row r="2589" spans="1:5" x14ac:dyDescent="0.25">
      <c r="A2589" s="3">
        <v>41770.987037037034</v>
      </c>
      <c r="B2589" s="2">
        <v>11.3</v>
      </c>
      <c r="C2589" s="2">
        <v>172</v>
      </c>
      <c r="D2589" s="2">
        <v>0.2</v>
      </c>
      <c r="E2589" s="2">
        <v>126.40000000000126</v>
      </c>
    </row>
    <row r="2590" spans="1:5" x14ac:dyDescent="0.25">
      <c r="A2590" s="3">
        <v>41770.987847222219</v>
      </c>
      <c r="B2590" s="2">
        <v>11.3</v>
      </c>
      <c r="C2590" s="2">
        <v>172.2</v>
      </c>
      <c r="D2590" s="2">
        <v>0</v>
      </c>
      <c r="E2590" s="2">
        <v>126.40000000000126</v>
      </c>
    </row>
    <row r="2591" spans="1:5" x14ac:dyDescent="0.25">
      <c r="A2591" s="3">
        <v>41770.98877314815</v>
      </c>
      <c r="B2591" s="2">
        <v>11.3</v>
      </c>
      <c r="C2591" s="2">
        <v>172.2</v>
      </c>
      <c r="D2591" s="2">
        <v>0.2</v>
      </c>
      <c r="E2591" s="2">
        <v>126.60000000000126</v>
      </c>
    </row>
    <row r="2592" spans="1:5" x14ac:dyDescent="0.25">
      <c r="A2592" s="3">
        <v>41770.989814814813</v>
      </c>
      <c r="B2592" s="2">
        <v>11.2</v>
      </c>
      <c r="C2592" s="2">
        <v>172.4</v>
      </c>
      <c r="D2592" s="2">
        <v>0</v>
      </c>
      <c r="E2592" s="2">
        <v>126.60000000000126</v>
      </c>
    </row>
    <row r="2593" spans="1:5" x14ac:dyDescent="0.25">
      <c r="A2593" s="3">
        <v>41770.99050925926</v>
      </c>
      <c r="B2593" s="2">
        <v>11.2</v>
      </c>
      <c r="C2593" s="2">
        <v>172.4</v>
      </c>
      <c r="D2593" s="2">
        <v>0.2</v>
      </c>
      <c r="E2593" s="2">
        <v>126.80000000000126</v>
      </c>
    </row>
    <row r="2594" spans="1:5" x14ac:dyDescent="0.25">
      <c r="A2594" s="3">
        <v>41770.992708333331</v>
      </c>
      <c r="B2594" s="2">
        <v>11.2</v>
      </c>
      <c r="C2594" s="2">
        <v>172.6</v>
      </c>
      <c r="D2594" s="2">
        <v>0</v>
      </c>
      <c r="E2594" s="2">
        <v>126.80000000000126</v>
      </c>
    </row>
    <row r="2595" spans="1:5" x14ac:dyDescent="0.25">
      <c r="A2595" s="3">
        <v>41770.992824074077</v>
      </c>
      <c r="B2595" s="2">
        <v>11.2</v>
      </c>
      <c r="C2595" s="2">
        <v>172.6</v>
      </c>
      <c r="D2595" s="2">
        <v>0.2</v>
      </c>
      <c r="E2595" s="2">
        <v>127.00000000000126</v>
      </c>
    </row>
    <row r="2596" spans="1:5" x14ac:dyDescent="0.25">
      <c r="A2596" s="3">
        <v>41770.996874999997</v>
      </c>
      <c r="B2596" s="2">
        <v>11.1</v>
      </c>
      <c r="C2596" s="2">
        <v>172.6</v>
      </c>
      <c r="D2596" s="2">
        <v>0.2</v>
      </c>
      <c r="E2596" s="2">
        <v>127.20000000000127</v>
      </c>
    </row>
    <row r="2597" spans="1:5" x14ac:dyDescent="0.25">
      <c r="A2597" s="3">
        <v>41770.996932870374</v>
      </c>
      <c r="B2597" s="2">
        <v>11.1</v>
      </c>
      <c r="C2597" s="2">
        <v>172.8</v>
      </c>
      <c r="D2597" s="2">
        <v>0</v>
      </c>
      <c r="E2597" s="2">
        <v>127.20000000000127</v>
      </c>
    </row>
    <row r="2598" spans="1:5" x14ac:dyDescent="0.25">
      <c r="A2598" s="3">
        <v>41771.000636574077</v>
      </c>
      <c r="B2598" s="2">
        <v>10.9</v>
      </c>
      <c r="C2598" s="2">
        <v>173</v>
      </c>
      <c r="D2598" s="2">
        <v>0</v>
      </c>
      <c r="E2598" s="2">
        <v>127.20000000000127</v>
      </c>
    </row>
    <row r="2599" spans="1:5" x14ac:dyDescent="0.25">
      <c r="A2599" s="3">
        <v>41771.000810185185</v>
      </c>
      <c r="B2599" s="2">
        <v>10.9</v>
      </c>
      <c r="C2599" s="2">
        <v>173</v>
      </c>
      <c r="D2599" s="2">
        <v>0.2</v>
      </c>
      <c r="E2599" s="2">
        <v>127.40000000000127</v>
      </c>
    </row>
    <row r="2600" spans="1:5" x14ac:dyDescent="0.25">
      <c r="A2600" s="3">
        <v>41771.008449074077</v>
      </c>
      <c r="B2600" s="2">
        <v>10.8</v>
      </c>
      <c r="C2600" s="2">
        <v>173.2</v>
      </c>
      <c r="D2600" s="2">
        <v>0</v>
      </c>
      <c r="E2600" s="2">
        <v>127.40000000000127</v>
      </c>
    </row>
    <row r="2601" spans="1:5" x14ac:dyDescent="0.25">
      <c r="A2601" s="3">
        <v>41771.008738425924</v>
      </c>
      <c r="B2601" s="2">
        <v>10.8</v>
      </c>
      <c r="C2601" s="2">
        <v>173</v>
      </c>
      <c r="D2601" s="2">
        <v>0</v>
      </c>
      <c r="E2601" s="2">
        <v>127.40000000000127</v>
      </c>
    </row>
    <row r="2602" spans="1:5" x14ac:dyDescent="0.25">
      <c r="A2602" s="3">
        <v>41771.00885416667</v>
      </c>
      <c r="B2602" s="2">
        <v>10.8</v>
      </c>
      <c r="C2602" s="2">
        <v>173.2</v>
      </c>
      <c r="D2602" s="2">
        <v>0</v>
      </c>
      <c r="E2602" s="2">
        <v>127.40000000000127</v>
      </c>
    </row>
    <row r="2603" spans="1:5" x14ac:dyDescent="0.25">
      <c r="A2603" s="3">
        <v>41771.301504629628</v>
      </c>
      <c r="B2603" s="2">
        <v>8.4</v>
      </c>
      <c r="C2603" s="2">
        <v>173</v>
      </c>
      <c r="D2603" s="2">
        <v>0</v>
      </c>
      <c r="E2603" s="2">
        <v>127.40000000000127</v>
      </c>
    </row>
    <row r="2604" spans="1:5" x14ac:dyDescent="0.25">
      <c r="A2604" s="3">
        <v>41771.301562499997</v>
      </c>
      <c r="B2604" s="2">
        <v>8.4</v>
      </c>
      <c r="C2604" s="2">
        <v>173.2</v>
      </c>
      <c r="D2604" s="2">
        <v>0</v>
      </c>
      <c r="E2604" s="2">
        <v>127.40000000000127</v>
      </c>
    </row>
    <row r="2605" spans="1:5" x14ac:dyDescent="0.25">
      <c r="A2605" s="3">
        <v>41771.302199074074</v>
      </c>
      <c r="B2605" s="2">
        <v>8.4</v>
      </c>
      <c r="C2605" s="2">
        <v>173</v>
      </c>
      <c r="D2605" s="2">
        <v>0</v>
      </c>
      <c r="E2605" s="2">
        <v>127.40000000000127</v>
      </c>
    </row>
    <row r="2606" spans="1:5" x14ac:dyDescent="0.25">
      <c r="A2606" s="3">
        <v>41771.408796296295</v>
      </c>
      <c r="B2606" s="2">
        <v>11.1</v>
      </c>
      <c r="C2606" s="2">
        <v>172.8</v>
      </c>
      <c r="D2606" s="2">
        <v>0</v>
      </c>
      <c r="E2606" s="2">
        <v>127.40000000000127</v>
      </c>
    </row>
    <row r="2607" spans="1:5" x14ac:dyDescent="0.25">
      <c r="A2607" s="3">
        <v>41771.410358796296</v>
      </c>
      <c r="B2607" s="2">
        <v>11.2</v>
      </c>
      <c r="C2607" s="2">
        <v>173</v>
      </c>
      <c r="D2607" s="2">
        <v>0</v>
      </c>
      <c r="E2607" s="2">
        <v>127.40000000000127</v>
      </c>
    </row>
    <row r="2608" spans="1:5" x14ac:dyDescent="0.25">
      <c r="A2608" s="3">
        <v>41771.41064814815</v>
      </c>
      <c r="B2608" s="2">
        <v>11.3</v>
      </c>
      <c r="C2608" s="2">
        <v>172.8</v>
      </c>
      <c r="D2608" s="2">
        <v>0</v>
      </c>
      <c r="E2608" s="2">
        <v>127.40000000000127</v>
      </c>
    </row>
    <row r="2609" spans="1:5" x14ac:dyDescent="0.25">
      <c r="A2609" s="3">
        <v>41771.410763888889</v>
      </c>
      <c r="B2609" s="2">
        <v>11.3</v>
      </c>
      <c r="C2609" s="2">
        <v>173</v>
      </c>
      <c r="D2609" s="2">
        <v>0</v>
      </c>
      <c r="E2609" s="2">
        <v>127.40000000000127</v>
      </c>
    </row>
    <row r="2610" spans="1:5" x14ac:dyDescent="0.25">
      <c r="A2610" s="3">
        <v>41771.411226851851</v>
      </c>
      <c r="B2610" s="2">
        <v>11.3</v>
      </c>
      <c r="C2610" s="2">
        <v>172.8</v>
      </c>
      <c r="D2610" s="2">
        <v>0</v>
      </c>
      <c r="E2610" s="2">
        <v>127.40000000000127</v>
      </c>
    </row>
    <row r="2611" spans="1:5" x14ac:dyDescent="0.25">
      <c r="A2611" s="3">
        <v>41771.41134259259</v>
      </c>
      <c r="B2611" s="2">
        <v>11.3</v>
      </c>
      <c r="C2611" s="2">
        <v>173</v>
      </c>
      <c r="D2611" s="2">
        <v>0</v>
      </c>
      <c r="E2611" s="2">
        <v>127.40000000000127</v>
      </c>
    </row>
    <row r="2612" spans="1:5" x14ac:dyDescent="0.25">
      <c r="A2612" s="3">
        <v>41771.412152777775</v>
      </c>
      <c r="B2612" s="2">
        <v>11.6</v>
      </c>
      <c r="C2612" s="2">
        <v>172.8</v>
      </c>
      <c r="D2612" s="2">
        <v>0</v>
      </c>
      <c r="E2612" s="2">
        <v>127.40000000000127</v>
      </c>
    </row>
    <row r="2613" spans="1:5" x14ac:dyDescent="0.25">
      <c r="A2613" s="3">
        <v>41771.413888888892</v>
      </c>
      <c r="B2613" s="2">
        <v>11.5</v>
      </c>
      <c r="C2613" s="2">
        <v>173</v>
      </c>
      <c r="D2613" s="2">
        <v>0</v>
      </c>
      <c r="E2613" s="2">
        <v>127.40000000000127</v>
      </c>
    </row>
    <row r="2614" spans="1:5" x14ac:dyDescent="0.25">
      <c r="A2614" s="3">
        <v>41771.418287037035</v>
      </c>
      <c r="B2614" s="2">
        <v>11.8</v>
      </c>
      <c r="C2614" s="2">
        <v>172.8</v>
      </c>
      <c r="D2614" s="2">
        <v>0</v>
      </c>
      <c r="E2614" s="2">
        <v>127.40000000000127</v>
      </c>
    </row>
    <row r="2615" spans="1:5" x14ac:dyDescent="0.25">
      <c r="A2615" s="3">
        <v>41771.418576388889</v>
      </c>
      <c r="B2615" s="2">
        <v>11.8</v>
      </c>
      <c r="C2615" s="2">
        <v>173</v>
      </c>
      <c r="D2615" s="2">
        <v>0</v>
      </c>
      <c r="E2615" s="2">
        <v>127.40000000000127</v>
      </c>
    </row>
    <row r="2616" spans="1:5" x14ac:dyDescent="0.25">
      <c r="A2616" s="3">
        <v>41771.421180555553</v>
      </c>
      <c r="B2616" s="2">
        <v>12.1</v>
      </c>
      <c r="C2616" s="2">
        <v>172.8</v>
      </c>
      <c r="D2616" s="2">
        <v>0</v>
      </c>
      <c r="E2616" s="2">
        <v>127.40000000000127</v>
      </c>
    </row>
    <row r="2617" spans="1:5" x14ac:dyDescent="0.25">
      <c r="A2617" s="3">
        <v>41771.421354166669</v>
      </c>
      <c r="B2617" s="2">
        <v>12.1</v>
      </c>
      <c r="C2617" s="2">
        <v>173</v>
      </c>
      <c r="D2617" s="2">
        <v>0</v>
      </c>
      <c r="E2617" s="2">
        <v>127.40000000000127</v>
      </c>
    </row>
    <row r="2618" spans="1:5" x14ac:dyDescent="0.25">
      <c r="A2618" s="3">
        <v>41771.423842592594</v>
      </c>
      <c r="B2618" s="2">
        <v>12.2</v>
      </c>
      <c r="C2618" s="2">
        <v>172.8</v>
      </c>
      <c r="D2618" s="2">
        <v>0</v>
      </c>
      <c r="E2618" s="2">
        <v>127.40000000000127</v>
      </c>
    </row>
    <row r="2619" spans="1:5" x14ac:dyDescent="0.25">
      <c r="A2619" s="3">
        <v>41771.424074074072</v>
      </c>
      <c r="B2619" s="2">
        <v>12.1</v>
      </c>
      <c r="C2619" s="2">
        <v>173</v>
      </c>
      <c r="D2619" s="2">
        <v>0</v>
      </c>
      <c r="E2619" s="2">
        <v>127.40000000000127</v>
      </c>
    </row>
    <row r="2620" spans="1:5" x14ac:dyDescent="0.25">
      <c r="A2620" s="3">
        <v>41771.545486111114</v>
      </c>
      <c r="B2620" s="2">
        <v>20.9</v>
      </c>
      <c r="C2620" s="2">
        <v>172.8</v>
      </c>
      <c r="D2620" s="2">
        <v>0</v>
      </c>
      <c r="E2620" s="2">
        <v>127.40000000000127</v>
      </c>
    </row>
    <row r="2621" spans="1:5" x14ac:dyDescent="0.25">
      <c r="A2621" s="3">
        <v>41771.553414351853</v>
      </c>
      <c r="B2621" s="2">
        <v>21.4</v>
      </c>
      <c r="C2621" s="2">
        <v>173</v>
      </c>
      <c r="D2621" s="2">
        <v>0</v>
      </c>
      <c r="E2621" s="2">
        <v>127.40000000000127</v>
      </c>
    </row>
    <row r="2622" spans="1:5" x14ac:dyDescent="0.25">
      <c r="A2622" s="3">
        <v>41771.553935185184</v>
      </c>
      <c r="B2622" s="2">
        <v>21.4</v>
      </c>
      <c r="C2622" s="2">
        <v>172.8</v>
      </c>
      <c r="D2622" s="2">
        <v>0</v>
      </c>
      <c r="E2622" s="2">
        <v>127.40000000000127</v>
      </c>
    </row>
    <row r="2623" spans="1:5" x14ac:dyDescent="0.25">
      <c r="A2623" s="3">
        <v>41771.554108796299</v>
      </c>
      <c r="B2623" s="2">
        <v>21.4</v>
      </c>
      <c r="C2623" s="2">
        <v>173</v>
      </c>
      <c r="D2623" s="2">
        <v>0</v>
      </c>
      <c r="E2623" s="2">
        <v>127.40000000000127</v>
      </c>
    </row>
    <row r="2624" spans="1:5" x14ac:dyDescent="0.25">
      <c r="A2624" s="3">
        <v>41771.554224537038</v>
      </c>
      <c r="B2624" s="2">
        <v>21.5</v>
      </c>
      <c r="C2624" s="2">
        <v>172.8</v>
      </c>
      <c r="D2624" s="2">
        <v>0</v>
      </c>
      <c r="E2624" s="2">
        <v>127.40000000000127</v>
      </c>
    </row>
    <row r="2625" spans="1:5" x14ac:dyDescent="0.25">
      <c r="A2625" s="3">
        <v>41771.564583333333</v>
      </c>
      <c r="B2625" s="2">
        <v>22</v>
      </c>
      <c r="C2625" s="2">
        <v>173</v>
      </c>
      <c r="D2625" s="2">
        <v>0</v>
      </c>
      <c r="E2625" s="2">
        <v>127.40000000000127</v>
      </c>
    </row>
    <row r="2626" spans="1:5" x14ac:dyDescent="0.25">
      <c r="A2626" s="3">
        <v>41771.564699074072</v>
      </c>
      <c r="B2626" s="2">
        <v>22</v>
      </c>
      <c r="C2626" s="2">
        <v>172.8</v>
      </c>
      <c r="D2626" s="2">
        <v>0</v>
      </c>
      <c r="E2626" s="2">
        <v>127.40000000000127</v>
      </c>
    </row>
    <row r="2627" spans="1:5" x14ac:dyDescent="0.25">
      <c r="A2627" s="3">
        <v>41771.595196759263</v>
      </c>
      <c r="B2627" s="2">
        <v>23.4</v>
      </c>
      <c r="C2627" s="2">
        <v>172.6</v>
      </c>
      <c r="D2627" s="2">
        <v>0</v>
      </c>
      <c r="E2627" s="2">
        <v>127.40000000000127</v>
      </c>
    </row>
    <row r="2628" spans="1:5" x14ac:dyDescent="0.25">
      <c r="A2628" s="3">
        <v>41771.595949074072</v>
      </c>
      <c r="B2628" s="2">
        <v>23.4</v>
      </c>
      <c r="C2628" s="2">
        <v>172.8</v>
      </c>
      <c r="D2628" s="2">
        <v>0</v>
      </c>
      <c r="E2628" s="2">
        <v>127.40000000000127</v>
      </c>
    </row>
    <row r="2629" spans="1:5" x14ac:dyDescent="0.25">
      <c r="A2629" s="3">
        <v>41771.596180555556</v>
      </c>
      <c r="B2629" s="2">
        <v>23.4</v>
      </c>
      <c r="C2629" s="2">
        <v>172.6</v>
      </c>
      <c r="D2629" s="2">
        <v>0</v>
      </c>
      <c r="E2629" s="2">
        <v>127.40000000000127</v>
      </c>
    </row>
    <row r="2630" spans="1:5" x14ac:dyDescent="0.25">
      <c r="A2630" s="3">
        <v>41771.596412037034</v>
      </c>
      <c r="B2630" s="2">
        <v>23.5</v>
      </c>
      <c r="C2630" s="2">
        <v>172.8</v>
      </c>
      <c r="D2630" s="2">
        <v>0</v>
      </c>
      <c r="E2630" s="2">
        <v>127.40000000000127</v>
      </c>
    </row>
    <row r="2631" spans="1:5" x14ac:dyDescent="0.25">
      <c r="A2631" s="3">
        <v>41771.596643518518</v>
      </c>
      <c r="B2631" s="2">
        <v>23.5</v>
      </c>
      <c r="C2631" s="2">
        <v>172.6</v>
      </c>
      <c r="D2631" s="2">
        <v>0</v>
      </c>
      <c r="E2631" s="2">
        <v>127.40000000000127</v>
      </c>
    </row>
    <row r="2632" spans="1:5" x14ac:dyDescent="0.25">
      <c r="A2632" s="3">
        <v>41771.596875000003</v>
      </c>
      <c r="B2632" s="2">
        <v>23.5</v>
      </c>
      <c r="C2632" s="2">
        <v>172.8</v>
      </c>
      <c r="D2632" s="2">
        <v>0</v>
      </c>
      <c r="E2632" s="2">
        <v>127.40000000000127</v>
      </c>
    </row>
    <row r="2633" spans="1:5" x14ac:dyDescent="0.25">
      <c r="A2633" s="3">
        <v>41771.596990740742</v>
      </c>
      <c r="B2633" s="2">
        <v>23.5</v>
      </c>
      <c r="C2633" s="2">
        <v>172.6</v>
      </c>
      <c r="D2633" s="2">
        <v>0</v>
      </c>
      <c r="E2633" s="2">
        <v>127.40000000000127</v>
      </c>
    </row>
    <row r="2634" spans="1:5" x14ac:dyDescent="0.25">
      <c r="A2634" s="3">
        <v>41771.59710648148</v>
      </c>
      <c r="B2634" s="2">
        <v>23.5</v>
      </c>
      <c r="C2634" s="2">
        <v>172.8</v>
      </c>
      <c r="D2634" s="2">
        <v>0</v>
      </c>
      <c r="E2634" s="2">
        <v>127.40000000000127</v>
      </c>
    </row>
    <row r="2635" spans="1:5" x14ac:dyDescent="0.25">
      <c r="A2635" s="3">
        <v>41771.59814814815</v>
      </c>
      <c r="B2635" s="2">
        <v>23.6</v>
      </c>
      <c r="C2635" s="2">
        <v>172.6</v>
      </c>
      <c r="D2635" s="2">
        <v>0</v>
      </c>
      <c r="E2635" s="2">
        <v>127.40000000000127</v>
      </c>
    </row>
    <row r="2636" spans="1:5" x14ac:dyDescent="0.25">
      <c r="A2636" s="3">
        <v>41771.601331018515</v>
      </c>
      <c r="B2636" s="2">
        <v>23.8</v>
      </c>
      <c r="C2636" s="2">
        <v>172.8</v>
      </c>
      <c r="D2636" s="2">
        <v>0</v>
      </c>
      <c r="E2636" s="2">
        <v>127.40000000000127</v>
      </c>
    </row>
    <row r="2637" spans="1:5" x14ac:dyDescent="0.25">
      <c r="A2637" s="3">
        <v>41771.6015625</v>
      </c>
      <c r="B2637" s="2">
        <v>23.7</v>
      </c>
      <c r="C2637" s="2">
        <v>172.6</v>
      </c>
      <c r="D2637" s="2">
        <v>0</v>
      </c>
      <c r="E2637" s="2">
        <v>127.40000000000127</v>
      </c>
    </row>
    <row r="2638" spans="1:5" x14ac:dyDescent="0.25">
      <c r="A2638" s="3">
        <v>41771.633680555555</v>
      </c>
      <c r="B2638" s="2">
        <v>24.8</v>
      </c>
      <c r="C2638" s="2">
        <v>172.4</v>
      </c>
      <c r="D2638" s="2">
        <v>0</v>
      </c>
      <c r="E2638" s="2">
        <v>127.40000000000127</v>
      </c>
    </row>
    <row r="2639" spans="1:5" x14ac:dyDescent="0.25">
      <c r="A2639" s="3">
        <v>41771.633796296293</v>
      </c>
      <c r="B2639" s="2">
        <v>24.8</v>
      </c>
      <c r="C2639" s="2">
        <v>172.6</v>
      </c>
      <c r="D2639" s="2">
        <v>0</v>
      </c>
      <c r="E2639" s="2">
        <v>127.40000000000127</v>
      </c>
    </row>
    <row r="2640" spans="1:5" x14ac:dyDescent="0.25">
      <c r="A2640" s="3">
        <v>41771.633912037039</v>
      </c>
      <c r="B2640" s="2">
        <v>24.7</v>
      </c>
      <c r="C2640" s="2">
        <v>172.4</v>
      </c>
      <c r="D2640" s="2">
        <v>0</v>
      </c>
      <c r="E2640" s="2">
        <v>127.40000000000127</v>
      </c>
    </row>
    <row r="2641" spans="1:5" x14ac:dyDescent="0.25">
      <c r="A2641" s="3">
        <v>41771.634143518517</v>
      </c>
      <c r="B2641" s="2">
        <v>24.7</v>
      </c>
      <c r="C2641" s="2">
        <v>172.6</v>
      </c>
      <c r="D2641" s="2">
        <v>0</v>
      </c>
      <c r="E2641" s="2">
        <v>127.40000000000127</v>
      </c>
    </row>
    <row r="2642" spans="1:5" x14ac:dyDescent="0.25">
      <c r="A2642" s="3">
        <v>41771.634548611109</v>
      </c>
      <c r="B2642" s="2">
        <v>24.7</v>
      </c>
      <c r="C2642" s="2">
        <v>172.4</v>
      </c>
      <c r="D2642" s="2">
        <v>0</v>
      </c>
      <c r="E2642" s="2">
        <v>127.40000000000127</v>
      </c>
    </row>
    <row r="2643" spans="1:5" x14ac:dyDescent="0.25">
      <c r="A2643" s="3">
        <v>41771.635648148149</v>
      </c>
      <c r="B2643" s="2">
        <v>24.8</v>
      </c>
      <c r="C2643" s="2">
        <v>172.6</v>
      </c>
      <c r="D2643" s="2">
        <v>0</v>
      </c>
      <c r="E2643" s="2">
        <v>127.40000000000127</v>
      </c>
    </row>
    <row r="2644" spans="1:5" x14ac:dyDescent="0.25">
      <c r="A2644" s="3">
        <v>41771.635706018518</v>
      </c>
      <c r="B2644" s="2">
        <v>24.8</v>
      </c>
      <c r="C2644" s="2">
        <v>172.4</v>
      </c>
      <c r="D2644" s="2">
        <v>0</v>
      </c>
      <c r="E2644" s="2">
        <v>127.40000000000127</v>
      </c>
    </row>
    <row r="2645" spans="1:5" x14ac:dyDescent="0.25">
      <c r="A2645" s="3">
        <v>41771.640219907407</v>
      </c>
      <c r="B2645" s="2">
        <v>24.9</v>
      </c>
      <c r="C2645" s="2">
        <v>172.6</v>
      </c>
      <c r="D2645" s="2">
        <v>0</v>
      </c>
      <c r="E2645" s="2">
        <v>127.40000000000127</v>
      </c>
    </row>
    <row r="2646" spans="1:5" x14ac:dyDescent="0.25">
      <c r="A2646" s="3">
        <v>41771.640451388892</v>
      </c>
      <c r="B2646" s="2">
        <v>24.9</v>
      </c>
      <c r="C2646" s="2">
        <v>172.4</v>
      </c>
      <c r="D2646" s="2">
        <v>0</v>
      </c>
      <c r="E2646" s="2">
        <v>127.40000000000127</v>
      </c>
    </row>
    <row r="2647" spans="1:5" x14ac:dyDescent="0.25">
      <c r="A2647" s="3">
        <v>41771.640856481485</v>
      </c>
      <c r="B2647" s="2">
        <v>24.8</v>
      </c>
      <c r="C2647" s="2">
        <v>172.6</v>
      </c>
      <c r="D2647" s="2">
        <v>0</v>
      </c>
      <c r="E2647" s="2">
        <v>127.40000000000127</v>
      </c>
    </row>
    <row r="2648" spans="1:5" x14ac:dyDescent="0.25">
      <c r="A2648" s="3">
        <v>41771.640972222223</v>
      </c>
      <c r="B2648" s="2">
        <v>24.8</v>
      </c>
      <c r="C2648" s="2">
        <v>172.4</v>
      </c>
      <c r="D2648" s="2">
        <v>0</v>
      </c>
      <c r="E2648" s="2">
        <v>127.40000000000127</v>
      </c>
    </row>
    <row r="2649" spans="1:5" x14ac:dyDescent="0.25">
      <c r="A2649" s="3">
        <v>41771.641377314816</v>
      </c>
      <c r="B2649" s="2">
        <v>24.8</v>
      </c>
      <c r="C2649" s="2">
        <v>172.6</v>
      </c>
      <c r="D2649" s="2">
        <v>0</v>
      </c>
      <c r="E2649" s="2">
        <v>127.40000000000127</v>
      </c>
    </row>
    <row r="2650" spans="1:5" x14ac:dyDescent="0.25">
      <c r="A2650" s="3">
        <v>41771.644907407404</v>
      </c>
      <c r="B2650" s="2">
        <v>24.8</v>
      </c>
      <c r="C2650" s="2">
        <v>172.4</v>
      </c>
      <c r="D2650" s="2">
        <v>0</v>
      </c>
      <c r="E2650" s="2">
        <v>127.40000000000127</v>
      </c>
    </row>
    <row r="2651" spans="1:5" x14ac:dyDescent="0.25">
      <c r="A2651" s="3">
        <v>41771.645254629628</v>
      </c>
      <c r="B2651" s="2">
        <v>24.8</v>
      </c>
      <c r="C2651" s="2">
        <v>172.6</v>
      </c>
      <c r="D2651" s="2">
        <v>0</v>
      </c>
      <c r="E2651" s="2">
        <v>127.40000000000127</v>
      </c>
    </row>
    <row r="2652" spans="1:5" x14ac:dyDescent="0.25">
      <c r="A2652" s="3">
        <v>41771.656423611108</v>
      </c>
      <c r="B2652" s="2">
        <v>24.8</v>
      </c>
      <c r="C2652" s="2">
        <v>172.4</v>
      </c>
      <c r="D2652" s="2">
        <v>0</v>
      </c>
      <c r="E2652" s="2">
        <v>127.40000000000127</v>
      </c>
    </row>
    <row r="2653" spans="1:5" x14ac:dyDescent="0.25">
      <c r="A2653" s="3">
        <v>41771.656539351854</v>
      </c>
      <c r="B2653" s="2">
        <v>24.7</v>
      </c>
      <c r="C2653" s="2">
        <v>172.6</v>
      </c>
      <c r="D2653" s="2">
        <v>0</v>
      </c>
      <c r="E2653" s="2">
        <v>127.40000000000127</v>
      </c>
    </row>
    <row r="2654" spans="1:5" x14ac:dyDescent="0.25">
      <c r="A2654" s="3">
        <v>41771.657696759263</v>
      </c>
      <c r="B2654" s="2">
        <v>24.6</v>
      </c>
      <c r="C2654" s="2">
        <v>172.4</v>
      </c>
      <c r="D2654" s="2">
        <v>0</v>
      </c>
      <c r="E2654" s="2">
        <v>127.40000000000127</v>
      </c>
    </row>
    <row r="2655" spans="1:5" x14ac:dyDescent="0.25">
      <c r="A2655" s="3">
        <v>41771.65792824074</v>
      </c>
      <c r="B2655" s="2">
        <v>24.6</v>
      </c>
      <c r="C2655" s="2">
        <v>172.6</v>
      </c>
      <c r="D2655" s="2">
        <v>0</v>
      </c>
      <c r="E2655" s="2">
        <v>127.40000000000127</v>
      </c>
    </row>
    <row r="2656" spans="1:5" x14ac:dyDescent="0.25">
      <c r="A2656" s="3">
        <v>41771.658043981479</v>
      </c>
      <c r="B2656" s="2">
        <v>24.6</v>
      </c>
      <c r="C2656" s="2">
        <v>172.4</v>
      </c>
      <c r="D2656" s="2">
        <v>0</v>
      </c>
      <c r="E2656" s="2">
        <v>127.40000000000127</v>
      </c>
    </row>
    <row r="2657" spans="1:5" x14ac:dyDescent="0.25">
      <c r="A2657" s="3">
        <v>41771.658449074072</v>
      </c>
      <c r="B2657" s="2">
        <v>24.6</v>
      </c>
      <c r="C2657" s="2">
        <v>172.6</v>
      </c>
      <c r="D2657" s="2">
        <v>0</v>
      </c>
      <c r="E2657" s="2">
        <v>127.40000000000127</v>
      </c>
    </row>
    <row r="2658" spans="1:5" x14ac:dyDescent="0.25">
      <c r="A2658" s="3">
        <v>41771.658796296295</v>
      </c>
      <c r="B2658" s="2">
        <v>24.6</v>
      </c>
      <c r="C2658" s="2">
        <v>172.4</v>
      </c>
      <c r="D2658" s="2">
        <v>0</v>
      </c>
      <c r="E2658" s="2">
        <v>127.40000000000127</v>
      </c>
    </row>
    <row r="2659" spans="1:5" x14ac:dyDescent="0.25">
      <c r="A2659" s="3">
        <v>41771.688252314816</v>
      </c>
      <c r="B2659" s="2">
        <v>23.9</v>
      </c>
      <c r="C2659" s="2">
        <v>172.2</v>
      </c>
      <c r="D2659" s="2">
        <v>0</v>
      </c>
      <c r="E2659" s="2">
        <v>127.40000000000127</v>
      </c>
    </row>
    <row r="2660" spans="1:5" x14ac:dyDescent="0.25">
      <c r="A2660" s="3">
        <v>41771.709606481483</v>
      </c>
      <c r="B2660" s="2">
        <v>23</v>
      </c>
      <c r="C2660" s="2">
        <v>172</v>
      </c>
      <c r="D2660" s="2">
        <v>0</v>
      </c>
      <c r="E2660" s="2">
        <v>127.40000000000127</v>
      </c>
    </row>
    <row r="2661" spans="1:5" x14ac:dyDescent="0.25">
      <c r="A2661" s="3">
        <v>41771.709780092591</v>
      </c>
      <c r="B2661" s="2">
        <v>23</v>
      </c>
      <c r="C2661" s="2">
        <v>172.2</v>
      </c>
      <c r="D2661" s="2">
        <v>0</v>
      </c>
      <c r="E2661" s="2">
        <v>127.40000000000127</v>
      </c>
    </row>
    <row r="2662" spans="1:5" x14ac:dyDescent="0.25">
      <c r="A2662" s="3">
        <v>41771.710069444445</v>
      </c>
      <c r="B2662" s="2">
        <v>23</v>
      </c>
      <c r="C2662" s="2">
        <v>172</v>
      </c>
      <c r="D2662" s="2">
        <v>0</v>
      </c>
      <c r="E2662" s="2">
        <v>127.40000000000127</v>
      </c>
    </row>
    <row r="2663" spans="1:5" x14ac:dyDescent="0.25">
      <c r="A2663" s="3">
        <v>41771.710243055553</v>
      </c>
      <c r="B2663" s="2">
        <v>23</v>
      </c>
      <c r="C2663" s="2">
        <v>172.2</v>
      </c>
      <c r="D2663" s="2">
        <v>0</v>
      </c>
      <c r="E2663" s="2">
        <v>127.40000000000127</v>
      </c>
    </row>
    <row r="2664" spans="1:5" x14ac:dyDescent="0.25">
      <c r="A2664" s="3">
        <v>41771.7109375</v>
      </c>
      <c r="B2664" s="2">
        <v>22.9</v>
      </c>
      <c r="C2664" s="2">
        <v>172</v>
      </c>
      <c r="D2664" s="2">
        <v>0</v>
      </c>
      <c r="E2664" s="2">
        <v>127.40000000000127</v>
      </c>
    </row>
    <row r="2665" spans="1:5" x14ac:dyDescent="0.25">
      <c r="A2665" s="3">
        <v>41771.711168981485</v>
      </c>
      <c r="B2665" s="2">
        <v>22.9</v>
      </c>
      <c r="C2665" s="2">
        <v>172.2</v>
      </c>
      <c r="D2665" s="2">
        <v>0</v>
      </c>
      <c r="E2665" s="2">
        <v>127.40000000000127</v>
      </c>
    </row>
    <row r="2666" spans="1:5" x14ac:dyDescent="0.25">
      <c r="A2666" s="3">
        <v>41771.711458333331</v>
      </c>
      <c r="B2666" s="2">
        <v>22.9</v>
      </c>
      <c r="C2666" s="2">
        <v>172</v>
      </c>
      <c r="D2666" s="2">
        <v>0</v>
      </c>
      <c r="E2666" s="2">
        <v>127.40000000000127</v>
      </c>
    </row>
    <row r="2667" spans="1:5" x14ac:dyDescent="0.25">
      <c r="A2667" s="3">
        <v>41771.712673611109</v>
      </c>
      <c r="B2667" s="2">
        <v>22.8</v>
      </c>
      <c r="C2667" s="2">
        <v>172.2</v>
      </c>
      <c r="D2667" s="2">
        <v>0</v>
      </c>
      <c r="E2667" s="2">
        <v>127.40000000000127</v>
      </c>
    </row>
    <row r="2668" spans="1:5" x14ac:dyDescent="0.25">
      <c r="A2668" s="3">
        <v>41771.712847222225</v>
      </c>
      <c r="B2668" s="2">
        <v>22.8</v>
      </c>
      <c r="C2668" s="2">
        <v>172</v>
      </c>
      <c r="D2668" s="2">
        <v>0</v>
      </c>
      <c r="E2668" s="2">
        <v>127.40000000000127</v>
      </c>
    </row>
    <row r="2669" spans="1:5" x14ac:dyDescent="0.25">
      <c r="A2669" s="3">
        <v>41771.713194444441</v>
      </c>
      <c r="B2669" s="2">
        <v>22.8</v>
      </c>
      <c r="C2669" s="2">
        <v>172.2</v>
      </c>
      <c r="D2669" s="2">
        <v>0</v>
      </c>
      <c r="E2669" s="2">
        <v>127.40000000000127</v>
      </c>
    </row>
    <row r="2670" spans="1:5" x14ac:dyDescent="0.25">
      <c r="A2670" s="3">
        <v>41771.713368055556</v>
      </c>
      <c r="B2670" s="2">
        <v>22.8</v>
      </c>
      <c r="C2670" s="2">
        <v>172</v>
      </c>
      <c r="D2670" s="2">
        <v>0</v>
      </c>
      <c r="E2670" s="2">
        <v>127.40000000000127</v>
      </c>
    </row>
    <row r="2671" spans="1:5" x14ac:dyDescent="0.25">
      <c r="A2671" s="3">
        <v>41771.740451388891</v>
      </c>
      <c r="B2671" s="2">
        <v>22.2</v>
      </c>
      <c r="C2671" s="2">
        <v>171.8</v>
      </c>
      <c r="D2671" s="2">
        <v>0</v>
      </c>
      <c r="E2671" s="2">
        <v>127.40000000000127</v>
      </c>
    </row>
    <row r="2672" spans="1:5" x14ac:dyDescent="0.25">
      <c r="A2672" s="3">
        <v>41771.740914351853</v>
      </c>
      <c r="B2672" s="2">
        <v>22.2</v>
      </c>
      <c r="C2672" s="2">
        <v>172</v>
      </c>
      <c r="D2672" s="2">
        <v>0</v>
      </c>
      <c r="E2672" s="2">
        <v>127.40000000000127</v>
      </c>
    </row>
    <row r="2673" spans="1:5" x14ac:dyDescent="0.25">
      <c r="A2673" s="3">
        <v>41771.741203703707</v>
      </c>
      <c r="B2673" s="2">
        <v>22.2</v>
      </c>
      <c r="C2673" s="2">
        <v>171.8</v>
      </c>
      <c r="D2673" s="2">
        <v>0</v>
      </c>
      <c r="E2673" s="2">
        <v>127.40000000000127</v>
      </c>
    </row>
    <row r="2674" spans="1:5" x14ac:dyDescent="0.25">
      <c r="A2674" s="3">
        <v>41771.743634259263</v>
      </c>
      <c r="B2674" s="2">
        <v>22.3</v>
      </c>
      <c r="C2674" s="2">
        <v>172</v>
      </c>
      <c r="D2674" s="2">
        <v>0</v>
      </c>
      <c r="E2674" s="2">
        <v>127.40000000000127</v>
      </c>
    </row>
    <row r="2675" spans="1:5" x14ac:dyDescent="0.25">
      <c r="A2675" s="3">
        <v>41771.743981481479</v>
      </c>
      <c r="B2675" s="2">
        <v>22.3</v>
      </c>
      <c r="C2675" s="2">
        <v>171.8</v>
      </c>
      <c r="D2675" s="2">
        <v>0</v>
      </c>
      <c r="E2675" s="2">
        <v>127.40000000000127</v>
      </c>
    </row>
    <row r="2676" spans="1:5" x14ac:dyDescent="0.25">
      <c r="A2676" s="3">
        <v>41771.744212962964</v>
      </c>
      <c r="B2676" s="2">
        <v>22.3</v>
      </c>
      <c r="C2676" s="2">
        <v>172</v>
      </c>
      <c r="D2676" s="2">
        <v>0</v>
      </c>
      <c r="E2676" s="2">
        <v>127.40000000000127</v>
      </c>
    </row>
    <row r="2677" spans="1:5" x14ac:dyDescent="0.25">
      <c r="A2677" s="3">
        <v>41771.744386574072</v>
      </c>
      <c r="B2677" s="2">
        <v>22.3</v>
      </c>
      <c r="C2677" s="2">
        <v>171.8</v>
      </c>
      <c r="D2677" s="2">
        <v>0</v>
      </c>
      <c r="E2677" s="2">
        <v>127.40000000000127</v>
      </c>
    </row>
    <row r="2678" spans="1:5" x14ac:dyDescent="0.25">
      <c r="A2678" s="3">
        <v>41771.744444444441</v>
      </c>
      <c r="B2678" s="2">
        <v>22.3</v>
      </c>
      <c r="C2678" s="2">
        <v>172</v>
      </c>
      <c r="D2678" s="2">
        <v>0</v>
      </c>
      <c r="E2678" s="2">
        <v>127.40000000000127</v>
      </c>
    </row>
    <row r="2679" spans="1:5" x14ac:dyDescent="0.25">
      <c r="A2679" s="3">
        <v>41771.746874999997</v>
      </c>
      <c r="B2679" s="2">
        <v>22.2</v>
      </c>
      <c r="C2679" s="2">
        <v>172</v>
      </c>
      <c r="D2679" s="2">
        <v>0.2</v>
      </c>
      <c r="E2679" s="2">
        <v>127.60000000000127</v>
      </c>
    </row>
    <row r="2680" spans="1:5" x14ac:dyDescent="0.25">
      <c r="A2680" s="3">
        <v>41771.761458333334</v>
      </c>
      <c r="B2680" s="2">
        <v>22.1</v>
      </c>
      <c r="C2680" s="2">
        <v>171.8</v>
      </c>
      <c r="D2680" s="2">
        <v>0</v>
      </c>
      <c r="E2680" s="2">
        <v>127.60000000000127</v>
      </c>
    </row>
    <row r="2681" spans="1:5" x14ac:dyDescent="0.25">
      <c r="A2681" s="3">
        <v>41771.761689814812</v>
      </c>
      <c r="B2681" s="2">
        <v>22.1</v>
      </c>
      <c r="C2681" s="2">
        <v>172</v>
      </c>
      <c r="D2681" s="2">
        <v>0</v>
      </c>
      <c r="E2681" s="2">
        <v>127.60000000000127</v>
      </c>
    </row>
    <row r="2682" spans="1:5" x14ac:dyDescent="0.25">
      <c r="A2682" s="3">
        <v>41771.762673611112</v>
      </c>
      <c r="B2682" s="2">
        <v>22.1</v>
      </c>
      <c r="C2682" s="2">
        <v>171.8</v>
      </c>
      <c r="D2682" s="2">
        <v>0</v>
      </c>
      <c r="E2682" s="2">
        <v>127.60000000000127</v>
      </c>
    </row>
    <row r="2683" spans="1:5" x14ac:dyDescent="0.25">
      <c r="A2683" s="3">
        <v>41771.76290509259</v>
      </c>
      <c r="B2683" s="2">
        <v>22.1</v>
      </c>
      <c r="C2683" s="2">
        <v>172</v>
      </c>
      <c r="D2683" s="2">
        <v>0</v>
      </c>
      <c r="E2683" s="2">
        <v>127.60000000000127</v>
      </c>
    </row>
    <row r="2684" spans="1:5" x14ac:dyDescent="0.25">
      <c r="A2684" s="3">
        <v>41771.763078703705</v>
      </c>
      <c r="B2684" s="2">
        <v>22.1</v>
      </c>
      <c r="C2684" s="2">
        <v>171.8</v>
      </c>
      <c r="D2684" s="2">
        <v>0</v>
      </c>
      <c r="E2684" s="2">
        <v>127.60000000000127</v>
      </c>
    </row>
    <row r="2685" spans="1:5" x14ac:dyDescent="0.25">
      <c r="A2685" s="3">
        <v>41771.763541666667</v>
      </c>
      <c r="B2685" s="2">
        <v>22.1</v>
      </c>
      <c r="C2685" s="2">
        <v>172</v>
      </c>
      <c r="D2685" s="2">
        <v>0</v>
      </c>
      <c r="E2685" s="2">
        <v>127.60000000000127</v>
      </c>
    </row>
    <row r="2686" spans="1:5" x14ac:dyDescent="0.25">
      <c r="A2686" s="3">
        <v>41771.763715277775</v>
      </c>
      <c r="B2686" s="2">
        <v>22.1</v>
      </c>
      <c r="C2686" s="2">
        <v>171.8</v>
      </c>
      <c r="D2686" s="2">
        <v>0</v>
      </c>
      <c r="E2686" s="2">
        <v>127.60000000000127</v>
      </c>
    </row>
    <row r="2687" spans="1:5" x14ac:dyDescent="0.25">
      <c r="A2687" s="3">
        <v>41771.764004629629</v>
      </c>
      <c r="B2687" s="2">
        <v>22</v>
      </c>
      <c r="C2687" s="2">
        <v>172</v>
      </c>
      <c r="D2687" s="2">
        <v>0</v>
      </c>
      <c r="E2687" s="2">
        <v>127.60000000000127</v>
      </c>
    </row>
    <row r="2688" spans="1:5" x14ac:dyDescent="0.25">
      <c r="A2688" s="3">
        <v>41771.764236111114</v>
      </c>
      <c r="B2688" s="2">
        <v>22</v>
      </c>
      <c r="C2688" s="2">
        <v>171.8</v>
      </c>
      <c r="D2688" s="2">
        <v>0</v>
      </c>
      <c r="E2688" s="2">
        <v>127.60000000000127</v>
      </c>
    </row>
    <row r="2689" spans="1:5" x14ac:dyDescent="0.25">
      <c r="A2689" s="3">
        <v>41771.772048611114</v>
      </c>
      <c r="B2689" s="2">
        <v>21.8</v>
      </c>
      <c r="C2689" s="2">
        <v>172</v>
      </c>
      <c r="D2689" s="2">
        <v>0</v>
      </c>
      <c r="E2689" s="2">
        <v>127.60000000000127</v>
      </c>
    </row>
    <row r="2690" spans="1:5" x14ac:dyDescent="0.25">
      <c r="A2690" s="3">
        <v>41771.772222222222</v>
      </c>
      <c r="B2690" s="2">
        <v>21.8</v>
      </c>
      <c r="C2690" s="2">
        <v>171.8</v>
      </c>
      <c r="D2690" s="2">
        <v>0</v>
      </c>
      <c r="E2690" s="2">
        <v>127.60000000000127</v>
      </c>
    </row>
    <row r="2691" spans="1:5" x14ac:dyDescent="0.25">
      <c r="A2691" s="3">
        <v>41771.831828703704</v>
      </c>
      <c r="B2691" s="2">
        <v>20.3</v>
      </c>
      <c r="C2691" s="2">
        <v>171.6</v>
      </c>
      <c r="D2691" s="2">
        <v>0</v>
      </c>
      <c r="E2691" s="2">
        <v>127.60000000000127</v>
      </c>
    </row>
    <row r="2692" spans="1:5" x14ac:dyDescent="0.25">
      <c r="A2692" s="3">
        <v>41771.886516203704</v>
      </c>
      <c r="B2692" s="2">
        <v>19</v>
      </c>
      <c r="C2692" s="2">
        <v>171.4</v>
      </c>
      <c r="D2692" s="2">
        <v>0</v>
      </c>
      <c r="E2692" s="2">
        <v>127.60000000000127</v>
      </c>
    </row>
    <row r="2693" spans="1:5" x14ac:dyDescent="0.25">
      <c r="A2693" s="3">
        <v>41771.99322916667</v>
      </c>
      <c r="B2693" s="2">
        <v>16.600000000000001</v>
      </c>
      <c r="C2693" s="2">
        <v>171.2</v>
      </c>
      <c r="D2693" s="2">
        <v>0</v>
      </c>
      <c r="E2693" s="2">
        <v>127.60000000000127</v>
      </c>
    </row>
    <row r="2694" spans="1:5" x14ac:dyDescent="0.25">
      <c r="A2694" s="3">
        <v>41772.086516203701</v>
      </c>
      <c r="B2694" s="2">
        <v>15.1</v>
      </c>
      <c r="C2694" s="2">
        <v>171.2</v>
      </c>
      <c r="D2694" s="2">
        <v>0.2</v>
      </c>
      <c r="E2694" s="2">
        <v>127.80000000000128</v>
      </c>
    </row>
    <row r="2695" spans="1:5" x14ac:dyDescent="0.25">
      <c r="A2695" s="3">
        <v>41772.170254629629</v>
      </c>
      <c r="B2695" s="2">
        <v>14.1</v>
      </c>
      <c r="C2695" s="2">
        <v>171.2</v>
      </c>
      <c r="D2695" s="2">
        <v>0.2</v>
      </c>
      <c r="E2695" s="2">
        <v>128.00000000000128</v>
      </c>
    </row>
    <row r="2696" spans="1:5" x14ac:dyDescent="0.25">
      <c r="A2696" s="3">
        <v>41772.18072916667</v>
      </c>
      <c r="B2696" s="2">
        <v>13.9</v>
      </c>
      <c r="C2696" s="2">
        <v>171.4</v>
      </c>
      <c r="D2696" s="2">
        <v>0</v>
      </c>
      <c r="E2696" s="2">
        <v>128.00000000000128</v>
      </c>
    </row>
    <row r="2697" spans="1:5" x14ac:dyDescent="0.25">
      <c r="A2697" s="3">
        <v>41772.183159722219</v>
      </c>
      <c r="B2697" s="2">
        <v>13.9</v>
      </c>
      <c r="C2697" s="2">
        <v>171.4</v>
      </c>
      <c r="D2697" s="2">
        <v>0.2</v>
      </c>
      <c r="E2697" s="2">
        <v>128.20000000000127</v>
      </c>
    </row>
    <row r="2698" spans="1:5" x14ac:dyDescent="0.25">
      <c r="A2698" s="3">
        <v>41772.189988425926</v>
      </c>
      <c r="B2698" s="2">
        <v>13.8</v>
      </c>
      <c r="C2698" s="2">
        <v>171.4</v>
      </c>
      <c r="D2698" s="2">
        <v>0.2</v>
      </c>
      <c r="E2698" s="2">
        <v>128.40000000000126</v>
      </c>
    </row>
    <row r="2699" spans="1:5" x14ac:dyDescent="0.25">
      <c r="A2699" s="3">
        <v>41772.191608796296</v>
      </c>
      <c r="B2699" s="2">
        <v>13.7</v>
      </c>
      <c r="C2699" s="2">
        <v>171.6</v>
      </c>
      <c r="D2699" s="2">
        <v>0</v>
      </c>
      <c r="E2699" s="2">
        <v>128.40000000000126</v>
      </c>
    </row>
    <row r="2700" spans="1:5" x14ac:dyDescent="0.25">
      <c r="A2700" s="3">
        <v>41772.194386574076</v>
      </c>
      <c r="B2700" s="2">
        <v>13.7</v>
      </c>
      <c r="C2700" s="2">
        <v>171.6</v>
      </c>
      <c r="D2700" s="2">
        <v>0.2</v>
      </c>
      <c r="E2700" s="2">
        <v>128.60000000000124</v>
      </c>
    </row>
    <row r="2701" spans="1:5" x14ac:dyDescent="0.25">
      <c r="A2701" s="3">
        <v>41772.197627314818</v>
      </c>
      <c r="B2701" s="2">
        <v>13.7</v>
      </c>
      <c r="C2701" s="2">
        <v>171.8</v>
      </c>
      <c r="D2701" s="2">
        <v>0</v>
      </c>
      <c r="E2701" s="2">
        <v>128.60000000000124</v>
      </c>
    </row>
    <row r="2702" spans="1:5" x14ac:dyDescent="0.25">
      <c r="A2702" s="3">
        <v>41772.19976851852</v>
      </c>
      <c r="B2702" s="2">
        <v>13.7</v>
      </c>
      <c r="C2702" s="2">
        <v>171.8</v>
      </c>
      <c r="D2702" s="2">
        <v>0.2</v>
      </c>
      <c r="E2702" s="2">
        <v>128.80000000000123</v>
      </c>
    </row>
    <row r="2703" spans="1:5" x14ac:dyDescent="0.25">
      <c r="A2703" s="3">
        <v>41772.201736111114</v>
      </c>
      <c r="B2703" s="2">
        <v>13.7</v>
      </c>
      <c r="C2703" s="2">
        <v>172</v>
      </c>
      <c r="D2703" s="2">
        <v>0</v>
      </c>
      <c r="E2703" s="2">
        <v>128.80000000000123</v>
      </c>
    </row>
    <row r="2704" spans="1:5" x14ac:dyDescent="0.25">
      <c r="A2704" s="3">
        <v>41772.202951388892</v>
      </c>
      <c r="B2704" s="2">
        <v>13.6</v>
      </c>
      <c r="C2704" s="2">
        <v>172</v>
      </c>
      <c r="D2704" s="2">
        <v>0.2</v>
      </c>
      <c r="E2704" s="2">
        <v>129.00000000000122</v>
      </c>
    </row>
    <row r="2705" spans="1:5" x14ac:dyDescent="0.25">
      <c r="A2705" s="3">
        <v>41772.206423611111</v>
      </c>
      <c r="B2705" s="2">
        <v>13.6</v>
      </c>
      <c r="C2705" s="2">
        <v>172.2</v>
      </c>
      <c r="D2705" s="2">
        <v>0</v>
      </c>
      <c r="E2705" s="2">
        <v>129.00000000000122</v>
      </c>
    </row>
    <row r="2706" spans="1:5" x14ac:dyDescent="0.25">
      <c r="A2706" s="3">
        <v>41772.207002314812</v>
      </c>
      <c r="B2706" s="2">
        <v>13.6</v>
      </c>
      <c r="C2706" s="2">
        <v>172.2</v>
      </c>
      <c r="D2706" s="2">
        <v>0.2</v>
      </c>
      <c r="E2706" s="2">
        <v>129.20000000000121</v>
      </c>
    </row>
    <row r="2707" spans="1:5" x14ac:dyDescent="0.25">
      <c r="A2707" s="3">
        <v>41772.210358796299</v>
      </c>
      <c r="B2707" s="2">
        <v>13.5</v>
      </c>
      <c r="C2707" s="2">
        <v>172.2</v>
      </c>
      <c r="D2707" s="2">
        <v>0.2</v>
      </c>
      <c r="E2707" s="2">
        <v>129.4000000000012</v>
      </c>
    </row>
    <row r="2708" spans="1:5" x14ac:dyDescent="0.25">
      <c r="A2708" s="3">
        <v>41772.210416666669</v>
      </c>
      <c r="B2708" s="2">
        <v>13.5</v>
      </c>
      <c r="C2708" s="2">
        <v>172.4</v>
      </c>
      <c r="D2708" s="2">
        <v>0</v>
      </c>
      <c r="E2708" s="2">
        <v>129.4000000000012</v>
      </c>
    </row>
    <row r="2709" spans="1:5" x14ac:dyDescent="0.25">
      <c r="A2709" s="3">
        <v>41772.213773148149</v>
      </c>
      <c r="B2709" s="2">
        <v>13.4</v>
      </c>
      <c r="C2709" s="2">
        <v>172.4</v>
      </c>
      <c r="D2709" s="2">
        <v>0.2</v>
      </c>
      <c r="E2709" s="2">
        <v>129.60000000000119</v>
      </c>
    </row>
    <row r="2710" spans="1:5" x14ac:dyDescent="0.25">
      <c r="A2710" s="3">
        <v>41772.213831018518</v>
      </c>
      <c r="B2710" s="2">
        <v>13.4</v>
      </c>
      <c r="C2710" s="2">
        <v>172.6</v>
      </c>
      <c r="D2710" s="2">
        <v>0</v>
      </c>
      <c r="E2710" s="2">
        <v>129.60000000000119</v>
      </c>
    </row>
    <row r="2711" spans="1:5" x14ac:dyDescent="0.25">
      <c r="A2711" s="3">
        <v>41772.215798611112</v>
      </c>
      <c r="B2711" s="2">
        <v>13.4</v>
      </c>
      <c r="C2711" s="2">
        <v>172.8</v>
      </c>
      <c r="D2711" s="2">
        <v>0</v>
      </c>
      <c r="E2711" s="2">
        <v>129.60000000000119</v>
      </c>
    </row>
    <row r="2712" spans="1:5" x14ac:dyDescent="0.25">
      <c r="A2712" s="3">
        <v>41772.216435185182</v>
      </c>
      <c r="B2712" s="2">
        <v>13.3</v>
      </c>
      <c r="C2712" s="2">
        <v>172.8</v>
      </c>
      <c r="D2712" s="2">
        <v>0.2</v>
      </c>
      <c r="E2712" s="2">
        <v>129.80000000000118</v>
      </c>
    </row>
    <row r="2713" spans="1:5" x14ac:dyDescent="0.25">
      <c r="A2713" s="3">
        <v>41772.218576388892</v>
      </c>
      <c r="B2713" s="2">
        <v>13.3</v>
      </c>
      <c r="C2713" s="2">
        <v>173</v>
      </c>
      <c r="D2713" s="2">
        <v>0</v>
      </c>
      <c r="E2713" s="2">
        <v>129.80000000000118</v>
      </c>
    </row>
    <row r="2714" spans="1:5" x14ac:dyDescent="0.25">
      <c r="A2714" s="3">
        <v>41772.219039351854</v>
      </c>
      <c r="B2714" s="2">
        <v>13.3</v>
      </c>
      <c r="C2714" s="2">
        <v>173</v>
      </c>
      <c r="D2714" s="2">
        <v>0.2</v>
      </c>
      <c r="E2714" s="2">
        <v>130.00000000000117</v>
      </c>
    </row>
    <row r="2715" spans="1:5" x14ac:dyDescent="0.25">
      <c r="A2715" s="3">
        <v>41772.221701388888</v>
      </c>
      <c r="B2715" s="2">
        <v>13.3</v>
      </c>
      <c r="C2715" s="2">
        <v>173.2</v>
      </c>
      <c r="D2715" s="2">
        <v>0</v>
      </c>
      <c r="E2715" s="2">
        <v>130.00000000000117</v>
      </c>
    </row>
    <row r="2716" spans="1:5" x14ac:dyDescent="0.25">
      <c r="A2716" s="3">
        <v>41772.221932870372</v>
      </c>
      <c r="B2716" s="2">
        <v>13.3</v>
      </c>
      <c r="C2716" s="2">
        <v>173.2</v>
      </c>
      <c r="D2716" s="2">
        <v>0.2</v>
      </c>
      <c r="E2716" s="2">
        <v>130.20000000000115</v>
      </c>
    </row>
    <row r="2717" spans="1:5" x14ac:dyDescent="0.25">
      <c r="A2717" s="3">
        <v>41772.225231481483</v>
      </c>
      <c r="B2717" s="2">
        <v>13.2</v>
      </c>
      <c r="C2717" s="2">
        <v>173.4</v>
      </c>
      <c r="D2717" s="2">
        <v>0</v>
      </c>
      <c r="E2717" s="2">
        <v>130.20000000000115</v>
      </c>
    </row>
    <row r="2718" spans="1:5" x14ac:dyDescent="0.25">
      <c r="A2718" s="3">
        <v>41772.225347222222</v>
      </c>
      <c r="B2718" s="2">
        <v>13.2</v>
      </c>
      <c r="C2718" s="2">
        <v>173.4</v>
      </c>
      <c r="D2718" s="2">
        <v>0.2</v>
      </c>
      <c r="E2718" s="2">
        <v>130.40000000000114</v>
      </c>
    </row>
    <row r="2719" spans="1:5" x14ac:dyDescent="0.25">
      <c r="A2719" s="3">
        <v>41772.228356481479</v>
      </c>
      <c r="B2719" s="2">
        <v>13.2</v>
      </c>
      <c r="C2719" s="2">
        <v>173.4</v>
      </c>
      <c r="D2719" s="2">
        <v>0.2</v>
      </c>
      <c r="E2719" s="2">
        <v>130.60000000000113</v>
      </c>
    </row>
    <row r="2720" spans="1:5" x14ac:dyDescent="0.25">
      <c r="A2720" s="3">
        <v>41772.228703703702</v>
      </c>
      <c r="B2720" s="2">
        <v>13.2</v>
      </c>
      <c r="C2720" s="2">
        <v>173.6</v>
      </c>
      <c r="D2720" s="2">
        <v>0</v>
      </c>
      <c r="E2720" s="2">
        <v>130.60000000000113</v>
      </c>
    </row>
    <row r="2721" spans="1:5" x14ac:dyDescent="0.25">
      <c r="A2721" s="3">
        <v>41772.231134259258</v>
      </c>
      <c r="B2721" s="2">
        <v>13.2</v>
      </c>
      <c r="C2721" s="2">
        <v>173.6</v>
      </c>
      <c r="D2721" s="2">
        <v>0.2</v>
      </c>
      <c r="E2721" s="2">
        <v>130.80000000000112</v>
      </c>
    </row>
    <row r="2722" spans="1:5" x14ac:dyDescent="0.25">
      <c r="A2722" s="3">
        <v>41772.231423611112</v>
      </c>
      <c r="B2722" s="2">
        <v>13.2</v>
      </c>
      <c r="C2722" s="2">
        <v>173.8</v>
      </c>
      <c r="D2722" s="2">
        <v>0</v>
      </c>
      <c r="E2722" s="2">
        <v>130.80000000000112</v>
      </c>
    </row>
    <row r="2723" spans="1:5" x14ac:dyDescent="0.25">
      <c r="A2723" s="3">
        <v>41772.233854166669</v>
      </c>
      <c r="B2723" s="2">
        <v>13.1</v>
      </c>
      <c r="C2723" s="2">
        <v>173.8</v>
      </c>
      <c r="D2723" s="2">
        <v>0.2</v>
      </c>
      <c r="E2723" s="2">
        <v>131.00000000000111</v>
      </c>
    </row>
    <row r="2724" spans="1:5" x14ac:dyDescent="0.25">
      <c r="A2724" s="3">
        <v>41772.234548611108</v>
      </c>
      <c r="B2724" s="2">
        <v>13.1</v>
      </c>
      <c r="C2724" s="2">
        <v>174</v>
      </c>
      <c r="D2724" s="2">
        <v>0</v>
      </c>
      <c r="E2724" s="2">
        <v>131.00000000000111</v>
      </c>
    </row>
    <row r="2725" spans="1:5" x14ac:dyDescent="0.25">
      <c r="A2725" s="3">
        <v>41772.236863425926</v>
      </c>
      <c r="B2725" s="2">
        <v>13.1</v>
      </c>
      <c r="C2725" s="2">
        <v>174</v>
      </c>
      <c r="D2725" s="2">
        <v>0.2</v>
      </c>
      <c r="E2725" s="2">
        <v>131.2000000000011</v>
      </c>
    </row>
    <row r="2726" spans="1:5" x14ac:dyDescent="0.25">
      <c r="A2726" s="3">
        <v>41772.237037037034</v>
      </c>
      <c r="B2726" s="2">
        <v>13.1</v>
      </c>
      <c r="C2726" s="2">
        <v>174.2</v>
      </c>
      <c r="D2726" s="2">
        <v>0</v>
      </c>
      <c r="E2726" s="2">
        <v>131.2000000000011</v>
      </c>
    </row>
    <row r="2727" spans="1:5" x14ac:dyDescent="0.25">
      <c r="A2727" s="3">
        <v>41772.239756944444</v>
      </c>
      <c r="B2727" s="2">
        <v>13.1</v>
      </c>
      <c r="C2727" s="2">
        <v>174.4</v>
      </c>
      <c r="D2727" s="2">
        <v>0.2</v>
      </c>
      <c r="E2727" s="2">
        <v>131.40000000000109</v>
      </c>
    </row>
    <row r="2728" spans="1:5" x14ac:dyDescent="0.25">
      <c r="A2728" s="3">
        <v>41772.243807870371</v>
      </c>
      <c r="B2728" s="2">
        <v>13.1</v>
      </c>
      <c r="C2728" s="2">
        <v>174.4</v>
      </c>
      <c r="D2728" s="2">
        <v>0.2</v>
      </c>
      <c r="E2728" s="2">
        <v>131.60000000000107</v>
      </c>
    </row>
    <row r="2729" spans="1:5" x14ac:dyDescent="0.25">
      <c r="A2729" s="3">
        <v>41772.244560185187</v>
      </c>
      <c r="B2729" s="2">
        <v>13.1</v>
      </c>
      <c r="C2729" s="2">
        <v>174.6</v>
      </c>
      <c r="D2729" s="2">
        <v>0</v>
      </c>
      <c r="E2729" s="2">
        <v>131.60000000000107</v>
      </c>
    </row>
    <row r="2730" spans="1:5" x14ac:dyDescent="0.25">
      <c r="A2730" s="3">
        <v>41772.246296296296</v>
      </c>
      <c r="B2730" s="2">
        <v>13</v>
      </c>
      <c r="C2730" s="2">
        <v>174.6</v>
      </c>
      <c r="D2730" s="2">
        <v>0.2</v>
      </c>
      <c r="E2730" s="2">
        <v>131.80000000000106</v>
      </c>
    </row>
    <row r="2731" spans="1:5" x14ac:dyDescent="0.25">
      <c r="A2731" s="3">
        <v>41772.246701388889</v>
      </c>
      <c r="B2731" s="2">
        <v>13</v>
      </c>
      <c r="C2731" s="2">
        <v>174.8</v>
      </c>
      <c r="D2731" s="2">
        <v>0</v>
      </c>
      <c r="E2731" s="2">
        <v>131.80000000000106</v>
      </c>
    </row>
    <row r="2732" spans="1:5" x14ac:dyDescent="0.25">
      <c r="A2732" s="3">
        <v>41772.248437499999</v>
      </c>
      <c r="B2732" s="2">
        <v>13</v>
      </c>
      <c r="C2732" s="2">
        <v>174.8</v>
      </c>
      <c r="D2732" s="2">
        <v>0.2</v>
      </c>
      <c r="E2732" s="2">
        <v>132.00000000000105</v>
      </c>
    </row>
    <row r="2733" spans="1:5" x14ac:dyDescent="0.25">
      <c r="A2733" s="3">
        <v>41772.249247685184</v>
      </c>
      <c r="B2733" s="2">
        <v>13</v>
      </c>
      <c r="C2733" s="2">
        <v>175</v>
      </c>
      <c r="D2733" s="2">
        <v>0</v>
      </c>
      <c r="E2733" s="2">
        <v>132.00000000000105</v>
      </c>
    </row>
    <row r="2734" spans="1:5" x14ac:dyDescent="0.25">
      <c r="A2734" s="3">
        <v>41772.251273148147</v>
      </c>
      <c r="B2734" s="2">
        <v>13</v>
      </c>
      <c r="C2734" s="2">
        <v>175</v>
      </c>
      <c r="D2734" s="2">
        <v>0.2</v>
      </c>
      <c r="E2734" s="2">
        <v>132.20000000000104</v>
      </c>
    </row>
    <row r="2735" spans="1:5" x14ac:dyDescent="0.25">
      <c r="A2735" s="3">
        <v>41772.252546296295</v>
      </c>
      <c r="B2735" s="2">
        <v>13</v>
      </c>
      <c r="C2735" s="2">
        <v>175.2</v>
      </c>
      <c r="D2735" s="2">
        <v>0</v>
      </c>
      <c r="E2735" s="2">
        <v>132.20000000000104</v>
      </c>
    </row>
    <row r="2736" spans="1:5" x14ac:dyDescent="0.25">
      <c r="A2736" s="3">
        <v>41772.254745370374</v>
      </c>
      <c r="B2736" s="2">
        <v>12.9</v>
      </c>
      <c r="C2736" s="2">
        <v>175.2</v>
      </c>
      <c r="D2736" s="2">
        <v>0.2</v>
      </c>
      <c r="E2736" s="2">
        <v>132.40000000000103</v>
      </c>
    </row>
    <row r="2737" spans="1:5" x14ac:dyDescent="0.25">
      <c r="A2737" s="3">
        <v>41772.255439814813</v>
      </c>
      <c r="B2737" s="2">
        <v>12.9</v>
      </c>
      <c r="C2737" s="2">
        <v>175.4</v>
      </c>
      <c r="D2737" s="2">
        <v>0</v>
      </c>
      <c r="E2737" s="2">
        <v>132.40000000000103</v>
      </c>
    </row>
    <row r="2738" spans="1:5" x14ac:dyDescent="0.25">
      <c r="A2738" s="3">
        <v>41772.258101851854</v>
      </c>
      <c r="B2738" s="2">
        <v>12.9</v>
      </c>
      <c r="C2738" s="2">
        <v>175.4</v>
      </c>
      <c r="D2738" s="2">
        <v>0.2</v>
      </c>
      <c r="E2738" s="2">
        <v>132.60000000000102</v>
      </c>
    </row>
    <row r="2739" spans="1:5" x14ac:dyDescent="0.25">
      <c r="A2739" s="3">
        <v>41772.260011574072</v>
      </c>
      <c r="B2739" s="2">
        <v>12.9</v>
      </c>
      <c r="C2739" s="2">
        <v>175.6</v>
      </c>
      <c r="D2739" s="2">
        <v>0</v>
      </c>
      <c r="E2739" s="2">
        <v>132.60000000000102</v>
      </c>
    </row>
    <row r="2740" spans="1:5" x14ac:dyDescent="0.25">
      <c r="A2740" s="3">
        <v>41772.26053240741</v>
      </c>
      <c r="B2740" s="2">
        <v>12.8</v>
      </c>
      <c r="C2740" s="2">
        <v>175.6</v>
      </c>
      <c r="D2740" s="2">
        <v>0.2</v>
      </c>
      <c r="E2740" s="2">
        <v>132.80000000000101</v>
      </c>
    </row>
    <row r="2741" spans="1:5" x14ac:dyDescent="0.25">
      <c r="A2741" s="3">
        <v>41772.261342592596</v>
      </c>
      <c r="B2741" s="2">
        <v>12.8</v>
      </c>
      <c r="C2741" s="2">
        <v>175.8</v>
      </c>
      <c r="D2741" s="2">
        <v>0</v>
      </c>
      <c r="E2741" s="2">
        <v>132.80000000000101</v>
      </c>
    </row>
    <row r="2742" spans="1:5" x14ac:dyDescent="0.25">
      <c r="A2742" s="3">
        <v>41772.26221064815</v>
      </c>
      <c r="B2742" s="2">
        <v>12.8</v>
      </c>
      <c r="C2742" s="2">
        <v>175.8</v>
      </c>
      <c r="D2742" s="2">
        <v>0.2</v>
      </c>
      <c r="E2742" s="2">
        <v>133.00000000000099</v>
      </c>
    </row>
    <row r="2743" spans="1:5" x14ac:dyDescent="0.25">
      <c r="A2743" s="3">
        <v>41772.263078703705</v>
      </c>
      <c r="B2743" s="2">
        <v>12.8</v>
      </c>
      <c r="C2743" s="2">
        <v>176</v>
      </c>
      <c r="D2743" s="2">
        <v>0</v>
      </c>
      <c r="E2743" s="2">
        <v>133.00000000000099</v>
      </c>
    </row>
    <row r="2744" spans="1:5" x14ac:dyDescent="0.25">
      <c r="A2744" s="3">
        <v>41772.264872685184</v>
      </c>
      <c r="B2744" s="2">
        <v>12.7</v>
      </c>
      <c r="C2744" s="2">
        <v>176</v>
      </c>
      <c r="D2744" s="2">
        <v>0.2</v>
      </c>
      <c r="E2744" s="2">
        <v>133.20000000000098</v>
      </c>
    </row>
    <row r="2745" spans="1:5" x14ac:dyDescent="0.25">
      <c r="A2745" s="3">
        <v>41772.265798611108</v>
      </c>
      <c r="B2745" s="2">
        <v>12.7</v>
      </c>
      <c r="C2745" s="2">
        <v>176.2</v>
      </c>
      <c r="D2745" s="2">
        <v>0</v>
      </c>
      <c r="E2745" s="2">
        <v>133.20000000000098</v>
      </c>
    </row>
    <row r="2746" spans="1:5" x14ac:dyDescent="0.25">
      <c r="A2746" s="3">
        <v>41772.266898148147</v>
      </c>
      <c r="B2746" s="2">
        <v>12.7</v>
      </c>
      <c r="C2746" s="2">
        <v>176.2</v>
      </c>
      <c r="D2746" s="2">
        <v>0.2</v>
      </c>
      <c r="E2746" s="2">
        <v>133.40000000000097</v>
      </c>
    </row>
    <row r="2747" spans="1:5" x14ac:dyDescent="0.25">
      <c r="A2747" s="3">
        <v>41772.269444444442</v>
      </c>
      <c r="B2747" s="2">
        <v>12.7</v>
      </c>
      <c r="C2747" s="2">
        <v>176.4</v>
      </c>
      <c r="D2747" s="2">
        <v>0</v>
      </c>
      <c r="E2747" s="2">
        <v>133.40000000000097</v>
      </c>
    </row>
    <row r="2748" spans="1:5" x14ac:dyDescent="0.25">
      <c r="A2748" s="3">
        <v>41772.272627314815</v>
      </c>
      <c r="B2748" s="2">
        <v>12.7</v>
      </c>
      <c r="C2748" s="2">
        <v>176.4</v>
      </c>
      <c r="D2748" s="2">
        <v>0.2</v>
      </c>
      <c r="E2748" s="2">
        <v>133.60000000000096</v>
      </c>
    </row>
    <row r="2749" spans="1:5" x14ac:dyDescent="0.25">
      <c r="A2749" s="3">
        <v>41772.273958333331</v>
      </c>
      <c r="B2749" s="2">
        <v>12.6</v>
      </c>
      <c r="C2749" s="2">
        <v>176.6</v>
      </c>
      <c r="D2749" s="2">
        <v>0</v>
      </c>
      <c r="E2749" s="2">
        <v>133.60000000000096</v>
      </c>
    </row>
    <row r="2750" spans="1:5" x14ac:dyDescent="0.25">
      <c r="A2750" s="3">
        <v>41772.275578703702</v>
      </c>
      <c r="B2750" s="2">
        <v>12.5</v>
      </c>
      <c r="C2750" s="2">
        <v>176.6</v>
      </c>
      <c r="D2750" s="2">
        <v>0.2</v>
      </c>
      <c r="E2750" s="2">
        <v>133.80000000000095</v>
      </c>
    </row>
    <row r="2751" spans="1:5" x14ac:dyDescent="0.25">
      <c r="A2751" s="3">
        <v>41772.277488425927</v>
      </c>
      <c r="B2751" s="2">
        <v>12.5</v>
      </c>
      <c r="C2751" s="2">
        <v>176.8</v>
      </c>
      <c r="D2751" s="2">
        <v>0</v>
      </c>
      <c r="E2751" s="2">
        <v>133.80000000000095</v>
      </c>
    </row>
    <row r="2752" spans="1:5" x14ac:dyDescent="0.25">
      <c r="A2752" s="3">
        <v>41772.279050925928</v>
      </c>
      <c r="B2752" s="2">
        <v>12.4</v>
      </c>
      <c r="C2752" s="2">
        <v>176.8</v>
      </c>
      <c r="D2752" s="2">
        <v>0.2</v>
      </c>
      <c r="E2752" s="2">
        <v>134.00000000000094</v>
      </c>
    </row>
    <row r="2753" spans="1:5" x14ac:dyDescent="0.25">
      <c r="A2753" s="3">
        <v>41772.280787037038</v>
      </c>
      <c r="B2753" s="2">
        <v>12.3</v>
      </c>
      <c r="C2753" s="2">
        <v>177</v>
      </c>
      <c r="D2753" s="2">
        <v>0</v>
      </c>
      <c r="E2753" s="2">
        <v>134.00000000000094</v>
      </c>
    </row>
    <row r="2754" spans="1:5" x14ac:dyDescent="0.25">
      <c r="A2754" s="3">
        <v>41772.282407407409</v>
      </c>
      <c r="B2754" s="2">
        <v>12.3</v>
      </c>
      <c r="C2754" s="2">
        <v>177</v>
      </c>
      <c r="D2754" s="2">
        <v>0.2</v>
      </c>
      <c r="E2754" s="2">
        <v>134.20000000000093</v>
      </c>
    </row>
    <row r="2755" spans="1:5" x14ac:dyDescent="0.25">
      <c r="A2755" s="3">
        <v>41772.284201388888</v>
      </c>
      <c r="B2755" s="2">
        <v>12.3</v>
      </c>
      <c r="C2755" s="2">
        <v>177.2</v>
      </c>
      <c r="D2755" s="2">
        <v>0</v>
      </c>
      <c r="E2755" s="2">
        <v>134.20000000000093</v>
      </c>
    </row>
    <row r="2756" spans="1:5" x14ac:dyDescent="0.25">
      <c r="A2756" s="3">
        <v>41772.285937499997</v>
      </c>
      <c r="B2756" s="2">
        <v>12.3</v>
      </c>
      <c r="C2756" s="2">
        <v>177.2</v>
      </c>
      <c r="D2756" s="2">
        <v>0.2</v>
      </c>
      <c r="E2756" s="2">
        <v>134.40000000000092</v>
      </c>
    </row>
    <row r="2757" spans="1:5" x14ac:dyDescent="0.25">
      <c r="A2757" s="3">
        <v>41772.287326388891</v>
      </c>
      <c r="B2757" s="2">
        <v>12.3</v>
      </c>
      <c r="C2757" s="2">
        <v>177.4</v>
      </c>
      <c r="D2757" s="2">
        <v>0</v>
      </c>
      <c r="E2757" s="2">
        <v>134.40000000000092</v>
      </c>
    </row>
    <row r="2758" spans="1:5" x14ac:dyDescent="0.25">
      <c r="A2758" s="3">
        <v>41772.288773148146</v>
      </c>
      <c r="B2758" s="2">
        <v>12.3</v>
      </c>
      <c r="C2758" s="2">
        <v>177.4</v>
      </c>
      <c r="D2758" s="2">
        <v>0.2</v>
      </c>
      <c r="E2758" s="2">
        <v>134.6000000000009</v>
      </c>
    </row>
    <row r="2759" spans="1:5" x14ac:dyDescent="0.25">
      <c r="A2759" s="3">
        <v>41772.289756944447</v>
      </c>
      <c r="B2759" s="2">
        <v>12.3</v>
      </c>
      <c r="C2759" s="2">
        <v>177.6</v>
      </c>
      <c r="D2759" s="2">
        <v>0</v>
      </c>
      <c r="E2759" s="2">
        <v>134.6000000000009</v>
      </c>
    </row>
    <row r="2760" spans="1:5" x14ac:dyDescent="0.25">
      <c r="A2760" s="3">
        <v>41772.291203703702</v>
      </c>
      <c r="B2760" s="2">
        <v>12.3</v>
      </c>
      <c r="C2760" s="2">
        <v>177.6</v>
      </c>
      <c r="D2760" s="2">
        <v>0.2</v>
      </c>
      <c r="E2760" s="2">
        <v>134.80000000000089</v>
      </c>
    </row>
    <row r="2761" spans="1:5" x14ac:dyDescent="0.25">
      <c r="A2761" s="3">
        <v>41772.29184027778</v>
      </c>
      <c r="B2761" s="2">
        <v>12.3</v>
      </c>
      <c r="C2761" s="2">
        <v>177.8</v>
      </c>
      <c r="D2761" s="2">
        <v>0</v>
      </c>
      <c r="E2761" s="2">
        <v>134.80000000000089</v>
      </c>
    </row>
    <row r="2762" spans="1:5" x14ac:dyDescent="0.25">
      <c r="A2762" s="3">
        <v>41772.29351851852</v>
      </c>
      <c r="B2762" s="2">
        <v>12.3</v>
      </c>
      <c r="C2762" s="2">
        <v>177.8</v>
      </c>
      <c r="D2762" s="2">
        <v>0.2</v>
      </c>
      <c r="E2762" s="2">
        <v>135.00000000000088</v>
      </c>
    </row>
    <row r="2763" spans="1:5" x14ac:dyDescent="0.25">
      <c r="A2763" s="3">
        <v>41772.294560185182</v>
      </c>
      <c r="B2763" s="2">
        <v>12.3</v>
      </c>
      <c r="C2763" s="2">
        <v>178</v>
      </c>
      <c r="D2763" s="2">
        <v>0</v>
      </c>
      <c r="E2763" s="2">
        <v>135.00000000000088</v>
      </c>
    </row>
    <row r="2764" spans="1:5" x14ac:dyDescent="0.25">
      <c r="A2764" s="3">
        <v>41772.295891203707</v>
      </c>
      <c r="B2764" s="2">
        <v>12.3</v>
      </c>
      <c r="C2764" s="2">
        <v>178</v>
      </c>
      <c r="D2764" s="2">
        <v>0.2</v>
      </c>
      <c r="E2764" s="2">
        <v>135.20000000000087</v>
      </c>
    </row>
    <row r="2765" spans="1:5" x14ac:dyDescent="0.25">
      <c r="A2765" s="3">
        <v>41772.296817129631</v>
      </c>
      <c r="B2765" s="2">
        <v>12.3</v>
      </c>
      <c r="C2765" s="2">
        <v>178.2</v>
      </c>
      <c r="D2765" s="2">
        <v>0</v>
      </c>
      <c r="E2765" s="2">
        <v>135.20000000000087</v>
      </c>
    </row>
    <row r="2766" spans="1:5" x14ac:dyDescent="0.25">
      <c r="A2766" s="3">
        <v>41772.297743055555</v>
      </c>
      <c r="B2766" s="2">
        <v>12.3</v>
      </c>
      <c r="C2766" s="2">
        <v>178.2</v>
      </c>
      <c r="D2766" s="2">
        <v>0.2</v>
      </c>
      <c r="E2766" s="2">
        <v>135.40000000000086</v>
      </c>
    </row>
    <row r="2767" spans="1:5" x14ac:dyDescent="0.25">
      <c r="A2767" s="3">
        <v>41772.298379629632</v>
      </c>
      <c r="B2767" s="2">
        <v>12.3</v>
      </c>
      <c r="C2767" s="2">
        <v>178.4</v>
      </c>
      <c r="D2767" s="2">
        <v>0</v>
      </c>
      <c r="E2767" s="2">
        <v>135.40000000000086</v>
      </c>
    </row>
    <row r="2768" spans="1:5" x14ac:dyDescent="0.25">
      <c r="A2768" s="3">
        <v>41772.299537037034</v>
      </c>
      <c r="B2768" s="2">
        <v>12.3</v>
      </c>
      <c r="C2768" s="2">
        <v>178.4</v>
      </c>
      <c r="D2768" s="2">
        <v>0.2</v>
      </c>
      <c r="E2768" s="2">
        <v>135.60000000000085</v>
      </c>
    </row>
    <row r="2769" spans="1:5" x14ac:dyDescent="0.25">
      <c r="A2769" s="3">
        <v>41772.300000000003</v>
      </c>
      <c r="B2769" s="2">
        <v>12.3</v>
      </c>
      <c r="C2769" s="2">
        <v>178.6</v>
      </c>
      <c r="D2769" s="2">
        <v>0</v>
      </c>
      <c r="E2769" s="2">
        <v>135.60000000000085</v>
      </c>
    </row>
    <row r="2770" spans="1:5" x14ac:dyDescent="0.25">
      <c r="A2770" s="3">
        <v>41772.301157407404</v>
      </c>
      <c r="B2770" s="2">
        <v>12.3</v>
      </c>
      <c r="C2770" s="2">
        <v>178.6</v>
      </c>
      <c r="D2770" s="2">
        <v>0.2</v>
      </c>
      <c r="E2770" s="2">
        <v>135.80000000000084</v>
      </c>
    </row>
    <row r="2771" spans="1:5" x14ac:dyDescent="0.25">
      <c r="A2771" s="3">
        <v>41772.30196759259</v>
      </c>
      <c r="B2771" s="2">
        <v>12.3</v>
      </c>
      <c r="C2771" s="2">
        <v>178.8</v>
      </c>
      <c r="D2771" s="2">
        <v>0</v>
      </c>
      <c r="E2771" s="2">
        <v>135.80000000000084</v>
      </c>
    </row>
    <row r="2772" spans="1:5" x14ac:dyDescent="0.25">
      <c r="A2772" s="3">
        <v>41772.30300925926</v>
      </c>
      <c r="B2772" s="2">
        <v>12.3</v>
      </c>
      <c r="C2772" s="2">
        <v>178.8</v>
      </c>
      <c r="D2772" s="2">
        <v>0.2</v>
      </c>
      <c r="E2772" s="2">
        <v>136.00000000000082</v>
      </c>
    </row>
    <row r="2773" spans="1:5" x14ac:dyDescent="0.25">
      <c r="A2773" s="3">
        <v>41772.303761574076</v>
      </c>
      <c r="B2773" s="2">
        <v>12.3</v>
      </c>
      <c r="C2773" s="2">
        <v>179</v>
      </c>
      <c r="D2773" s="2">
        <v>0</v>
      </c>
      <c r="E2773" s="2">
        <v>136.00000000000082</v>
      </c>
    </row>
    <row r="2774" spans="1:5" x14ac:dyDescent="0.25">
      <c r="A2774" s="3">
        <v>41772.304629629631</v>
      </c>
      <c r="B2774" s="2">
        <v>12.3</v>
      </c>
      <c r="C2774" s="2">
        <v>179</v>
      </c>
      <c r="D2774" s="2">
        <v>0.2</v>
      </c>
      <c r="E2774" s="2">
        <v>136.20000000000081</v>
      </c>
    </row>
    <row r="2775" spans="1:5" x14ac:dyDescent="0.25">
      <c r="A2775" s="3">
        <v>41772.305613425924</v>
      </c>
      <c r="B2775" s="2">
        <v>12.3</v>
      </c>
      <c r="C2775" s="2">
        <v>179.2</v>
      </c>
      <c r="D2775" s="2">
        <v>0</v>
      </c>
      <c r="E2775" s="2">
        <v>136.20000000000081</v>
      </c>
    </row>
    <row r="2776" spans="1:5" x14ac:dyDescent="0.25">
      <c r="A2776" s="3">
        <v>41772.307291666664</v>
      </c>
      <c r="B2776" s="2">
        <v>12.3</v>
      </c>
      <c r="C2776" s="2">
        <v>179.2</v>
      </c>
      <c r="D2776" s="2">
        <v>0.2</v>
      </c>
      <c r="E2776" s="2">
        <v>136.4000000000008</v>
      </c>
    </row>
    <row r="2777" spans="1:5" x14ac:dyDescent="0.25">
      <c r="A2777" s="3">
        <v>41772.307638888888</v>
      </c>
      <c r="B2777" s="2">
        <v>12.3</v>
      </c>
      <c r="C2777" s="2">
        <v>179.4</v>
      </c>
      <c r="D2777" s="2">
        <v>0</v>
      </c>
      <c r="E2777" s="2">
        <v>136.4000000000008</v>
      </c>
    </row>
    <row r="2778" spans="1:5" x14ac:dyDescent="0.25">
      <c r="A2778" s="3">
        <v>41772.309317129628</v>
      </c>
      <c r="B2778" s="2">
        <v>12.3</v>
      </c>
      <c r="C2778" s="2">
        <v>179.4</v>
      </c>
      <c r="D2778" s="2">
        <v>0.2</v>
      </c>
      <c r="E2778" s="2">
        <v>136.60000000000079</v>
      </c>
    </row>
    <row r="2779" spans="1:5" x14ac:dyDescent="0.25">
      <c r="A2779" s="3">
        <v>41772.309895833336</v>
      </c>
      <c r="B2779" s="2">
        <v>12.3</v>
      </c>
      <c r="C2779" s="2">
        <v>179.6</v>
      </c>
      <c r="D2779" s="2">
        <v>0</v>
      </c>
      <c r="E2779" s="2">
        <v>136.60000000000079</v>
      </c>
    </row>
    <row r="2780" spans="1:5" x14ac:dyDescent="0.25">
      <c r="A2780" s="3">
        <v>41772.312152777777</v>
      </c>
      <c r="B2780" s="2">
        <v>12.2</v>
      </c>
      <c r="C2780" s="2">
        <v>179.6</v>
      </c>
      <c r="D2780" s="2">
        <v>0.2</v>
      </c>
      <c r="E2780" s="2">
        <v>136.80000000000078</v>
      </c>
    </row>
    <row r="2781" spans="1:5" x14ac:dyDescent="0.25">
      <c r="A2781" s="3">
        <v>41772.312847222223</v>
      </c>
      <c r="B2781" s="2">
        <v>12.2</v>
      </c>
      <c r="C2781" s="2">
        <v>179.8</v>
      </c>
      <c r="D2781" s="2">
        <v>0</v>
      </c>
      <c r="E2781" s="2">
        <v>136.80000000000078</v>
      </c>
    </row>
    <row r="2782" spans="1:5" x14ac:dyDescent="0.25">
      <c r="A2782" s="3">
        <v>41772.315682870372</v>
      </c>
      <c r="B2782" s="2">
        <v>12.2</v>
      </c>
      <c r="C2782" s="2">
        <v>179.8</v>
      </c>
      <c r="D2782" s="2">
        <v>0.2</v>
      </c>
      <c r="E2782" s="2">
        <v>137.00000000000077</v>
      </c>
    </row>
    <row r="2783" spans="1:5" x14ac:dyDescent="0.25">
      <c r="A2783" s="3">
        <v>41772.318171296298</v>
      </c>
      <c r="B2783" s="2">
        <v>12.2</v>
      </c>
      <c r="C2783" s="2">
        <v>180</v>
      </c>
      <c r="D2783" s="2">
        <v>0</v>
      </c>
      <c r="E2783" s="2">
        <v>137.00000000000077</v>
      </c>
    </row>
    <row r="2784" spans="1:5" x14ac:dyDescent="0.25">
      <c r="A2784" s="3">
        <v>41772.322569444441</v>
      </c>
      <c r="B2784" s="2">
        <v>12.1</v>
      </c>
      <c r="C2784" s="2">
        <v>180</v>
      </c>
      <c r="D2784" s="2">
        <v>0.2</v>
      </c>
      <c r="E2784" s="2">
        <v>137.20000000000076</v>
      </c>
    </row>
    <row r="2785" spans="1:5" x14ac:dyDescent="0.25">
      <c r="A2785" s="3">
        <v>41772.325115740743</v>
      </c>
      <c r="B2785" s="2">
        <v>12.1</v>
      </c>
      <c r="C2785" s="2">
        <v>180.2</v>
      </c>
      <c r="D2785" s="2">
        <v>0</v>
      </c>
      <c r="E2785" s="2">
        <v>137.20000000000076</v>
      </c>
    </row>
    <row r="2786" spans="1:5" x14ac:dyDescent="0.25">
      <c r="A2786" s="3">
        <v>41772.327604166669</v>
      </c>
      <c r="B2786" s="2">
        <v>12</v>
      </c>
      <c r="C2786" s="2">
        <v>180.2</v>
      </c>
      <c r="D2786" s="2">
        <v>0.2</v>
      </c>
      <c r="E2786" s="2">
        <v>137.40000000000074</v>
      </c>
    </row>
    <row r="2787" spans="1:5" x14ac:dyDescent="0.25">
      <c r="A2787" s="3">
        <v>41772.331597222219</v>
      </c>
      <c r="B2787" s="2">
        <v>12</v>
      </c>
      <c r="C2787" s="2">
        <v>180.4</v>
      </c>
      <c r="D2787" s="2">
        <v>0</v>
      </c>
      <c r="E2787" s="2">
        <v>137.40000000000074</v>
      </c>
    </row>
    <row r="2788" spans="1:5" x14ac:dyDescent="0.25">
      <c r="A2788" s="3">
        <v>41772.333275462966</v>
      </c>
      <c r="B2788" s="2">
        <v>12</v>
      </c>
      <c r="C2788" s="2">
        <v>180.4</v>
      </c>
      <c r="D2788" s="2">
        <v>0.2</v>
      </c>
      <c r="E2788" s="2">
        <v>137.60000000000073</v>
      </c>
    </row>
    <row r="2789" spans="1:5" x14ac:dyDescent="0.25">
      <c r="A2789" s="3">
        <v>41772.337037037039</v>
      </c>
      <c r="B2789" s="2">
        <v>12</v>
      </c>
      <c r="C2789" s="2">
        <v>180.6</v>
      </c>
      <c r="D2789" s="2">
        <v>0</v>
      </c>
      <c r="E2789" s="2">
        <v>137.60000000000073</v>
      </c>
    </row>
    <row r="2790" spans="1:5" x14ac:dyDescent="0.25">
      <c r="A2790" s="3">
        <v>41772.339178240742</v>
      </c>
      <c r="B2790" s="2">
        <v>12</v>
      </c>
      <c r="C2790" s="2">
        <v>180.6</v>
      </c>
      <c r="D2790" s="2">
        <v>0.2</v>
      </c>
      <c r="E2790" s="2">
        <v>137.80000000000072</v>
      </c>
    </row>
    <row r="2791" spans="1:5" x14ac:dyDescent="0.25">
      <c r="A2791" s="3">
        <v>41772.344675925924</v>
      </c>
      <c r="B2791" s="2">
        <v>12</v>
      </c>
      <c r="C2791" s="2">
        <v>180.8</v>
      </c>
      <c r="D2791" s="2">
        <v>0</v>
      </c>
      <c r="E2791" s="2">
        <v>137.80000000000072</v>
      </c>
    </row>
    <row r="2792" spans="1:5" x14ac:dyDescent="0.25">
      <c r="A2792" s="3">
        <v>41772.356712962966</v>
      </c>
      <c r="B2792" s="2">
        <v>11.9</v>
      </c>
      <c r="C2792" s="2">
        <v>180.8</v>
      </c>
      <c r="D2792" s="2">
        <v>0.2</v>
      </c>
      <c r="E2792" s="2">
        <v>138.00000000000071</v>
      </c>
    </row>
    <row r="2793" spans="1:5" x14ac:dyDescent="0.25">
      <c r="A2793" s="3">
        <v>41772.383043981485</v>
      </c>
      <c r="B2793" s="2">
        <v>11.9</v>
      </c>
      <c r="C2793" s="2">
        <v>180.8</v>
      </c>
      <c r="D2793" s="2">
        <v>0.2</v>
      </c>
      <c r="E2793" s="2">
        <v>138.2000000000007</v>
      </c>
    </row>
    <row r="2794" spans="1:5" x14ac:dyDescent="0.25">
      <c r="A2794" s="3">
        <v>41772.384317129632</v>
      </c>
      <c r="B2794" s="2">
        <v>11.8</v>
      </c>
      <c r="C2794" s="2">
        <v>181</v>
      </c>
      <c r="D2794" s="2">
        <v>0</v>
      </c>
      <c r="E2794" s="2">
        <v>138.2000000000007</v>
      </c>
    </row>
    <row r="2795" spans="1:5" x14ac:dyDescent="0.25">
      <c r="A2795" s="3">
        <v>41772.39403935185</v>
      </c>
      <c r="B2795" s="2">
        <v>11.6</v>
      </c>
      <c r="C2795" s="2">
        <v>181</v>
      </c>
      <c r="D2795" s="2">
        <v>0.2</v>
      </c>
      <c r="E2795" s="2">
        <v>138.40000000000069</v>
      </c>
    </row>
    <row r="2796" spans="1:5" x14ac:dyDescent="0.25">
      <c r="A2796" s="3">
        <v>41772.395312499997</v>
      </c>
      <c r="B2796" s="2">
        <v>11.6</v>
      </c>
      <c r="C2796" s="2">
        <v>181.2</v>
      </c>
      <c r="D2796" s="2">
        <v>0</v>
      </c>
      <c r="E2796" s="2">
        <v>138.40000000000069</v>
      </c>
    </row>
    <row r="2797" spans="1:5" x14ac:dyDescent="0.25">
      <c r="A2797" s="3">
        <v>41772.403298611112</v>
      </c>
      <c r="B2797" s="2">
        <v>11.7</v>
      </c>
      <c r="C2797" s="2">
        <v>181.2</v>
      </c>
      <c r="D2797" s="2">
        <v>0.2</v>
      </c>
      <c r="E2797" s="2">
        <v>138.60000000000068</v>
      </c>
    </row>
    <row r="2798" spans="1:5" x14ac:dyDescent="0.25">
      <c r="A2798" s="3">
        <v>41772.404629629629</v>
      </c>
      <c r="B2798" s="2">
        <v>11.7</v>
      </c>
      <c r="C2798" s="2">
        <v>181.4</v>
      </c>
      <c r="D2798" s="2">
        <v>0</v>
      </c>
      <c r="E2798" s="2">
        <v>138.60000000000068</v>
      </c>
    </row>
    <row r="2799" spans="1:5" x14ac:dyDescent="0.25">
      <c r="A2799" s="3">
        <v>41772.40896990741</v>
      </c>
      <c r="B2799" s="2">
        <v>11.7</v>
      </c>
      <c r="C2799" s="2">
        <v>181.4</v>
      </c>
      <c r="D2799" s="2">
        <v>0.2</v>
      </c>
      <c r="E2799" s="2">
        <v>138.80000000000067</v>
      </c>
    </row>
    <row r="2800" spans="1:5" x14ac:dyDescent="0.25">
      <c r="A2800" s="3">
        <v>41772.409953703704</v>
      </c>
      <c r="B2800" s="2">
        <v>11.6</v>
      </c>
      <c r="C2800" s="2">
        <v>181.6</v>
      </c>
      <c r="D2800" s="2">
        <v>0</v>
      </c>
      <c r="E2800" s="2">
        <v>138.80000000000067</v>
      </c>
    </row>
    <row r="2801" spans="1:5" x14ac:dyDescent="0.25">
      <c r="A2801" s="3">
        <v>41772.421238425923</v>
      </c>
      <c r="B2801" s="2">
        <v>11.6</v>
      </c>
      <c r="C2801" s="2">
        <v>181.6</v>
      </c>
      <c r="D2801" s="2">
        <v>0.2</v>
      </c>
      <c r="E2801" s="2">
        <v>139.00000000000065</v>
      </c>
    </row>
    <row r="2802" spans="1:5" x14ac:dyDescent="0.25">
      <c r="A2802" s="3">
        <v>41772.422048611108</v>
      </c>
      <c r="B2802" s="2">
        <v>11.6</v>
      </c>
      <c r="C2802" s="2">
        <v>181.8</v>
      </c>
      <c r="D2802" s="2">
        <v>0</v>
      </c>
      <c r="E2802" s="2">
        <v>139.00000000000065</v>
      </c>
    </row>
    <row r="2803" spans="1:5" x14ac:dyDescent="0.25">
      <c r="A2803" s="3">
        <v>41772.425405092596</v>
      </c>
      <c r="B2803" s="2">
        <v>11.5</v>
      </c>
      <c r="C2803" s="2">
        <v>181.8</v>
      </c>
      <c r="D2803" s="2">
        <v>0.2</v>
      </c>
      <c r="E2803" s="2">
        <v>139.20000000000064</v>
      </c>
    </row>
    <row r="2804" spans="1:5" x14ac:dyDescent="0.25">
      <c r="A2804" s="3">
        <v>41772.425925925927</v>
      </c>
      <c r="B2804" s="2">
        <v>11.5</v>
      </c>
      <c r="C2804" s="2">
        <v>182</v>
      </c>
      <c r="D2804" s="2">
        <v>0</v>
      </c>
      <c r="E2804" s="2">
        <v>139.20000000000064</v>
      </c>
    </row>
    <row r="2805" spans="1:5" x14ac:dyDescent="0.25">
      <c r="A2805" s="3">
        <v>41772.428356481483</v>
      </c>
      <c r="B2805" s="2">
        <v>11.5</v>
      </c>
      <c r="C2805" s="2">
        <v>182</v>
      </c>
      <c r="D2805" s="2">
        <v>0.2</v>
      </c>
      <c r="E2805" s="2">
        <v>139.40000000000063</v>
      </c>
    </row>
    <row r="2806" spans="1:5" x14ac:dyDescent="0.25">
      <c r="A2806" s="3">
        <v>41772.428935185184</v>
      </c>
      <c r="B2806" s="2">
        <v>11.5</v>
      </c>
      <c r="C2806" s="2">
        <v>182.2</v>
      </c>
      <c r="D2806" s="2">
        <v>0</v>
      </c>
      <c r="E2806" s="2">
        <v>139.40000000000063</v>
      </c>
    </row>
    <row r="2807" spans="1:5" x14ac:dyDescent="0.25">
      <c r="A2807" s="3">
        <v>41772.431134259263</v>
      </c>
      <c r="B2807" s="2">
        <v>11.5</v>
      </c>
      <c r="C2807" s="2">
        <v>182.2</v>
      </c>
      <c r="D2807" s="2">
        <v>0.2</v>
      </c>
      <c r="E2807" s="2">
        <v>139.60000000000062</v>
      </c>
    </row>
    <row r="2808" spans="1:5" x14ac:dyDescent="0.25">
      <c r="A2808" s="3">
        <v>41772.431712962964</v>
      </c>
      <c r="B2808" s="2">
        <v>11.5</v>
      </c>
      <c r="C2808" s="2">
        <v>182.4</v>
      </c>
      <c r="D2808" s="2">
        <v>0</v>
      </c>
      <c r="E2808" s="2">
        <v>139.60000000000062</v>
      </c>
    </row>
    <row r="2809" spans="1:5" x14ac:dyDescent="0.25">
      <c r="A2809" s="3">
        <v>41772.432986111111</v>
      </c>
      <c r="B2809" s="2">
        <v>11.4</v>
      </c>
      <c r="C2809" s="2">
        <v>182.4</v>
      </c>
      <c r="D2809" s="2">
        <v>0.2</v>
      </c>
      <c r="E2809" s="2">
        <v>139.80000000000061</v>
      </c>
    </row>
    <row r="2810" spans="1:5" x14ac:dyDescent="0.25">
      <c r="A2810" s="3">
        <v>41772.43408564815</v>
      </c>
      <c r="B2810" s="2">
        <v>11.4</v>
      </c>
      <c r="C2810" s="2">
        <v>182.6</v>
      </c>
      <c r="D2810" s="2">
        <v>0</v>
      </c>
      <c r="E2810" s="2">
        <v>139.80000000000061</v>
      </c>
    </row>
    <row r="2811" spans="1:5" x14ac:dyDescent="0.25">
      <c r="A2811" s="3">
        <v>41772.436284722222</v>
      </c>
      <c r="B2811" s="2">
        <v>11.4</v>
      </c>
      <c r="C2811" s="2">
        <v>182.6</v>
      </c>
      <c r="D2811" s="2">
        <v>0.2</v>
      </c>
      <c r="E2811" s="2">
        <v>140.0000000000006</v>
      </c>
    </row>
    <row r="2812" spans="1:5" x14ac:dyDescent="0.25">
      <c r="A2812" s="3">
        <v>41772.437210648146</v>
      </c>
      <c r="B2812" s="2">
        <v>11.4</v>
      </c>
      <c r="C2812" s="2">
        <v>182.8</v>
      </c>
      <c r="D2812" s="2">
        <v>0</v>
      </c>
      <c r="E2812" s="2">
        <v>140.0000000000006</v>
      </c>
    </row>
    <row r="2813" spans="1:5" x14ac:dyDescent="0.25">
      <c r="A2813" s="3">
        <v>41772.439004629632</v>
      </c>
      <c r="B2813" s="2">
        <v>11.4</v>
      </c>
      <c r="C2813" s="2">
        <v>182.8</v>
      </c>
      <c r="D2813" s="2">
        <v>0.2</v>
      </c>
      <c r="E2813" s="2">
        <v>140.20000000000059</v>
      </c>
    </row>
    <row r="2814" spans="1:5" x14ac:dyDescent="0.25">
      <c r="A2814" s="3">
        <v>41772.44091435185</v>
      </c>
      <c r="B2814" s="2">
        <v>11.3</v>
      </c>
      <c r="C2814" s="2">
        <v>183</v>
      </c>
      <c r="D2814" s="2">
        <v>0</v>
      </c>
      <c r="E2814" s="2">
        <v>140.20000000000059</v>
      </c>
    </row>
    <row r="2815" spans="1:5" x14ac:dyDescent="0.25">
      <c r="A2815" s="3">
        <v>41772.441550925927</v>
      </c>
      <c r="B2815" s="2">
        <v>11.4</v>
      </c>
      <c r="C2815" s="2">
        <v>183</v>
      </c>
      <c r="D2815" s="2">
        <v>0.2</v>
      </c>
      <c r="E2815" s="2">
        <v>140.40000000000057</v>
      </c>
    </row>
    <row r="2816" spans="1:5" x14ac:dyDescent="0.25">
      <c r="A2816" s="3">
        <v>41772.442766203705</v>
      </c>
      <c r="B2816" s="2">
        <v>11.4</v>
      </c>
      <c r="C2816" s="2">
        <v>183.2</v>
      </c>
      <c r="D2816" s="2">
        <v>0</v>
      </c>
      <c r="E2816" s="2">
        <v>140.40000000000057</v>
      </c>
    </row>
    <row r="2817" spans="1:5" x14ac:dyDescent="0.25">
      <c r="A2817" s="3">
        <v>41772.443402777775</v>
      </c>
      <c r="B2817" s="2">
        <v>11.4</v>
      </c>
      <c r="C2817" s="2">
        <v>183.2</v>
      </c>
      <c r="D2817" s="2">
        <v>0.2</v>
      </c>
      <c r="E2817" s="2">
        <v>140.60000000000056</v>
      </c>
    </row>
    <row r="2818" spans="1:5" x14ac:dyDescent="0.25">
      <c r="A2818" s="3">
        <v>41772.444097222222</v>
      </c>
      <c r="B2818" s="2">
        <v>11.4</v>
      </c>
      <c r="C2818" s="2">
        <v>183.4</v>
      </c>
      <c r="D2818" s="2">
        <v>0</v>
      </c>
      <c r="E2818" s="2">
        <v>140.60000000000056</v>
      </c>
    </row>
    <row r="2819" spans="1:5" x14ac:dyDescent="0.25">
      <c r="A2819" s="3">
        <v>41772.445023148146</v>
      </c>
      <c r="B2819" s="2">
        <v>11.3</v>
      </c>
      <c r="C2819" s="2">
        <v>183.4</v>
      </c>
      <c r="D2819" s="2">
        <v>0.2</v>
      </c>
      <c r="E2819" s="2">
        <v>140.80000000000055</v>
      </c>
    </row>
    <row r="2820" spans="1:5" x14ac:dyDescent="0.25">
      <c r="A2820" s="3">
        <v>41772.446180555555</v>
      </c>
      <c r="B2820" s="2">
        <v>11.3</v>
      </c>
      <c r="C2820" s="2">
        <v>183.6</v>
      </c>
      <c r="D2820" s="2">
        <v>0</v>
      </c>
      <c r="E2820" s="2">
        <v>140.80000000000055</v>
      </c>
    </row>
    <row r="2821" spans="1:5" x14ac:dyDescent="0.25">
      <c r="A2821" s="3">
        <v>41772.446875000001</v>
      </c>
      <c r="B2821" s="2">
        <v>11.3</v>
      </c>
      <c r="C2821" s="2">
        <v>183.6</v>
      </c>
      <c r="D2821" s="2">
        <v>0.2</v>
      </c>
      <c r="E2821" s="2">
        <v>141.00000000000054</v>
      </c>
    </row>
    <row r="2822" spans="1:5" x14ac:dyDescent="0.25">
      <c r="A2822" s="3">
        <v>41772.448263888888</v>
      </c>
      <c r="B2822" s="2">
        <v>11.3</v>
      </c>
      <c r="C2822" s="2">
        <v>183.8</v>
      </c>
      <c r="D2822" s="2">
        <v>0</v>
      </c>
      <c r="E2822" s="2">
        <v>141.00000000000054</v>
      </c>
    </row>
    <row r="2823" spans="1:5" x14ac:dyDescent="0.25">
      <c r="A2823" s="3">
        <v>41772.448495370372</v>
      </c>
      <c r="B2823" s="2">
        <v>11.3</v>
      </c>
      <c r="C2823" s="2">
        <v>183.8</v>
      </c>
      <c r="D2823" s="2">
        <v>0.2</v>
      </c>
      <c r="E2823" s="2">
        <v>141.20000000000053</v>
      </c>
    </row>
    <row r="2824" spans="1:5" x14ac:dyDescent="0.25">
      <c r="A2824" s="3">
        <v>41772.450115740743</v>
      </c>
      <c r="B2824" s="2">
        <v>11.2</v>
      </c>
      <c r="C2824" s="2">
        <v>184</v>
      </c>
      <c r="D2824" s="2">
        <v>0.2</v>
      </c>
      <c r="E2824" s="2">
        <v>141.40000000000052</v>
      </c>
    </row>
    <row r="2825" spans="1:5" x14ac:dyDescent="0.25">
      <c r="A2825" s="3">
        <v>41772.451331018521</v>
      </c>
      <c r="B2825" s="2">
        <v>11.2</v>
      </c>
      <c r="C2825" s="2">
        <v>184.2</v>
      </c>
      <c r="D2825" s="2">
        <v>0</v>
      </c>
      <c r="E2825" s="2">
        <v>141.40000000000052</v>
      </c>
    </row>
    <row r="2826" spans="1:5" x14ac:dyDescent="0.25">
      <c r="A2826" s="3">
        <v>41772.451562499999</v>
      </c>
      <c r="B2826" s="2">
        <v>11.2</v>
      </c>
      <c r="C2826" s="2">
        <v>184.2</v>
      </c>
      <c r="D2826" s="2">
        <v>0.2</v>
      </c>
      <c r="E2826" s="2">
        <v>141.60000000000051</v>
      </c>
    </row>
    <row r="2827" spans="1:5" x14ac:dyDescent="0.25">
      <c r="A2827" s="3">
        <v>41772.452951388892</v>
      </c>
      <c r="B2827" s="2">
        <v>11.2</v>
      </c>
      <c r="C2827" s="2">
        <v>184.4</v>
      </c>
      <c r="D2827" s="2">
        <v>0.2</v>
      </c>
      <c r="E2827" s="2">
        <v>141.80000000000049</v>
      </c>
    </row>
    <row r="2828" spans="1:5" x14ac:dyDescent="0.25">
      <c r="A2828" s="3">
        <v>41772.454282407409</v>
      </c>
      <c r="B2828" s="2">
        <v>11.2</v>
      </c>
      <c r="C2828" s="2">
        <v>184.4</v>
      </c>
      <c r="D2828" s="2">
        <v>0.2</v>
      </c>
      <c r="E2828" s="2">
        <v>142.00000000000048</v>
      </c>
    </row>
    <row r="2829" spans="1:5" x14ac:dyDescent="0.25">
      <c r="A2829" s="3">
        <v>41772.454456018517</v>
      </c>
      <c r="B2829" s="2">
        <v>11.2</v>
      </c>
      <c r="C2829" s="2">
        <v>184.6</v>
      </c>
      <c r="D2829" s="2">
        <v>0</v>
      </c>
      <c r="E2829" s="2">
        <v>142.00000000000048</v>
      </c>
    </row>
    <row r="2830" spans="1:5" x14ac:dyDescent="0.25">
      <c r="A2830" s="3">
        <v>41772.455208333333</v>
      </c>
      <c r="B2830" s="2">
        <v>11.2</v>
      </c>
      <c r="C2830" s="2">
        <v>184.6</v>
      </c>
      <c r="D2830" s="2">
        <v>0.2</v>
      </c>
      <c r="E2830" s="2">
        <v>142.20000000000047</v>
      </c>
    </row>
    <row r="2831" spans="1:5" x14ac:dyDescent="0.25">
      <c r="A2831" s="3">
        <v>41772.455439814818</v>
      </c>
      <c r="B2831" s="2">
        <v>11.2</v>
      </c>
      <c r="C2831" s="2">
        <v>184.8</v>
      </c>
      <c r="D2831" s="2">
        <v>0</v>
      </c>
      <c r="E2831" s="2">
        <v>142.20000000000047</v>
      </c>
    </row>
    <row r="2832" spans="1:5" x14ac:dyDescent="0.25">
      <c r="A2832" s="3">
        <v>41772.45653935185</v>
      </c>
      <c r="B2832" s="2">
        <v>11.3</v>
      </c>
      <c r="C2832" s="2">
        <v>185</v>
      </c>
      <c r="D2832" s="2">
        <v>0</v>
      </c>
      <c r="E2832" s="2">
        <v>142.20000000000047</v>
      </c>
    </row>
    <row r="2833" spans="1:5" x14ac:dyDescent="0.25">
      <c r="A2833" s="3">
        <v>41772.456597222219</v>
      </c>
      <c r="B2833" s="2">
        <v>11.3</v>
      </c>
      <c r="C2833" s="2">
        <v>185</v>
      </c>
      <c r="D2833" s="2">
        <v>0.2</v>
      </c>
      <c r="E2833" s="2">
        <v>142.40000000000046</v>
      </c>
    </row>
    <row r="2834" spans="1:5" x14ac:dyDescent="0.25">
      <c r="A2834" s="3">
        <v>41772.457870370374</v>
      </c>
      <c r="B2834" s="2">
        <v>11.3</v>
      </c>
      <c r="C2834" s="2">
        <v>185.2</v>
      </c>
      <c r="D2834" s="2">
        <v>0</v>
      </c>
      <c r="E2834" s="2">
        <v>142.40000000000046</v>
      </c>
    </row>
    <row r="2835" spans="1:5" x14ac:dyDescent="0.25">
      <c r="A2835" s="3">
        <v>41772.457986111112</v>
      </c>
      <c r="B2835" s="2">
        <v>11.3</v>
      </c>
      <c r="C2835" s="2">
        <v>185.2</v>
      </c>
      <c r="D2835" s="2">
        <v>0.2</v>
      </c>
      <c r="E2835" s="2">
        <v>142.60000000000045</v>
      </c>
    </row>
    <row r="2836" spans="1:5" x14ac:dyDescent="0.25">
      <c r="A2836" s="3">
        <v>41772.459780092591</v>
      </c>
      <c r="B2836" s="2">
        <v>11.2</v>
      </c>
      <c r="C2836" s="2">
        <v>185.4</v>
      </c>
      <c r="D2836" s="2">
        <v>0</v>
      </c>
      <c r="E2836" s="2">
        <v>142.60000000000045</v>
      </c>
    </row>
    <row r="2837" spans="1:5" x14ac:dyDescent="0.25">
      <c r="A2837" s="3">
        <v>41772.459837962961</v>
      </c>
      <c r="B2837" s="2">
        <v>11.2</v>
      </c>
      <c r="C2837" s="2">
        <v>185.4</v>
      </c>
      <c r="D2837" s="2">
        <v>0.2</v>
      </c>
      <c r="E2837" s="2">
        <v>142.80000000000044</v>
      </c>
    </row>
    <row r="2838" spans="1:5" x14ac:dyDescent="0.25">
      <c r="A2838" s="3">
        <v>41772.46197916667</v>
      </c>
      <c r="B2838" s="2">
        <v>11.2</v>
      </c>
      <c r="C2838" s="2">
        <v>185.4</v>
      </c>
      <c r="D2838" s="2">
        <v>0.2</v>
      </c>
      <c r="E2838" s="2">
        <v>143.00000000000043</v>
      </c>
    </row>
    <row r="2839" spans="1:5" x14ac:dyDescent="0.25">
      <c r="A2839" s="3">
        <v>41772.462442129632</v>
      </c>
      <c r="B2839" s="2">
        <v>11.2</v>
      </c>
      <c r="C2839" s="2">
        <v>185.6</v>
      </c>
      <c r="D2839" s="2">
        <v>0</v>
      </c>
      <c r="E2839" s="2">
        <v>143.00000000000043</v>
      </c>
    </row>
    <row r="2840" spans="1:5" x14ac:dyDescent="0.25">
      <c r="A2840" s="3">
        <v>41772.464930555558</v>
      </c>
      <c r="B2840" s="2">
        <v>11.1</v>
      </c>
      <c r="C2840" s="2">
        <v>185.6</v>
      </c>
      <c r="D2840" s="2">
        <v>0.2</v>
      </c>
      <c r="E2840" s="2">
        <v>143.20000000000041</v>
      </c>
    </row>
    <row r="2841" spans="1:5" x14ac:dyDescent="0.25">
      <c r="A2841" s="3">
        <v>41772.465509259258</v>
      </c>
      <c r="B2841" s="2">
        <v>11.2</v>
      </c>
      <c r="C2841" s="2">
        <v>185.8</v>
      </c>
      <c r="D2841" s="2">
        <v>0</v>
      </c>
      <c r="E2841" s="2">
        <v>143.20000000000041</v>
      </c>
    </row>
    <row r="2842" spans="1:5" x14ac:dyDescent="0.25">
      <c r="A2842" s="3">
        <v>41772.467361111114</v>
      </c>
      <c r="B2842" s="2">
        <v>11.1</v>
      </c>
      <c r="C2842" s="2">
        <v>185.8</v>
      </c>
      <c r="D2842" s="2">
        <v>0.2</v>
      </c>
      <c r="E2842" s="2">
        <v>143.4000000000004</v>
      </c>
    </row>
    <row r="2843" spans="1:5" x14ac:dyDescent="0.25">
      <c r="A2843" s="3">
        <v>41772.468287037038</v>
      </c>
      <c r="B2843" s="2">
        <v>11.1</v>
      </c>
      <c r="C2843" s="2">
        <v>186</v>
      </c>
      <c r="D2843" s="2">
        <v>0</v>
      </c>
      <c r="E2843" s="2">
        <v>143.4000000000004</v>
      </c>
    </row>
    <row r="2844" spans="1:5" x14ac:dyDescent="0.25">
      <c r="A2844" s="3">
        <v>41772.470659722225</v>
      </c>
      <c r="B2844" s="2">
        <v>11.1</v>
      </c>
      <c r="C2844" s="2">
        <v>186</v>
      </c>
      <c r="D2844" s="2">
        <v>0.2</v>
      </c>
      <c r="E2844" s="2">
        <v>143.60000000000039</v>
      </c>
    </row>
    <row r="2845" spans="1:5" x14ac:dyDescent="0.25">
      <c r="A2845" s="3">
        <v>41772.472395833334</v>
      </c>
      <c r="B2845" s="2">
        <v>11.2</v>
      </c>
      <c r="C2845" s="2">
        <v>186.2</v>
      </c>
      <c r="D2845" s="2">
        <v>0</v>
      </c>
      <c r="E2845" s="2">
        <v>143.60000000000039</v>
      </c>
    </row>
    <row r="2846" spans="1:5" x14ac:dyDescent="0.25">
      <c r="A2846" s="3">
        <v>41772.474594907406</v>
      </c>
      <c r="B2846" s="2">
        <v>11.1</v>
      </c>
      <c r="C2846" s="2">
        <v>186.2</v>
      </c>
      <c r="D2846" s="2">
        <v>0.2</v>
      </c>
      <c r="E2846" s="2">
        <v>143.80000000000038</v>
      </c>
    </row>
    <row r="2847" spans="1:5" x14ac:dyDescent="0.25">
      <c r="A2847" s="3">
        <v>41772.477430555555</v>
      </c>
      <c r="B2847" s="2">
        <v>11.2</v>
      </c>
      <c r="C2847" s="2">
        <v>186.4</v>
      </c>
      <c r="D2847" s="2">
        <v>0</v>
      </c>
      <c r="E2847" s="2">
        <v>143.80000000000038</v>
      </c>
    </row>
    <row r="2848" spans="1:5" x14ac:dyDescent="0.25">
      <c r="A2848" s="3">
        <v>41772.478993055556</v>
      </c>
      <c r="B2848" s="2">
        <v>11.1</v>
      </c>
      <c r="C2848" s="2">
        <v>186.4</v>
      </c>
      <c r="D2848" s="2">
        <v>0.2</v>
      </c>
      <c r="E2848" s="2">
        <v>144.00000000000037</v>
      </c>
    </row>
    <row r="2849" spans="1:5" x14ac:dyDescent="0.25">
      <c r="A2849" s="3">
        <v>41772.482638888891</v>
      </c>
      <c r="B2849" s="2">
        <v>11.2</v>
      </c>
      <c r="C2849" s="2">
        <v>186.6</v>
      </c>
      <c r="D2849" s="2">
        <v>0</v>
      </c>
      <c r="E2849" s="2">
        <v>144.00000000000037</v>
      </c>
    </row>
    <row r="2850" spans="1:5" x14ac:dyDescent="0.25">
      <c r="A2850" s="3">
        <v>41772.483564814815</v>
      </c>
      <c r="B2850" s="2">
        <v>11.1</v>
      </c>
      <c r="C2850" s="2">
        <v>186.6</v>
      </c>
      <c r="D2850" s="2">
        <v>0.2</v>
      </c>
      <c r="E2850" s="2">
        <v>144.20000000000036</v>
      </c>
    </row>
    <row r="2851" spans="1:5" x14ac:dyDescent="0.25">
      <c r="A2851" s="3">
        <v>41772.486168981479</v>
      </c>
      <c r="B2851" s="2">
        <v>11.2</v>
      </c>
      <c r="C2851" s="2">
        <v>186.8</v>
      </c>
      <c r="D2851" s="2">
        <v>0</v>
      </c>
      <c r="E2851" s="2">
        <v>144.20000000000036</v>
      </c>
    </row>
    <row r="2852" spans="1:5" x14ac:dyDescent="0.25">
      <c r="A2852" s="3">
        <v>41772.486805555556</v>
      </c>
      <c r="B2852" s="2">
        <v>11.2</v>
      </c>
      <c r="C2852" s="2">
        <v>186.8</v>
      </c>
      <c r="D2852" s="2">
        <v>0.2</v>
      </c>
      <c r="E2852" s="2">
        <v>144.40000000000035</v>
      </c>
    </row>
    <row r="2853" spans="1:5" x14ac:dyDescent="0.25">
      <c r="A2853" s="3">
        <v>41772.48883101852</v>
      </c>
      <c r="B2853" s="2">
        <v>11.1</v>
      </c>
      <c r="C2853" s="2">
        <v>187</v>
      </c>
      <c r="D2853" s="2">
        <v>0.2</v>
      </c>
      <c r="E2853" s="2">
        <v>144.60000000000034</v>
      </c>
    </row>
    <row r="2854" spans="1:5" x14ac:dyDescent="0.25">
      <c r="A2854" s="3">
        <v>41772.491203703707</v>
      </c>
      <c r="B2854" s="2">
        <v>11.1</v>
      </c>
      <c r="C2854" s="2">
        <v>187.2</v>
      </c>
      <c r="D2854" s="2">
        <v>0</v>
      </c>
      <c r="E2854" s="2">
        <v>144.60000000000034</v>
      </c>
    </row>
    <row r="2855" spans="1:5" x14ac:dyDescent="0.25">
      <c r="A2855" s="3">
        <v>41772.491493055553</v>
      </c>
      <c r="B2855" s="2">
        <v>11.1</v>
      </c>
      <c r="C2855" s="2">
        <v>187.2</v>
      </c>
      <c r="D2855" s="2">
        <v>0.2</v>
      </c>
      <c r="E2855" s="2">
        <v>144.80000000000032</v>
      </c>
    </row>
    <row r="2856" spans="1:5" x14ac:dyDescent="0.25">
      <c r="A2856" s="3">
        <v>41772.495775462965</v>
      </c>
      <c r="B2856" s="2">
        <v>11.2</v>
      </c>
      <c r="C2856" s="2">
        <v>187.2</v>
      </c>
      <c r="D2856" s="2">
        <v>0.2</v>
      </c>
      <c r="E2856" s="2">
        <v>145.00000000000031</v>
      </c>
    </row>
    <row r="2857" spans="1:5" x14ac:dyDescent="0.25">
      <c r="A2857" s="3">
        <v>41772.49664351852</v>
      </c>
      <c r="B2857" s="2">
        <v>11.1</v>
      </c>
      <c r="C2857" s="2">
        <v>187.4</v>
      </c>
      <c r="D2857" s="2">
        <v>0</v>
      </c>
      <c r="E2857" s="2">
        <v>145.00000000000031</v>
      </c>
    </row>
    <row r="2858" spans="1:5" x14ac:dyDescent="0.25">
      <c r="A2858" s="3">
        <v>41772.504050925927</v>
      </c>
      <c r="B2858" s="2">
        <v>11.1</v>
      </c>
      <c r="C2858" s="2">
        <v>187.6</v>
      </c>
      <c r="D2858" s="2">
        <v>0</v>
      </c>
      <c r="E2858" s="2">
        <v>145.00000000000031</v>
      </c>
    </row>
    <row r="2859" spans="1:5" x14ac:dyDescent="0.25">
      <c r="A2859" s="3">
        <v>41772.50445601852</v>
      </c>
      <c r="B2859" s="2">
        <v>11.2</v>
      </c>
      <c r="C2859" s="2">
        <v>187.6</v>
      </c>
      <c r="D2859" s="2">
        <v>0.2</v>
      </c>
      <c r="E2859" s="2">
        <v>145.2000000000003</v>
      </c>
    </row>
    <row r="2860" spans="1:5" x14ac:dyDescent="0.25">
      <c r="A2860" s="3">
        <v>41772.518923611111</v>
      </c>
      <c r="B2860" s="2">
        <v>11.1</v>
      </c>
      <c r="C2860" s="2">
        <v>187.8</v>
      </c>
      <c r="D2860" s="2">
        <v>0</v>
      </c>
      <c r="E2860" s="2">
        <v>145.2000000000003</v>
      </c>
    </row>
    <row r="2861" spans="1:5" x14ac:dyDescent="0.25">
      <c r="A2861" s="3">
        <v>41772.521180555559</v>
      </c>
      <c r="B2861" s="2">
        <v>11.2</v>
      </c>
      <c r="C2861" s="2">
        <v>187.8</v>
      </c>
      <c r="D2861" s="2">
        <v>0.2</v>
      </c>
      <c r="E2861" s="2">
        <v>145.40000000000029</v>
      </c>
    </row>
    <row r="2862" spans="1:5" x14ac:dyDescent="0.25">
      <c r="A2862" s="3">
        <v>41772.549710648149</v>
      </c>
      <c r="B2862" s="2">
        <v>11.1</v>
      </c>
      <c r="C2862" s="2">
        <v>188</v>
      </c>
      <c r="D2862" s="2">
        <v>0</v>
      </c>
      <c r="E2862" s="2">
        <v>145.40000000000029</v>
      </c>
    </row>
    <row r="2863" spans="1:5" x14ac:dyDescent="0.25">
      <c r="A2863" s="3">
        <v>41772.552372685182</v>
      </c>
      <c r="B2863" s="2">
        <v>11.2</v>
      </c>
      <c r="C2863" s="2">
        <v>188</v>
      </c>
      <c r="D2863" s="2">
        <v>0.2</v>
      </c>
      <c r="E2863" s="2">
        <v>145.60000000000028</v>
      </c>
    </row>
    <row r="2864" spans="1:5" x14ac:dyDescent="0.25">
      <c r="A2864" s="3">
        <v>41772.560995370368</v>
      </c>
      <c r="B2864" s="2">
        <v>11.2</v>
      </c>
      <c r="C2864" s="2">
        <v>188</v>
      </c>
      <c r="D2864" s="2">
        <v>0.2</v>
      </c>
      <c r="E2864" s="2">
        <v>145.80000000000027</v>
      </c>
    </row>
    <row r="2865" spans="1:5" x14ac:dyDescent="0.25">
      <c r="A2865" s="3">
        <v>41772.561111111114</v>
      </c>
      <c r="B2865" s="2">
        <v>11.1</v>
      </c>
      <c r="C2865" s="2">
        <v>188.2</v>
      </c>
      <c r="D2865" s="2">
        <v>0</v>
      </c>
      <c r="E2865" s="2">
        <v>145.80000000000027</v>
      </c>
    </row>
    <row r="2866" spans="1:5" x14ac:dyDescent="0.25">
      <c r="A2866" s="3">
        <v>41772.567881944444</v>
      </c>
      <c r="B2866" s="2">
        <v>11.3</v>
      </c>
      <c r="C2866" s="2">
        <v>188.4</v>
      </c>
      <c r="D2866" s="2">
        <v>0</v>
      </c>
      <c r="E2866" s="2">
        <v>145.80000000000027</v>
      </c>
    </row>
    <row r="2867" spans="1:5" x14ac:dyDescent="0.25">
      <c r="A2867" s="3">
        <v>41772.567939814813</v>
      </c>
      <c r="B2867" s="2">
        <v>11.3</v>
      </c>
      <c r="C2867" s="2">
        <v>188.2</v>
      </c>
      <c r="D2867" s="2">
        <v>0.2</v>
      </c>
      <c r="E2867" s="2">
        <v>146.00000000000026</v>
      </c>
    </row>
    <row r="2868" spans="1:5" x14ac:dyDescent="0.25">
      <c r="A2868" s="3">
        <v>41772.567997685182</v>
      </c>
      <c r="B2868" s="2">
        <v>11.3</v>
      </c>
      <c r="C2868" s="2">
        <v>188.4</v>
      </c>
      <c r="D2868" s="2">
        <v>0</v>
      </c>
      <c r="E2868" s="2">
        <v>146.00000000000026</v>
      </c>
    </row>
    <row r="2869" spans="1:5" x14ac:dyDescent="0.25">
      <c r="A2869" s="3">
        <v>41772.568113425928</v>
      </c>
      <c r="B2869" s="2">
        <v>11.3</v>
      </c>
      <c r="C2869" s="2">
        <v>188.2</v>
      </c>
      <c r="D2869" s="2">
        <v>0</v>
      </c>
      <c r="E2869" s="2">
        <v>146.00000000000026</v>
      </c>
    </row>
    <row r="2870" spans="1:5" x14ac:dyDescent="0.25">
      <c r="A2870" s="3">
        <v>41772.568749999999</v>
      </c>
      <c r="B2870" s="2">
        <v>11.3</v>
      </c>
      <c r="C2870" s="2">
        <v>188.4</v>
      </c>
      <c r="D2870" s="2">
        <v>0</v>
      </c>
      <c r="E2870" s="2">
        <v>146.00000000000026</v>
      </c>
    </row>
    <row r="2871" spans="1:5" x14ac:dyDescent="0.25">
      <c r="A2871" s="3">
        <v>41772.579861111109</v>
      </c>
      <c r="B2871" s="2">
        <v>11.2</v>
      </c>
      <c r="C2871" s="2">
        <v>188.4</v>
      </c>
      <c r="D2871" s="2">
        <v>0.2</v>
      </c>
      <c r="E2871" s="2">
        <v>146.20000000000024</v>
      </c>
    </row>
    <row r="2872" spans="1:5" x14ac:dyDescent="0.25">
      <c r="A2872" s="3">
        <v>41772.584143518521</v>
      </c>
      <c r="B2872" s="2">
        <v>11.2</v>
      </c>
      <c r="C2872" s="2">
        <v>188.6</v>
      </c>
      <c r="D2872" s="2">
        <v>0</v>
      </c>
      <c r="E2872" s="2">
        <v>146.20000000000024</v>
      </c>
    </row>
    <row r="2873" spans="1:5" x14ac:dyDescent="0.25">
      <c r="A2873" s="3">
        <v>41772.603993055556</v>
      </c>
      <c r="B2873" s="2">
        <v>11.3</v>
      </c>
      <c r="C2873" s="2">
        <v>188.6</v>
      </c>
      <c r="D2873" s="2">
        <v>0.2</v>
      </c>
      <c r="E2873" s="2">
        <v>146.40000000000023</v>
      </c>
    </row>
    <row r="2874" spans="1:5" x14ac:dyDescent="0.25">
      <c r="A2874" s="3">
        <v>41772.608564814815</v>
      </c>
      <c r="B2874" s="2">
        <v>11.3</v>
      </c>
      <c r="C2874" s="2">
        <v>188.8</v>
      </c>
      <c r="D2874" s="2">
        <v>0</v>
      </c>
      <c r="E2874" s="2">
        <v>146.40000000000023</v>
      </c>
    </row>
    <row r="2875" spans="1:5" x14ac:dyDescent="0.25">
      <c r="A2875" s="3">
        <v>41773.327662037038</v>
      </c>
      <c r="B2875" s="2">
        <v>9.1999999999999993</v>
      </c>
      <c r="C2875" s="2">
        <v>188.6</v>
      </c>
      <c r="D2875" s="2">
        <v>0</v>
      </c>
      <c r="E2875" s="2">
        <v>146.40000000000023</v>
      </c>
    </row>
    <row r="2876" spans="1:5" x14ac:dyDescent="0.25">
      <c r="A2876" s="3">
        <v>41773.327951388892</v>
      </c>
      <c r="B2876" s="2">
        <v>9.1999999999999993</v>
      </c>
      <c r="C2876" s="2">
        <v>188.8</v>
      </c>
      <c r="D2876" s="2">
        <v>0</v>
      </c>
      <c r="E2876" s="2">
        <v>146.40000000000023</v>
      </c>
    </row>
    <row r="2877" spans="1:5" x14ac:dyDescent="0.25">
      <c r="A2877" s="3">
        <v>41773.332696759258</v>
      </c>
      <c r="B2877" s="2">
        <v>9.3000000000000007</v>
      </c>
      <c r="C2877" s="2">
        <v>188.6</v>
      </c>
      <c r="D2877" s="2">
        <v>0</v>
      </c>
      <c r="E2877" s="2">
        <v>146.40000000000023</v>
      </c>
    </row>
    <row r="2878" spans="1:5" x14ac:dyDescent="0.25">
      <c r="A2878" s="3">
        <v>41773.332928240743</v>
      </c>
      <c r="B2878" s="2">
        <v>9.3000000000000007</v>
      </c>
      <c r="C2878" s="2">
        <v>188.8</v>
      </c>
      <c r="D2878" s="2">
        <v>0</v>
      </c>
      <c r="E2878" s="2">
        <v>146.40000000000023</v>
      </c>
    </row>
    <row r="2879" spans="1:5" x14ac:dyDescent="0.25">
      <c r="A2879" s="3">
        <v>41773.333391203705</v>
      </c>
      <c r="B2879" s="2">
        <v>9.3000000000000007</v>
      </c>
      <c r="C2879" s="2">
        <v>188.6</v>
      </c>
      <c r="D2879" s="2">
        <v>0</v>
      </c>
      <c r="E2879" s="2">
        <v>146.40000000000023</v>
      </c>
    </row>
    <row r="2880" spans="1:5" x14ac:dyDescent="0.25">
      <c r="A2880" s="3">
        <v>41773.333796296298</v>
      </c>
      <c r="B2880" s="2">
        <v>9.1999999999999993</v>
      </c>
      <c r="C2880" s="2">
        <v>188.8</v>
      </c>
      <c r="D2880" s="2">
        <v>0</v>
      </c>
      <c r="E2880" s="2">
        <v>146.40000000000023</v>
      </c>
    </row>
    <row r="2881" spans="1:5" x14ac:dyDescent="0.25">
      <c r="A2881" s="3">
        <v>41773.335648148146</v>
      </c>
      <c r="B2881" s="2">
        <v>9.3000000000000007</v>
      </c>
      <c r="C2881" s="2">
        <v>188.6</v>
      </c>
      <c r="D2881" s="2">
        <v>0</v>
      </c>
      <c r="E2881" s="2">
        <v>146.40000000000023</v>
      </c>
    </row>
    <row r="2882" spans="1:5" x14ac:dyDescent="0.25">
      <c r="A2882" s="3">
        <v>41773.335821759261</v>
      </c>
      <c r="B2882" s="2">
        <v>9.3000000000000007</v>
      </c>
      <c r="C2882" s="2">
        <v>188.8</v>
      </c>
      <c r="D2882" s="2">
        <v>0</v>
      </c>
      <c r="E2882" s="2">
        <v>146.40000000000023</v>
      </c>
    </row>
    <row r="2883" spans="1:5" x14ac:dyDescent="0.25">
      <c r="A2883" s="3">
        <v>41773.335879629631</v>
      </c>
      <c r="B2883" s="2">
        <v>9.3000000000000007</v>
      </c>
      <c r="C2883" s="2">
        <v>188.6</v>
      </c>
      <c r="D2883" s="2">
        <v>0</v>
      </c>
      <c r="E2883" s="2">
        <v>146.40000000000023</v>
      </c>
    </row>
    <row r="2884" spans="1:5" x14ac:dyDescent="0.25">
      <c r="A2884" s="3">
        <v>41773.336111111108</v>
      </c>
      <c r="B2884" s="2">
        <v>9.3000000000000007</v>
      </c>
      <c r="C2884" s="2">
        <v>188.8</v>
      </c>
      <c r="D2884" s="2">
        <v>0</v>
      </c>
      <c r="E2884" s="2">
        <v>146.40000000000023</v>
      </c>
    </row>
    <row r="2885" spans="1:5" x14ac:dyDescent="0.25">
      <c r="A2885" s="3">
        <v>41773.336284722223</v>
      </c>
      <c r="B2885" s="2">
        <v>9.3000000000000007</v>
      </c>
      <c r="C2885" s="2">
        <v>188.6</v>
      </c>
      <c r="D2885" s="2">
        <v>0</v>
      </c>
      <c r="E2885" s="2">
        <v>146.40000000000023</v>
      </c>
    </row>
    <row r="2886" spans="1:5" x14ac:dyDescent="0.25">
      <c r="A2886" s="3">
        <v>41773.336631944447</v>
      </c>
      <c r="B2886" s="2">
        <v>9.3000000000000007</v>
      </c>
      <c r="C2886" s="2">
        <v>188.8</v>
      </c>
      <c r="D2886" s="2">
        <v>0</v>
      </c>
      <c r="E2886" s="2">
        <v>146.40000000000023</v>
      </c>
    </row>
    <row r="2887" spans="1:5" x14ac:dyDescent="0.25">
      <c r="A2887" s="3">
        <v>41773.336689814816</v>
      </c>
      <c r="B2887" s="2">
        <v>9.3000000000000007</v>
      </c>
      <c r="C2887" s="2">
        <v>188.6</v>
      </c>
      <c r="D2887" s="2">
        <v>0</v>
      </c>
      <c r="E2887" s="2">
        <v>146.40000000000023</v>
      </c>
    </row>
    <row r="2888" spans="1:5" x14ac:dyDescent="0.25">
      <c r="A2888" s="3">
        <v>41773.528067129628</v>
      </c>
      <c r="B2888" s="2">
        <v>17.8</v>
      </c>
      <c r="C2888" s="2">
        <v>188.4</v>
      </c>
      <c r="D2888" s="2">
        <v>0</v>
      </c>
      <c r="E2888" s="2">
        <v>146.40000000000023</v>
      </c>
    </row>
    <row r="2889" spans="1:5" x14ac:dyDescent="0.25">
      <c r="A2889" s="3">
        <v>41773.528124999997</v>
      </c>
      <c r="B2889" s="2">
        <v>17.8</v>
      </c>
      <c r="C2889" s="2">
        <v>188.6</v>
      </c>
      <c r="D2889" s="2">
        <v>0</v>
      </c>
      <c r="E2889" s="2">
        <v>146.40000000000023</v>
      </c>
    </row>
    <row r="2890" spans="1:5" x14ac:dyDescent="0.25">
      <c r="A2890" s="3">
        <v>41773.529224537036</v>
      </c>
      <c r="B2890" s="2">
        <v>17.8</v>
      </c>
      <c r="C2890" s="2">
        <v>188.4</v>
      </c>
      <c r="D2890" s="2">
        <v>0</v>
      </c>
      <c r="E2890" s="2">
        <v>146.40000000000023</v>
      </c>
    </row>
    <row r="2891" spans="1:5" x14ac:dyDescent="0.25">
      <c r="A2891" s="3">
        <v>41773.529282407406</v>
      </c>
      <c r="B2891" s="2">
        <v>17.8</v>
      </c>
      <c r="C2891" s="2">
        <v>188.6</v>
      </c>
      <c r="D2891" s="2">
        <v>0</v>
      </c>
      <c r="E2891" s="2">
        <v>146.40000000000023</v>
      </c>
    </row>
    <row r="2892" spans="1:5" x14ac:dyDescent="0.25">
      <c r="A2892" s="3">
        <v>41773.529340277775</v>
      </c>
      <c r="B2892" s="2">
        <v>17.8</v>
      </c>
      <c r="C2892" s="2">
        <v>188.4</v>
      </c>
      <c r="D2892" s="2">
        <v>0</v>
      </c>
      <c r="E2892" s="2">
        <v>146.40000000000023</v>
      </c>
    </row>
    <row r="2893" spans="1:5" x14ac:dyDescent="0.25">
      <c r="A2893" s="3">
        <v>41773.52957175926</v>
      </c>
      <c r="B2893" s="2">
        <v>17.8</v>
      </c>
      <c r="C2893" s="2">
        <v>188.6</v>
      </c>
      <c r="D2893" s="2">
        <v>0</v>
      </c>
      <c r="E2893" s="2">
        <v>146.40000000000023</v>
      </c>
    </row>
    <row r="2894" spans="1:5" x14ac:dyDescent="0.25">
      <c r="A2894" s="3">
        <v>41773.530324074076</v>
      </c>
      <c r="B2894" s="2">
        <v>17.899999999999999</v>
      </c>
      <c r="C2894" s="2">
        <v>188.4</v>
      </c>
      <c r="D2894" s="2">
        <v>0</v>
      </c>
      <c r="E2894" s="2">
        <v>146.40000000000023</v>
      </c>
    </row>
    <row r="2895" spans="1:5" x14ac:dyDescent="0.25">
      <c r="A2895" s="3">
        <v>41773.530497685184</v>
      </c>
      <c r="B2895" s="2">
        <v>17.899999999999999</v>
      </c>
      <c r="C2895" s="2">
        <v>188.6</v>
      </c>
      <c r="D2895" s="2">
        <v>0</v>
      </c>
      <c r="E2895" s="2">
        <v>146.40000000000023</v>
      </c>
    </row>
    <row r="2896" spans="1:5" x14ac:dyDescent="0.25">
      <c r="A2896" s="3">
        <v>41773.53402777778</v>
      </c>
      <c r="B2896" s="2">
        <v>18.100000000000001</v>
      </c>
      <c r="C2896" s="2">
        <v>188.4</v>
      </c>
      <c r="D2896" s="2">
        <v>0</v>
      </c>
      <c r="E2896" s="2">
        <v>146.40000000000023</v>
      </c>
    </row>
    <row r="2897" spans="1:5" x14ac:dyDescent="0.25">
      <c r="A2897" s="3">
        <v>41773.534085648149</v>
      </c>
      <c r="B2897" s="2">
        <v>18.100000000000001</v>
      </c>
      <c r="C2897" s="2">
        <v>188.6</v>
      </c>
      <c r="D2897" s="2">
        <v>0</v>
      </c>
      <c r="E2897" s="2">
        <v>146.40000000000023</v>
      </c>
    </row>
    <row r="2898" spans="1:5" x14ac:dyDescent="0.25">
      <c r="A2898" s="3">
        <v>41773.535185185188</v>
      </c>
      <c r="B2898" s="2">
        <v>18.100000000000001</v>
      </c>
      <c r="C2898" s="2">
        <v>188.4</v>
      </c>
      <c r="D2898" s="2">
        <v>0</v>
      </c>
      <c r="E2898" s="2">
        <v>146.40000000000023</v>
      </c>
    </row>
    <row r="2899" spans="1:5" x14ac:dyDescent="0.25">
      <c r="A2899" s="3">
        <v>41773.535416666666</v>
      </c>
      <c r="B2899" s="2">
        <v>18.2</v>
      </c>
      <c r="C2899" s="2">
        <v>188.6</v>
      </c>
      <c r="D2899" s="2">
        <v>0</v>
      </c>
      <c r="E2899" s="2">
        <v>146.40000000000023</v>
      </c>
    </row>
    <row r="2900" spans="1:5" x14ac:dyDescent="0.25">
      <c r="A2900" s="3">
        <v>41773.535532407404</v>
      </c>
      <c r="B2900" s="2">
        <v>18.2</v>
      </c>
      <c r="C2900" s="2">
        <v>188.4</v>
      </c>
      <c r="D2900" s="2">
        <v>0</v>
      </c>
      <c r="E2900" s="2">
        <v>146.40000000000023</v>
      </c>
    </row>
    <row r="2901" spans="1:5" x14ac:dyDescent="0.25">
      <c r="A2901" s="3">
        <v>41773.53564814815</v>
      </c>
      <c r="B2901" s="2">
        <v>18.2</v>
      </c>
      <c r="C2901" s="2">
        <v>188.6</v>
      </c>
      <c r="D2901" s="2">
        <v>0</v>
      </c>
      <c r="E2901" s="2">
        <v>146.40000000000023</v>
      </c>
    </row>
    <row r="2902" spans="1:5" x14ac:dyDescent="0.25">
      <c r="A2902" s="3">
        <v>41773.535763888889</v>
      </c>
      <c r="B2902" s="2">
        <v>18.100000000000001</v>
      </c>
      <c r="C2902" s="2">
        <v>188.4</v>
      </c>
      <c r="D2902" s="2">
        <v>0</v>
      </c>
      <c r="E2902" s="2">
        <v>146.40000000000023</v>
      </c>
    </row>
    <row r="2903" spans="1:5" x14ac:dyDescent="0.25">
      <c r="A2903" s="3">
        <v>41773.535937499997</v>
      </c>
      <c r="B2903" s="2">
        <v>18.2</v>
      </c>
      <c r="C2903" s="2">
        <v>188.6</v>
      </c>
      <c r="D2903" s="2">
        <v>0</v>
      </c>
      <c r="E2903" s="2">
        <v>146.40000000000023</v>
      </c>
    </row>
    <row r="2904" spans="1:5" x14ac:dyDescent="0.25">
      <c r="A2904" s="3">
        <v>41773.536458333336</v>
      </c>
      <c r="B2904" s="2">
        <v>18.2</v>
      </c>
      <c r="C2904" s="2">
        <v>188.4</v>
      </c>
      <c r="D2904" s="2">
        <v>0</v>
      </c>
      <c r="E2904" s="2">
        <v>146.40000000000023</v>
      </c>
    </row>
    <row r="2905" spans="1:5" x14ac:dyDescent="0.25">
      <c r="A2905" s="3">
        <v>41773.539004629631</v>
      </c>
      <c r="B2905" s="2">
        <v>18.3</v>
      </c>
      <c r="C2905" s="2">
        <v>188.6</v>
      </c>
      <c r="D2905" s="2">
        <v>0</v>
      </c>
      <c r="E2905" s="2">
        <v>146.40000000000023</v>
      </c>
    </row>
    <row r="2906" spans="1:5" x14ac:dyDescent="0.25">
      <c r="A2906" s="3">
        <v>41773.5390625</v>
      </c>
      <c r="B2906" s="2">
        <v>18.3</v>
      </c>
      <c r="C2906" s="2">
        <v>188.4</v>
      </c>
      <c r="D2906" s="2">
        <v>0</v>
      </c>
      <c r="E2906" s="2">
        <v>146.40000000000023</v>
      </c>
    </row>
    <row r="2907" spans="1:5" x14ac:dyDescent="0.25">
      <c r="A2907" s="3">
        <v>41773.541030092594</v>
      </c>
      <c r="B2907" s="2">
        <v>18.5</v>
      </c>
      <c r="C2907" s="2">
        <v>188.6</v>
      </c>
      <c r="D2907" s="2">
        <v>0</v>
      </c>
      <c r="E2907" s="2">
        <v>146.40000000000023</v>
      </c>
    </row>
    <row r="2908" spans="1:5" x14ac:dyDescent="0.25">
      <c r="A2908" s="3">
        <v>41773.541087962964</v>
      </c>
      <c r="B2908" s="2">
        <v>18.5</v>
      </c>
      <c r="C2908" s="2">
        <v>188.4</v>
      </c>
      <c r="D2908" s="2">
        <v>0</v>
      </c>
      <c r="E2908" s="2">
        <v>146.40000000000023</v>
      </c>
    </row>
    <row r="2909" spans="1:5" x14ac:dyDescent="0.25">
      <c r="A2909" s="3">
        <v>41773.546006944445</v>
      </c>
      <c r="B2909" s="2">
        <v>18.8</v>
      </c>
      <c r="C2909" s="2">
        <v>188.6</v>
      </c>
      <c r="D2909" s="2">
        <v>0</v>
      </c>
      <c r="E2909" s="2">
        <v>146.40000000000023</v>
      </c>
    </row>
    <row r="2910" spans="1:5" x14ac:dyDescent="0.25">
      <c r="A2910" s="3">
        <v>41773.546064814815</v>
      </c>
      <c r="B2910" s="2">
        <v>18.8</v>
      </c>
      <c r="C2910" s="2">
        <v>188.4</v>
      </c>
      <c r="D2910" s="2">
        <v>0</v>
      </c>
      <c r="E2910" s="2">
        <v>146.40000000000023</v>
      </c>
    </row>
    <row r="2911" spans="1:5" x14ac:dyDescent="0.25">
      <c r="A2911" s="3">
        <v>41773.551446759258</v>
      </c>
      <c r="B2911" s="2">
        <v>18.8</v>
      </c>
      <c r="C2911" s="2">
        <v>188.6</v>
      </c>
      <c r="D2911" s="2">
        <v>0</v>
      </c>
      <c r="E2911" s="2">
        <v>146.40000000000023</v>
      </c>
    </row>
    <row r="2912" spans="1:5" x14ac:dyDescent="0.25">
      <c r="A2912" s="3">
        <v>41773.551504629628</v>
      </c>
      <c r="B2912" s="2">
        <v>18.8</v>
      </c>
      <c r="C2912" s="2">
        <v>188.4</v>
      </c>
      <c r="D2912" s="2">
        <v>0</v>
      </c>
      <c r="E2912" s="2">
        <v>146.40000000000023</v>
      </c>
    </row>
    <row r="2913" spans="1:5" x14ac:dyDescent="0.25">
      <c r="A2913" s="3">
        <v>41773.551678240743</v>
      </c>
      <c r="B2913" s="2">
        <v>18.8</v>
      </c>
      <c r="C2913" s="2">
        <v>188.6</v>
      </c>
      <c r="D2913" s="2">
        <v>0</v>
      </c>
      <c r="E2913" s="2">
        <v>146.40000000000023</v>
      </c>
    </row>
    <row r="2914" spans="1:5" x14ac:dyDescent="0.25">
      <c r="A2914" s="3">
        <v>41773.55196759259</v>
      </c>
      <c r="B2914" s="2">
        <v>18.8</v>
      </c>
      <c r="C2914" s="2">
        <v>188.4</v>
      </c>
      <c r="D2914" s="2">
        <v>0</v>
      </c>
      <c r="E2914" s="2">
        <v>146.40000000000023</v>
      </c>
    </row>
    <row r="2915" spans="1:5" x14ac:dyDescent="0.25">
      <c r="A2915" s="3">
        <v>41773.552604166667</v>
      </c>
      <c r="B2915" s="2">
        <v>18.8</v>
      </c>
      <c r="C2915" s="2">
        <v>188.6</v>
      </c>
      <c r="D2915" s="2">
        <v>0</v>
      </c>
      <c r="E2915" s="2">
        <v>146.40000000000023</v>
      </c>
    </row>
    <row r="2916" spans="1:5" x14ac:dyDescent="0.25">
      <c r="A2916" s="3">
        <v>41773.552662037036</v>
      </c>
      <c r="B2916" s="2">
        <v>18.8</v>
      </c>
      <c r="C2916" s="2">
        <v>188.4</v>
      </c>
      <c r="D2916" s="2">
        <v>0</v>
      </c>
      <c r="E2916" s="2">
        <v>146.40000000000023</v>
      </c>
    </row>
    <row r="2917" spans="1:5" x14ac:dyDescent="0.25">
      <c r="A2917" s="3">
        <v>41773.553587962961</v>
      </c>
      <c r="B2917" s="2">
        <v>18.8</v>
      </c>
      <c r="C2917" s="2">
        <v>188.6</v>
      </c>
      <c r="D2917" s="2">
        <v>0</v>
      </c>
      <c r="E2917" s="2">
        <v>146.40000000000023</v>
      </c>
    </row>
    <row r="2918" spans="1:5" x14ac:dyDescent="0.25">
      <c r="A2918" s="3">
        <v>41773.553703703707</v>
      </c>
      <c r="B2918" s="2">
        <v>18.8</v>
      </c>
      <c r="C2918" s="2">
        <v>188.4</v>
      </c>
      <c r="D2918" s="2">
        <v>0</v>
      </c>
      <c r="E2918" s="2">
        <v>146.40000000000023</v>
      </c>
    </row>
    <row r="2919" spans="1:5" x14ac:dyDescent="0.25">
      <c r="A2919" s="3">
        <v>41773.558449074073</v>
      </c>
      <c r="B2919" s="2">
        <v>18.899999999999999</v>
      </c>
      <c r="C2919" s="2">
        <v>188.6</v>
      </c>
      <c r="D2919" s="2">
        <v>0</v>
      </c>
      <c r="E2919" s="2">
        <v>146.40000000000023</v>
      </c>
    </row>
    <row r="2920" spans="1:5" x14ac:dyDescent="0.25">
      <c r="A2920" s="3">
        <v>41773.558912037035</v>
      </c>
      <c r="B2920" s="2">
        <v>18.899999999999999</v>
      </c>
      <c r="C2920" s="2">
        <v>188.4</v>
      </c>
      <c r="D2920" s="2">
        <v>0</v>
      </c>
      <c r="E2920" s="2">
        <v>146.40000000000023</v>
      </c>
    </row>
    <row r="2921" spans="1:5" x14ac:dyDescent="0.25">
      <c r="A2921" s="3">
        <v>41773.55908564815</v>
      </c>
      <c r="B2921" s="2">
        <v>18.8</v>
      </c>
      <c r="C2921" s="2">
        <v>188.6</v>
      </c>
      <c r="D2921" s="2">
        <v>0</v>
      </c>
      <c r="E2921" s="2">
        <v>146.40000000000023</v>
      </c>
    </row>
    <row r="2922" spans="1:5" x14ac:dyDescent="0.25">
      <c r="A2922" s="3">
        <v>41773.559259259258</v>
      </c>
      <c r="B2922" s="2">
        <v>18.8</v>
      </c>
      <c r="C2922" s="2">
        <v>188.4</v>
      </c>
      <c r="D2922" s="2">
        <v>0</v>
      </c>
      <c r="E2922" s="2">
        <v>146.40000000000023</v>
      </c>
    </row>
    <row r="2923" spans="1:5" x14ac:dyDescent="0.25">
      <c r="A2923" s="3">
        <v>41773.560358796298</v>
      </c>
      <c r="B2923" s="2">
        <v>18.899999999999999</v>
      </c>
      <c r="C2923" s="2">
        <v>188.6</v>
      </c>
      <c r="D2923" s="2">
        <v>0</v>
      </c>
      <c r="E2923" s="2">
        <v>146.40000000000023</v>
      </c>
    </row>
    <row r="2924" spans="1:5" x14ac:dyDescent="0.25">
      <c r="A2924" s="3">
        <v>41773.560474537036</v>
      </c>
      <c r="B2924" s="2">
        <v>18.899999999999999</v>
      </c>
      <c r="C2924" s="2">
        <v>188.4</v>
      </c>
      <c r="D2924" s="2">
        <v>0</v>
      </c>
      <c r="E2924" s="2">
        <v>146.40000000000023</v>
      </c>
    </row>
    <row r="2925" spans="1:5" x14ac:dyDescent="0.25">
      <c r="A2925" s="3">
        <v>41773.560648148145</v>
      </c>
      <c r="B2925" s="2">
        <v>18.899999999999999</v>
      </c>
      <c r="C2925" s="2">
        <v>188.6</v>
      </c>
      <c r="D2925" s="2">
        <v>0</v>
      </c>
      <c r="E2925" s="2">
        <v>146.40000000000023</v>
      </c>
    </row>
    <row r="2926" spans="1:5" x14ac:dyDescent="0.25">
      <c r="A2926" s="3">
        <v>41773.560937499999</v>
      </c>
      <c r="B2926" s="2">
        <v>18.899999999999999</v>
      </c>
      <c r="C2926" s="2">
        <v>188.4</v>
      </c>
      <c r="D2926" s="2">
        <v>0</v>
      </c>
      <c r="E2926" s="2">
        <v>146.40000000000023</v>
      </c>
    </row>
    <row r="2927" spans="1:5" x14ac:dyDescent="0.25">
      <c r="A2927" s="3">
        <v>41773.561631944445</v>
      </c>
      <c r="B2927" s="2">
        <v>18.899999999999999</v>
      </c>
      <c r="C2927" s="2">
        <v>188.6</v>
      </c>
      <c r="D2927" s="2">
        <v>0</v>
      </c>
      <c r="E2927" s="2">
        <v>146.40000000000023</v>
      </c>
    </row>
    <row r="2928" spans="1:5" x14ac:dyDescent="0.25">
      <c r="A2928" s="3">
        <v>41773.561863425923</v>
      </c>
      <c r="B2928" s="2">
        <v>18.899999999999999</v>
      </c>
      <c r="C2928" s="2">
        <v>188.4</v>
      </c>
      <c r="D2928" s="2">
        <v>0</v>
      </c>
      <c r="E2928" s="2">
        <v>146.40000000000023</v>
      </c>
    </row>
    <row r="2929" spans="1:5" x14ac:dyDescent="0.25">
      <c r="A2929" s="3">
        <v>41773.562152777777</v>
      </c>
      <c r="B2929" s="2">
        <v>18.8</v>
      </c>
      <c r="C2929" s="2">
        <v>188.6</v>
      </c>
      <c r="D2929" s="2">
        <v>0</v>
      </c>
      <c r="E2929" s="2">
        <v>146.40000000000023</v>
      </c>
    </row>
    <row r="2930" spans="1:5" x14ac:dyDescent="0.25">
      <c r="A2930" s="3">
        <v>41773.562268518515</v>
      </c>
      <c r="B2930" s="2">
        <v>18.8</v>
      </c>
      <c r="C2930" s="2">
        <v>188.4</v>
      </c>
      <c r="D2930" s="2">
        <v>0</v>
      </c>
      <c r="E2930" s="2">
        <v>146.40000000000023</v>
      </c>
    </row>
    <row r="2931" spans="1:5" x14ac:dyDescent="0.25">
      <c r="A2931" s="3">
        <v>41773.581886574073</v>
      </c>
      <c r="B2931" s="2">
        <v>19.899999999999999</v>
      </c>
      <c r="C2931" s="2">
        <v>188.2</v>
      </c>
      <c r="D2931" s="2">
        <v>0</v>
      </c>
      <c r="E2931" s="2">
        <v>146.40000000000023</v>
      </c>
    </row>
    <row r="2932" spans="1:5" x14ac:dyDescent="0.25">
      <c r="A2932" s="3">
        <v>41773.582118055558</v>
      </c>
      <c r="B2932" s="2">
        <v>19.899999999999999</v>
      </c>
      <c r="C2932" s="2">
        <v>188.4</v>
      </c>
      <c r="D2932" s="2">
        <v>0</v>
      </c>
      <c r="E2932" s="2">
        <v>146.40000000000023</v>
      </c>
    </row>
    <row r="2933" spans="1:5" x14ac:dyDescent="0.25">
      <c r="A2933" s="3">
        <v>41773.585879629631</v>
      </c>
      <c r="B2933" s="2">
        <v>20.2</v>
      </c>
      <c r="C2933" s="2">
        <v>188.2</v>
      </c>
      <c r="D2933" s="2">
        <v>0</v>
      </c>
      <c r="E2933" s="2">
        <v>146.40000000000023</v>
      </c>
    </row>
    <row r="2934" spans="1:5" x14ac:dyDescent="0.25">
      <c r="A2934" s="3">
        <v>41773.587037037039</v>
      </c>
      <c r="B2934" s="2">
        <v>20.2</v>
      </c>
      <c r="C2934" s="2">
        <v>188.4</v>
      </c>
      <c r="D2934" s="2">
        <v>0</v>
      </c>
      <c r="E2934" s="2">
        <v>146.40000000000023</v>
      </c>
    </row>
    <row r="2935" spans="1:5" x14ac:dyDescent="0.25">
      <c r="A2935" s="3">
        <v>41773.587094907409</v>
      </c>
      <c r="B2935" s="2">
        <v>20.2</v>
      </c>
      <c r="C2935" s="2">
        <v>188.2</v>
      </c>
      <c r="D2935" s="2">
        <v>0</v>
      </c>
      <c r="E2935" s="2">
        <v>146.40000000000023</v>
      </c>
    </row>
    <row r="2936" spans="1:5" x14ac:dyDescent="0.25">
      <c r="A2936" s="3">
        <v>41773.588425925926</v>
      </c>
      <c r="B2936" s="2">
        <v>20.2</v>
      </c>
      <c r="C2936" s="2">
        <v>188.4</v>
      </c>
      <c r="D2936" s="2">
        <v>0</v>
      </c>
      <c r="E2936" s="2">
        <v>146.40000000000023</v>
      </c>
    </row>
    <row r="2937" spans="1:5" x14ac:dyDescent="0.25">
      <c r="A2937" s="3">
        <v>41773.60324074074</v>
      </c>
      <c r="B2937" s="2">
        <v>20.399999999999999</v>
      </c>
      <c r="C2937" s="2">
        <v>188.2</v>
      </c>
      <c r="D2937" s="2">
        <v>0</v>
      </c>
      <c r="E2937" s="2">
        <v>146.40000000000023</v>
      </c>
    </row>
    <row r="2938" spans="1:5" x14ac:dyDescent="0.25">
      <c r="A2938" s="3">
        <v>41773.60428240741</v>
      </c>
      <c r="B2938" s="2">
        <v>20.5</v>
      </c>
      <c r="C2938" s="2">
        <v>188.4</v>
      </c>
      <c r="D2938" s="2">
        <v>0</v>
      </c>
      <c r="E2938" s="2">
        <v>146.40000000000023</v>
      </c>
    </row>
    <row r="2939" spans="1:5" x14ac:dyDescent="0.25">
      <c r="A2939" s="3">
        <v>41773.604456018518</v>
      </c>
      <c r="B2939" s="2">
        <v>20.399999999999999</v>
      </c>
      <c r="C2939" s="2">
        <v>188.2</v>
      </c>
      <c r="D2939" s="2">
        <v>0</v>
      </c>
      <c r="E2939" s="2">
        <v>146.40000000000023</v>
      </c>
    </row>
    <row r="2940" spans="1:5" x14ac:dyDescent="0.25">
      <c r="A2940" s="3">
        <v>41773.60596064815</v>
      </c>
      <c r="B2940" s="2">
        <v>20.399999999999999</v>
      </c>
      <c r="C2940" s="2">
        <v>188.4</v>
      </c>
      <c r="D2940" s="2">
        <v>0</v>
      </c>
      <c r="E2940" s="2">
        <v>146.40000000000023</v>
      </c>
    </row>
    <row r="2941" spans="1:5" x14ac:dyDescent="0.25">
      <c r="A2941" s="3">
        <v>41773.606249999997</v>
      </c>
      <c r="B2941" s="2">
        <v>20.399999999999999</v>
      </c>
      <c r="C2941" s="2">
        <v>188.2</v>
      </c>
      <c r="D2941" s="2">
        <v>0</v>
      </c>
      <c r="E2941" s="2">
        <v>146.40000000000023</v>
      </c>
    </row>
    <row r="2942" spans="1:5" x14ac:dyDescent="0.25">
      <c r="A2942" s="3">
        <v>41773.606365740743</v>
      </c>
      <c r="B2942" s="2">
        <v>20.399999999999999</v>
      </c>
      <c r="C2942" s="2">
        <v>188.4</v>
      </c>
      <c r="D2942" s="2">
        <v>0</v>
      </c>
      <c r="E2942" s="2">
        <v>146.40000000000023</v>
      </c>
    </row>
    <row r="2943" spans="1:5" x14ac:dyDescent="0.25">
      <c r="A2943" s="3">
        <v>41773.606539351851</v>
      </c>
      <c r="B2943" s="2">
        <v>20.399999999999999</v>
      </c>
      <c r="C2943" s="2">
        <v>188.2</v>
      </c>
      <c r="D2943" s="2">
        <v>0</v>
      </c>
      <c r="E2943" s="2">
        <v>146.40000000000023</v>
      </c>
    </row>
    <row r="2944" spans="1:5" x14ac:dyDescent="0.25">
      <c r="A2944" s="3">
        <v>41773.63622685185</v>
      </c>
      <c r="B2944" s="2">
        <v>20.399999999999999</v>
      </c>
      <c r="C2944" s="2">
        <v>188</v>
      </c>
      <c r="D2944" s="2">
        <v>0</v>
      </c>
      <c r="E2944" s="2">
        <v>146.40000000000023</v>
      </c>
    </row>
    <row r="2945" spans="1:5" x14ac:dyDescent="0.25">
      <c r="A2945" s="3">
        <v>41773.636284722219</v>
      </c>
      <c r="B2945" s="2">
        <v>20.399999999999999</v>
      </c>
      <c r="C2945" s="2">
        <v>188.2</v>
      </c>
      <c r="D2945" s="2">
        <v>0</v>
      </c>
      <c r="E2945" s="2">
        <v>146.40000000000023</v>
      </c>
    </row>
    <row r="2946" spans="1:5" x14ac:dyDescent="0.25">
      <c r="A2946" s="3">
        <v>41773.636747685188</v>
      </c>
      <c r="B2946" s="2">
        <v>20.3</v>
      </c>
      <c r="C2946" s="2">
        <v>188</v>
      </c>
      <c r="D2946" s="2">
        <v>0</v>
      </c>
      <c r="E2946" s="2">
        <v>146.40000000000023</v>
      </c>
    </row>
    <row r="2947" spans="1:5" x14ac:dyDescent="0.25">
      <c r="A2947" s="3">
        <v>41773.637094907404</v>
      </c>
      <c r="B2947" s="2">
        <v>20.3</v>
      </c>
      <c r="C2947" s="2">
        <v>188.2</v>
      </c>
      <c r="D2947" s="2">
        <v>0</v>
      </c>
      <c r="E2947" s="2">
        <v>146.40000000000023</v>
      </c>
    </row>
    <row r="2948" spans="1:5" x14ac:dyDescent="0.25">
      <c r="A2948" s="3">
        <v>41773.637384259258</v>
      </c>
      <c r="B2948" s="2">
        <v>20.3</v>
      </c>
      <c r="C2948" s="2">
        <v>188.4</v>
      </c>
      <c r="D2948" s="2">
        <v>0</v>
      </c>
      <c r="E2948" s="2">
        <v>146.40000000000023</v>
      </c>
    </row>
    <row r="2949" spans="1:5" x14ac:dyDescent="0.25">
      <c r="A2949" s="3">
        <v>41773.637442129628</v>
      </c>
      <c r="B2949" s="2">
        <v>20.3</v>
      </c>
      <c r="C2949" s="2">
        <v>188.2</v>
      </c>
      <c r="D2949" s="2">
        <v>0</v>
      </c>
      <c r="E2949" s="2">
        <v>146.40000000000023</v>
      </c>
    </row>
    <row r="2950" spans="1:5" x14ac:dyDescent="0.25">
      <c r="A2950" s="3">
        <v>41773.643807870372</v>
      </c>
      <c r="B2950" s="2">
        <v>20.3</v>
      </c>
      <c r="C2950" s="2">
        <v>188</v>
      </c>
      <c r="D2950" s="2">
        <v>0</v>
      </c>
      <c r="E2950" s="2">
        <v>146.40000000000023</v>
      </c>
    </row>
    <row r="2951" spans="1:5" x14ac:dyDescent="0.25">
      <c r="A2951" s="3">
        <v>41773.649305555555</v>
      </c>
      <c r="B2951" s="2">
        <v>20.2</v>
      </c>
      <c r="C2951" s="2">
        <v>188.2</v>
      </c>
      <c r="D2951" s="2">
        <v>0</v>
      </c>
      <c r="E2951" s="2">
        <v>146.40000000000023</v>
      </c>
    </row>
    <row r="2952" spans="1:5" x14ac:dyDescent="0.25">
      <c r="A2952" s="3">
        <v>41773.649594907409</v>
      </c>
      <c r="B2952" s="2">
        <v>20.2</v>
      </c>
      <c r="C2952" s="2">
        <v>188</v>
      </c>
      <c r="D2952" s="2">
        <v>0</v>
      </c>
      <c r="E2952" s="2">
        <v>146.40000000000023</v>
      </c>
    </row>
    <row r="2953" spans="1:5" x14ac:dyDescent="0.25">
      <c r="A2953" s="3">
        <v>41773.669907407406</v>
      </c>
      <c r="B2953" s="2">
        <v>19.899999999999999</v>
      </c>
      <c r="C2953" s="2">
        <v>187.8</v>
      </c>
      <c r="D2953" s="2">
        <v>0</v>
      </c>
      <c r="E2953" s="2">
        <v>146.40000000000023</v>
      </c>
    </row>
    <row r="2954" spans="1:5" x14ac:dyDescent="0.25">
      <c r="A2954" s="3">
        <v>41773.669965277775</v>
      </c>
      <c r="B2954" s="2">
        <v>19.899999999999999</v>
      </c>
      <c r="C2954" s="2">
        <v>188</v>
      </c>
      <c r="D2954" s="2">
        <v>0</v>
      </c>
      <c r="E2954" s="2">
        <v>146.40000000000023</v>
      </c>
    </row>
    <row r="2955" spans="1:5" x14ac:dyDescent="0.25">
      <c r="A2955" s="3">
        <v>41773.670081018521</v>
      </c>
      <c r="B2955" s="2">
        <v>19.899999999999999</v>
      </c>
      <c r="C2955" s="2">
        <v>187.8</v>
      </c>
      <c r="D2955" s="2">
        <v>0</v>
      </c>
      <c r="E2955" s="2">
        <v>146.40000000000023</v>
      </c>
    </row>
    <row r="2956" spans="1:5" x14ac:dyDescent="0.25">
      <c r="A2956" s="3">
        <v>41773.67019675926</v>
      </c>
      <c r="B2956" s="2">
        <v>19.899999999999999</v>
      </c>
      <c r="C2956" s="2">
        <v>188</v>
      </c>
      <c r="D2956" s="2">
        <v>0</v>
      </c>
      <c r="E2956" s="2">
        <v>146.40000000000023</v>
      </c>
    </row>
    <row r="2957" spans="1:5" x14ac:dyDescent="0.25">
      <c r="A2957" s="3">
        <v>41773.671759259261</v>
      </c>
      <c r="B2957" s="2">
        <v>19.899999999999999</v>
      </c>
      <c r="C2957" s="2">
        <v>187.8</v>
      </c>
      <c r="D2957" s="2">
        <v>0</v>
      </c>
      <c r="E2957" s="2">
        <v>146.40000000000023</v>
      </c>
    </row>
    <row r="2958" spans="1:5" x14ac:dyDescent="0.25">
      <c r="A2958" s="3">
        <v>41773.671875</v>
      </c>
      <c r="B2958" s="2">
        <v>19.8</v>
      </c>
      <c r="C2958" s="2">
        <v>188</v>
      </c>
      <c r="D2958" s="2">
        <v>0</v>
      </c>
      <c r="E2958" s="2">
        <v>146.40000000000023</v>
      </c>
    </row>
    <row r="2959" spans="1:5" x14ac:dyDescent="0.25">
      <c r="A2959" s="3">
        <v>41773.671990740739</v>
      </c>
      <c r="B2959" s="2">
        <v>19.899999999999999</v>
      </c>
      <c r="C2959" s="2">
        <v>187.8</v>
      </c>
      <c r="D2959" s="2">
        <v>0</v>
      </c>
      <c r="E2959" s="2">
        <v>146.40000000000023</v>
      </c>
    </row>
    <row r="2960" spans="1:5" x14ac:dyDescent="0.25">
      <c r="A2960" s="3">
        <v>41773.672048611108</v>
      </c>
      <c r="B2960" s="2">
        <v>19.899999999999999</v>
      </c>
      <c r="C2960" s="2">
        <v>188</v>
      </c>
      <c r="D2960" s="2">
        <v>0</v>
      </c>
      <c r="E2960" s="2">
        <v>146.40000000000023</v>
      </c>
    </row>
    <row r="2961" spans="1:5" x14ac:dyDescent="0.25">
      <c r="A2961" s="3">
        <v>41773.672280092593</v>
      </c>
      <c r="B2961" s="2">
        <v>19.899999999999999</v>
      </c>
      <c r="C2961" s="2">
        <v>187.8</v>
      </c>
      <c r="D2961" s="2">
        <v>0</v>
      </c>
      <c r="E2961" s="2">
        <v>146.40000000000023</v>
      </c>
    </row>
    <row r="2962" spans="1:5" x14ac:dyDescent="0.25">
      <c r="A2962" s="3">
        <v>41773.672743055555</v>
      </c>
      <c r="B2962" s="2">
        <v>19.8</v>
      </c>
      <c r="C2962" s="2">
        <v>188</v>
      </c>
      <c r="D2962" s="2">
        <v>0</v>
      </c>
      <c r="E2962" s="2">
        <v>146.40000000000023</v>
      </c>
    </row>
    <row r="2963" spans="1:5" x14ac:dyDescent="0.25">
      <c r="A2963" s="3">
        <v>41773.673090277778</v>
      </c>
      <c r="B2963" s="2">
        <v>19.899999999999999</v>
      </c>
      <c r="C2963" s="2">
        <v>187.8</v>
      </c>
      <c r="D2963" s="2">
        <v>0</v>
      </c>
      <c r="E2963" s="2">
        <v>146.40000000000023</v>
      </c>
    </row>
    <row r="2964" spans="1:5" x14ac:dyDescent="0.25">
      <c r="A2964" s="3">
        <v>41773.673321759263</v>
      </c>
      <c r="B2964" s="2">
        <v>19.8</v>
      </c>
      <c r="C2964" s="2">
        <v>188</v>
      </c>
      <c r="D2964" s="2">
        <v>0</v>
      </c>
      <c r="E2964" s="2">
        <v>146.40000000000023</v>
      </c>
    </row>
    <row r="2965" spans="1:5" x14ac:dyDescent="0.25">
      <c r="A2965" s="3">
        <v>41773.673379629632</v>
      </c>
      <c r="B2965" s="2">
        <v>19.8</v>
      </c>
      <c r="C2965" s="2">
        <v>187.8</v>
      </c>
      <c r="D2965" s="2">
        <v>0</v>
      </c>
      <c r="E2965" s="2">
        <v>146.40000000000023</v>
      </c>
    </row>
    <row r="2966" spans="1:5" x14ac:dyDescent="0.25">
      <c r="A2966" s="3">
        <v>41773.674826388888</v>
      </c>
      <c r="B2966" s="2">
        <v>19.8</v>
      </c>
      <c r="C2966" s="2">
        <v>188</v>
      </c>
      <c r="D2966" s="2">
        <v>0</v>
      </c>
      <c r="E2966" s="2">
        <v>146.40000000000023</v>
      </c>
    </row>
    <row r="2967" spans="1:5" x14ac:dyDescent="0.25">
      <c r="A2967" s="3">
        <v>41773.674942129626</v>
      </c>
      <c r="B2967" s="2">
        <v>19.8</v>
      </c>
      <c r="C2967" s="2">
        <v>187.8</v>
      </c>
      <c r="D2967" s="2">
        <v>0</v>
      </c>
      <c r="E2967" s="2">
        <v>146.40000000000023</v>
      </c>
    </row>
    <row r="2968" spans="1:5" x14ac:dyDescent="0.25">
      <c r="A2968" s="3">
        <v>41773.678761574076</v>
      </c>
      <c r="B2968" s="2">
        <v>19.8</v>
      </c>
      <c r="C2968" s="2">
        <v>188</v>
      </c>
      <c r="D2968" s="2">
        <v>0</v>
      </c>
      <c r="E2968" s="2">
        <v>146.40000000000023</v>
      </c>
    </row>
    <row r="2969" spans="1:5" x14ac:dyDescent="0.25">
      <c r="A2969" s="3">
        <v>41773.678877314815</v>
      </c>
      <c r="B2969" s="2">
        <v>19.8</v>
      </c>
      <c r="C2969" s="2">
        <v>187.8</v>
      </c>
      <c r="D2969" s="2">
        <v>0</v>
      </c>
      <c r="E2969" s="2">
        <v>146.40000000000023</v>
      </c>
    </row>
    <row r="2970" spans="1:5" x14ac:dyDescent="0.25">
      <c r="A2970" s="3">
        <v>41773.702025462961</v>
      </c>
      <c r="B2970" s="2">
        <v>19.2</v>
      </c>
      <c r="C2970" s="2">
        <v>187.6</v>
      </c>
      <c r="D2970" s="2">
        <v>0</v>
      </c>
      <c r="E2970" s="2">
        <v>146.40000000000023</v>
      </c>
    </row>
    <row r="2971" spans="1:5" x14ac:dyDescent="0.25">
      <c r="A2971" s="3">
        <v>41773.702141203707</v>
      </c>
      <c r="B2971" s="2">
        <v>19.2</v>
      </c>
      <c r="C2971" s="2">
        <v>187.8</v>
      </c>
      <c r="D2971" s="2">
        <v>0</v>
      </c>
      <c r="E2971" s="2">
        <v>146.40000000000023</v>
      </c>
    </row>
    <row r="2972" spans="1:5" x14ac:dyDescent="0.25">
      <c r="A2972" s="3">
        <v>41773.702199074076</v>
      </c>
      <c r="B2972" s="2">
        <v>19.2</v>
      </c>
      <c r="C2972" s="2">
        <v>187.6</v>
      </c>
      <c r="D2972" s="2">
        <v>0</v>
      </c>
      <c r="E2972" s="2">
        <v>146.40000000000023</v>
      </c>
    </row>
    <row r="2973" spans="1:5" x14ac:dyDescent="0.25">
      <c r="A2973" s="3">
        <v>41773.702314814815</v>
      </c>
      <c r="B2973" s="2">
        <v>19.2</v>
      </c>
      <c r="C2973" s="2">
        <v>187.8</v>
      </c>
      <c r="D2973" s="2">
        <v>0</v>
      </c>
      <c r="E2973" s="2">
        <v>146.40000000000023</v>
      </c>
    </row>
    <row r="2974" spans="1:5" x14ac:dyDescent="0.25">
      <c r="A2974" s="3">
        <v>41773.703009259261</v>
      </c>
      <c r="B2974" s="2">
        <v>19.100000000000001</v>
      </c>
      <c r="C2974" s="2">
        <v>187.6</v>
      </c>
      <c r="D2974" s="2">
        <v>0</v>
      </c>
      <c r="E2974" s="2">
        <v>146.40000000000023</v>
      </c>
    </row>
    <row r="2975" spans="1:5" x14ac:dyDescent="0.25">
      <c r="A2975" s="3">
        <v>41773.703703703701</v>
      </c>
      <c r="B2975" s="2">
        <v>19.100000000000001</v>
      </c>
      <c r="C2975" s="2">
        <v>187.8</v>
      </c>
      <c r="D2975" s="2">
        <v>0</v>
      </c>
      <c r="E2975" s="2">
        <v>146.40000000000023</v>
      </c>
    </row>
    <row r="2976" spans="1:5" x14ac:dyDescent="0.25">
      <c r="A2976" s="3">
        <v>41773.704050925924</v>
      </c>
      <c r="B2976" s="2">
        <v>19.100000000000001</v>
      </c>
      <c r="C2976" s="2">
        <v>187.6</v>
      </c>
      <c r="D2976" s="2">
        <v>0</v>
      </c>
      <c r="E2976" s="2">
        <v>146.40000000000023</v>
      </c>
    </row>
    <row r="2977" spans="1:5" x14ac:dyDescent="0.25">
      <c r="A2977" s="3">
        <v>41773.704224537039</v>
      </c>
      <c r="B2977" s="2">
        <v>19.100000000000001</v>
      </c>
      <c r="C2977" s="2">
        <v>187.8</v>
      </c>
      <c r="D2977" s="2">
        <v>0</v>
      </c>
      <c r="E2977" s="2">
        <v>146.40000000000023</v>
      </c>
    </row>
    <row r="2978" spans="1:5" x14ac:dyDescent="0.25">
      <c r="A2978" s="3">
        <v>41773.704340277778</v>
      </c>
      <c r="B2978" s="2">
        <v>19.100000000000001</v>
      </c>
      <c r="C2978" s="2">
        <v>187.6</v>
      </c>
      <c r="D2978" s="2">
        <v>0</v>
      </c>
      <c r="E2978" s="2">
        <v>146.40000000000023</v>
      </c>
    </row>
    <row r="2979" spans="1:5" x14ac:dyDescent="0.25">
      <c r="A2979" s="3">
        <v>41773.706886574073</v>
      </c>
      <c r="B2979" s="2">
        <v>19</v>
      </c>
      <c r="C2979" s="2">
        <v>187.8</v>
      </c>
      <c r="D2979" s="2">
        <v>0</v>
      </c>
      <c r="E2979" s="2">
        <v>146.40000000000023</v>
      </c>
    </row>
    <row r="2980" spans="1:5" x14ac:dyDescent="0.25">
      <c r="A2980" s="3">
        <v>41773.707175925927</v>
      </c>
      <c r="B2980" s="2">
        <v>19.100000000000001</v>
      </c>
      <c r="C2980" s="2">
        <v>187.6</v>
      </c>
      <c r="D2980" s="2">
        <v>0</v>
      </c>
      <c r="E2980" s="2">
        <v>146.40000000000023</v>
      </c>
    </row>
    <row r="2981" spans="1:5" x14ac:dyDescent="0.25">
      <c r="A2981" s="3">
        <v>41773.723032407404</v>
      </c>
      <c r="B2981" s="2">
        <v>18.600000000000001</v>
      </c>
      <c r="C2981" s="2">
        <v>187.4</v>
      </c>
      <c r="D2981" s="2">
        <v>0</v>
      </c>
      <c r="E2981" s="2">
        <v>146.40000000000023</v>
      </c>
    </row>
    <row r="2982" spans="1:5" x14ac:dyDescent="0.25">
      <c r="A2982" s="3">
        <v>41773.724594907406</v>
      </c>
      <c r="B2982" s="2">
        <v>18.600000000000001</v>
      </c>
      <c r="C2982" s="2">
        <v>187.6</v>
      </c>
      <c r="D2982" s="2">
        <v>0</v>
      </c>
      <c r="E2982" s="2">
        <v>146.40000000000023</v>
      </c>
    </row>
    <row r="2983" spans="1:5" x14ac:dyDescent="0.25">
      <c r="A2983" s="3">
        <v>41773.724942129629</v>
      </c>
      <c r="B2983" s="2">
        <v>18.600000000000001</v>
      </c>
      <c r="C2983" s="2">
        <v>187.4</v>
      </c>
      <c r="D2983" s="2">
        <v>0</v>
      </c>
      <c r="E2983" s="2">
        <v>146.40000000000023</v>
      </c>
    </row>
    <row r="2984" spans="1:5" x14ac:dyDescent="0.25">
      <c r="A2984" s="3">
        <v>41773.725057870368</v>
      </c>
      <c r="B2984" s="2">
        <v>18.600000000000001</v>
      </c>
      <c r="C2984" s="2">
        <v>187.6</v>
      </c>
      <c r="D2984" s="2">
        <v>0</v>
      </c>
      <c r="E2984" s="2">
        <v>146.40000000000023</v>
      </c>
    </row>
    <row r="2985" spans="1:5" x14ac:dyDescent="0.25">
      <c r="A2985" s="3">
        <v>41773.725231481483</v>
      </c>
      <c r="B2985" s="2">
        <v>18.5</v>
      </c>
      <c r="C2985" s="2">
        <v>187.4</v>
      </c>
      <c r="D2985" s="2">
        <v>0</v>
      </c>
      <c r="E2985" s="2">
        <v>146.40000000000023</v>
      </c>
    </row>
    <row r="2986" spans="1:5" x14ac:dyDescent="0.25">
      <c r="A2986" s="3">
        <v>41773.725578703707</v>
      </c>
      <c r="B2986" s="2">
        <v>18.5</v>
      </c>
      <c r="C2986" s="2">
        <v>187.6</v>
      </c>
      <c r="D2986" s="2">
        <v>0</v>
      </c>
      <c r="E2986" s="2">
        <v>146.40000000000023</v>
      </c>
    </row>
    <row r="2987" spans="1:5" x14ac:dyDescent="0.25">
      <c r="A2987" s="3">
        <v>41773.725694444445</v>
      </c>
      <c r="B2987" s="2">
        <v>18.5</v>
      </c>
      <c r="C2987" s="2">
        <v>187.4</v>
      </c>
      <c r="D2987" s="2">
        <v>0</v>
      </c>
      <c r="E2987" s="2">
        <v>146.40000000000023</v>
      </c>
    </row>
    <row r="2988" spans="1:5" x14ac:dyDescent="0.25">
      <c r="A2988" s="3">
        <v>41773.746122685188</v>
      </c>
      <c r="B2988" s="2">
        <v>18.399999999999999</v>
      </c>
      <c r="C2988" s="2">
        <v>187.2</v>
      </c>
      <c r="D2988" s="2">
        <v>0</v>
      </c>
      <c r="E2988" s="2">
        <v>146.40000000000023</v>
      </c>
    </row>
    <row r="2989" spans="1:5" x14ac:dyDescent="0.25">
      <c r="A2989" s="3">
        <v>41773.748611111114</v>
      </c>
      <c r="B2989" s="2">
        <v>18.399999999999999</v>
      </c>
      <c r="C2989" s="2">
        <v>187.4</v>
      </c>
      <c r="D2989" s="2">
        <v>0</v>
      </c>
      <c r="E2989" s="2">
        <v>146.40000000000023</v>
      </c>
    </row>
    <row r="2990" spans="1:5" x14ac:dyDescent="0.25">
      <c r="A2990" s="3">
        <v>41773.748900462961</v>
      </c>
      <c r="B2990" s="2">
        <v>18.399999999999999</v>
      </c>
      <c r="C2990" s="2">
        <v>187.2</v>
      </c>
      <c r="D2990" s="2">
        <v>0</v>
      </c>
      <c r="E2990" s="2">
        <v>146.40000000000023</v>
      </c>
    </row>
    <row r="2991" spans="1:5" x14ac:dyDescent="0.25">
      <c r="A2991" s="3">
        <v>41773.749305555553</v>
      </c>
      <c r="B2991" s="2">
        <v>18.399999999999999</v>
      </c>
      <c r="C2991" s="2">
        <v>187.4</v>
      </c>
      <c r="D2991" s="2">
        <v>0</v>
      </c>
      <c r="E2991" s="2">
        <v>146.40000000000023</v>
      </c>
    </row>
    <row r="2992" spans="1:5" x14ac:dyDescent="0.25">
      <c r="A2992" s="3">
        <v>41773.749421296299</v>
      </c>
      <c r="B2992" s="2">
        <v>18.399999999999999</v>
      </c>
      <c r="C2992" s="2">
        <v>187.2</v>
      </c>
      <c r="D2992" s="2">
        <v>0</v>
      </c>
      <c r="E2992" s="2">
        <v>146.40000000000023</v>
      </c>
    </row>
    <row r="2993" spans="1:5" x14ac:dyDescent="0.25">
      <c r="A2993" s="3">
        <v>41773.797395833331</v>
      </c>
      <c r="B2993" s="2">
        <v>17.8</v>
      </c>
      <c r="C2993" s="2">
        <v>187</v>
      </c>
      <c r="D2993" s="2">
        <v>0</v>
      </c>
      <c r="E2993" s="2">
        <v>146.40000000000023</v>
      </c>
    </row>
    <row r="2994" spans="1:5" x14ac:dyDescent="0.25">
      <c r="A2994" s="3">
        <v>41773.829687500001</v>
      </c>
      <c r="B2994" s="2">
        <v>16.899999999999999</v>
      </c>
      <c r="C2994" s="2">
        <v>186.8</v>
      </c>
      <c r="D2994" s="2">
        <v>0</v>
      </c>
      <c r="E2994" s="2">
        <v>146.40000000000023</v>
      </c>
    </row>
    <row r="2995" spans="1:5" x14ac:dyDescent="0.25">
      <c r="A2995" s="3">
        <v>41773.830150462964</v>
      </c>
      <c r="B2995" s="2">
        <v>16.899999999999999</v>
      </c>
      <c r="C2995" s="2">
        <v>187</v>
      </c>
      <c r="D2995" s="2">
        <v>0</v>
      </c>
      <c r="E2995" s="2">
        <v>146.40000000000023</v>
      </c>
    </row>
    <row r="2996" spans="1:5" x14ac:dyDescent="0.25">
      <c r="A2996" s="3">
        <v>41773.830439814818</v>
      </c>
      <c r="B2996" s="2">
        <v>16.899999999999999</v>
      </c>
      <c r="C2996" s="2">
        <v>186.8</v>
      </c>
      <c r="D2996" s="2">
        <v>0</v>
      </c>
      <c r="E2996" s="2">
        <v>146.40000000000023</v>
      </c>
    </row>
    <row r="2997" spans="1:5" x14ac:dyDescent="0.25">
      <c r="A2997" s="3">
        <v>41773.830729166664</v>
      </c>
      <c r="B2997" s="2">
        <v>16.899999999999999</v>
      </c>
      <c r="C2997" s="2">
        <v>187</v>
      </c>
      <c r="D2997" s="2">
        <v>0</v>
      </c>
      <c r="E2997" s="2">
        <v>146.40000000000023</v>
      </c>
    </row>
    <row r="2998" spans="1:5" x14ac:dyDescent="0.25">
      <c r="A2998" s="3">
        <v>41773.831365740742</v>
      </c>
      <c r="B2998" s="2">
        <v>16.899999999999999</v>
      </c>
      <c r="C2998" s="2">
        <v>186.8</v>
      </c>
      <c r="D2998" s="2">
        <v>0</v>
      </c>
      <c r="E2998" s="2">
        <v>146.40000000000023</v>
      </c>
    </row>
    <row r="2999" spans="1:5" x14ac:dyDescent="0.25">
      <c r="A2999" s="3">
        <v>41773.831423611111</v>
      </c>
      <c r="B2999" s="2">
        <v>16.899999999999999</v>
      </c>
      <c r="C2999" s="2">
        <v>187</v>
      </c>
      <c r="D2999" s="2">
        <v>0</v>
      </c>
      <c r="E2999" s="2">
        <v>146.40000000000023</v>
      </c>
    </row>
    <row r="3000" spans="1:5" x14ac:dyDescent="0.25">
      <c r="A3000" s="3">
        <v>41773.831655092596</v>
      </c>
      <c r="B3000" s="2">
        <v>16.899999999999999</v>
      </c>
      <c r="C3000" s="2">
        <v>186.8</v>
      </c>
      <c r="D3000" s="2">
        <v>0</v>
      </c>
      <c r="E3000" s="2">
        <v>146.40000000000023</v>
      </c>
    </row>
    <row r="3001" spans="1:5" x14ac:dyDescent="0.25">
      <c r="A3001" s="3">
        <v>41773.895775462966</v>
      </c>
      <c r="B3001" s="2">
        <v>15.2</v>
      </c>
      <c r="C3001" s="2">
        <v>186.6</v>
      </c>
      <c r="D3001" s="2">
        <v>0</v>
      </c>
      <c r="E3001" s="2">
        <v>146.40000000000023</v>
      </c>
    </row>
    <row r="3002" spans="1:5" x14ac:dyDescent="0.25">
      <c r="A3002" s="3">
        <v>41773.956018518518</v>
      </c>
      <c r="B3002" s="2">
        <v>14</v>
      </c>
      <c r="C3002" s="2">
        <v>186.4</v>
      </c>
      <c r="D3002" s="2">
        <v>0</v>
      </c>
      <c r="E3002" s="2">
        <v>146.40000000000023</v>
      </c>
    </row>
    <row r="3003" spans="1:5" x14ac:dyDescent="0.25">
      <c r="A3003" s="3">
        <v>41773.956134259257</v>
      </c>
      <c r="B3003" s="2">
        <v>14</v>
      </c>
      <c r="C3003" s="2">
        <v>186.6</v>
      </c>
      <c r="D3003" s="2">
        <v>0</v>
      </c>
      <c r="E3003" s="2">
        <v>146.40000000000023</v>
      </c>
    </row>
    <row r="3004" spans="1:5" x14ac:dyDescent="0.25">
      <c r="A3004" s="3">
        <v>41773.956307870372</v>
      </c>
      <c r="B3004" s="2">
        <v>14</v>
      </c>
      <c r="C3004" s="2">
        <v>186.4</v>
      </c>
      <c r="D3004" s="2">
        <v>0</v>
      </c>
      <c r="E3004" s="2">
        <v>146.40000000000023</v>
      </c>
    </row>
    <row r="3005" spans="1:5" x14ac:dyDescent="0.25">
      <c r="A3005" s="3">
        <v>41774.005555555559</v>
      </c>
      <c r="B3005" s="2">
        <v>13</v>
      </c>
      <c r="C3005" s="2">
        <v>186.2</v>
      </c>
      <c r="D3005" s="2">
        <v>0</v>
      </c>
      <c r="E3005" s="2">
        <v>146.40000000000023</v>
      </c>
    </row>
    <row r="3006" spans="1:5" x14ac:dyDescent="0.25">
      <c r="A3006" s="3">
        <v>41774.071643518517</v>
      </c>
      <c r="B3006" s="2">
        <v>11.9</v>
      </c>
      <c r="C3006" s="2">
        <v>186</v>
      </c>
      <c r="D3006" s="2">
        <v>0</v>
      </c>
      <c r="E3006" s="2">
        <v>146.40000000000023</v>
      </c>
    </row>
    <row r="3007" spans="1:5" x14ac:dyDescent="0.25">
      <c r="A3007" s="3">
        <v>41774.235821759263</v>
      </c>
      <c r="B3007" s="2">
        <v>9.6</v>
      </c>
      <c r="C3007" s="2">
        <v>185.8</v>
      </c>
      <c r="D3007" s="2">
        <v>0</v>
      </c>
      <c r="E3007" s="2">
        <v>146.40000000000023</v>
      </c>
    </row>
    <row r="3008" spans="1:5" x14ac:dyDescent="0.25">
      <c r="A3008" s="3">
        <v>41774.294386574074</v>
      </c>
      <c r="B3008" s="2">
        <v>9.1</v>
      </c>
      <c r="C3008" s="2">
        <v>185.6</v>
      </c>
      <c r="D3008" s="2">
        <v>0</v>
      </c>
      <c r="E3008" s="2">
        <v>146.40000000000023</v>
      </c>
    </row>
    <row r="3009" spans="1:5" x14ac:dyDescent="0.25">
      <c r="A3009" s="3">
        <v>41774.34814814815</v>
      </c>
      <c r="B3009" s="2">
        <v>9.1999999999999993</v>
      </c>
      <c r="C3009" s="2">
        <v>185.4</v>
      </c>
      <c r="D3009" s="2">
        <v>0</v>
      </c>
      <c r="E3009" s="2">
        <v>146.40000000000023</v>
      </c>
    </row>
    <row r="3010" spans="1:5" x14ac:dyDescent="0.25">
      <c r="A3010" s="3">
        <v>41774.348321759258</v>
      </c>
      <c r="B3010" s="2">
        <v>9.1999999999999993</v>
      </c>
      <c r="C3010" s="2">
        <v>185.6</v>
      </c>
      <c r="D3010" s="2">
        <v>0</v>
      </c>
      <c r="E3010" s="2">
        <v>146.40000000000023</v>
      </c>
    </row>
    <row r="3011" spans="1:5" x14ac:dyDescent="0.25">
      <c r="A3011" s="3">
        <v>41774.348900462966</v>
      </c>
      <c r="B3011" s="2">
        <v>9.1999999999999993</v>
      </c>
      <c r="C3011" s="2">
        <v>185.4</v>
      </c>
      <c r="D3011" s="2">
        <v>0</v>
      </c>
      <c r="E3011" s="2">
        <v>146.40000000000023</v>
      </c>
    </row>
    <row r="3012" spans="1:5" x14ac:dyDescent="0.25">
      <c r="A3012" s="3">
        <v>41774.349016203705</v>
      </c>
      <c r="B3012" s="2">
        <v>9.1999999999999993</v>
      </c>
      <c r="C3012" s="2">
        <v>185.6</v>
      </c>
      <c r="D3012" s="2">
        <v>0</v>
      </c>
      <c r="E3012" s="2">
        <v>146.40000000000023</v>
      </c>
    </row>
    <row r="3013" spans="1:5" x14ac:dyDescent="0.25">
      <c r="A3013" s="3">
        <v>41774.350173611114</v>
      </c>
      <c r="B3013" s="2">
        <v>9.1999999999999993</v>
      </c>
      <c r="C3013" s="2">
        <v>185.4</v>
      </c>
      <c r="D3013" s="2">
        <v>0</v>
      </c>
      <c r="E3013" s="2">
        <v>146.40000000000023</v>
      </c>
    </row>
    <row r="3014" spans="1:5" x14ac:dyDescent="0.25">
      <c r="A3014" s="3">
        <v>41774.350347222222</v>
      </c>
      <c r="B3014" s="2">
        <v>9.1999999999999993</v>
      </c>
      <c r="C3014" s="2">
        <v>185.6</v>
      </c>
      <c r="D3014" s="2">
        <v>0</v>
      </c>
      <c r="E3014" s="2">
        <v>146.40000000000023</v>
      </c>
    </row>
    <row r="3015" spans="1:5" x14ac:dyDescent="0.25">
      <c r="A3015" s="3">
        <v>41774.350462962961</v>
      </c>
      <c r="B3015" s="2">
        <v>9.1999999999999993</v>
      </c>
      <c r="C3015" s="2">
        <v>185.4</v>
      </c>
      <c r="D3015" s="2">
        <v>0</v>
      </c>
      <c r="E3015" s="2">
        <v>146.40000000000023</v>
      </c>
    </row>
    <row r="3016" spans="1:5" x14ac:dyDescent="0.25">
      <c r="A3016" s="3">
        <v>41774.350636574076</v>
      </c>
      <c r="B3016" s="2">
        <v>9.1999999999999993</v>
      </c>
      <c r="C3016" s="2">
        <v>185.6</v>
      </c>
      <c r="D3016" s="2">
        <v>0</v>
      </c>
      <c r="E3016" s="2">
        <v>146.40000000000023</v>
      </c>
    </row>
    <row r="3017" spans="1:5" x14ac:dyDescent="0.25">
      <c r="A3017" s="3">
        <v>41774.351504629631</v>
      </c>
      <c r="B3017" s="2">
        <v>9.1999999999999993</v>
      </c>
      <c r="C3017" s="2">
        <v>185.4</v>
      </c>
      <c r="D3017" s="2">
        <v>0</v>
      </c>
      <c r="E3017" s="2">
        <v>146.40000000000023</v>
      </c>
    </row>
    <row r="3018" spans="1:5" x14ac:dyDescent="0.25">
      <c r="A3018" s="3">
        <v>41774.352314814816</v>
      </c>
      <c r="B3018" s="2">
        <v>9.1999999999999993</v>
      </c>
      <c r="C3018" s="2">
        <v>185.6</v>
      </c>
      <c r="D3018" s="2">
        <v>0</v>
      </c>
      <c r="E3018" s="2">
        <v>146.40000000000023</v>
      </c>
    </row>
    <row r="3019" spans="1:5" x14ac:dyDescent="0.25">
      <c r="A3019" s="3">
        <v>41774.35260416667</v>
      </c>
      <c r="B3019" s="2">
        <v>9.1999999999999993</v>
      </c>
      <c r="C3019" s="2">
        <v>185.4</v>
      </c>
      <c r="D3019" s="2">
        <v>0</v>
      </c>
      <c r="E3019" s="2">
        <v>146.40000000000023</v>
      </c>
    </row>
    <row r="3020" spans="1:5" x14ac:dyDescent="0.25">
      <c r="A3020" s="3">
        <v>41774.352719907409</v>
      </c>
      <c r="B3020" s="2">
        <v>9.1999999999999993</v>
      </c>
      <c r="C3020" s="2">
        <v>185.6</v>
      </c>
      <c r="D3020" s="2">
        <v>0</v>
      </c>
      <c r="E3020" s="2">
        <v>146.40000000000023</v>
      </c>
    </row>
    <row r="3021" spans="1:5" x14ac:dyDescent="0.25">
      <c r="A3021" s="3">
        <v>41774.353530092594</v>
      </c>
      <c r="B3021" s="2">
        <v>9.1999999999999993</v>
      </c>
      <c r="C3021" s="2">
        <v>185.4</v>
      </c>
      <c r="D3021" s="2">
        <v>0</v>
      </c>
      <c r="E3021" s="2">
        <v>146.40000000000023</v>
      </c>
    </row>
    <row r="3022" spans="1:5" x14ac:dyDescent="0.25">
      <c r="A3022" s="3">
        <v>41774.354166666664</v>
      </c>
      <c r="B3022" s="2">
        <v>9.3000000000000007</v>
      </c>
      <c r="C3022" s="2">
        <v>185.6</v>
      </c>
      <c r="D3022" s="2">
        <v>0</v>
      </c>
      <c r="E3022" s="2">
        <v>146.40000000000023</v>
      </c>
    </row>
    <row r="3023" spans="1:5" x14ac:dyDescent="0.25">
      <c r="A3023" s="3">
        <v>41774.354224537034</v>
      </c>
      <c r="B3023" s="2">
        <v>9.1999999999999993</v>
      </c>
      <c r="C3023" s="2">
        <v>185.4</v>
      </c>
      <c r="D3023" s="2">
        <v>0</v>
      </c>
      <c r="E3023" s="2">
        <v>146.40000000000023</v>
      </c>
    </row>
    <row r="3024" spans="1:5" x14ac:dyDescent="0.25">
      <c r="A3024" s="3">
        <v>41774.35428240741</v>
      </c>
      <c r="B3024" s="2">
        <v>9.1999999999999993</v>
      </c>
      <c r="C3024" s="2">
        <v>185.6</v>
      </c>
      <c r="D3024" s="2">
        <v>0</v>
      </c>
      <c r="E3024" s="2">
        <v>146.40000000000023</v>
      </c>
    </row>
    <row r="3025" spans="1:5" x14ac:dyDescent="0.25">
      <c r="A3025" s="3">
        <v>41774.35434027778</v>
      </c>
      <c r="B3025" s="2">
        <v>9.1999999999999993</v>
      </c>
      <c r="C3025" s="2">
        <v>185.4</v>
      </c>
      <c r="D3025" s="2">
        <v>0</v>
      </c>
      <c r="E3025" s="2">
        <v>146.40000000000023</v>
      </c>
    </row>
    <row r="3026" spans="1:5" x14ac:dyDescent="0.25">
      <c r="A3026" s="3">
        <v>41774.355729166666</v>
      </c>
      <c r="B3026" s="2">
        <v>9.1999999999999993</v>
      </c>
      <c r="C3026" s="2">
        <v>185.6</v>
      </c>
      <c r="D3026" s="2">
        <v>0</v>
      </c>
      <c r="E3026" s="2">
        <v>146.40000000000023</v>
      </c>
    </row>
    <row r="3027" spans="1:5" x14ac:dyDescent="0.25">
      <c r="A3027" s="3">
        <v>41774.355787037035</v>
      </c>
      <c r="B3027" s="2">
        <v>9.1999999999999993</v>
      </c>
      <c r="C3027" s="2">
        <v>185.4</v>
      </c>
      <c r="D3027" s="2">
        <v>0</v>
      </c>
      <c r="E3027" s="2">
        <v>146.40000000000023</v>
      </c>
    </row>
    <row r="3028" spans="1:5" x14ac:dyDescent="0.25">
      <c r="A3028" s="3">
        <v>41774.357291666667</v>
      </c>
      <c r="B3028" s="2">
        <v>9.3000000000000007</v>
      </c>
      <c r="C3028" s="2">
        <v>185.6</v>
      </c>
      <c r="D3028" s="2">
        <v>0</v>
      </c>
      <c r="E3028" s="2">
        <v>146.40000000000023</v>
      </c>
    </row>
    <row r="3029" spans="1:5" x14ac:dyDescent="0.25">
      <c r="A3029" s="3">
        <v>41774.357465277775</v>
      </c>
      <c r="B3029" s="2">
        <v>9.3000000000000007</v>
      </c>
      <c r="C3029" s="2">
        <v>185.4</v>
      </c>
      <c r="D3029" s="2">
        <v>0</v>
      </c>
      <c r="E3029" s="2">
        <v>146.40000000000023</v>
      </c>
    </row>
    <row r="3030" spans="1:5" x14ac:dyDescent="0.25">
      <c r="A3030" s="3">
        <v>41774.360995370371</v>
      </c>
      <c r="B3030" s="2">
        <v>9.4</v>
      </c>
      <c r="C3030" s="2">
        <v>185.6</v>
      </c>
      <c r="D3030" s="2">
        <v>0</v>
      </c>
      <c r="E3030" s="2">
        <v>146.40000000000023</v>
      </c>
    </row>
    <row r="3031" spans="1:5" x14ac:dyDescent="0.25">
      <c r="A3031" s="3">
        <v>41774.361400462964</v>
      </c>
      <c r="B3031" s="2">
        <v>9.4</v>
      </c>
      <c r="C3031" s="2">
        <v>185.4</v>
      </c>
      <c r="D3031" s="2">
        <v>0</v>
      </c>
      <c r="E3031" s="2">
        <v>146.40000000000023</v>
      </c>
    </row>
    <row r="3032" spans="1:5" x14ac:dyDescent="0.25">
      <c r="A3032" s="3">
        <v>41774.362673611111</v>
      </c>
      <c r="B3032" s="2">
        <v>9.4</v>
      </c>
      <c r="C3032" s="2">
        <v>185.6</v>
      </c>
      <c r="D3032" s="2">
        <v>0</v>
      </c>
      <c r="E3032" s="2">
        <v>146.40000000000023</v>
      </c>
    </row>
    <row r="3033" spans="1:5" x14ac:dyDescent="0.25">
      <c r="A3033" s="3">
        <v>41774.362847222219</v>
      </c>
      <c r="B3033" s="2">
        <v>9.4</v>
      </c>
      <c r="C3033" s="2">
        <v>185.4</v>
      </c>
      <c r="D3033" s="2">
        <v>0</v>
      </c>
      <c r="E3033" s="2">
        <v>146.40000000000023</v>
      </c>
    </row>
    <row r="3034" spans="1:5" x14ac:dyDescent="0.25">
      <c r="A3034" s="3">
        <v>41774.36440972222</v>
      </c>
      <c r="B3034" s="2">
        <v>9.4</v>
      </c>
      <c r="C3034" s="2">
        <v>185.6</v>
      </c>
      <c r="D3034" s="2">
        <v>0</v>
      </c>
      <c r="E3034" s="2">
        <v>146.40000000000023</v>
      </c>
    </row>
    <row r="3035" spans="1:5" x14ac:dyDescent="0.25">
      <c r="A3035" s="3">
        <v>41774.364641203705</v>
      </c>
      <c r="B3035" s="2">
        <v>9.4</v>
      </c>
      <c r="C3035" s="2">
        <v>185.4</v>
      </c>
      <c r="D3035" s="2">
        <v>0</v>
      </c>
      <c r="E3035" s="2">
        <v>146.40000000000023</v>
      </c>
    </row>
    <row r="3036" spans="1:5" x14ac:dyDescent="0.25">
      <c r="A3036" s="3">
        <v>41774.364872685182</v>
      </c>
      <c r="B3036" s="2">
        <v>9.4</v>
      </c>
      <c r="C3036" s="2">
        <v>185.6</v>
      </c>
      <c r="D3036" s="2">
        <v>0</v>
      </c>
      <c r="E3036" s="2">
        <v>146.40000000000023</v>
      </c>
    </row>
    <row r="3037" spans="1:5" x14ac:dyDescent="0.25">
      <c r="A3037" s="3">
        <v>41774.364930555559</v>
      </c>
      <c r="B3037" s="2">
        <v>9.4</v>
      </c>
      <c r="C3037" s="2">
        <v>185.4</v>
      </c>
      <c r="D3037" s="2">
        <v>0</v>
      </c>
      <c r="E3037" s="2">
        <v>146.40000000000023</v>
      </c>
    </row>
    <row r="3038" spans="1:5" x14ac:dyDescent="0.25">
      <c r="A3038" s="3">
        <v>41774.369270833333</v>
      </c>
      <c r="B3038" s="2">
        <v>9.5</v>
      </c>
      <c r="C3038" s="2">
        <v>185.6</v>
      </c>
      <c r="D3038" s="2">
        <v>0</v>
      </c>
      <c r="E3038" s="2">
        <v>146.40000000000023</v>
      </c>
    </row>
    <row r="3039" spans="1:5" x14ac:dyDescent="0.25">
      <c r="A3039" s="3">
        <v>41774.369618055556</v>
      </c>
      <c r="B3039" s="2">
        <v>9.5</v>
      </c>
      <c r="C3039" s="2">
        <v>185.4</v>
      </c>
      <c r="D3039" s="2">
        <v>0</v>
      </c>
      <c r="E3039" s="2">
        <v>146.40000000000023</v>
      </c>
    </row>
    <row r="3040" spans="1:5" x14ac:dyDescent="0.25">
      <c r="A3040" s="3">
        <v>41774.418923611112</v>
      </c>
      <c r="B3040" s="2">
        <v>10.4</v>
      </c>
      <c r="C3040" s="2">
        <v>185.2</v>
      </c>
      <c r="D3040" s="2">
        <v>0</v>
      </c>
      <c r="E3040" s="2">
        <v>146.40000000000023</v>
      </c>
    </row>
    <row r="3041" spans="1:5" x14ac:dyDescent="0.25">
      <c r="A3041" s="3">
        <v>41774.419270833336</v>
      </c>
      <c r="B3041" s="2">
        <v>10.5</v>
      </c>
      <c r="C3041" s="2">
        <v>185.4</v>
      </c>
      <c r="D3041" s="2">
        <v>0</v>
      </c>
      <c r="E3041" s="2">
        <v>146.40000000000023</v>
      </c>
    </row>
    <row r="3042" spans="1:5" x14ac:dyDescent="0.25">
      <c r="A3042" s="3">
        <v>41774.419675925928</v>
      </c>
      <c r="B3042" s="2">
        <v>10.5</v>
      </c>
      <c r="C3042" s="2">
        <v>185.2</v>
      </c>
      <c r="D3042" s="2">
        <v>0</v>
      </c>
      <c r="E3042" s="2">
        <v>146.40000000000023</v>
      </c>
    </row>
    <row r="3043" spans="1:5" x14ac:dyDescent="0.25">
      <c r="A3043" s="3">
        <v>41774.419849537036</v>
      </c>
      <c r="B3043" s="2">
        <v>10.5</v>
      </c>
      <c r="C3043" s="2">
        <v>185.4</v>
      </c>
      <c r="D3043" s="2">
        <v>0</v>
      </c>
      <c r="E3043" s="2">
        <v>146.40000000000023</v>
      </c>
    </row>
    <row r="3044" spans="1:5" x14ac:dyDescent="0.25">
      <c r="A3044" s="3">
        <v>41774.420601851853</v>
      </c>
      <c r="B3044" s="2">
        <v>10.5</v>
      </c>
      <c r="C3044" s="2">
        <v>185.2</v>
      </c>
      <c r="D3044" s="2">
        <v>0</v>
      </c>
      <c r="E3044" s="2">
        <v>146.40000000000023</v>
      </c>
    </row>
    <row r="3045" spans="1:5" x14ac:dyDescent="0.25">
      <c r="A3045" s="3">
        <v>41774.420717592591</v>
      </c>
      <c r="B3045" s="2">
        <v>10.5</v>
      </c>
      <c r="C3045" s="2">
        <v>185.4</v>
      </c>
      <c r="D3045" s="2">
        <v>0</v>
      </c>
      <c r="E3045" s="2">
        <v>146.40000000000023</v>
      </c>
    </row>
    <row r="3046" spans="1:5" x14ac:dyDescent="0.25">
      <c r="A3046" s="3">
        <v>41774.421643518515</v>
      </c>
      <c r="B3046" s="2">
        <v>10.6</v>
      </c>
      <c r="C3046" s="2">
        <v>185.2</v>
      </c>
      <c r="D3046" s="2">
        <v>0</v>
      </c>
      <c r="E3046" s="2">
        <v>146.40000000000023</v>
      </c>
    </row>
    <row r="3047" spans="1:5" x14ac:dyDescent="0.25">
      <c r="A3047" s="3">
        <v>41774.422395833331</v>
      </c>
      <c r="B3047" s="2">
        <v>10.5</v>
      </c>
      <c r="C3047" s="2">
        <v>185.4</v>
      </c>
      <c r="D3047" s="2">
        <v>0</v>
      </c>
      <c r="E3047" s="2">
        <v>146.40000000000023</v>
      </c>
    </row>
    <row r="3048" spans="1:5" x14ac:dyDescent="0.25">
      <c r="A3048" s="3">
        <v>41774.422569444447</v>
      </c>
      <c r="B3048" s="2">
        <v>10.6</v>
      </c>
      <c r="C3048" s="2">
        <v>185.2</v>
      </c>
      <c r="D3048" s="2">
        <v>0</v>
      </c>
      <c r="E3048" s="2">
        <v>146.40000000000023</v>
      </c>
    </row>
    <row r="3049" spans="1:5" x14ac:dyDescent="0.25">
      <c r="A3049" s="3">
        <v>41774.42291666667</v>
      </c>
      <c r="B3049" s="2">
        <v>10.6</v>
      </c>
      <c r="C3049" s="2">
        <v>185.4</v>
      </c>
      <c r="D3049" s="2">
        <v>0</v>
      </c>
      <c r="E3049" s="2">
        <v>146.40000000000023</v>
      </c>
    </row>
    <row r="3050" spans="1:5" x14ac:dyDescent="0.25">
      <c r="A3050" s="3">
        <v>41774.424363425926</v>
      </c>
      <c r="B3050" s="2">
        <v>10.6</v>
      </c>
      <c r="C3050" s="2">
        <v>185.2</v>
      </c>
      <c r="D3050" s="2">
        <v>0</v>
      </c>
      <c r="E3050" s="2">
        <v>146.40000000000023</v>
      </c>
    </row>
    <row r="3051" spans="1:5" x14ac:dyDescent="0.25">
      <c r="A3051" s="3">
        <v>41774.42459490741</v>
      </c>
      <c r="B3051" s="2">
        <v>10.6</v>
      </c>
      <c r="C3051" s="2">
        <v>185.4</v>
      </c>
      <c r="D3051" s="2">
        <v>0</v>
      </c>
      <c r="E3051" s="2">
        <v>146.40000000000023</v>
      </c>
    </row>
    <row r="3052" spans="1:5" x14ac:dyDescent="0.25">
      <c r="A3052" s="3">
        <v>41774.425462962965</v>
      </c>
      <c r="B3052" s="2">
        <v>10.6</v>
      </c>
      <c r="C3052" s="2">
        <v>185.2</v>
      </c>
      <c r="D3052" s="2">
        <v>0</v>
      </c>
      <c r="E3052" s="2">
        <v>146.40000000000023</v>
      </c>
    </row>
    <row r="3053" spans="1:5" x14ac:dyDescent="0.25">
      <c r="A3053" s="3">
        <v>41774.425578703704</v>
      </c>
      <c r="B3053" s="2">
        <v>10.6</v>
      </c>
      <c r="C3053" s="2">
        <v>185.4</v>
      </c>
      <c r="D3053" s="2">
        <v>0</v>
      </c>
      <c r="E3053" s="2">
        <v>146.40000000000023</v>
      </c>
    </row>
    <row r="3054" spans="1:5" x14ac:dyDescent="0.25">
      <c r="A3054" s="3">
        <v>41774.427314814813</v>
      </c>
      <c r="B3054" s="2">
        <v>10.7</v>
      </c>
      <c r="C3054" s="2">
        <v>185.2</v>
      </c>
      <c r="D3054" s="2">
        <v>0</v>
      </c>
      <c r="E3054" s="2">
        <v>146.40000000000023</v>
      </c>
    </row>
    <row r="3055" spans="1:5" x14ac:dyDescent="0.25">
      <c r="A3055" s="3">
        <v>41774.427662037036</v>
      </c>
      <c r="B3055" s="2">
        <v>10.7</v>
      </c>
      <c r="C3055" s="2">
        <v>185.4</v>
      </c>
      <c r="D3055" s="2">
        <v>0</v>
      </c>
      <c r="E3055" s="2">
        <v>146.40000000000023</v>
      </c>
    </row>
    <row r="3056" spans="1:5" x14ac:dyDescent="0.25">
      <c r="A3056" s="3">
        <v>41774.427951388891</v>
      </c>
      <c r="B3056" s="2">
        <v>10.6</v>
      </c>
      <c r="C3056" s="2">
        <v>185.2</v>
      </c>
      <c r="D3056" s="2">
        <v>0</v>
      </c>
      <c r="E3056" s="2">
        <v>146.40000000000023</v>
      </c>
    </row>
    <row r="3057" spans="1:5" x14ac:dyDescent="0.25">
      <c r="A3057" s="3">
        <v>41774.428182870368</v>
      </c>
      <c r="B3057" s="2">
        <v>10.6</v>
      </c>
      <c r="C3057" s="2">
        <v>185.4</v>
      </c>
      <c r="D3057" s="2">
        <v>0</v>
      </c>
      <c r="E3057" s="2">
        <v>146.40000000000023</v>
      </c>
    </row>
    <row r="3058" spans="1:5" x14ac:dyDescent="0.25">
      <c r="A3058" s="3">
        <v>41774.429861111108</v>
      </c>
      <c r="B3058" s="2">
        <v>10.7</v>
      </c>
      <c r="C3058" s="2">
        <v>185.2</v>
      </c>
      <c r="D3058" s="2">
        <v>0</v>
      </c>
      <c r="E3058" s="2">
        <v>146.40000000000023</v>
      </c>
    </row>
    <row r="3059" spans="1:5" x14ac:dyDescent="0.25">
      <c r="A3059" s="3">
        <v>41774.432002314818</v>
      </c>
      <c r="B3059" s="2">
        <v>10.7</v>
      </c>
      <c r="C3059" s="2">
        <v>185.4</v>
      </c>
      <c r="D3059" s="2">
        <v>0</v>
      </c>
      <c r="E3059" s="2">
        <v>146.40000000000023</v>
      </c>
    </row>
    <row r="3060" spans="1:5" x14ac:dyDescent="0.25">
      <c r="A3060" s="3">
        <v>41774.432233796295</v>
      </c>
      <c r="B3060" s="2">
        <v>10.7</v>
      </c>
      <c r="C3060" s="2">
        <v>185.2</v>
      </c>
      <c r="D3060" s="2">
        <v>0</v>
      </c>
      <c r="E3060" s="2">
        <v>146.40000000000023</v>
      </c>
    </row>
    <row r="3061" spans="1:5" x14ac:dyDescent="0.25">
      <c r="A3061" s="3">
        <v>41774.432696759257</v>
      </c>
      <c r="B3061" s="2">
        <v>10.8</v>
      </c>
      <c r="C3061" s="2">
        <v>185.4</v>
      </c>
      <c r="D3061" s="2">
        <v>0</v>
      </c>
      <c r="E3061" s="2">
        <v>146.40000000000023</v>
      </c>
    </row>
    <row r="3062" spans="1:5" x14ac:dyDescent="0.25">
      <c r="A3062" s="3">
        <v>41774.435532407406</v>
      </c>
      <c r="B3062" s="2">
        <v>10.8</v>
      </c>
      <c r="C3062" s="2">
        <v>185.2</v>
      </c>
      <c r="D3062" s="2">
        <v>0</v>
      </c>
      <c r="E3062" s="2">
        <v>146.40000000000023</v>
      </c>
    </row>
    <row r="3063" spans="1:5" x14ac:dyDescent="0.25">
      <c r="A3063" s="3">
        <v>41774.4375</v>
      </c>
      <c r="B3063" s="2">
        <v>10.9</v>
      </c>
      <c r="C3063" s="2">
        <v>185.4</v>
      </c>
      <c r="D3063" s="2">
        <v>0</v>
      </c>
      <c r="E3063" s="2">
        <v>146.40000000000023</v>
      </c>
    </row>
    <row r="3064" spans="1:5" x14ac:dyDescent="0.25">
      <c r="A3064" s="3">
        <v>41774.437731481485</v>
      </c>
      <c r="B3064" s="2">
        <v>10.9</v>
      </c>
      <c r="C3064" s="2">
        <v>185.2</v>
      </c>
      <c r="D3064" s="2">
        <v>0</v>
      </c>
      <c r="E3064" s="2">
        <v>146.40000000000023</v>
      </c>
    </row>
    <row r="3065" spans="1:5" x14ac:dyDescent="0.25">
      <c r="A3065" s="3">
        <v>41774.438715277778</v>
      </c>
      <c r="B3065" s="2">
        <v>11</v>
      </c>
      <c r="C3065" s="2">
        <v>185.4</v>
      </c>
      <c r="D3065" s="2">
        <v>0</v>
      </c>
      <c r="E3065" s="2">
        <v>146.40000000000023</v>
      </c>
    </row>
    <row r="3066" spans="1:5" x14ac:dyDescent="0.25">
      <c r="A3066" s="3">
        <v>41774.438831018517</v>
      </c>
      <c r="B3066" s="2">
        <v>11.1</v>
      </c>
      <c r="C3066" s="2">
        <v>185.2</v>
      </c>
      <c r="D3066" s="2">
        <v>0</v>
      </c>
      <c r="E3066" s="2">
        <v>146.40000000000023</v>
      </c>
    </row>
    <row r="3067" spans="1:5" x14ac:dyDescent="0.25">
      <c r="A3067" s="3">
        <v>41774.440567129626</v>
      </c>
      <c r="B3067" s="2">
        <v>10.9</v>
      </c>
      <c r="C3067" s="2">
        <v>185.4</v>
      </c>
      <c r="D3067" s="2">
        <v>0</v>
      </c>
      <c r="E3067" s="2">
        <v>146.40000000000023</v>
      </c>
    </row>
    <row r="3068" spans="1:5" x14ac:dyDescent="0.25">
      <c r="A3068" s="3">
        <v>41774.440798611111</v>
      </c>
      <c r="B3068" s="2">
        <v>10.9</v>
      </c>
      <c r="C3068" s="2">
        <v>185.2</v>
      </c>
      <c r="D3068" s="2">
        <v>0</v>
      </c>
      <c r="E3068" s="2">
        <v>146.40000000000023</v>
      </c>
    </row>
    <row r="3069" spans="1:5" x14ac:dyDescent="0.25">
      <c r="A3069" s="3">
        <v>41774.442418981482</v>
      </c>
      <c r="B3069" s="2">
        <v>11</v>
      </c>
      <c r="C3069" s="2">
        <v>185.4</v>
      </c>
      <c r="D3069" s="2">
        <v>0</v>
      </c>
      <c r="E3069" s="2">
        <v>146.40000000000023</v>
      </c>
    </row>
    <row r="3070" spans="1:5" x14ac:dyDescent="0.25">
      <c r="A3070" s="3">
        <v>41774.442650462966</v>
      </c>
      <c r="B3070" s="2">
        <v>11</v>
      </c>
      <c r="C3070" s="2">
        <v>185.2</v>
      </c>
      <c r="D3070" s="2">
        <v>0</v>
      </c>
      <c r="E3070" s="2">
        <v>146.40000000000023</v>
      </c>
    </row>
    <row r="3071" spans="1:5" x14ac:dyDescent="0.25">
      <c r="A3071" s="3">
        <v>41774.493807870371</v>
      </c>
      <c r="B3071" s="2">
        <v>12.5</v>
      </c>
      <c r="C3071" s="2">
        <v>185</v>
      </c>
      <c r="D3071" s="2">
        <v>0</v>
      </c>
      <c r="E3071" s="2">
        <v>146.40000000000023</v>
      </c>
    </row>
    <row r="3072" spans="1:5" x14ac:dyDescent="0.25">
      <c r="A3072" s="3">
        <v>41774.493923611109</v>
      </c>
      <c r="B3072" s="2">
        <v>12.5</v>
      </c>
      <c r="C3072" s="2">
        <v>185.2</v>
      </c>
      <c r="D3072" s="2">
        <v>0</v>
      </c>
      <c r="E3072" s="2">
        <v>146.40000000000023</v>
      </c>
    </row>
    <row r="3073" spans="1:5" x14ac:dyDescent="0.25">
      <c r="A3073" s="3">
        <v>41774.493981481479</v>
      </c>
      <c r="B3073" s="2">
        <v>12.5</v>
      </c>
      <c r="C3073" s="2">
        <v>185</v>
      </c>
      <c r="D3073" s="2">
        <v>0</v>
      </c>
      <c r="E3073" s="2">
        <v>146.40000000000023</v>
      </c>
    </row>
    <row r="3074" spans="1:5" x14ac:dyDescent="0.25">
      <c r="A3074" s="3">
        <v>41774.494328703702</v>
      </c>
      <c r="B3074" s="2">
        <v>12.5</v>
      </c>
      <c r="C3074" s="2">
        <v>185.2</v>
      </c>
      <c r="D3074" s="2">
        <v>0</v>
      </c>
      <c r="E3074" s="2">
        <v>146.40000000000023</v>
      </c>
    </row>
    <row r="3075" spans="1:5" x14ac:dyDescent="0.25">
      <c r="A3075" s="3">
        <v>41774.494560185187</v>
      </c>
      <c r="B3075" s="2">
        <v>12.5</v>
      </c>
      <c r="C3075" s="2">
        <v>185</v>
      </c>
      <c r="D3075" s="2">
        <v>0</v>
      </c>
      <c r="E3075" s="2">
        <v>146.40000000000023</v>
      </c>
    </row>
    <row r="3076" spans="1:5" x14ac:dyDescent="0.25">
      <c r="A3076" s="3">
        <v>41774.494618055556</v>
      </c>
      <c r="B3076" s="2">
        <v>12.5</v>
      </c>
      <c r="C3076" s="2">
        <v>185.2</v>
      </c>
      <c r="D3076" s="2">
        <v>0</v>
      </c>
      <c r="E3076" s="2">
        <v>146.40000000000023</v>
      </c>
    </row>
    <row r="3077" spans="1:5" x14ac:dyDescent="0.25">
      <c r="A3077" s="3">
        <v>41774.495196759257</v>
      </c>
      <c r="B3077" s="2">
        <v>12.5</v>
      </c>
      <c r="C3077" s="2">
        <v>185</v>
      </c>
      <c r="D3077" s="2">
        <v>0</v>
      </c>
      <c r="E3077" s="2">
        <v>146.40000000000023</v>
      </c>
    </row>
    <row r="3078" spans="1:5" x14ac:dyDescent="0.25">
      <c r="A3078" s="3">
        <v>41774.495949074073</v>
      </c>
      <c r="B3078" s="2">
        <v>12.6</v>
      </c>
      <c r="C3078" s="2">
        <v>185.2</v>
      </c>
      <c r="D3078" s="2">
        <v>0</v>
      </c>
      <c r="E3078" s="2">
        <v>146.40000000000023</v>
      </c>
    </row>
    <row r="3079" spans="1:5" x14ac:dyDescent="0.25">
      <c r="A3079" s="3">
        <v>41774.496006944442</v>
      </c>
      <c r="B3079" s="2">
        <v>12.6</v>
      </c>
      <c r="C3079" s="2">
        <v>185</v>
      </c>
      <c r="D3079" s="2">
        <v>0</v>
      </c>
      <c r="E3079" s="2">
        <v>146.40000000000023</v>
      </c>
    </row>
    <row r="3080" spans="1:5" x14ac:dyDescent="0.25">
      <c r="A3080" s="3">
        <v>41774.496064814812</v>
      </c>
      <c r="B3080" s="2">
        <v>12.6</v>
      </c>
      <c r="C3080" s="2">
        <v>185.2</v>
      </c>
      <c r="D3080" s="2">
        <v>0</v>
      </c>
      <c r="E3080" s="2">
        <v>146.40000000000023</v>
      </c>
    </row>
    <row r="3081" spans="1:5" x14ac:dyDescent="0.25">
      <c r="A3081" s="3">
        <v>41774.496238425927</v>
      </c>
      <c r="B3081" s="2">
        <v>12.6</v>
      </c>
      <c r="C3081" s="2">
        <v>185</v>
      </c>
      <c r="D3081" s="2">
        <v>0</v>
      </c>
      <c r="E3081" s="2">
        <v>146.40000000000023</v>
      </c>
    </row>
    <row r="3082" spans="1:5" x14ac:dyDescent="0.25">
      <c r="A3082" s="3">
        <v>41774.496412037035</v>
      </c>
      <c r="B3082" s="2">
        <v>12.6</v>
      </c>
      <c r="C3082" s="2">
        <v>185.2</v>
      </c>
      <c r="D3082" s="2">
        <v>0</v>
      </c>
      <c r="E3082" s="2">
        <v>146.40000000000023</v>
      </c>
    </row>
    <row r="3083" spans="1:5" x14ac:dyDescent="0.25">
      <c r="A3083" s="3">
        <v>41774.496527777781</v>
      </c>
      <c r="B3083" s="2">
        <v>12.5</v>
      </c>
      <c r="C3083" s="2">
        <v>185</v>
      </c>
      <c r="D3083" s="2">
        <v>0</v>
      </c>
      <c r="E3083" s="2">
        <v>146.40000000000023</v>
      </c>
    </row>
    <row r="3084" spans="1:5" x14ac:dyDescent="0.25">
      <c r="A3084" s="3">
        <v>41774.496701388889</v>
      </c>
      <c r="B3084" s="2">
        <v>12.5</v>
      </c>
      <c r="C3084" s="2">
        <v>185.2</v>
      </c>
      <c r="D3084" s="2">
        <v>0</v>
      </c>
      <c r="E3084" s="2">
        <v>146.40000000000023</v>
      </c>
    </row>
    <row r="3085" spans="1:5" x14ac:dyDescent="0.25">
      <c r="A3085" s="3">
        <v>41774.496874999997</v>
      </c>
      <c r="B3085" s="2">
        <v>12.5</v>
      </c>
      <c r="C3085" s="2">
        <v>185</v>
      </c>
      <c r="D3085" s="2">
        <v>0</v>
      </c>
      <c r="E3085" s="2">
        <v>146.40000000000023</v>
      </c>
    </row>
    <row r="3086" spans="1:5" x14ac:dyDescent="0.25">
      <c r="A3086" s="3">
        <v>41774.497511574074</v>
      </c>
      <c r="B3086" s="2">
        <v>12.6</v>
      </c>
      <c r="C3086" s="2">
        <v>185.2</v>
      </c>
      <c r="D3086" s="2">
        <v>0</v>
      </c>
      <c r="E3086" s="2">
        <v>146.40000000000023</v>
      </c>
    </row>
    <row r="3087" spans="1:5" x14ac:dyDescent="0.25">
      <c r="A3087" s="3">
        <v>41774.497569444444</v>
      </c>
      <c r="B3087" s="2">
        <v>12.6</v>
      </c>
      <c r="C3087" s="2">
        <v>185</v>
      </c>
      <c r="D3087" s="2">
        <v>0</v>
      </c>
      <c r="E3087" s="2">
        <v>146.40000000000023</v>
      </c>
    </row>
    <row r="3088" spans="1:5" x14ac:dyDescent="0.25">
      <c r="A3088" s="3">
        <v>41774.497685185182</v>
      </c>
      <c r="B3088" s="2">
        <v>12.6</v>
      </c>
      <c r="C3088" s="2">
        <v>185.2</v>
      </c>
      <c r="D3088" s="2">
        <v>0</v>
      </c>
      <c r="E3088" s="2">
        <v>146.40000000000023</v>
      </c>
    </row>
    <row r="3089" spans="1:5" x14ac:dyDescent="0.25">
      <c r="A3089" s="3">
        <v>41774.497800925928</v>
      </c>
      <c r="B3089" s="2">
        <v>12.6</v>
      </c>
      <c r="C3089" s="2">
        <v>185</v>
      </c>
      <c r="D3089" s="2">
        <v>0</v>
      </c>
      <c r="E3089" s="2">
        <v>146.40000000000023</v>
      </c>
    </row>
    <row r="3090" spans="1:5" x14ac:dyDescent="0.25">
      <c r="A3090" s="3">
        <v>41774.498784722222</v>
      </c>
      <c r="B3090" s="2">
        <v>12.6</v>
      </c>
      <c r="C3090" s="2">
        <v>185.2</v>
      </c>
      <c r="D3090" s="2">
        <v>0</v>
      </c>
      <c r="E3090" s="2">
        <v>146.40000000000023</v>
      </c>
    </row>
    <row r="3091" spans="1:5" x14ac:dyDescent="0.25">
      <c r="A3091" s="3">
        <v>41774.499189814815</v>
      </c>
      <c r="B3091" s="2">
        <v>12.7</v>
      </c>
      <c r="C3091" s="2">
        <v>185</v>
      </c>
      <c r="D3091" s="2">
        <v>0</v>
      </c>
      <c r="E3091" s="2">
        <v>146.40000000000023</v>
      </c>
    </row>
    <row r="3092" spans="1:5" x14ac:dyDescent="0.25">
      <c r="A3092" s="3">
        <v>41774.514351851853</v>
      </c>
      <c r="B3092" s="2">
        <v>13.5</v>
      </c>
      <c r="C3092" s="2">
        <v>185.2</v>
      </c>
      <c r="D3092" s="2">
        <v>0</v>
      </c>
      <c r="E3092" s="2">
        <v>146.40000000000023</v>
      </c>
    </row>
    <row r="3093" spans="1:5" x14ac:dyDescent="0.25">
      <c r="A3093" s="3">
        <v>41774.514409722222</v>
      </c>
      <c r="B3093" s="2">
        <v>13.4</v>
      </c>
      <c r="C3093" s="2">
        <v>185</v>
      </c>
      <c r="D3093" s="2">
        <v>0</v>
      </c>
      <c r="E3093" s="2">
        <v>146.40000000000023</v>
      </c>
    </row>
    <row r="3094" spans="1:5" x14ac:dyDescent="0.25">
      <c r="A3094" s="3">
        <v>41774.529629629629</v>
      </c>
      <c r="B3094" s="2">
        <v>14.3</v>
      </c>
      <c r="C3094" s="2">
        <v>184.8</v>
      </c>
      <c r="D3094" s="2">
        <v>0</v>
      </c>
      <c r="E3094" s="2">
        <v>146.40000000000023</v>
      </c>
    </row>
    <row r="3095" spans="1:5" x14ac:dyDescent="0.25">
      <c r="A3095" s="3">
        <v>41774.529687499999</v>
      </c>
      <c r="B3095" s="2">
        <v>14.3</v>
      </c>
      <c r="C3095" s="2">
        <v>185</v>
      </c>
      <c r="D3095" s="2">
        <v>0</v>
      </c>
      <c r="E3095" s="2">
        <v>146.40000000000023</v>
      </c>
    </row>
    <row r="3096" spans="1:5" x14ac:dyDescent="0.25">
      <c r="A3096" s="3">
        <v>41774.548726851855</v>
      </c>
      <c r="B3096" s="2">
        <v>15.4</v>
      </c>
      <c r="C3096" s="2">
        <v>184.8</v>
      </c>
      <c r="D3096" s="2">
        <v>0</v>
      </c>
      <c r="E3096" s="2">
        <v>146.40000000000023</v>
      </c>
    </row>
    <row r="3097" spans="1:5" x14ac:dyDescent="0.25">
      <c r="A3097" s="3">
        <v>41774.548784722225</v>
      </c>
      <c r="B3097" s="2">
        <v>15.4</v>
      </c>
      <c r="C3097" s="2">
        <v>185</v>
      </c>
      <c r="D3097" s="2">
        <v>0</v>
      </c>
      <c r="E3097" s="2">
        <v>146.40000000000023</v>
      </c>
    </row>
    <row r="3098" spans="1:5" x14ac:dyDescent="0.25">
      <c r="A3098" s="3">
        <v>41774.549189814818</v>
      </c>
      <c r="B3098" s="2">
        <v>15.5</v>
      </c>
      <c r="C3098" s="2">
        <v>184.8</v>
      </c>
      <c r="D3098" s="2">
        <v>0</v>
      </c>
      <c r="E3098" s="2">
        <v>146.40000000000023</v>
      </c>
    </row>
    <row r="3099" spans="1:5" x14ac:dyDescent="0.25">
      <c r="A3099" s="3">
        <v>41774.552314814813</v>
      </c>
      <c r="B3099" s="2">
        <v>15.7</v>
      </c>
      <c r="C3099" s="2">
        <v>185</v>
      </c>
      <c r="D3099" s="2">
        <v>0</v>
      </c>
      <c r="E3099" s="2">
        <v>146.40000000000023</v>
      </c>
    </row>
    <row r="3100" spans="1:5" x14ac:dyDescent="0.25">
      <c r="A3100" s="3">
        <v>41774.552488425928</v>
      </c>
      <c r="B3100" s="2">
        <v>15.7</v>
      </c>
      <c r="C3100" s="2">
        <v>184.8</v>
      </c>
      <c r="D3100" s="2">
        <v>0</v>
      </c>
      <c r="E3100" s="2">
        <v>146.40000000000023</v>
      </c>
    </row>
    <row r="3101" spans="1:5" x14ac:dyDescent="0.25">
      <c r="A3101" s="3">
        <v>41774.552604166667</v>
      </c>
      <c r="B3101" s="2">
        <v>15.6</v>
      </c>
      <c r="C3101" s="2">
        <v>185</v>
      </c>
      <c r="D3101" s="2">
        <v>0</v>
      </c>
      <c r="E3101" s="2">
        <v>146.40000000000023</v>
      </c>
    </row>
    <row r="3102" spans="1:5" x14ac:dyDescent="0.25">
      <c r="A3102" s="3">
        <v>41774.552777777775</v>
      </c>
      <c r="B3102" s="2">
        <v>15.6</v>
      </c>
      <c r="C3102" s="2">
        <v>184.8</v>
      </c>
      <c r="D3102" s="2">
        <v>0</v>
      </c>
      <c r="E3102" s="2">
        <v>146.40000000000023</v>
      </c>
    </row>
    <row r="3103" spans="1:5" x14ac:dyDescent="0.25">
      <c r="A3103" s="3">
        <v>41774.553240740737</v>
      </c>
      <c r="B3103" s="2">
        <v>15.7</v>
      </c>
      <c r="C3103" s="2">
        <v>185</v>
      </c>
      <c r="D3103" s="2">
        <v>0</v>
      </c>
      <c r="E3103" s="2">
        <v>146.40000000000023</v>
      </c>
    </row>
    <row r="3104" spans="1:5" x14ac:dyDescent="0.25">
      <c r="A3104" s="3">
        <v>41774.554166666669</v>
      </c>
      <c r="B3104" s="2">
        <v>15.8</v>
      </c>
      <c r="C3104" s="2">
        <v>184.8</v>
      </c>
      <c r="D3104" s="2">
        <v>0</v>
      </c>
      <c r="E3104" s="2">
        <v>146.40000000000023</v>
      </c>
    </row>
    <row r="3105" spans="1:5" x14ac:dyDescent="0.25">
      <c r="A3105" s="3">
        <v>41774.555150462962</v>
      </c>
      <c r="B3105" s="2">
        <v>15.9</v>
      </c>
      <c r="C3105" s="2">
        <v>185</v>
      </c>
      <c r="D3105" s="2">
        <v>0</v>
      </c>
      <c r="E3105" s="2">
        <v>146.40000000000023</v>
      </c>
    </row>
    <row r="3106" spans="1:5" x14ac:dyDescent="0.25">
      <c r="A3106" s="3">
        <v>41774.555324074077</v>
      </c>
      <c r="B3106" s="2">
        <v>15.9</v>
      </c>
      <c r="C3106" s="2">
        <v>184.8</v>
      </c>
      <c r="D3106" s="2">
        <v>0</v>
      </c>
      <c r="E3106" s="2">
        <v>146.40000000000023</v>
      </c>
    </row>
    <row r="3107" spans="1:5" x14ac:dyDescent="0.25">
      <c r="A3107" s="3">
        <v>41774.558564814812</v>
      </c>
      <c r="B3107" s="2">
        <v>16</v>
      </c>
      <c r="C3107" s="2">
        <v>185</v>
      </c>
      <c r="D3107" s="2">
        <v>0</v>
      </c>
      <c r="E3107" s="2">
        <v>146.40000000000023</v>
      </c>
    </row>
    <row r="3108" spans="1:5" x14ac:dyDescent="0.25">
      <c r="A3108" s="3">
        <v>41774.558854166666</v>
      </c>
      <c r="B3108" s="2">
        <v>16</v>
      </c>
      <c r="C3108" s="2">
        <v>184.8</v>
      </c>
      <c r="D3108" s="2">
        <v>0</v>
      </c>
      <c r="E3108" s="2">
        <v>146.40000000000023</v>
      </c>
    </row>
    <row r="3109" spans="1:5" x14ac:dyDescent="0.25">
      <c r="A3109" s="3">
        <v>41774.560358796298</v>
      </c>
      <c r="B3109" s="2">
        <v>16</v>
      </c>
      <c r="C3109" s="2">
        <v>185</v>
      </c>
      <c r="D3109" s="2">
        <v>0</v>
      </c>
      <c r="E3109" s="2">
        <v>146.40000000000023</v>
      </c>
    </row>
    <row r="3110" spans="1:5" x14ac:dyDescent="0.25">
      <c r="A3110" s="3">
        <v>41774.560474537036</v>
      </c>
      <c r="B3110" s="2">
        <v>16</v>
      </c>
      <c r="C3110" s="2">
        <v>184.8</v>
      </c>
      <c r="D3110" s="2">
        <v>0</v>
      </c>
      <c r="E3110" s="2">
        <v>146.40000000000023</v>
      </c>
    </row>
    <row r="3111" spans="1:5" x14ac:dyDescent="0.25">
      <c r="A3111" s="3">
        <v>41774.560532407406</v>
      </c>
      <c r="B3111" s="2">
        <v>16</v>
      </c>
      <c r="C3111" s="2">
        <v>185</v>
      </c>
      <c r="D3111" s="2">
        <v>0</v>
      </c>
      <c r="E3111" s="2">
        <v>146.40000000000023</v>
      </c>
    </row>
    <row r="3112" spans="1:5" x14ac:dyDescent="0.25">
      <c r="A3112" s="3">
        <v>41774.560648148145</v>
      </c>
      <c r="B3112" s="2">
        <v>16.100000000000001</v>
      </c>
      <c r="C3112" s="2">
        <v>184.8</v>
      </c>
      <c r="D3112" s="2">
        <v>0</v>
      </c>
      <c r="E3112" s="2">
        <v>146.40000000000023</v>
      </c>
    </row>
    <row r="3113" spans="1:5" x14ac:dyDescent="0.25">
      <c r="A3113" s="3">
        <v>41774.565567129626</v>
      </c>
      <c r="B3113" s="2">
        <v>16.3</v>
      </c>
      <c r="C3113" s="2">
        <v>185</v>
      </c>
      <c r="D3113" s="2">
        <v>0</v>
      </c>
      <c r="E3113" s="2">
        <v>146.40000000000023</v>
      </c>
    </row>
    <row r="3114" spans="1:5" x14ac:dyDescent="0.25">
      <c r="A3114" s="3">
        <v>41774.56585648148</v>
      </c>
      <c r="B3114" s="2">
        <v>16.3</v>
      </c>
      <c r="C3114" s="2">
        <v>184.8</v>
      </c>
      <c r="D3114" s="2">
        <v>0</v>
      </c>
      <c r="E3114" s="2">
        <v>146.40000000000023</v>
      </c>
    </row>
    <row r="3115" spans="1:5" x14ac:dyDescent="0.25">
      <c r="A3115" s="3">
        <v>41774.567187499997</v>
      </c>
      <c r="B3115" s="2">
        <v>16.3</v>
      </c>
      <c r="C3115" s="2">
        <v>185</v>
      </c>
      <c r="D3115" s="2">
        <v>0</v>
      </c>
      <c r="E3115" s="2">
        <v>146.40000000000023</v>
      </c>
    </row>
    <row r="3116" spans="1:5" x14ac:dyDescent="0.25">
      <c r="A3116" s="3">
        <v>41774.567303240743</v>
      </c>
      <c r="B3116" s="2">
        <v>16.3</v>
      </c>
      <c r="C3116" s="2">
        <v>184.8</v>
      </c>
      <c r="D3116" s="2">
        <v>0</v>
      </c>
      <c r="E3116" s="2">
        <v>146.40000000000023</v>
      </c>
    </row>
    <row r="3117" spans="1:5" x14ac:dyDescent="0.25">
      <c r="A3117" s="3">
        <v>41774.567766203705</v>
      </c>
      <c r="B3117" s="2">
        <v>16.3</v>
      </c>
      <c r="C3117" s="2">
        <v>185</v>
      </c>
      <c r="D3117" s="2">
        <v>0</v>
      </c>
      <c r="E3117" s="2">
        <v>146.40000000000023</v>
      </c>
    </row>
    <row r="3118" spans="1:5" x14ac:dyDescent="0.25">
      <c r="A3118" s="3">
        <v>41774.568287037036</v>
      </c>
      <c r="B3118" s="2">
        <v>16.3</v>
      </c>
      <c r="C3118" s="2">
        <v>184.8</v>
      </c>
      <c r="D3118" s="2">
        <v>0</v>
      </c>
      <c r="E3118" s="2">
        <v>146.40000000000023</v>
      </c>
    </row>
    <row r="3119" spans="1:5" x14ac:dyDescent="0.25">
      <c r="A3119" s="3">
        <v>41774.568807870368</v>
      </c>
      <c r="B3119" s="2">
        <v>16.399999999999999</v>
      </c>
      <c r="C3119" s="2">
        <v>185</v>
      </c>
      <c r="D3119" s="2">
        <v>0</v>
      </c>
      <c r="E3119" s="2">
        <v>146.40000000000023</v>
      </c>
    </row>
    <row r="3120" spans="1:5" x14ac:dyDescent="0.25">
      <c r="A3120" s="3">
        <v>41774.568923611114</v>
      </c>
      <c r="B3120" s="2">
        <v>16.399999999999999</v>
      </c>
      <c r="C3120" s="2">
        <v>184.8</v>
      </c>
      <c r="D3120" s="2">
        <v>0</v>
      </c>
      <c r="E3120" s="2">
        <v>146.40000000000023</v>
      </c>
    </row>
    <row r="3121" spans="1:5" x14ac:dyDescent="0.25">
      <c r="A3121" s="3">
        <v>41774.571064814816</v>
      </c>
      <c r="B3121" s="2">
        <v>16.3</v>
      </c>
      <c r="C3121" s="2">
        <v>185</v>
      </c>
      <c r="D3121" s="2">
        <v>0</v>
      </c>
      <c r="E3121" s="2">
        <v>146.40000000000023</v>
      </c>
    </row>
    <row r="3122" spans="1:5" x14ac:dyDescent="0.25">
      <c r="A3122" s="3">
        <v>41774.571527777778</v>
      </c>
      <c r="B3122" s="2">
        <v>16.3</v>
      </c>
      <c r="C3122" s="2">
        <v>184.8</v>
      </c>
      <c r="D3122" s="2">
        <v>0</v>
      </c>
      <c r="E3122" s="2">
        <v>146.40000000000023</v>
      </c>
    </row>
    <row r="3123" spans="1:5" x14ac:dyDescent="0.25">
      <c r="A3123" s="3">
        <v>41774.571759259263</v>
      </c>
      <c r="B3123" s="2">
        <v>16.399999999999999</v>
      </c>
      <c r="C3123" s="2">
        <v>185</v>
      </c>
      <c r="D3123" s="2">
        <v>0</v>
      </c>
      <c r="E3123" s="2">
        <v>146.40000000000023</v>
      </c>
    </row>
    <row r="3124" spans="1:5" x14ac:dyDescent="0.25">
      <c r="A3124" s="3">
        <v>41774.572337962964</v>
      </c>
      <c r="B3124" s="2">
        <v>16.399999999999999</v>
      </c>
      <c r="C3124" s="2">
        <v>184.8</v>
      </c>
      <c r="D3124" s="2">
        <v>0</v>
      </c>
      <c r="E3124" s="2">
        <v>146.40000000000023</v>
      </c>
    </row>
    <row r="3125" spans="1:5" x14ac:dyDescent="0.25">
      <c r="A3125" s="3">
        <v>41774.572569444441</v>
      </c>
      <c r="B3125" s="2">
        <v>16.399999999999999</v>
      </c>
      <c r="C3125" s="2">
        <v>185</v>
      </c>
      <c r="D3125" s="2">
        <v>0</v>
      </c>
      <c r="E3125" s="2">
        <v>146.40000000000023</v>
      </c>
    </row>
    <row r="3126" spans="1:5" x14ac:dyDescent="0.25">
      <c r="A3126" s="3">
        <v>41774.572685185187</v>
      </c>
      <c r="B3126" s="2">
        <v>16.399999999999999</v>
      </c>
      <c r="C3126" s="2">
        <v>184.8</v>
      </c>
      <c r="D3126" s="2">
        <v>0</v>
      </c>
      <c r="E3126" s="2">
        <v>146.40000000000023</v>
      </c>
    </row>
    <row r="3127" spans="1:5" x14ac:dyDescent="0.25">
      <c r="A3127" s="3">
        <v>41774.572743055556</v>
      </c>
      <c r="B3127" s="2">
        <v>16.399999999999999</v>
      </c>
      <c r="C3127" s="2">
        <v>185</v>
      </c>
      <c r="D3127" s="2">
        <v>0</v>
      </c>
      <c r="E3127" s="2">
        <v>146.40000000000023</v>
      </c>
    </row>
    <row r="3128" spans="1:5" x14ac:dyDescent="0.25">
      <c r="A3128" s="3">
        <v>41774.572800925926</v>
      </c>
      <c r="B3128" s="2">
        <v>16.399999999999999</v>
      </c>
      <c r="C3128" s="2">
        <v>184.8</v>
      </c>
      <c r="D3128" s="2">
        <v>0</v>
      </c>
      <c r="E3128" s="2">
        <v>146.40000000000023</v>
      </c>
    </row>
    <row r="3129" spans="1:5" x14ac:dyDescent="0.25">
      <c r="A3129" s="3">
        <v>41774.572974537034</v>
      </c>
      <c r="B3129" s="2">
        <v>16.399999999999999</v>
      </c>
      <c r="C3129" s="2">
        <v>185</v>
      </c>
      <c r="D3129" s="2">
        <v>0</v>
      </c>
      <c r="E3129" s="2">
        <v>146.40000000000023</v>
      </c>
    </row>
    <row r="3130" spans="1:5" x14ac:dyDescent="0.25">
      <c r="A3130" s="3">
        <v>41774.573611111111</v>
      </c>
      <c r="B3130" s="2">
        <v>16.399999999999999</v>
      </c>
      <c r="C3130" s="2">
        <v>184.8</v>
      </c>
      <c r="D3130" s="2">
        <v>0</v>
      </c>
      <c r="E3130" s="2">
        <v>146.40000000000023</v>
      </c>
    </row>
    <row r="3131" spans="1:5" x14ac:dyDescent="0.25">
      <c r="A3131" s="3">
        <v>41774.575520833336</v>
      </c>
      <c r="B3131" s="2">
        <v>16.399999999999999</v>
      </c>
      <c r="C3131" s="2">
        <v>185</v>
      </c>
      <c r="D3131" s="2">
        <v>0</v>
      </c>
      <c r="E3131" s="2">
        <v>146.40000000000023</v>
      </c>
    </row>
    <row r="3132" spans="1:5" x14ac:dyDescent="0.25">
      <c r="A3132" s="3">
        <v>41774.575694444444</v>
      </c>
      <c r="B3132" s="2">
        <v>16.399999999999999</v>
      </c>
      <c r="C3132" s="2">
        <v>184.8</v>
      </c>
      <c r="D3132" s="2">
        <v>0</v>
      </c>
      <c r="E3132" s="2">
        <v>146.40000000000023</v>
      </c>
    </row>
    <row r="3133" spans="1:5" x14ac:dyDescent="0.25">
      <c r="A3133" s="3">
        <v>41774.579108796293</v>
      </c>
      <c r="B3133" s="2">
        <v>16.399999999999999</v>
      </c>
      <c r="C3133" s="2">
        <v>185</v>
      </c>
      <c r="D3133" s="2">
        <v>0</v>
      </c>
      <c r="E3133" s="2">
        <v>146.40000000000023</v>
      </c>
    </row>
    <row r="3134" spans="1:5" x14ac:dyDescent="0.25">
      <c r="A3134" s="3">
        <v>41774.579398148147</v>
      </c>
      <c r="B3134" s="2">
        <v>16.399999999999999</v>
      </c>
      <c r="C3134" s="2">
        <v>184.8</v>
      </c>
      <c r="D3134" s="2">
        <v>0</v>
      </c>
      <c r="E3134" s="2">
        <v>146.40000000000023</v>
      </c>
    </row>
    <row r="3135" spans="1:5" x14ac:dyDescent="0.25">
      <c r="A3135" s="3">
        <v>41774.608217592591</v>
      </c>
      <c r="B3135" s="2">
        <v>16.600000000000001</v>
      </c>
      <c r="C3135" s="2">
        <v>184.6</v>
      </c>
      <c r="D3135" s="2">
        <v>0</v>
      </c>
      <c r="E3135" s="2">
        <v>146.40000000000023</v>
      </c>
    </row>
    <row r="3136" spans="1:5" x14ac:dyDescent="0.25">
      <c r="A3136" s="3">
        <v>41774.610069444447</v>
      </c>
      <c r="B3136" s="2">
        <v>16.7</v>
      </c>
      <c r="C3136" s="2">
        <v>184.8</v>
      </c>
      <c r="D3136" s="2">
        <v>0</v>
      </c>
      <c r="E3136" s="2">
        <v>146.40000000000023</v>
      </c>
    </row>
    <row r="3137" spans="1:5" x14ac:dyDescent="0.25">
      <c r="A3137" s="3">
        <v>41774.610243055555</v>
      </c>
      <c r="B3137" s="2">
        <v>16.7</v>
      </c>
      <c r="C3137" s="2">
        <v>184.6</v>
      </c>
      <c r="D3137" s="2">
        <v>0</v>
      </c>
      <c r="E3137" s="2">
        <v>146.40000000000023</v>
      </c>
    </row>
    <row r="3138" spans="1:5" x14ac:dyDescent="0.25">
      <c r="A3138" s="3">
        <v>41774.628182870372</v>
      </c>
      <c r="B3138" s="2">
        <v>16.7</v>
      </c>
      <c r="C3138" s="2">
        <v>184.4</v>
      </c>
      <c r="D3138" s="2">
        <v>0</v>
      </c>
      <c r="E3138" s="2">
        <v>146.40000000000023</v>
      </c>
    </row>
    <row r="3139" spans="1:5" x14ac:dyDescent="0.25">
      <c r="A3139" s="3">
        <v>41774.628298611111</v>
      </c>
      <c r="B3139" s="2">
        <v>16.8</v>
      </c>
      <c r="C3139" s="2">
        <v>184.6</v>
      </c>
      <c r="D3139" s="2">
        <v>0</v>
      </c>
      <c r="E3139" s="2">
        <v>146.40000000000023</v>
      </c>
    </row>
    <row r="3140" spans="1:5" x14ac:dyDescent="0.25">
      <c r="A3140" s="3">
        <v>41774.636342592596</v>
      </c>
      <c r="B3140" s="2">
        <v>16.7</v>
      </c>
      <c r="C3140" s="2">
        <v>184.4</v>
      </c>
      <c r="D3140" s="2">
        <v>0</v>
      </c>
      <c r="E3140" s="2">
        <v>146.40000000000023</v>
      </c>
    </row>
    <row r="3141" spans="1:5" x14ac:dyDescent="0.25">
      <c r="A3141" s="3">
        <v>41774.636400462965</v>
      </c>
      <c r="B3141" s="2">
        <v>16.7</v>
      </c>
      <c r="C3141" s="2">
        <v>184.6</v>
      </c>
      <c r="D3141" s="2">
        <v>0</v>
      </c>
      <c r="E3141" s="2">
        <v>146.40000000000023</v>
      </c>
    </row>
    <row r="3142" spans="1:5" x14ac:dyDescent="0.25">
      <c r="A3142" s="3">
        <v>41774.640335648146</v>
      </c>
      <c r="B3142" s="2">
        <v>16.8</v>
      </c>
      <c r="C3142" s="2">
        <v>184.4</v>
      </c>
      <c r="D3142" s="2">
        <v>0</v>
      </c>
      <c r="E3142" s="2">
        <v>146.40000000000023</v>
      </c>
    </row>
    <row r="3143" spans="1:5" x14ac:dyDescent="0.25">
      <c r="A3143" s="3">
        <v>41774.640740740739</v>
      </c>
      <c r="B3143" s="2">
        <v>16.8</v>
      </c>
      <c r="C3143" s="2">
        <v>184.6</v>
      </c>
      <c r="D3143" s="2">
        <v>0</v>
      </c>
      <c r="E3143" s="2">
        <v>146.40000000000023</v>
      </c>
    </row>
    <row r="3144" spans="1:5" x14ac:dyDescent="0.25">
      <c r="A3144" s="3">
        <v>41774.640914351854</v>
      </c>
      <c r="B3144" s="2">
        <v>16.8</v>
      </c>
      <c r="C3144" s="2">
        <v>184.4</v>
      </c>
      <c r="D3144" s="2">
        <v>0</v>
      </c>
      <c r="E3144" s="2">
        <v>146.40000000000023</v>
      </c>
    </row>
    <row r="3145" spans="1:5" x14ac:dyDescent="0.25">
      <c r="A3145" s="3">
        <v>41774.641087962962</v>
      </c>
      <c r="B3145" s="2">
        <v>16.8</v>
      </c>
      <c r="C3145" s="2">
        <v>184.6</v>
      </c>
      <c r="D3145" s="2">
        <v>0</v>
      </c>
      <c r="E3145" s="2">
        <v>146.40000000000023</v>
      </c>
    </row>
    <row r="3146" spans="1:5" x14ac:dyDescent="0.25">
      <c r="A3146" s="3">
        <v>41774.641145833331</v>
      </c>
      <c r="B3146" s="2">
        <v>16.8</v>
      </c>
      <c r="C3146" s="2">
        <v>184.4</v>
      </c>
      <c r="D3146" s="2">
        <v>0</v>
      </c>
      <c r="E3146" s="2">
        <v>146.40000000000023</v>
      </c>
    </row>
    <row r="3147" spans="1:5" x14ac:dyDescent="0.25">
      <c r="A3147" s="3">
        <v>41774.641550925924</v>
      </c>
      <c r="B3147" s="2">
        <v>16.8</v>
      </c>
      <c r="C3147" s="2">
        <v>184.6</v>
      </c>
      <c r="D3147" s="2">
        <v>0</v>
      </c>
      <c r="E3147" s="2">
        <v>146.40000000000023</v>
      </c>
    </row>
    <row r="3148" spans="1:5" x14ac:dyDescent="0.25">
      <c r="A3148" s="3">
        <v>41774.641608796293</v>
      </c>
      <c r="B3148" s="2">
        <v>16.8</v>
      </c>
      <c r="C3148" s="2">
        <v>184.4</v>
      </c>
      <c r="D3148" s="2">
        <v>0</v>
      </c>
      <c r="E3148" s="2">
        <v>146.40000000000023</v>
      </c>
    </row>
    <row r="3149" spans="1:5" x14ac:dyDescent="0.25">
      <c r="A3149" s="3">
        <v>41774.64166666667</v>
      </c>
      <c r="B3149" s="2">
        <v>16.8</v>
      </c>
      <c r="C3149" s="2">
        <v>184.6</v>
      </c>
      <c r="D3149" s="2">
        <v>0</v>
      </c>
      <c r="E3149" s="2">
        <v>146.40000000000023</v>
      </c>
    </row>
    <row r="3150" spans="1:5" x14ac:dyDescent="0.25">
      <c r="A3150" s="3">
        <v>41774.641898148147</v>
      </c>
      <c r="B3150" s="2">
        <v>16.8</v>
      </c>
      <c r="C3150" s="2">
        <v>184.4</v>
      </c>
      <c r="D3150" s="2">
        <v>0</v>
      </c>
      <c r="E3150" s="2">
        <v>146.40000000000023</v>
      </c>
    </row>
    <row r="3151" spans="1:5" x14ac:dyDescent="0.25">
      <c r="A3151" s="3">
        <v>41774.643113425926</v>
      </c>
      <c r="B3151" s="2">
        <v>16.8</v>
      </c>
      <c r="C3151" s="2">
        <v>184.6</v>
      </c>
      <c r="D3151" s="2">
        <v>0</v>
      </c>
      <c r="E3151" s="2">
        <v>146.40000000000023</v>
      </c>
    </row>
    <row r="3152" spans="1:5" x14ac:dyDescent="0.25">
      <c r="A3152" s="3">
        <v>41774.643171296295</v>
      </c>
      <c r="B3152" s="2">
        <v>16.8</v>
      </c>
      <c r="C3152" s="2">
        <v>184.4</v>
      </c>
      <c r="D3152" s="2">
        <v>0</v>
      </c>
      <c r="E3152" s="2">
        <v>146.40000000000023</v>
      </c>
    </row>
    <row r="3153" spans="1:5" x14ac:dyDescent="0.25">
      <c r="A3153" s="3">
        <v>41774.644155092596</v>
      </c>
      <c r="B3153" s="2">
        <v>16.8</v>
      </c>
      <c r="C3153" s="2">
        <v>184.6</v>
      </c>
      <c r="D3153" s="2">
        <v>0</v>
      </c>
      <c r="E3153" s="2">
        <v>146.40000000000023</v>
      </c>
    </row>
    <row r="3154" spans="1:5" x14ac:dyDescent="0.25">
      <c r="A3154" s="3">
        <v>41774.644444444442</v>
      </c>
      <c r="B3154" s="2">
        <v>16.8</v>
      </c>
      <c r="C3154" s="2">
        <v>184.4</v>
      </c>
      <c r="D3154" s="2">
        <v>0</v>
      </c>
      <c r="E3154" s="2">
        <v>146.40000000000023</v>
      </c>
    </row>
    <row r="3155" spans="1:5" x14ac:dyDescent="0.25">
      <c r="A3155" s="3">
        <v>41774.644733796296</v>
      </c>
      <c r="B3155" s="2">
        <v>16.8</v>
      </c>
      <c r="C3155" s="2">
        <v>184.6</v>
      </c>
      <c r="D3155" s="2">
        <v>0</v>
      </c>
      <c r="E3155" s="2">
        <v>146.40000000000023</v>
      </c>
    </row>
    <row r="3156" spans="1:5" x14ac:dyDescent="0.25">
      <c r="A3156" s="3">
        <v>41774.644849537035</v>
      </c>
      <c r="B3156" s="2">
        <v>16.8</v>
      </c>
      <c r="C3156" s="2">
        <v>184.4</v>
      </c>
      <c r="D3156" s="2">
        <v>0</v>
      </c>
      <c r="E3156" s="2">
        <v>146.40000000000023</v>
      </c>
    </row>
    <row r="3157" spans="1:5" x14ac:dyDescent="0.25">
      <c r="A3157" s="3">
        <v>41774.645486111112</v>
      </c>
      <c r="B3157" s="2">
        <v>16.8</v>
      </c>
      <c r="C3157" s="2">
        <v>184.6</v>
      </c>
      <c r="D3157" s="2">
        <v>0</v>
      </c>
      <c r="E3157" s="2">
        <v>146.40000000000023</v>
      </c>
    </row>
    <row r="3158" spans="1:5" x14ac:dyDescent="0.25">
      <c r="A3158" s="3">
        <v>41774.64571759259</v>
      </c>
      <c r="B3158" s="2">
        <v>16.8</v>
      </c>
      <c r="C3158" s="2">
        <v>184.4</v>
      </c>
      <c r="D3158" s="2">
        <v>0</v>
      </c>
      <c r="E3158" s="2">
        <v>146.40000000000023</v>
      </c>
    </row>
    <row r="3159" spans="1:5" x14ac:dyDescent="0.25">
      <c r="A3159" s="3">
        <v>41774.645891203705</v>
      </c>
      <c r="B3159" s="2">
        <v>16.8</v>
      </c>
      <c r="C3159" s="2">
        <v>184.6</v>
      </c>
      <c r="D3159" s="2">
        <v>0</v>
      </c>
      <c r="E3159" s="2">
        <v>146.40000000000023</v>
      </c>
    </row>
    <row r="3160" spans="1:5" x14ac:dyDescent="0.25">
      <c r="A3160" s="3">
        <v>41774.645949074074</v>
      </c>
      <c r="B3160" s="2">
        <v>16.8</v>
      </c>
      <c r="C3160" s="2">
        <v>184.4</v>
      </c>
      <c r="D3160" s="2">
        <v>0</v>
      </c>
      <c r="E3160" s="2">
        <v>146.40000000000023</v>
      </c>
    </row>
    <row r="3161" spans="1:5" x14ac:dyDescent="0.25">
      <c r="A3161" s="3">
        <v>41774.647048611114</v>
      </c>
      <c r="B3161" s="2">
        <v>16.8</v>
      </c>
      <c r="C3161" s="2">
        <v>184.6</v>
      </c>
      <c r="D3161" s="2">
        <v>0</v>
      </c>
      <c r="E3161" s="2">
        <v>146.40000000000023</v>
      </c>
    </row>
    <row r="3162" spans="1:5" x14ac:dyDescent="0.25">
      <c r="A3162" s="3">
        <v>41774.647280092591</v>
      </c>
      <c r="B3162" s="2">
        <v>16.8</v>
      </c>
      <c r="C3162" s="2">
        <v>184.4</v>
      </c>
      <c r="D3162" s="2">
        <v>0</v>
      </c>
      <c r="E3162" s="2">
        <v>146.40000000000023</v>
      </c>
    </row>
    <row r="3163" spans="1:5" x14ac:dyDescent="0.25">
      <c r="A3163" s="3">
        <v>41774.647337962961</v>
      </c>
      <c r="B3163" s="2">
        <v>16.8</v>
      </c>
      <c r="C3163" s="2">
        <v>184.6</v>
      </c>
      <c r="D3163" s="2">
        <v>0</v>
      </c>
      <c r="E3163" s="2">
        <v>146.40000000000023</v>
      </c>
    </row>
    <row r="3164" spans="1:5" x14ac:dyDescent="0.25">
      <c r="A3164" s="3">
        <v>41774.647800925923</v>
      </c>
      <c r="B3164" s="2">
        <v>16.8</v>
      </c>
      <c r="C3164" s="2">
        <v>184.4</v>
      </c>
      <c r="D3164" s="2">
        <v>0</v>
      </c>
      <c r="E3164" s="2">
        <v>146.40000000000023</v>
      </c>
    </row>
    <row r="3165" spans="1:5" x14ac:dyDescent="0.25">
      <c r="A3165" s="3">
        <v>41774.649594907409</v>
      </c>
      <c r="B3165" s="2">
        <v>16.8</v>
      </c>
      <c r="C3165" s="2">
        <v>184.6</v>
      </c>
      <c r="D3165" s="2">
        <v>0</v>
      </c>
      <c r="E3165" s="2">
        <v>146.40000000000023</v>
      </c>
    </row>
    <row r="3166" spans="1:5" x14ac:dyDescent="0.25">
      <c r="A3166" s="3">
        <v>41774.649826388886</v>
      </c>
      <c r="B3166" s="2">
        <v>16.8</v>
      </c>
      <c r="C3166" s="2">
        <v>184.4</v>
      </c>
      <c r="D3166" s="2">
        <v>0</v>
      </c>
      <c r="E3166" s="2">
        <v>146.40000000000023</v>
      </c>
    </row>
    <row r="3167" spans="1:5" x14ac:dyDescent="0.25">
      <c r="A3167" s="3">
        <v>41774.650520833333</v>
      </c>
      <c r="B3167" s="2">
        <v>16.8</v>
      </c>
      <c r="C3167" s="2">
        <v>184.6</v>
      </c>
      <c r="D3167" s="2">
        <v>0</v>
      </c>
      <c r="E3167" s="2">
        <v>146.40000000000023</v>
      </c>
    </row>
    <row r="3168" spans="1:5" x14ac:dyDescent="0.25">
      <c r="A3168" s="3">
        <v>41774.650752314818</v>
      </c>
      <c r="B3168" s="2">
        <v>16.8</v>
      </c>
      <c r="C3168" s="2">
        <v>184.4</v>
      </c>
      <c r="D3168" s="2">
        <v>0</v>
      </c>
      <c r="E3168" s="2">
        <v>146.40000000000023</v>
      </c>
    </row>
    <row r="3169" spans="1:5" x14ac:dyDescent="0.25">
      <c r="A3169" s="3">
        <v>41774.675752314812</v>
      </c>
      <c r="B3169" s="2">
        <v>16.7</v>
      </c>
      <c r="C3169" s="2">
        <v>184.6</v>
      </c>
      <c r="D3169" s="2">
        <v>0</v>
      </c>
      <c r="E3169" s="2">
        <v>146.40000000000023</v>
      </c>
    </row>
    <row r="3170" spans="1:5" x14ac:dyDescent="0.25">
      <c r="A3170" s="3">
        <v>41774.675810185188</v>
      </c>
      <c r="B3170" s="2">
        <v>16.7</v>
      </c>
      <c r="C3170" s="2">
        <v>184.4</v>
      </c>
      <c r="D3170" s="2">
        <v>0</v>
      </c>
      <c r="E3170" s="2">
        <v>146.40000000000023</v>
      </c>
    </row>
    <row r="3171" spans="1:5" x14ac:dyDescent="0.25">
      <c r="A3171" s="3">
        <v>41774.682175925926</v>
      </c>
      <c r="B3171" s="2">
        <v>16.7</v>
      </c>
      <c r="C3171" s="2">
        <v>184.2</v>
      </c>
      <c r="D3171" s="2">
        <v>0</v>
      </c>
      <c r="E3171" s="2">
        <v>146.40000000000023</v>
      </c>
    </row>
    <row r="3172" spans="1:5" x14ac:dyDescent="0.25">
      <c r="A3172" s="3">
        <v>41774.682291666664</v>
      </c>
      <c r="B3172" s="2">
        <v>16.7</v>
      </c>
      <c r="C3172" s="2">
        <v>184.4</v>
      </c>
      <c r="D3172" s="2">
        <v>0</v>
      </c>
      <c r="E3172" s="2">
        <v>146.40000000000023</v>
      </c>
    </row>
    <row r="3173" spans="1:5" x14ac:dyDescent="0.25">
      <c r="A3173" s="3">
        <v>41774.691203703704</v>
      </c>
      <c r="B3173" s="2">
        <v>16.600000000000001</v>
      </c>
      <c r="C3173" s="2">
        <v>184.2</v>
      </c>
      <c r="D3173" s="2">
        <v>0</v>
      </c>
      <c r="E3173" s="2">
        <v>146.40000000000023</v>
      </c>
    </row>
    <row r="3174" spans="1:5" x14ac:dyDescent="0.25">
      <c r="A3174" s="3">
        <v>41774.691435185188</v>
      </c>
      <c r="B3174" s="2">
        <v>16.600000000000001</v>
      </c>
      <c r="C3174" s="2">
        <v>184.4</v>
      </c>
      <c r="D3174" s="2">
        <v>0</v>
      </c>
      <c r="E3174" s="2">
        <v>146.40000000000023</v>
      </c>
    </row>
    <row r="3175" spans="1:5" x14ac:dyDescent="0.25">
      <c r="A3175" s="3">
        <v>41774.692013888889</v>
      </c>
      <c r="B3175" s="2">
        <v>16.600000000000001</v>
      </c>
      <c r="C3175" s="2">
        <v>184.2</v>
      </c>
      <c r="D3175" s="2">
        <v>0</v>
      </c>
      <c r="E3175" s="2">
        <v>146.40000000000023</v>
      </c>
    </row>
    <row r="3176" spans="1:5" x14ac:dyDescent="0.25">
      <c r="A3176" s="3">
        <v>41774.692245370374</v>
      </c>
      <c r="B3176" s="2">
        <v>16.600000000000001</v>
      </c>
      <c r="C3176" s="2">
        <v>184.4</v>
      </c>
      <c r="D3176" s="2">
        <v>0</v>
      </c>
      <c r="E3176" s="2">
        <v>146.40000000000023</v>
      </c>
    </row>
    <row r="3177" spans="1:5" x14ac:dyDescent="0.25">
      <c r="A3177" s="3">
        <v>41774.693923611114</v>
      </c>
      <c r="B3177" s="2">
        <v>16.600000000000001</v>
      </c>
      <c r="C3177" s="2">
        <v>184.2</v>
      </c>
      <c r="D3177" s="2">
        <v>0</v>
      </c>
      <c r="E3177" s="2">
        <v>146.40000000000023</v>
      </c>
    </row>
    <row r="3178" spans="1:5" x14ac:dyDescent="0.25">
      <c r="A3178" s="3">
        <v>41774.696064814816</v>
      </c>
      <c r="B3178" s="2">
        <v>16.600000000000001</v>
      </c>
      <c r="C3178" s="2">
        <v>184.4</v>
      </c>
      <c r="D3178" s="2">
        <v>0</v>
      </c>
      <c r="E3178" s="2">
        <v>146.40000000000023</v>
      </c>
    </row>
    <row r="3179" spans="1:5" x14ac:dyDescent="0.25">
      <c r="A3179" s="3">
        <v>41774.696122685185</v>
      </c>
      <c r="B3179" s="2">
        <v>16.600000000000001</v>
      </c>
      <c r="C3179" s="2">
        <v>184.2</v>
      </c>
      <c r="D3179" s="2">
        <v>0</v>
      </c>
      <c r="E3179" s="2">
        <v>146.40000000000023</v>
      </c>
    </row>
    <row r="3180" spans="1:5" x14ac:dyDescent="0.25">
      <c r="A3180" s="3">
        <v>41774.698206018518</v>
      </c>
      <c r="B3180" s="2">
        <v>16.5</v>
      </c>
      <c r="C3180" s="2">
        <v>184.4</v>
      </c>
      <c r="D3180" s="2">
        <v>0</v>
      </c>
      <c r="E3180" s="2">
        <v>146.40000000000023</v>
      </c>
    </row>
    <row r="3181" spans="1:5" x14ac:dyDescent="0.25">
      <c r="A3181" s="3">
        <v>41774.698379629626</v>
      </c>
      <c r="B3181" s="2">
        <v>16.5</v>
      </c>
      <c r="C3181" s="2">
        <v>184.2</v>
      </c>
      <c r="D3181" s="2">
        <v>0</v>
      </c>
      <c r="E3181" s="2">
        <v>146.40000000000023</v>
      </c>
    </row>
    <row r="3182" spans="1:5" x14ac:dyDescent="0.25">
      <c r="A3182" s="3">
        <v>41774.69866898148</v>
      </c>
      <c r="B3182" s="2">
        <v>16.5</v>
      </c>
      <c r="C3182" s="2">
        <v>184.4</v>
      </c>
      <c r="D3182" s="2">
        <v>0</v>
      </c>
      <c r="E3182" s="2">
        <v>146.40000000000023</v>
      </c>
    </row>
    <row r="3183" spans="1:5" x14ac:dyDescent="0.25">
      <c r="A3183" s="3">
        <v>41774.698784722219</v>
      </c>
      <c r="B3183" s="2">
        <v>16.5</v>
      </c>
      <c r="C3183" s="2">
        <v>184.2</v>
      </c>
      <c r="D3183" s="2">
        <v>0</v>
      </c>
      <c r="E3183" s="2">
        <v>146.40000000000023</v>
      </c>
    </row>
    <row r="3184" spans="1:5" x14ac:dyDescent="0.25">
      <c r="A3184" s="3">
        <v>41774.724016203705</v>
      </c>
      <c r="B3184" s="2">
        <v>16.3</v>
      </c>
      <c r="C3184" s="2">
        <v>184</v>
      </c>
      <c r="D3184" s="2">
        <v>0</v>
      </c>
      <c r="E3184" s="2">
        <v>146.40000000000023</v>
      </c>
    </row>
    <row r="3185" spans="1:5" x14ac:dyDescent="0.25">
      <c r="A3185" s="3">
        <v>41774.724189814813</v>
      </c>
      <c r="B3185" s="2">
        <v>16.3</v>
      </c>
      <c r="C3185" s="2">
        <v>184.2</v>
      </c>
      <c r="D3185" s="2">
        <v>0</v>
      </c>
      <c r="E3185" s="2">
        <v>146.40000000000023</v>
      </c>
    </row>
    <row r="3186" spans="1:5" x14ac:dyDescent="0.25">
      <c r="A3186" s="3">
        <v>41774.732638888891</v>
      </c>
      <c r="B3186" s="2">
        <v>16.2</v>
      </c>
      <c r="C3186" s="2">
        <v>184</v>
      </c>
      <c r="D3186" s="2">
        <v>0</v>
      </c>
      <c r="E3186" s="2">
        <v>146.40000000000023</v>
      </c>
    </row>
    <row r="3187" spans="1:5" x14ac:dyDescent="0.25">
      <c r="A3187" s="3">
        <v>41774.732870370368</v>
      </c>
      <c r="B3187" s="2">
        <v>16.2</v>
      </c>
      <c r="C3187" s="2">
        <v>184.2</v>
      </c>
      <c r="D3187" s="2">
        <v>0</v>
      </c>
      <c r="E3187" s="2">
        <v>146.40000000000023</v>
      </c>
    </row>
    <row r="3188" spans="1:5" x14ac:dyDescent="0.25">
      <c r="A3188" s="3">
        <v>41774.733101851853</v>
      </c>
      <c r="B3188" s="2">
        <v>16.2</v>
      </c>
      <c r="C3188" s="2">
        <v>184</v>
      </c>
      <c r="D3188" s="2">
        <v>0</v>
      </c>
      <c r="E3188" s="2">
        <v>146.40000000000023</v>
      </c>
    </row>
    <row r="3189" spans="1:5" x14ac:dyDescent="0.25">
      <c r="A3189" s="3">
        <v>41774.733275462961</v>
      </c>
      <c r="B3189" s="2">
        <v>16.2</v>
      </c>
      <c r="C3189" s="2">
        <v>184.2</v>
      </c>
      <c r="D3189" s="2">
        <v>0</v>
      </c>
      <c r="E3189" s="2">
        <v>146.40000000000023</v>
      </c>
    </row>
    <row r="3190" spans="1:5" x14ac:dyDescent="0.25">
      <c r="A3190" s="3">
        <v>41774.733738425923</v>
      </c>
      <c r="B3190" s="2">
        <v>16.2</v>
      </c>
      <c r="C3190" s="2">
        <v>184</v>
      </c>
      <c r="D3190" s="2">
        <v>0</v>
      </c>
      <c r="E3190" s="2">
        <v>146.40000000000023</v>
      </c>
    </row>
    <row r="3191" spans="1:5" x14ac:dyDescent="0.25">
      <c r="A3191" s="3">
        <v>41774.734027777777</v>
      </c>
      <c r="B3191" s="2">
        <v>16.2</v>
      </c>
      <c r="C3191" s="2">
        <v>184.2</v>
      </c>
      <c r="D3191" s="2">
        <v>0</v>
      </c>
      <c r="E3191" s="2">
        <v>146.40000000000023</v>
      </c>
    </row>
    <row r="3192" spans="1:5" x14ac:dyDescent="0.25">
      <c r="A3192" s="3">
        <v>41774.734432870369</v>
      </c>
      <c r="B3192" s="2">
        <v>16.2</v>
      </c>
      <c r="C3192" s="2">
        <v>184</v>
      </c>
      <c r="D3192" s="2">
        <v>0</v>
      </c>
      <c r="E3192" s="2">
        <v>146.40000000000023</v>
      </c>
    </row>
    <row r="3193" spans="1:5" x14ac:dyDescent="0.25">
      <c r="A3193" s="3">
        <v>41774.734490740739</v>
      </c>
      <c r="B3193" s="2">
        <v>16.2</v>
      </c>
      <c r="C3193" s="2">
        <v>184.2</v>
      </c>
      <c r="D3193" s="2">
        <v>0</v>
      </c>
      <c r="E3193" s="2">
        <v>146.40000000000023</v>
      </c>
    </row>
    <row r="3194" spans="1:5" x14ac:dyDescent="0.25">
      <c r="A3194" s="3">
        <v>41774.735069444447</v>
      </c>
      <c r="B3194" s="2">
        <v>16.2</v>
      </c>
      <c r="C3194" s="2">
        <v>184</v>
      </c>
      <c r="D3194" s="2">
        <v>0</v>
      </c>
      <c r="E3194" s="2">
        <v>146.40000000000023</v>
      </c>
    </row>
    <row r="3195" spans="1:5" x14ac:dyDescent="0.25">
      <c r="A3195" s="3">
        <v>41774.735127314816</v>
      </c>
      <c r="B3195" s="2">
        <v>16.2</v>
      </c>
      <c r="C3195" s="2">
        <v>184.2</v>
      </c>
      <c r="D3195" s="2">
        <v>0</v>
      </c>
      <c r="E3195" s="2">
        <v>146.40000000000023</v>
      </c>
    </row>
    <row r="3196" spans="1:5" x14ac:dyDescent="0.25">
      <c r="A3196" s="3">
        <v>41774.735358796293</v>
      </c>
      <c r="B3196" s="2">
        <v>16.2</v>
      </c>
      <c r="C3196" s="2">
        <v>184</v>
      </c>
      <c r="D3196" s="2">
        <v>0</v>
      </c>
      <c r="E3196" s="2">
        <v>146.40000000000023</v>
      </c>
    </row>
    <row r="3197" spans="1:5" x14ac:dyDescent="0.25">
      <c r="A3197" s="3">
        <v>41774.73605324074</v>
      </c>
      <c r="B3197" s="2">
        <v>16.100000000000001</v>
      </c>
      <c r="C3197" s="2">
        <v>184.2</v>
      </c>
      <c r="D3197" s="2">
        <v>0</v>
      </c>
      <c r="E3197" s="2">
        <v>146.40000000000023</v>
      </c>
    </row>
    <row r="3198" spans="1:5" x14ac:dyDescent="0.25">
      <c r="A3198" s="3">
        <v>41774.736226851855</v>
      </c>
      <c r="B3198" s="2">
        <v>16.100000000000001</v>
      </c>
      <c r="C3198" s="2">
        <v>184</v>
      </c>
      <c r="D3198" s="2">
        <v>0</v>
      </c>
      <c r="E3198" s="2">
        <v>146.40000000000023</v>
      </c>
    </row>
    <row r="3199" spans="1:5" x14ac:dyDescent="0.25">
      <c r="A3199" s="3">
        <v>41774.740162037036</v>
      </c>
      <c r="B3199" s="2">
        <v>16.100000000000001</v>
      </c>
      <c r="C3199" s="2">
        <v>184.2</v>
      </c>
      <c r="D3199" s="2">
        <v>0</v>
      </c>
      <c r="E3199" s="2">
        <v>146.40000000000023</v>
      </c>
    </row>
    <row r="3200" spans="1:5" x14ac:dyDescent="0.25">
      <c r="A3200" s="3">
        <v>41774.740567129629</v>
      </c>
      <c r="B3200" s="2">
        <v>16.100000000000001</v>
      </c>
      <c r="C3200" s="2">
        <v>184</v>
      </c>
      <c r="D3200" s="2">
        <v>0</v>
      </c>
      <c r="E3200" s="2">
        <v>146.40000000000023</v>
      </c>
    </row>
    <row r="3201" spans="1:5" x14ac:dyDescent="0.25">
      <c r="A3201" s="3">
        <v>41774.790393518517</v>
      </c>
      <c r="B3201" s="2">
        <v>15.4</v>
      </c>
      <c r="C3201" s="2">
        <v>183.8</v>
      </c>
      <c r="D3201" s="2">
        <v>0</v>
      </c>
      <c r="E3201" s="2">
        <v>146.40000000000023</v>
      </c>
    </row>
    <row r="3202" spans="1:5" x14ac:dyDescent="0.25">
      <c r="A3202" s="3">
        <v>41774.790625000001</v>
      </c>
      <c r="B3202" s="2">
        <v>15.4</v>
      </c>
      <c r="C3202" s="2">
        <v>184</v>
      </c>
      <c r="D3202" s="2">
        <v>0</v>
      </c>
      <c r="E3202" s="2">
        <v>146.40000000000023</v>
      </c>
    </row>
    <row r="3203" spans="1:5" x14ac:dyDescent="0.25">
      <c r="A3203" s="3">
        <v>41774.790682870371</v>
      </c>
      <c r="B3203" s="2">
        <v>15.4</v>
      </c>
      <c r="C3203" s="2">
        <v>183.8</v>
      </c>
      <c r="D3203" s="2">
        <v>0</v>
      </c>
      <c r="E3203" s="2">
        <v>146.40000000000023</v>
      </c>
    </row>
    <row r="3204" spans="1:5" x14ac:dyDescent="0.25">
      <c r="A3204" s="3">
        <v>41774.831828703704</v>
      </c>
      <c r="B3204" s="2">
        <v>14.7</v>
      </c>
      <c r="C3204" s="2">
        <v>183.6</v>
      </c>
      <c r="D3204" s="2">
        <v>0</v>
      </c>
      <c r="E3204" s="2">
        <v>146.40000000000023</v>
      </c>
    </row>
    <row r="3205" spans="1:5" x14ac:dyDescent="0.25">
      <c r="A3205" s="3">
        <v>41774.832812499997</v>
      </c>
      <c r="B3205" s="2">
        <v>14.7</v>
      </c>
      <c r="C3205" s="2">
        <v>183.8</v>
      </c>
      <c r="D3205" s="2">
        <v>0</v>
      </c>
      <c r="E3205" s="2">
        <v>146.40000000000023</v>
      </c>
    </row>
    <row r="3206" spans="1:5" x14ac:dyDescent="0.25">
      <c r="A3206" s="3">
        <v>41774.833449074074</v>
      </c>
      <c r="B3206" s="2">
        <v>14.7</v>
      </c>
      <c r="C3206" s="2">
        <v>183.6</v>
      </c>
      <c r="D3206" s="2">
        <v>0</v>
      </c>
      <c r="E3206" s="2">
        <v>146.40000000000023</v>
      </c>
    </row>
    <row r="3207" spans="1:5" x14ac:dyDescent="0.25">
      <c r="A3207" s="3">
        <v>41774.882291666669</v>
      </c>
      <c r="B3207" s="2">
        <v>13.9</v>
      </c>
      <c r="C3207" s="2">
        <v>183.4</v>
      </c>
      <c r="D3207" s="2">
        <v>0</v>
      </c>
      <c r="E3207" s="2">
        <v>146.40000000000023</v>
      </c>
    </row>
    <row r="3208" spans="1:5" x14ac:dyDescent="0.25">
      <c r="A3208" s="3">
        <v>41774.884780092594</v>
      </c>
      <c r="B3208" s="2">
        <v>13.9</v>
      </c>
      <c r="C3208" s="2">
        <v>183.6</v>
      </c>
      <c r="D3208" s="2">
        <v>0</v>
      </c>
      <c r="E3208" s="2">
        <v>146.40000000000023</v>
      </c>
    </row>
    <row r="3209" spans="1:5" x14ac:dyDescent="0.25">
      <c r="A3209" s="3">
        <v>41774.884837962964</v>
      </c>
      <c r="B3209" s="2">
        <v>13.9</v>
      </c>
      <c r="C3209" s="2">
        <v>183.4</v>
      </c>
      <c r="D3209" s="2">
        <v>0</v>
      </c>
      <c r="E3209" s="2">
        <v>146.40000000000023</v>
      </c>
    </row>
    <row r="3210" spans="1:5" x14ac:dyDescent="0.25">
      <c r="A3210" s="3">
        <v>41774.885300925926</v>
      </c>
      <c r="B3210" s="2">
        <v>13.8</v>
      </c>
      <c r="C3210" s="2">
        <v>183.6</v>
      </c>
      <c r="D3210" s="2">
        <v>0</v>
      </c>
      <c r="E3210" s="2">
        <v>146.40000000000023</v>
      </c>
    </row>
    <row r="3211" spans="1:5" x14ac:dyDescent="0.25">
      <c r="A3211" s="3">
        <v>41774.885358796295</v>
      </c>
      <c r="B3211" s="2">
        <v>13.8</v>
      </c>
      <c r="C3211" s="2">
        <v>183.4</v>
      </c>
      <c r="D3211" s="2">
        <v>0</v>
      </c>
      <c r="E3211" s="2">
        <v>146.40000000000023</v>
      </c>
    </row>
    <row r="3212" spans="1:5" x14ac:dyDescent="0.25">
      <c r="A3212" s="3">
        <v>41774.886747685188</v>
      </c>
      <c r="B3212" s="2">
        <v>13.8</v>
      </c>
      <c r="C3212" s="2">
        <v>183.6</v>
      </c>
      <c r="D3212" s="2">
        <v>0</v>
      </c>
      <c r="E3212" s="2">
        <v>146.40000000000023</v>
      </c>
    </row>
    <row r="3213" spans="1:5" x14ac:dyDescent="0.25">
      <c r="A3213" s="3">
        <v>41774.886863425927</v>
      </c>
      <c r="B3213" s="2">
        <v>13.8</v>
      </c>
      <c r="C3213" s="2">
        <v>183.4</v>
      </c>
      <c r="D3213" s="2">
        <v>0</v>
      </c>
      <c r="E3213" s="2">
        <v>146.40000000000023</v>
      </c>
    </row>
    <row r="3214" spans="1:5" x14ac:dyDescent="0.25">
      <c r="A3214" s="3">
        <v>41774.887557870374</v>
      </c>
      <c r="B3214" s="2">
        <v>13.8</v>
      </c>
      <c r="C3214" s="2">
        <v>183.6</v>
      </c>
      <c r="D3214" s="2">
        <v>0</v>
      </c>
      <c r="E3214" s="2">
        <v>146.40000000000023</v>
      </c>
    </row>
    <row r="3215" spans="1:5" x14ac:dyDescent="0.25">
      <c r="A3215" s="3">
        <v>41774.887673611112</v>
      </c>
      <c r="B3215" s="2">
        <v>13.8</v>
      </c>
      <c r="C3215" s="2">
        <v>183.4</v>
      </c>
      <c r="D3215" s="2">
        <v>0</v>
      </c>
      <c r="E3215" s="2">
        <v>146.40000000000023</v>
      </c>
    </row>
    <row r="3216" spans="1:5" x14ac:dyDescent="0.25">
      <c r="A3216" s="3">
        <v>41774.925405092596</v>
      </c>
      <c r="B3216" s="2">
        <v>13.2</v>
      </c>
      <c r="C3216" s="2">
        <v>183.2</v>
      </c>
      <c r="D3216" s="2">
        <v>0</v>
      </c>
      <c r="E3216" s="2">
        <v>146.40000000000023</v>
      </c>
    </row>
    <row r="3217" spans="1:5" x14ac:dyDescent="0.25">
      <c r="A3217" s="3">
        <v>41774.926562499997</v>
      </c>
      <c r="B3217" s="2">
        <v>13.2</v>
      </c>
      <c r="C3217" s="2">
        <v>183.4</v>
      </c>
      <c r="D3217" s="2">
        <v>0</v>
      </c>
      <c r="E3217" s="2">
        <v>146.40000000000023</v>
      </c>
    </row>
    <row r="3218" spans="1:5" x14ac:dyDescent="0.25">
      <c r="A3218" s="3">
        <v>41774.926678240743</v>
      </c>
      <c r="B3218" s="2">
        <v>13.2</v>
      </c>
      <c r="C3218" s="2">
        <v>183.2</v>
      </c>
      <c r="D3218" s="2">
        <v>0</v>
      </c>
      <c r="E3218" s="2">
        <v>146.40000000000023</v>
      </c>
    </row>
    <row r="3219" spans="1:5" x14ac:dyDescent="0.25">
      <c r="A3219" s="3">
        <v>41774.936168981483</v>
      </c>
      <c r="B3219" s="2">
        <v>13.1</v>
      </c>
      <c r="C3219" s="2">
        <v>183.4</v>
      </c>
      <c r="D3219" s="2">
        <v>0</v>
      </c>
      <c r="E3219" s="2">
        <v>146.40000000000023</v>
      </c>
    </row>
    <row r="3220" spans="1:5" x14ac:dyDescent="0.25">
      <c r="A3220" s="3">
        <v>41774.936226851853</v>
      </c>
      <c r="B3220" s="2">
        <v>13.1</v>
      </c>
      <c r="C3220" s="2">
        <v>183.2</v>
      </c>
      <c r="D3220" s="2">
        <v>0</v>
      </c>
      <c r="E3220" s="2">
        <v>146.40000000000023</v>
      </c>
    </row>
    <row r="3221" spans="1:5" x14ac:dyDescent="0.25">
      <c r="A3221" s="3">
        <v>41774.965277777781</v>
      </c>
      <c r="B3221" s="2">
        <v>12.7</v>
      </c>
      <c r="C3221" s="2">
        <v>183</v>
      </c>
      <c r="D3221" s="2">
        <v>0</v>
      </c>
      <c r="E3221" s="2">
        <v>146.40000000000023</v>
      </c>
    </row>
    <row r="3222" spans="1:5" x14ac:dyDescent="0.25">
      <c r="A3222" s="3">
        <v>41774.96539351852</v>
      </c>
      <c r="B3222" s="2">
        <v>12.7</v>
      </c>
      <c r="C3222" s="2">
        <v>183.2</v>
      </c>
      <c r="D3222" s="2">
        <v>0</v>
      </c>
      <c r="E3222" s="2">
        <v>146.40000000000023</v>
      </c>
    </row>
    <row r="3223" spans="1:5" x14ac:dyDescent="0.25">
      <c r="A3223" s="3">
        <v>41774.974016203705</v>
      </c>
      <c r="B3223" s="2">
        <v>12.6</v>
      </c>
      <c r="C3223" s="2">
        <v>183</v>
      </c>
      <c r="D3223" s="2">
        <v>0</v>
      </c>
      <c r="E3223" s="2">
        <v>146.40000000000023</v>
      </c>
    </row>
    <row r="3224" spans="1:5" x14ac:dyDescent="0.25">
      <c r="A3224" s="3">
        <v>41774.974479166667</v>
      </c>
      <c r="B3224" s="2">
        <v>12.6</v>
      </c>
      <c r="C3224" s="2">
        <v>183.2</v>
      </c>
      <c r="D3224" s="2">
        <v>0</v>
      </c>
      <c r="E3224" s="2">
        <v>146.40000000000023</v>
      </c>
    </row>
    <row r="3225" spans="1:5" x14ac:dyDescent="0.25">
      <c r="A3225" s="3">
        <v>41774.975810185184</v>
      </c>
      <c r="B3225" s="2">
        <v>12.6</v>
      </c>
      <c r="C3225" s="2">
        <v>183</v>
      </c>
      <c r="D3225" s="2">
        <v>0</v>
      </c>
      <c r="E3225" s="2">
        <v>146.40000000000023</v>
      </c>
    </row>
    <row r="3226" spans="1:5" x14ac:dyDescent="0.25">
      <c r="A3226" s="3">
        <v>41774.976099537038</v>
      </c>
      <c r="B3226" s="2">
        <v>12.5</v>
      </c>
      <c r="C3226" s="2">
        <v>183.2</v>
      </c>
      <c r="D3226" s="2">
        <v>0</v>
      </c>
      <c r="E3226" s="2">
        <v>146.40000000000023</v>
      </c>
    </row>
    <row r="3227" spans="1:5" x14ac:dyDescent="0.25">
      <c r="A3227" s="3">
        <v>41774.977256944447</v>
      </c>
      <c r="B3227" s="2">
        <v>12.5</v>
      </c>
      <c r="C3227" s="2">
        <v>183</v>
      </c>
      <c r="D3227" s="2">
        <v>0</v>
      </c>
      <c r="E3227" s="2">
        <v>146.40000000000023</v>
      </c>
    </row>
    <row r="3228" spans="1:5" x14ac:dyDescent="0.25">
      <c r="A3228" s="3">
        <v>41774.977951388886</v>
      </c>
      <c r="B3228" s="2">
        <v>12.5</v>
      </c>
      <c r="C3228" s="2">
        <v>183.2</v>
      </c>
      <c r="D3228" s="2">
        <v>0</v>
      </c>
      <c r="E3228" s="2">
        <v>146.40000000000023</v>
      </c>
    </row>
    <row r="3229" spans="1:5" x14ac:dyDescent="0.25">
      <c r="A3229" s="3">
        <v>41774.978125000001</v>
      </c>
      <c r="B3229" s="2">
        <v>12.5</v>
      </c>
      <c r="C3229" s="2">
        <v>183</v>
      </c>
      <c r="D3229" s="2">
        <v>0</v>
      </c>
      <c r="E3229" s="2">
        <v>146.40000000000023</v>
      </c>
    </row>
    <row r="3230" spans="1:5" x14ac:dyDescent="0.25">
      <c r="A3230" s="3">
        <v>41774.980034722219</v>
      </c>
      <c r="B3230" s="2">
        <v>12.5</v>
      </c>
      <c r="C3230" s="2">
        <v>183.2</v>
      </c>
      <c r="D3230" s="2">
        <v>0</v>
      </c>
      <c r="E3230" s="2">
        <v>146.40000000000023</v>
      </c>
    </row>
    <row r="3231" spans="1:5" x14ac:dyDescent="0.25">
      <c r="A3231" s="3">
        <v>41774.980324074073</v>
      </c>
      <c r="B3231" s="2">
        <v>12.5</v>
      </c>
      <c r="C3231" s="2">
        <v>183</v>
      </c>
      <c r="D3231" s="2">
        <v>0</v>
      </c>
      <c r="E3231" s="2">
        <v>146.40000000000023</v>
      </c>
    </row>
    <row r="3232" spans="1:5" x14ac:dyDescent="0.25">
      <c r="A3232" s="3">
        <v>41774.980497685188</v>
      </c>
      <c r="B3232" s="2">
        <v>12.5</v>
      </c>
      <c r="C3232" s="2">
        <v>183.2</v>
      </c>
      <c r="D3232" s="2">
        <v>0</v>
      </c>
      <c r="E3232" s="2">
        <v>146.40000000000023</v>
      </c>
    </row>
    <row r="3233" spans="1:5" x14ac:dyDescent="0.25">
      <c r="A3233" s="3">
        <v>41774.980613425927</v>
      </c>
      <c r="B3233" s="2">
        <v>12.5</v>
      </c>
      <c r="C3233" s="2">
        <v>183</v>
      </c>
      <c r="D3233" s="2">
        <v>0</v>
      </c>
      <c r="E3233" s="2">
        <v>146.40000000000023</v>
      </c>
    </row>
    <row r="3234" spans="1:5" x14ac:dyDescent="0.25">
      <c r="A3234" s="3">
        <v>41774.980787037035</v>
      </c>
      <c r="B3234" s="2">
        <v>12.5</v>
      </c>
      <c r="C3234" s="2">
        <v>183.2</v>
      </c>
      <c r="D3234" s="2">
        <v>0</v>
      </c>
      <c r="E3234" s="2">
        <v>146.40000000000023</v>
      </c>
    </row>
    <row r="3235" spans="1:5" x14ac:dyDescent="0.25">
      <c r="A3235" s="3">
        <v>41774.980902777781</v>
      </c>
      <c r="B3235" s="2">
        <v>12.5</v>
      </c>
      <c r="C3235" s="2">
        <v>183</v>
      </c>
      <c r="D3235" s="2">
        <v>0</v>
      </c>
      <c r="E3235" s="2">
        <v>146.40000000000023</v>
      </c>
    </row>
    <row r="3236" spans="1:5" x14ac:dyDescent="0.25">
      <c r="A3236" s="3">
        <v>41774.985590277778</v>
      </c>
      <c r="B3236" s="2">
        <v>12.4</v>
      </c>
      <c r="C3236" s="2">
        <v>183.2</v>
      </c>
      <c r="D3236" s="2">
        <v>0</v>
      </c>
      <c r="E3236" s="2">
        <v>146.40000000000023</v>
      </c>
    </row>
    <row r="3237" spans="1:5" x14ac:dyDescent="0.25">
      <c r="A3237" s="3">
        <v>41774.985763888886</v>
      </c>
      <c r="B3237" s="2">
        <v>12.4</v>
      </c>
      <c r="C3237" s="2">
        <v>183</v>
      </c>
      <c r="D3237" s="2">
        <v>0</v>
      </c>
      <c r="E3237" s="2">
        <v>146.40000000000023</v>
      </c>
    </row>
    <row r="3238" spans="1:5" x14ac:dyDescent="0.25">
      <c r="A3238" s="3">
        <v>41775.03634259259</v>
      </c>
      <c r="B3238" s="2">
        <v>11.9</v>
      </c>
      <c r="C3238" s="2">
        <v>182.8</v>
      </c>
      <c r="D3238" s="2">
        <v>0</v>
      </c>
      <c r="E3238" s="2">
        <v>146.40000000000023</v>
      </c>
    </row>
    <row r="3239" spans="1:5" x14ac:dyDescent="0.25">
      <c r="A3239" s="3">
        <v>41775.161111111112</v>
      </c>
      <c r="B3239" s="2">
        <v>11.2</v>
      </c>
      <c r="C3239" s="2">
        <v>182.6</v>
      </c>
      <c r="D3239" s="2">
        <v>0</v>
      </c>
      <c r="E3239" s="2">
        <v>146.40000000000023</v>
      </c>
    </row>
    <row r="3240" spans="1:5" x14ac:dyDescent="0.25">
      <c r="A3240" s="3">
        <v>41775.16128472222</v>
      </c>
      <c r="B3240" s="2">
        <v>11.2</v>
      </c>
      <c r="C3240" s="2">
        <v>182.8</v>
      </c>
      <c r="D3240" s="2">
        <v>0</v>
      </c>
      <c r="E3240" s="2">
        <v>146.40000000000023</v>
      </c>
    </row>
    <row r="3241" spans="1:5" x14ac:dyDescent="0.25">
      <c r="A3241" s="3">
        <v>41775.161458333336</v>
      </c>
      <c r="B3241" s="2">
        <v>11.2</v>
      </c>
      <c r="C3241" s="2">
        <v>182.6</v>
      </c>
      <c r="D3241" s="2">
        <v>0</v>
      </c>
      <c r="E3241" s="2">
        <v>146.40000000000023</v>
      </c>
    </row>
    <row r="3242" spans="1:5" x14ac:dyDescent="0.25">
      <c r="A3242" s="3">
        <v>41775.252025462964</v>
      </c>
      <c r="B3242" s="2">
        <v>10.9</v>
      </c>
      <c r="C3242" s="2">
        <v>182.4</v>
      </c>
      <c r="D3242" s="2">
        <v>0</v>
      </c>
      <c r="E3242" s="2">
        <v>146.40000000000023</v>
      </c>
    </row>
    <row r="3243" spans="1:5" x14ac:dyDescent="0.25">
      <c r="A3243" s="3">
        <v>41775.252835648149</v>
      </c>
      <c r="B3243" s="2">
        <v>10.9</v>
      </c>
      <c r="C3243" s="2">
        <v>182.6</v>
      </c>
      <c r="D3243" s="2">
        <v>0</v>
      </c>
      <c r="E3243" s="2">
        <v>146.40000000000023</v>
      </c>
    </row>
    <row r="3244" spans="1:5" x14ac:dyDescent="0.25">
      <c r="A3244" s="3">
        <v>41775.254629629628</v>
      </c>
      <c r="B3244" s="2">
        <v>10.9</v>
      </c>
      <c r="C3244" s="2">
        <v>182.4</v>
      </c>
      <c r="D3244" s="2">
        <v>0</v>
      </c>
      <c r="E3244" s="2">
        <v>146.40000000000023</v>
      </c>
    </row>
    <row r="3245" spans="1:5" x14ac:dyDescent="0.25">
      <c r="A3245" s="3">
        <v>41775.258391203701</v>
      </c>
      <c r="B3245" s="2">
        <v>10.9</v>
      </c>
      <c r="C3245" s="2">
        <v>182.6</v>
      </c>
      <c r="D3245" s="2">
        <v>0</v>
      </c>
      <c r="E3245" s="2">
        <v>146.40000000000023</v>
      </c>
    </row>
    <row r="3246" spans="1:5" x14ac:dyDescent="0.25">
      <c r="A3246" s="3">
        <v>41775.258796296293</v>
      </c>
      <c r="B3246" s="2">
        <v>10.9</v>
      </c>
      <c r="C3246" s="2">
        <v>182.4</v>
      </c>
      <c r="D3246" s="2">
        <v>0</v>
      </c>
      <c r="E3246" s="2">
        <v>146.40000000000023</v>
      </c>
    </row>
    <row r="3247" spans="1:5" x14ac:dyDescent="0.25">
      <c r="A3247" s="3">
        <v>41775.259143518517</v>
      </c>
      <c r="B3247" s="2">
        <v>10.9</v>
      </c>
      <c r="C3247" s="2">
        <v>182.6</v>
      </c>
      <c r="D3247" s="2">
        <v>0</v>
      </c>
      <c r="E3247" s="2">
        <v>146.40000000000023</v>
      </c>
    </row>
    <row r="3248" spans="1:5" x14ac:dyDescent="0.25">
      <c r="A3248" s="3">
        <v>41775.259548611109</v>
      </c>
      <c r="B3248" s="2">
        <v>10.9</v>
      </c>
      <c r="C3248" s="2">
        <v>182.4</v>
      </c>
      <c r="D3248" s="2">
        <v>0</v>
      </c>
      <c r="E3248" s="2">
        <v>146.40000000000023</v>
      </c>
    </row>
    <row r="3249" spans="1:5" x14ac:dyDescent="0.25">
      <c r="A3249" s="3">
        <v>41775.348726851851</v>
      </c>
      <c r="B3249" s="2">
        <v>11</v>
      </c>
      <c r="C3249" s="2">
        <v>182.2</v>
      </c>
      <c r="D3249" s="2">
        <v>0</v>
      </c>
      <c r="E3249" s="2">
        <v>146.40000000000023</v>
      </c>
    </row>
    <row r="3250" spans="1:5" x14ac:dyDescent="0.25">
      <c r="A3250" s="3">
        <v>41775.348958333336</v>
      </c>
      <c r="B3250" s="2">
        <v>11</v>
      </c>
      <c r="C3250" s="2">
        <v>182.4</v>
      </c>
      <c r="D3250" s="2">
        <v>0</v>
      </c>
      <c r="E3250" s="2">
        <v>146.40000000000023</v>
      </c>
    </row>
    <row r="3251" spans="1:5" x14ac:dyDescent="0.25">
      <c r="A3251" s="3">
        <v>41775.349131944444</v>
      </c>
      <c r="B3251" s="2">
        <v>11</v>
      </c>
      <c r="C3251" s="2">
        <v>182.2</v>
      </c>
      <c r="D3251" s="2">
        <v>0</v>
      </c>
      <c r="E3251" s="2">
        <v>146.40000000000023</v>
      </c>
    </row>
    <row r="3252" spans="1:5" x14ac:dyDescent="0.25">
      <c r="A3252" s="3">
        <v>41775.349247685182</v>
      </c>
      <c r="B3252" s="2">
        <v>11</v>
      </c>
      <c r="C3252" s="2">
        <v>182.4</v>
      </c>
      <c r="D3252" s="2">
        <v>0</v>
      </c>
      <c r="E3252" s="2">
        <v>146.40000000000023</v>
      </c>
    </row>
    <row r="3253" spans="1:5" x14ac:dyDescent="0.25">
      <c r="A3253" s="3">
        <v>41775.350115740737</v>
      </c>
      <c r="B3253" s="2">
        <v>11</v>
      </c>
      <c r="C3253" s="2">
        <v>182.2</v>
      </c>
      <c r="D3253" s="2">
        <v>0</v>
      </c>
      <c r="E3253" s="2">
        <v>146.40000000000023</v>
      </c>
    </row>
    <row r="3254" spans="1:5" x14ac:dyDescent="0.25">
      <c r="A3254" s="3">
        <v>41775.350231481483</v>
      </c>
      <c r="B3254" s="2">
        <v>11</v>
      </c>
      <c r="C3254" s="2">
        <v>182.4</v>
      </c>
      <c r="D3254" s="2">
        <v>0</v>
      </c>
      <c r="E3254" s="2">
        <v>146.40000000000023</v>
      </c>
    </row>
    <row r="3255" spans="1:5" x14ac:dyDescent="0.25">
      <c r="A3255" s="3">
        <v>41775.350289351853</v>
      </c>
      <c r="B3255" s="2">
        <v>11</v>
      </c>
      <c r="C3255" s="2">
        <v>182.2</v>
      </c>
      <c r="D3255" s="2">
        <v>0</v>
      </c>
      <c r="E3255" s="2">
        <v>146.40000000000023</v>
      </c>
    </row>
    <row r="3256" spans="1:5" x14ac:dyDescent="0.25">
      <c r="A3256" s="3">
        <v>41775.35052083333</v>
      </c>
      <c r="B3256" s="2">
        <v>11</v>
      </c>
      <c r="C3256" s="2">
        <v>182.4</v>
      </c>
      <c r="D3256" s="2">
        <v>0</v>
      </c>
      <c r="E3256" s="2">
        <v>146.40000000000023</v>
      </c>
    </row>
    <row r="3257" spans="1:5" x14ac:dyDescent="0.25">
      <c r="A3257" s="3">
        <v>41775.350983796299</v>
      </c>
      <c r="B3257" s="2">
        <v>11</v>
      </c>
      <c r="C3257" s="2">
        <v>182.2</v>
      </c>
      <c r="D3257" s="2">
        <v>0</v>
      </c>
      <c r="E3257" s="2">
        <v>146.40000000000023</v>
      </c>
    </row>
    <row r="3258" spans="1:5" x14ac:dyDescent="0.25">
      <c r="A3258" s="3">
        <v>41775.351099537038</v>
      </c>
      <c r="B3258" s="2">
        <v>11</v>
      </c>
      <c r="C3258" s="2">
        <v>182.4</v>
      </c>
      <c r="D3258" s="2">
        <v>0</v>
      </c>
      <c r="E3258" s="2">
        <v>146.40000000000023</v>
      </c>
    </row>
    <row r="3259" spans="1:5" x14ac:dyDescent="0.25">
      <c r="A3259" s="3">
        <v>41775.351736111108</v>
      </c>
      <c r="B3259" s="2">
        <v>11</v>
      </c>
      <c r="C3259" s="2">
        <v>182.2</v>
      </c>
      <c r="D3259" s="2">
        <v>0</v>
      </c>
      <c r="E3259" s="2">
        <v>146.40000000000023</v>
      </c>
    </row>
    <row r="3260" spans="1:5" x14ac:dyDescent="0.25">
      <c r="A3260" s="3">
        <v>41775.352141203701</v>
      </c>
      <c r="B3260" s="2">
        <v>11.1</v>
      </c>
      <c r="C3260" s="2">
        <v>182.4</v>
      </c>
      <c r="D3260" s="2">
        <v>0</v>
      </c>
      <c r="E3260" s="2">
        <v>146.40000000000023</v>
      </c>
    </row>
    <row r="3261" spans="1:5" x14ac:dyDescent="0.25">
      <c r="A3261" s="3">
        <v>41775.352372685185</v>
      </c>
      <c r="B3261" s="2">
        <v>11.1</v>
      </c>
      <c r="C3261" s="2">
        <v>182.2</v>
      </c>
      <c r="D3261" s="2">
        <v>0</v>
      </c>
      <c r="E3261" s="2">
        <v>146.40000000000023</v>
      </c>
    </row>
    <row r="3262" spans="1:5" x14ac:dyDescent="0.25">
      <c r="A3262" s="3">
        <v>41775.352777777778</v>
      </c>
      <c r="B3262" s="2">
        <v>11</v>
      </c>
      <c r="C3262" s="2">
        <v>182.4</v>
      </c>
      <c r="D3262" s="2">
        <v>0</v>
      </c>
      <c r="E3262" s="2">
        <v>146.40000000000023</v>
      </c>
    </row>
    <row r="3263" spans="1:5" x14ac:dyDescent="0.25">
      <c r="A3263" s="3">
        <v>41775.353067129632</v>
      </c>
      <c r="B3263" s="2">
        <v>11</v>
      </c>
      <c r="C3263" s="2">
        <v>182.2</v>
      </c>
      <c r="D3263" s="2">
        <v>0</v>
      </c>
      <c r="E3263" s="2">
        <v>146.40000000000023</v>
      </c>
    </row>
    <row r="3264" spans="1:5" x14ac:dyDescent="0.25">
      <c r="A3264" s="3">
        <v>41775.355497685188</v>
      </c>
      <c r="B3264" s="2">
        <v>11.1</v>
      </c>
      <c r="C3264" s="2">
        <v>182.4</v>
      </c>
      <c r="D3264" s="2">
        <v>0</v>
      </c>
      <c r="E3264" s="2">
        <v>146.40000000000023</v>
      </c>
    </row>
    <row r="3265" spans="1:5" x14ac:dyDescent="0.25">
      <c r="A3265" s="3">
        <v>41775.355555555558</v>
      </c>
      <c r="B3265" s="2">
        <v>11.1</v>
      </c>
      <c r="C3265" s="2">
        <v>182.2</v>
      </c>
      <c r="D3265" s="2">
        <v>0</v>
      </c>
      <c r="E3265" s="2">
        <v>146.40000000000023</v>
      </c>
    </row>
    <row r="3266" spans="1:5" x14ac:dyDescent="0.25">
      <c r="A3266" s="3">
        <v>41775.356134259258</v>
      </c>
      <c r="B3266" s="2">
        <v>11.1</v>
      </c>
      <c r="C3266" s="2">
        <v>182.4</v>
      </c>
      <c r="D3266" s="2">
        <v>0</v>
      </c>
      <c r="E3266" s="2">
        <v>146.40000000000023</v>
      </c>
    </row>
    <row r="3267" spans="1:5" x14ac:dyDescent="0.25">
      <c r="A3267" s="3">
        <v>41775.356423611112</v>
      </c>
      <c r="B3267" s="2">
        <v>11</v>
      </c>
      <c r="C3267" s="2">
        <v>182.2</v>
      </c>
      <c r="D3267" s="2">
        <v>0</v>
      </c>
      <c r="E3267" s="2">
        <v>146.40000000000023</v>
      </c>
    </row>
    <row r="3268" spans="1:5" x14ac:dyDescent="0.25">
      <c r="A3268" s="3">
        <v>41775.369270833333</v>
      </c>
      <c r="B3268" s="2">
        <v>11.1</v>
      </c>
      <c r="C3268" s="2">
        <v>182.4</v>
      </c>
      <c r="D3268" s="2">
        <v>0</v>
      </c>
      <c r="E3268" s="2">
        <v>146.40000000000023</v>
      </c>
    </row>
    <row r="3269" spans="1:5" x14ac:dyDescent="0.25">
      <c r="A3269" s="3">
        <v>41775.369386574072</v>
      </c>
      <c r="B3269" s="2">
        <v>11.1</v>
      </c>
      <c r="C3269" s="2">
        <v>182.2</v>
      </c>
      <c r="D3269" s="2">
        <v>0</v>
      </c>
      <c r="E3269" s="2">
        <v>146.40000000000023</v>
      </c>
    </row>
    <row r="3270" spans="1:5" x14ac:dyDescent="0.25">
      <c r="A3270" s="3">
        <v>41775.453645833331</v>
      </c>
      <c r="B3270" s="2">
        <v>12</v>
      </c>
      <c r="C3270" s="2">
        <v>182</v>
      </c>
      <c r="D3270" s="2">
        <v>0</v>
      </c>
      <c r="E3270" s="2">
        <v>146.40000000000023</v>
      </c>
    </row>
    <row r="3271" spans="1:5" x14ac:dyDescent="0.25">
      <c r="A3271" s="3">
        <v>41775.453761574077</v>
      </c>
      <c r="B3271" s="2">
        <v>12</v>
      </c>
      <c r="C3271" s="2">
        <v>182.2</v>
      </c>
      <c r="D3271" s="2">
        <v>0</v>
      </c>
      <c r="E3271" s="2">
        <v>146.40000000000023</v>
      </c>
    </row>
    <row r="3272" spans="1:5" x14ac:dyDescent="0.25">
      <c r="A3272" s="3">
        <v>41775.453877314816</v>
      </c>
      <c r="B3272" s="2">
        <v>12</v>
      </c>
      <c r="C3272" s="2">
        <v>182</v>
      </c>
      <c r="D3272" s="2">
        <v>0</v>
      </c>
      <c r="E3272" s="2">
        <v>146.40000000000023</v>
      </c>
    </row>
    <row r="3273" spans="1:5" x14ac:dyDescent="0.25">
      <c r="A3273" s="3">
        <v>41775.45416666667</v>
      </c>
      <c r="B3273" s="2">
        <v>12</v>
      </c>
      <c r="C3273" s="2">
        <v>182.2</v>
      </c>
      <c r="D3273" s="2">
        <v>0</v>
      </c>
      <c r="E3273" s="2">
        <v>146.40000000000023</v>
      </c>
    </row>
    <row r="3274" spans="1:5" x14ac:dyDescent="0.25">
      <c r="A3274" s="3">
        <v>41775.454282407409</v>
      </c>
      <c r="B3274" s="2">
        <v>12</v>
      </c>
      <c r="C3274" s="2">
        <v>182</v>
      </c>
      <c r="D3274" s="2">
        <v>0</v>
      </c>
      <c r="E3274" s="2">
        <v>146.40000000000023</v>
      </c>
    </row>
    <row r="3275" spans="1:5" x14ac:dyDescent="0.25">
      <c r="A3275" s="3">
        <v>41775.454398148147</v>
      </c>
      <c r="B3275" s="2">
        <v>12</v>
      </c>
      <c r="C3275" s="2">
        <v>182.2</v>
      </c>
      <c r="D3275" s="2">
        <v>0</v>
      </c>
      <c r="E3275" s="2">
        <v>146.40000000000023</v>
      </c>
    </row>
    <row r="3276" spans="1:5" x14ac:dyDescent="0.25">
      <c r="A3276" s="3">
        <v>41775.459374999999</v>
      </c>
      <c r="B3276" s="2">
        <v>12.1</v>
      </c>
      <c r="C3276" s="2">
        <v>182</v>
      </c>
      <c r="D3276" s="2">
        <v>0</v>
      </c>
      <c r="E3276" s="2">
        <v>146.40000000000023</v>
      </c>
    </row>
    <row r="3277" spans="1:5" x14ac:dyDescent="0.25">
      <c r="A3277" s="3">
        <v>41775.459953703707</v>
      </c>
      <c r="B3277" s="2">
        <v>12.1</v>
      </c>
      <c r="C3277" s="2">
        <v>182.2</v>
      </c>
      <c r="D3277" s="2">
        <v>0</v>
      </c>
      <c r="E3277" s="2">
        <v>146.40000000000023</v>
      </c>
    </row>
    <row r="3278" spans="1:5" x14ac:dyDescent="0.25">
      <c r="A3278" s="3">
        <v>41775.461284722223</v>
      </c>
      <c r="B3278" s="2">
        <v>12.2</v>
      </c>
      <c r="C3278" s="2">
        <v>182</v>
      </c>
      <c r="D3278" s="2">
        <v>0</v>
      </c>
      <c r="E3278" s="2">
        <v>146.40000000000023</v>
      </c>
    </row>
    <row r="3279" spans="1:5" x14ac:dyDescent="0.25">
      <c r="A3279" s="3">
        <v>41775.461516203701</v>
      </c>
      <c r="B3279" s="2">
        <v>12.2</v>
      </c>
      <c r="C3279" s="2">
        <v>182.2</v>
      </c>
      <c r="D3279" s="2">
        <v>0</v>
      </c>
      <c r="E3279" s="2">
        <v>146.40000000000023</v>
      </c>
    </row>
    <row r="3280" spans="1:5" x14ac:dyDescent="0.25">
      <c r="A3280" s="3">
        <v>41775.462268518517</v>
      </c>
      <c r="B3280" s="2">
        <v>12.1</v>
      </c>
      <c r="C3280" s="2">
        <v>182</v>
      </c>
      <c r="D3280" s="2">
        <v>0</v>
      </c>
      <c r="E3280" s="2">
        <v>146.40000000000023</v>
      </c>
    </row>
    <row r="3281" spans="1:5" x14ac:dyDescent="0.25">
      <c r="A3281" s="3">
        <v>41775.501562500001</v>
      </c>
      <c r="B3281" s="2">
        <v>13.1</v>
      </c>
      <c r="C3281" s="2">
        <v>182.2</v>
      </c>
      <c r="D3281" s="2">
        <v>0</v>
      </c>
      <c r="E3281" s="2">
        <v>146.40000000000023</v>
      </c>
    </row>
    <row r="3282" spans="1:5" x14ac:dyDescent="0.25">
      <c r="A3282" s="3">
        <v>41775.50167824074</v>
      </c>
      <c r="B3282" s="2">
        <v>13.1</v>
      </c>
      <c r="C3282" s="2">
        <v>182</v>
      </c>
      <c r="D3282" s="2">
        <v>0</v>
      </c>
      <c r="E3282" s="2">
        <v>146.40000000000023</v>
      </c>
    </row>
    <row r="3283" spans="1:5" x14ac:dyDescent="0.25">
      <c r="A3283" s="3">
        <v>41775.543807870374</v>
      </c>
      <c r="B3283" s="2">
        <v>13.3</v>
      </c>
      <c r="C3283" s="2">
        <v>181.8</v>
      </c>
      <c r="D3283" s="2">
        <v>0</v>
      </c>
      <c r="E3283" s="2">
        <v>146.40000000000023</v>
      </c>
    </row>
    <row r="3284" spans="1:5" x14ac:dyDescent="0.25">
      <c r="A3284" s="3">
        <v>41775.54409722222</v>
      </c>
      <c r="B3284" s="2">
        <v>13.3</v>
      </c>
      <c r="C3284" s="2">
        <v>182</v>
      </c>
      <c r="D3284" s="2">
        <v>0</v>
      </c>
      <c r="E3284" s="2">
        <v>146.40000000000023</v>
      </c>
    </row>
    <row r="3285" spans="1:5" x14ac:dyDescent="0.25">
      <c r="A3285" s="3">
        <v>41775.544560185182</v>
      </c>
      <c r="B3285" s="2">
        <v>13.4</v>
      </c>
      <c r="C3285" s="2">
        <v>181.8</v>
      </c>
      <c r="D3285" s="2">
        <v>0</v>
      </c>
      <c r="E3285" s="2">
        <v>146.40000000000023</v>
      </c>
    </row>
    <row r="3286" spans="1:5" x14ac:dyDescent="0.25">
      <c r="A3286" s="3">
        <v>41775.548842592594</v>
      </c>
      <c r="B3286" s="2">
        <v>13.4</v>
      </c>
      <c r="C3286" s="2">
        <v>182</v>
      </c>
      <c r="D3286" s="2">
        <v>0</v>
      </c>
      <c r="E3286" s="2">
        <v>146.40000000000023</v>
      </c>
    </row>
    <row r="3287" spans="1:5" x14ac:dyDescent="0.25">
      <c r="A3287" s="3">
        <v>41775.548900462964</v>
      </c>
      <c r="B3287" s="2">
        <v>13.4</v>
      </c>
      <c r="C3287" s="2">
        <v>181.8</v>
      </c>
      <c r="D3287" s="2">
        <v>0</v>
      </c>
      <c r="E3287" s="2">
        <v>146.40000000000023</v>
      </c>
    </row>
    <row r="3288" spans="1:5" x14ac:dyDescent="0.25">
      <c r="A3288" s="3">
        <v>41775.54965277778</v>
      </c>
      <c r="B3288" s="2">
        <v>13.5</v>
      </c>
      <c r="C3288" s="2">
        <v>182</v>
      </c>
      <c r="D3288" s="2">
        <v>0</v>
      </c>
      <c r="E3288" s="2">
        <v>146.40000000000023</v>
      </c>
    </row>
    <row r="3289" spans="1:5" x14ac:dyDescent="0.25">
      <c r="A3289" s="3">
        <v>41775.549768518518</v>
      </c>
      <c r="B3289" s="2">
        <v>13.5</v>
      </c>
      <c r="C3289" s="2">
        <v>181.8</v>
      </c>
      <c r="D3289" s="2">
        <v>0</v>
      </c>
      <c r="E3289" s="2">
        <v>146.40000000000023</v>
      </c>
    </row>
    <row r="3290" spans="1:5" x14ac:dyDescent="0.25">
      <c r="A3290" s="3">
        <v>41775.549884259257</v>
      </c>
      <c r="B3290" s="2">
        <v>13.5</v>
      </c>
      <c r="C3290" s="2">
        <v>182</v>
      </c>
      <c r="D3290" s="2">
        <v>0</v>
      </c>
      <c r="E3290" s="2">
        <v>146.40000000000023</v>
      </c>
    </row>
    <row r="3291" spans="1:5" x14ac:dyDescent="0.25">
      <c r="A3291" s="3">
        <v>41775.550000000003</v>
      </c>
      <c r="B3291" s="2">
        <v>13.5</v>
      </c>
      <c r="C3291" s="2">
        <v>181.8</v>
      </c>
      <c r="D3291" s="2">
        <v>0</v>
      </c>
      <c r="E3291" s="2">
        <v>146.40000000000023</v>
      </c>
    </row>
    <row r="3292" spans="1:5" x14ac:dyDescent="0.25">
      <c r="A3292" s="3">
        <v>41775.552083333336</v>
      </c>
      <c r="B3292" s="2">
        <v>13.5</v>
      </c>
      <c r="C3292" s="2">
        <v>182</v>
      </c>
      <c r="D3292" s="2">
        <v>0</v>
      </c>
      <c r="E3292" s="2">
        <v>146.40000000000023</v>
      </c>
    </row>
    <row r="3293" spans="1:5" x14ac:dyDescent="0.25">
      <c r="A3293" s="3">
        <v>41775.552199074074</v>
      </c>
      <c r="B3293" s="2">
        <v>13.5</v>
      </c>
      <c r="C3293" s="2">
        <v>181.8</v>
      </c>
      <c r="D3293" s="2">
        <v>0</v>
      </c>
      <c r="E3293" s="2">
        <v>146.40000000000023</v>
      </c>
    </row>
    <row r="3294" spans="1:5" x14ac:dyDescent="0.25">
      <c r="A3294" s="3">
        <v>41775.615335648145</v>
      </c>
      <c r="B3294" s="2">
        <v>14.1</v>
      </c>
      <c r="C3294" s="2">
        <v>182</v>
      </c>
      <c r="D3294" s="2">
        <v>0</v>
      </c>
      <c r="E3294" s="2">
        <v>146.40000000000023</v>
      </c>
    </row>
    <row r="3295" spans="1:5" x14ac:dyDescent="0.25">
      <c r="A3295" s="3">
        <v>41775.615567129629</v>
      </c>
      <c r="B3295" s="2">
        <v>14.2</v>
      </c>
      <c r="C3295" s="2">
        <v>181.8</v>
      </c>
      <c r="D3295" s="2">
        <v>0</v>
      </c>
      <c r="E3295" s="2">
        <v>146.40000000000023</v>
      </c>
    </row>
    <row r="3296" spans="1:5" x14ac:dyDescent="0.25">
      <c r="A3296" s="3">
        <v>41775.626157407409</v>
      </c>
      <c r="B3296" s="2">
        <v>14.5</v>
      </c>
      <c r="C3296" s="2">
        <v>181.6</v>
      </c>
      <c r="D3296" s="2">
        <v>0</v>
      </c>
      <c r="E3296" s="2">
        <v>146.40000000000023</v>
      </c>
    </row>
    <row r="3297" spans="1:5" x14ac:dyDescent="0.25">
      <c r="A3297" s="3">
        <v>41775.626215277778</v>
      </c>
      <c r="B3297" s="2">
        <v>14.5</v>
      </c>
      <c r="C3297" s="2">
        <v>181.8</v>
      </c>
      <c r="D3297" s="2">
        <v>0</v>
      </c>
      <c r="E3297" s="2">
        <v>146.40000000000023</v>
      </c>
    </row>
    <row r="3298" spans="1:5" x14ac:dyDescent="0.25">
      <c r="A3298" s="3">
        <v>41775.626562500001</v>
      </c>
      <c r="B3298" s="2">
        <v>14.3</v>
      </c>
      <c r="C3298" s="2">
        <v>181.6</v>
      </c>
      <c r="D3298" s="2">
        <v>0</v>
      </c>
      <c r="E3298" s="2">
        <v>146.40000000000023</v>
      </c>
    </row>
    <row r="3299" spans="1:5" x14ac:dyDescent="0.25">
      <c r="A3299" s="3">
        <v>41775.628240740742</v>
      </c>
      <c r="B3299" s="2">
        <v>14.3</v>
      </c>
      <c r="C3299" s="2">
        <v>181.8</v>
      </c>
      <c r="D3299" s="2">
        <v>0</v>
      </c>
      <c r="E3299" s="2">
        <v>146.40000000000023</v>
      </c>
    </row>
    <row r="3300" spans="1:5" x14ac:dyDescent="0.25">
      <c r="A3300" s="3">
        <v>41775.628587962965</v>
      </c>
      <c r="B3300" s="2">
        <v>14.4</v>
      </c>
      <c r="C3300" s="2">
        <v>181.6</v>
      </c>
      <c r="D3300" s="2">
        <v>0</v>
      </c>
      <c r="E3300" s="2">
        <v>146.40000000000023</v>
      </c>
    </row>
    <row r="3301" spans="1:5" x14ac:dyDescent="0.25">
      <c r="A3301" s="3">
        <v>41775.628761574073</v>
      </c>
      <c r="B3301" s="2">
        <v>14.3</v>
      </c>
      <c r="C3301" s="2">
        <v>181.8</v>
      </c>
      <c r="D3301" s="2">
        <v>0</v>
      </c>
      <c r="E3301" s="2">
        <v>146.40000000000023</v>
      </c>
    </row>
    <row r="3302" spans="1:5" x14ac:dyDescent="0.25">
      <c r="A3302" s="3">
        <v>41775.628935185188</v>
      </c>
      <c r="B3302" s="2">
        <v>14.3</v>
      </c>
      <c r="C3302" s="2">
        <v>181.6</v>
      </c>
      <c r="D3302" s="2">
        <v>0</v>
      </c>
      <c r="E3302" s="2">
        <v>146.40000000000023</v>
      </c>
    </row>
    <row r="3303" spans="1:5" x14ac:dyDescent="0.25">
      <c r="A3303" s="3">
        <v>41775.683391203704</v>
      </c>
      <c r="B3303" s="2">
        <v>15.4</v>
      </c>
      <c r="C3303" s="2">
        <v>181.4</v>
      </c>
      <c r="D3303" s="2">
        <v>0</v>
      </c>
      <c r="E3303" s="2">
        <v>146.40000000000023</v>
      </c>
    </row>
    <row r="3304" spans="1:5" x14ac:dyDescent="0.25">
      <c r="A3304" s="3">
        <v>41775.683622685188</v>
      </c>
      <c r="B3304" s="2">
        <v>15.4</v>
      </c>
      <c r="C3304" s="2">
        <v>181.6</v>
      </c>
      <c r="D3304" s="2">
        <v>0</v>
      </c>
      <c r="E3304" s="2">
        <v>146.40000000000023</v>
      </c>
    </row>
    <row r="3305" spans="1:5" x14ac:dyDescent="0.25">
      <c r="A3305" s="3">
        <v>41775.683738425927</v>
      </c>
      <c r="B3305" s="2">
        <v>15.3</v>
      </c>
      <c r="C3305" s="2">
        <v>181.4</v>
      </c>
      <c r="D3305" s="2">
        <v>0</v>
      </c>
      <c r="E3305" s="2">
        <v>146.40000000000023</v>
      </c>
    </row>
    <row r="3306" spans="1:5" x14ac:dyDescent="0.25">
      <c r="A3306" s="3">
        <v>41775.685532407406</v>
      </c>
      <c r="B3306" s="2">
        <v>15.4</v>
      </c>
      <c r="C3306" s="2">
        <v>181.6</v>
      </c>
      <c r="D3306" s="2">
        <v>0</v>
      </c>
      <c r="E3306" s="2">
        <v>146.40000000000023</v>
      </c>
    </row>
    <row r="3307" spans="1:5" x14ac:dyDescent="0.25">
      <c r="A3307" s="3">
        <v>41775.685937499999</v>
      </c>
      <c r="B3307" s="2">
        <v>15.4</v>
      </c>
      <c r="C3307" s="2">
        <v>181.4</v>
      </c>
      <c r="D3307" s="2">
        <v>0</v>
      </c>
      <c r="E3307" s="2">
        <v>146.40000000000023</v>
      </c>
    </row>
    <row r="3308" spans="1:5" x14ac:dyDescent="0.25">
      <c r="A3308" s="3">
        <v>41775.686400462961</v>
      </c>
      <c r="B3308" s="2">
        <v>15.4</v>
      </c>
      <c r="C3308" s="2">
        <v>181.6</v>
      </c>
      <c r="D3308" s="2">
        <v>0</v>
      </c>
      <c r="E3308" s="2">
        <v>146.40000000000023</v>
      </c>
    </row>
    <row r="3309" spans="1:5" x14ac:dyDescent="0.25">
      <c r="A3309" s="3">
        <v>41775.686689814815</v>
      </c>
      <c r="B3309" s="2">
        <v>15.4</v>
      </c>
      <c r="C3309" s="2">
        <v>181.4</v>
      </c>
      <c r="D3309" s="2">
        <v>0</v>
      </c>
      <c r="E3309" s="2">
        <v>146.40000000000023</v>
      </c>
    </row>
    <row r="3310" spans="1:5" x14ac:dyDescent="0.25">
      <c r="A3310" s="3">
        <v>41775.758622685185</v>
      </c>
      <c r="B3310" s="2">
        <v>15.5</v>
      </c>
      <c r="C3310" s="2">
        <v>181.2</v>
      </c>
      <c r="D3310" s="2">
        <v>0</v>
      </c>
      <c r="E3310" s="2">
        <v>146.40000000000023</v>
      </c>
    </row>
    <row r="3311" spans="1:5" x14ac:dyDescent="0.25">
      <c r="A3311" s="3">
        <v>41775.758796296293</v>
      </c>
      <c r="B3311" s="2">
        <v>15.5</v>
      </c>
      <c r="C3311" s="2">
        <v>181.4</v>
      </c>
      <c r="D3311" s="2">
        <v>0</v>
      </c>
      <c r="E3311" s="2">
        <v>146.40000000000023</v>
      </c>
    </row>
    <row r="3312" spans="1:5" x14ac:dyDescent="0.25">
      <c r="A3312" s="3">
        <v>41775.759143518517</v>
      </c>
      <c r="B3312" s="2">
        <v>15.5</v>
      </c>
      <c r="C3312" s="2">
        <v>181.2</v>
      </c>
      <c r="D3312" s="2">
        <v>0</v>
      </c>
      <c r="E3312" s="2">
        <v>146.40000000000023</v>
      </c>
    </row>
    <row r="3313" spans="1:5" x14ac:dyDescent="0.25">
      <c r="A3313" s="3">
        <v>41775.84207175926</v>
      </c>
      <c r="B3313" s="2">
        <v>14.6</v>
      </c>
      <c r="C3313" s="2">
        <v>181</v>
      </c>
      <c r="D3313" s="2">
        <v>0</v>
      </c>
      <c r="E3313" s="2">
        <v>146.40000000000023</v>
      </c>
    </row>
    <row r="3314" spans="1:5" x14ac:dyDescent="0.25">
      <c r="A3314" s="3">
        <v>41775.842245370368</v>
      </c>
      <c r="B3314" s="2">
        <v>14.6</v>
      </c>
      <c r="C3314" s="2">
        <v>181.2</v>
      </c>
      <c r="D3314" s="2">
        <v>0</v>
      </c>
      <c r="E3314" s="2">
        <v>146.40000000000023</v>
      </c>
    </row>
    <row r="3315" spans="1:5" x14ac:dyDescent="0.25">
      <c r="A3315" s="3">
        <v>41775.842361111114</v>
      </c>
      <c r="B3315" s="2">
        <v>14.6</v>
      </c>
      <c r="C3315" s="2">
        <v>181</v>
      </c>
      <c r="D3315" s="2">
        <v>0</v>
      </c>
      <c r="E3315" s="2">
        <v>146.40000000000023</v>
      </c>
    </row>
    <row r="3316" spans="1:5" x14ac:dyDescent="0.25">
      <c r="A3316" s="3">
        <v>41775.844444444447</v>
      </c>
      <c r="B3316" s="2">
        <v>14.6</v>
      </c>
      <c r="C3316" s="2">
        <v>181.2</v>
      </c>
      <c r="D3316" s="2">
        <v>0</v>
      </c>
      <c r="E3316" s="2">
        <v>146.40000000000023</v>
      </c>
    </row>
    <row r="3317" spans="1:5" x14ac:dyDescent="0.25">
      <c r="A3317" s="3">
        <v>41775.844907407409</v>
      </c>
      <c r="B3317" s="2">
        <v>14.6</v>
      </c>
      <c r="C3317" s="2">
        <v>181</v>
      </c>
      <c r="D3317" s="2">
        <v>0</v>
      </c>
      <c r="E3317" s="2">
        <v>146.40000000000023</v>
      </c>
    </row>
    <row r="3318" spans="1:5" x14ac:dyDescent="0.25">
      <c r="A3318" s="3">
        <v>41775.925173611111</v>
      </c>
      <c r="B3318" s="2">
        <v>13.4</v>
      </c>
      <c r="C3318" s="2">
        <v>180.8</v>
      </c>
      <c r="D3318" s="2">
        <v>0</v>
      </c>
      <c r="E3318" s="2">
        <v>146.40000000000023</v>
      </c>
    </row>
    <row r="3319" spans="1:5" x14ac:dyDescent="0.25">
      <c r="A3319" s="3">
        <v>41776.050983796296</v>
      </c>
      <c r="B3319" s="2">
        <v>12.2</v>
      </c>
      <c r="C3319" s="2">
        <v>180.6</v>
      </c>
      <c r="D3319" s="2">
        <v>0</v>
      </c>
      <c r="E3319" s="2">
        <v>146.40000000000023</v>
      </c>
    </row>
    <row r="3320" spans="1:5" x14ac:dyDescent="0.25">
      <c r="A3320" s="3">
        <v>41776.052546296298</v>
      </c>
      <c r="B3320" s="2">
        <v>12.2</v>
      </c>
      <c r="C3320" s="2">
        <v>180.8</v>
      </c>
      <c r="D3320" s="2">
        <v>0</v>
      </c>
      <c r="E3320" s="2">
        <v>146.40000000000023</v>
      </c>
    </row>
    <row r="3321" spans="1:5" x14ac:dyDescent="0.25">
      <c r="A3321" s="3">
        <v>41776.052777777775</v>
      </c>
      <c r="B3321" s="2">
        <v>12.2</v>
      </c>
      <c r="C3321" s="2">
        <v>180.6</v>
      </c>
      <c r="D3321" s="2">
        <v>0</v>
      </c>
      <c r="E3321" s="2">
        <v>146.40000000000023</v>
      </c>
    </row>
    <row r="3322" spans="1:5" x14ac:dyDescent="0.25">
      <c r="A3322" s="3">
        <v>41776.054340277777</v>
      </c>
      <c r="B3322" s="2">
        <v>12.1</v>
      </c>
      <c r="C3322" s="2">
        <v>180.8</v>
      </c>
      <c r="D3322" s="2">
        <v>0</v>
      </c>
      <c r="E3322" s="2">
        <v>146.40000000000023</v>
      </c>
    </row>
    <row r="3323" spans="1:5" x14ac:dyDescent="0.25">
      <c r="A3323" s="3">
        <v>41776.0546875</v>
      </c>
      <c r="B3323" s="2">
        <v>12.1</v>
      </c>
      <c r="C3323" s="2">
        <v>180.6</v>
      </c>
      <c r="D3323" s="2">
        <v>0</v>
      </c>
      <c r="E3323" s="2">
        <v>146.40000000000023</v>
      </c>
    </row>
    <row r="3324" spans="1:5" x14ac:dyDescent="0.25">
      <c r="A3324" s="3">
        <v>41776.290162037039</v>
      </c>
      <c r="B3324" s="2">
        <v>10.8</v>
      </c>
      <c r="C3324" s="2">
        <v>180.4</v>
      </c>
      <c r="D3324" s="2">
        <v>0</v>
      </c>
      <c r="E3324" s="2">
        <v>146.40000000000023</v>
      </c>
    </row>
    <row r="3325" spans="1:5" x14ac:dyDescent="0.25">
      <c r="A3325" s="3">
        <v>41776.462847222225</v>
      </c>
      <c r="B3325" s="2">
        <v>13</v>
      </c>
      <c r="C3325" s="2">
        <v>180.4</v>
      </c>
      <c r="D3325" s="2">
        <v>0.2</v>
      </c>
      <c r="E3325" s="2">
        <v>146.60000000000022</v>
      </c>
    </row>
    <row r="3326" spans="1:5" x14ac:dyDescent="0.25">
      <c r="A3326" s="3">
        <v>41776.667013888888</v>
      </c>
      <c r="B3326" s="2">
        <v>19.399999999999999</v>
      </c>
      <c r="C3326" s="2">
        <v>180.2</v>
      </c>
      <c r="D3326" s="2">
        <v>0</v>
      </c>
      <c r="E3326" s="2">
        <v>146.60000000000022</v>
      </c>
    </row>
    <row r="3327" spans="1:5" x14ac:dyDescent="0.25">
      <c r="A3327" s="3">
        <v>41776.744502314818</v>
      </c>
      <c r="B3327" s="2">
        <v>19.3</v>
      </c>
      <c r="C3327" s="2">
        <v>180</v>
      </c>
      <c r="D3327" s="2">
        <v>0</v>
      </c>
      <c r="E3327" s="2">
        <v>146.60000000000022</v>
      </c>
    </row>
    <row r="3328" spans="1:5" x14ac:dyDescent="0.25">
      <c r="A3328" s="3">
        <v>41776.747858796298</v>
      </c>
      <c r="B3328" s="2">
        <v>19.3</v>
      </c>
      <c r="C3328" s="2">
        <v>180.2</v>
      </c>
      <c r="D3328" s="2">
        <v>0</v>
      </c>
      <c r="E3328" s="2">
        <v>146.60000000000022</v>
      </c>
    </row>
    <row r="3329" spans="1:5" x14ac:dyDescent="0.25">
      <c r="A3329" s="3">
        <v>41776.747974537036</v>
      </c>
      <c r="B3329" s="2">
        <v>19.3</v>
      </c>
      <c r="C3329" s="2">
        <v>180</v>
      </c>
      <c r="D3329" s="2">
        <v>0</v>
      </c>
      <c r="E3329" s="2">
        <v>146.60000000000022</v>
      </c>
    </row>
    <row r="3330" spans="1:5" x14ac:dyDescent="0.25">
      <c r="A3330" s="3">
        <v>41776.816666666666</v>
      </c>
      <c r="B3330" s="2">
        <v>18.7</v>
      </c>
      <c r="C3330" s="2">
        <v>179.8</v>
      </c>
      <c r="D3330" s="2">
        <v>0</v>
      </c>
      <c r="E3330" s="2">
        <v>146.60000000000022</v>
      </c>
    </row>
    <row r="3331" spans="1:5" x14ac:dyDescent="0.25">
      <c r="A3331" s="3">
        <v>41776.817245370374</v>
      </c>
      <c r="B3331" s="2">
        <v>18.7</v>
      </c>
      <c r="C3331" s="2">
        <v>180</v>
      </c>
      <c r="D3331" s="2">
        <v>0</v>
      </c>
      <c r="E3331" s="2">
        <v>146.60000000000022</v>
      </c>
    </row>
    <row r="3332" spans="1:5" x14ac:dyDescent="0.25">
      <c r="A3332" s="3">
        <v>41776.81753472222</v>
      </c>
      <c r="B3332" s="2">
        <v>18.7</v>
      </c>
      <c r="C3332" s="2">
        <v>179.8</v>
      </c>
      <c r="D3332" s="2">
        <v>0</v>
      </c>
      <c r="E3332" s="2">
        <v>146.60000000000022</v>
      </c>
    </row>
    <row r="3333" spans="1:5" x14ac:dyDescent="0.25">
      <c r="A3333" s="3">
        <v>41776.819907407407</v>
      </c>
      <c r="B3333" s="2">
        <v>18.7</v>
      </c>
      <c r="C3333" s="2">
        <v>180</v>
      </c>
      <c r="D3333" s="2">
        <v>0</v>
      </c>
      <c r="E3333" s="2">
        <v>146.60000000000022</v>
      </c>
    </row>
    <row r="3334" spans="1:5" x14ac:dyDescent="0.25">
      <c r="A3334" s="3">
        <v>41776.820486111108</v>
      </c>
      <c r="B3334" s="2">
        <v>18.7</v>
      </c>
      <c r="C3334" s="2">
        <v>179.8</v>
      </c>
      <c r="D3334" s="2">
        <v>0</v>
      </c>
      <c r="E3334" s="2">
        <v>146.60000000000022</v>
      </c>
    </row>
    <row r="3335" spans="1:5" x14ac:dyDescent="0.25">
      <c r="A3335" s="3">
        <v>41776.820949074077</v>
      </c>
      <c r="B3335" s="2">
        <v>18.7</v>
      </c>
      <c r="C3335" s="2">
        <v>180</v>
      </c>
      <c r="D3335" s="2">
        <v>0</v>
      </c>
      <c r="E3335" s="2">
        <v>146.60000000000022</v>
      </c>
    </row>
    <row r="3336" spans="1:5" x14ac:dyDescent="0.25">
      <c r="A3336" s="3">
        <v>41776.821238425924</v>
      </c>
      <c r="B3336" s="2">
        <v>18.7</v>
      </c>
      <c r="C3336" s="2">
        <v>179.8</v>
      </c>
      <c r="D3336" s="2">
        <v>0</v>
      </c>
      <c r="E3336" s="2">
        <v>146.60000000000022</v>
      </c>
    </row>
    <row r="3337" spans="1:5" x14ac:dyDescent="0.25">
      <c r="A3337" s="3">
        <v>41776.825231481482</v>
      </c>
      <c r="B3337" s="2">
        <v>18.600000000000001</v>
      </c>
      <c r="C3337" s="2">
        <v>180</v>
      </c>
      <c r="D3337" s="2">
        <v>0</v>
      </c>
      <c r="E3337" s="2">
        <v>146.60000000000022</v>
      </c>
    </row>
    <row r="3338" spans="1:5" x14ac:dyDescent="0.25">
      <c r="A3338" s="3">
        <v>41776.82540509259</v>
      </c>
      <c r="B3338" s="2">
        <v>18.600000000000001</v>
      </c>
      <c r="C3338" s="2">
        <v>179.8</v>
      </c>
      <c r="D3338" s="2">
        <v>0</v>
      </c>
      <c r="E3338" s="2">
        <v>146.60000000000022</v>
      </c>
    </row>
    <row r="3339" spans="1:5" x14ac:dyDescent="0.25">
      <c r="A3339" s="3">
        <v>41776.927835648145</v>
      </c>
      <c r="B3339" s="2">
        <v>17</v>
      </c>
      <c r="C3339" s="2">
        <v>179.6</v>
      </c>
      <c r="D3339" s="2">
        <v>0</v>
      </c>
      <c r="E3339" s="2">
        <v>146.60000000000022</v>
      </c>
    </row>
    <row r="3340" spans="1:5" x14ac:dyDescent="0.25">
      <c r="A3340" s="3">
        <v>41777.060069444444</v>
      </c>
      <c r="B3340" s="2">
        <v>15.2</v>
      </c>
      <c r="C3340" s="2">
        <v>179.4</v>
      </c>
      <c r="D3340" s="2">
        <v>0</v>
      </c>
      <c r="E3340" s="2">
        <v>146.60000000000022</v>
      </c>
    </row>
    <row r="3341" spans="1:5" x14ac:dyDescent="0.25">
      <c r="A3341" s="3">
        <v>41777.128182870372</v>
      </c>
      <c r="B3341" s="2">
        <v>14.5</v>
      </c>
      <c r="C3341" s="2">
        <v>179.4</v>
      </c>
      <c r="D3341" s="2">
        <v>0.2</v>
      </c>
      <c r="E3341" s="2">
        <v>146.80000000000021</v>
      </c>
    </row>
    <row r="3342" spans="1:5" x14ac:dyDescent="0.25">
      <c r="A3342" s="3">
        <v>41777.147164351853</v>
      </c>
      <c r="B3342" s="2">
        <v>14.3</v>
      </c>
      <c r="C3342" s="2">
        <v>179.6</v>
      </c>
      <c r="D3342" s="2">
        <v>0</v>
      </c>
      <c r="E3342" s="2">
        <v>146.80000000000021</v>
      </c>
    </row>
    <row r="3343" spans="1:5" x14ac:dyDescent="0.25">
      <c r="A3343" s="3">
        <v>41777.155613425923</v>
      </c>
      <c r="B3343" s="2">
        <v>14.2</v>
      </c>
      <c r="C3343" s="2">
        <v>179.6</v>
      </c>
      <c r="D3343" s="2">
        <v>0.2</v>
      </c>
      <c r="E3343" s="2">
        <v>147.0000000000002</v>
      </c>
    </row>
    <row r="3344" spans="1:5" x14ac:dyDescent="0.25">
      <c r="A3344" s="3">
        <v>41777.260995370372</v>
      </c>
      <c r="B3344" s="2">
        <v>13.5</v>
      </c>
      <c r="C3344" s="2">
        <v>179.6</v>
      </c>
      <c r="D3344" s="2">
        <v>0.2</v>
      </c>
      <c r="E3344" s="2">
        <v>147.20000000000019</v>
      </c>
    </row>
    <row r="3345" spans="1:5" x14ac:dyDescent="0.25">
      <c r="A3345" s="3">
        <v>41777.268576388888</v>
      </c>
      <c r="B3345" s="2">
        <v>13.4</v>
      </c>
      <c r="C3345" s="2">
        <v>179.8</v>
      </c>
      <c r="D3345" s="2">
        <v>0</v>
      </c>
      <c r="E3345" s="2">
        <v>147.20000000000019</v>
      </c>
    </row>
    <row r="3346" spans="1:5" x14ac:dyDescent="0.25">
      <c r="A3346" s="3">
        <v>41777.278587962966</v>
      </c>
      <c r="B3346" s="2">
        <v>13.4</v>
      </c>
      <c r="C3346" s="2">
        <v>179.8</v>
      </c>
      <c r="D3346" s="2">
        <v>0.2</v>
      </c>
      <c r="E3346" s="2">
        <v>147.40000000000018</v>
      </c>
    </row>
    <row r="3347" spans="1:5" x14ac:dyDescent="0.25">
      <c r="A3347" s="3">
        <v>41777.307118055556</v>
      </c>
      <c r="B3347" s="2">
        <v>13.2</v>
      </c>
      <c r="C3347" s="2">
        <v>179.8</v>
      </c>
      <c r="D3347" s="2">
        <v>0.2</v>
      </c>
      <c r="E3347" s="2">
        <v>147.60000000000016</v>
      </c>
    </row>
    <row r="3348" spans="1:5" x14ac:dyDescent="0.25">
      <c r="A3348" s="3">
        <v>41777.312326388892</v>
      </c>
      <c r="B3348" s="2">
        <v>13.2</v>
      </c>
      <c r="C3348" s="2">
        <v>180</v>
      </c>
      <c r="D3348" s="2">
        <v>0</v>
      </c>
      <c r="E3348" s="2">
        <v>147.60000000000016</v>
      </c>
    </row>
    <row r="3349" spans="1:5" x14ac:dyDescent="0.25">
      <c r="A3349" s="3">
        <v>41777.39340277778</v>
      </c>
      <c r="B3349" s="2">
        <v>13.7</v>
      </c>
      <c r="C3349" s="2">
        <v>180</v>
      </c>
      <c r="D3349" s="2">
        <v>0.2</v>
      </c>
      <c r="E3349" s="2">
        <v>147.80000000000015</v>
      </c>
    </row>
    <row r="3350" spans="1:5" x14ac:dyDescent="0.25">
      <c r="A3350" s="3">
        <v>41777.402662037035</v>
      </c>
      <c r="B3350" s="2">
        <v>13.8</v>
      </c>
      <c r="C3350" s="2">
        <v>180.2</v>
      </c>
      <c r="D3350" s="2">
        <v>0</v>
      </c>
      <c r="E3350" s="2">
        <v>147.80000000000015</v>
      </c>
    </row>
    <row r="3351" spans="1:5" x14ac:dyDescent="0.25">
      <c r="A3351" s="3">
        <v>41777.445370370369</v>
      </c>
      <c r="B3351" s="2">
        <v>14.3</v>
      </c>
      <c r="C3351" s="2">
        <v>180.2</v>
      </c>
      <c r="D3351" s="2">
        <v>0.2</v>
      </c>
      <c r="E3351" s="2">
        <v>148.00000000000014</v>
      </c>
    </row>
    <row r="3352" spans="1:5" x14ac:dyDescent="0.25">
      <c r="A3352" s="3">
        <v>41777.461516203701</v>
      </c>
      <c r="B3352" s="2">
        <v>14.6</v>
      </c>
      <c r="C3352" s="2">
        <v>180.4</v>
      </c>
      <c r="D3352" s="2">
        <v>0</v>
      </c>
      <c r="E3352" s="2">
        <v>148.00000000000014</v>
      </c>
    </row>
    <row r="3353" spans="1:5" x14ac:dyDescent="0.25">
      <c r="A3353" s="3">
        <v>41777.461805555555</v>
      </c>
      <c r="B3353" s="2">
        <v>14.6</v>
      </c>
      <c r="C3353" s="2">
        <v>180.2</v>
      </c>
      <c r="D3353" s="2">
        <v>0</v>
      </c>
      <c r="E3353" s="2">
        <v>148.00000000000014</v>
      </c>
    </row>
    <row r="3354" spans="1:5" x14ac:dyDescent="0.25">
      <c r="A3354" s="3">
        <v>41777.462731481479</v>
      </c>
      <c r="B3354" s="2">
        <v>14.6</v>
      </c>
      <c r="C3354" s="2">
        <v>180.4</v>
      </c>
      <c r="D3354" s="2">
        <v>0</v>
      </c>
      <c r="E3354" s="2">
        <v>148.00000000000014</v>
      </c>
    </row>
    <row r="3355" spans="1:5" x14ac:dyDescent="0.25">
      <c r="A3355" s="3">
        <v>41777.464178240742</v>
      </c>
      <c r="B3355" s="2">
        <v>14.7</v>
      </c>
      <c r="C3355" s="2">
        <v>180.2</v>
      </c>
      <c r="D3355" s="2">
        <v>0</v>
      </c>
      <c r="E3355" s="2">
        <v>148.00000000000014</v>
      </c>
    </row>
    <row r="3356" spans="1:5" x14ac:dyDescent="0.25">
      <c r="A3356" s="3">
        <v>41777.470081018517</v>
      </c>
      <c r="B3356" s="2">
        <v>14.7</v>
      </c>
      <c r="C3356" s="2">
        <v>180.4</v>
      </c>
      <c r="D3356" s="2">
        <v>0</v>
      </c>
      <c r="E3356" s="2">
        <v>148.00000000000014</v>
      </c>
    </row>
    <row r="3357" spans="1:5" x14ac:dyDescent="0.25">
      <c r="A3357" s="3">
        <v>41777.470138888886</v>
      </c>
      <c r="B3357" s="2">
        <v>14.7</v>
      </c>
      <c r="C3357" s="2">
        <v>180.2</v>
      </c>
      <c r="D3357" s="2">
        <v>0</v>
      </c>
      <c r="E3357" s="2">
        <v>148.00000000000014</v>
      </c>
    </row>
    <row r="3358" spans="1:5" x14ac:dyDescent="0.25">
      <c r="A3358" s="3">
        <v>41777.473263888889</v>
      </c>
      <c r="B3358" s="2">
        <v>14.8</v>
      </c>
      <c r="C3358" s="2">
        <v>180.4</v>
      </c>
      <c r="D3358" s="2">
        <v>0</v>
      </c>
      <c r="E3358" s="2">
        <v>148.00000000000014</v>
      </c>
    </row>
    <row r="3359" spans="1:5" x14ac:dyDescent="0.25">
      <c r="A3359" s="3">
        <v>41777.603182870371</v>
      </c>
      <c r="B3359" s="2">
        <v>17.399999999999999</v>
      </c>
      <c r="C3359" s="2">
        <v>180.2</v>
      </c>
      <c r="D3359" s="2">
        <v>0</v>
      </c>
      <c r="E3359" s="2">
        <v>148.00000000000014</v>
      </c>
    </row>
    <row r="3360" spans="1:5" x14ac:dyDescent="0.25">
      <c r="A3360" s="3">
        <v>41777.604513888888</v>
      </c>
      <c r="B3360" s="2">
        <v>17.399999999999999</v>
      </c>
      <c r="C3360" s="2">
        <v>180.4</v>
      </c>
      <c r="D3360" s="2">
        <v>0</v>
      </c>
      <c r="E3360" s="2">
        <v>148.00000000000014</v>
      </c>
    </row>
    <row r="3361" spans="1:5" x14ac:dyDescent="0.25">
      <c r="A3361" s="3">
        <v>41777.605092592596</v>
      </c>
      <c r="B3361" s="2">
        <v>17.399999999999999</v>
      </c>
      <c r="C3361" s="2">
        <v>180.2</v>
      </c>
      <c r="D3361" s="2">
        <v>0</v>
      </c>
      <c r="E3361" s="2">
        <v>148.00000000000014</v>
      </c>
    </row>
    <row r="3362" spans="1:5" x14ac:dyDescent="0.25">
      <c r="A3362" s="3">
        <v>41777.605150462965</v>
      </c>
      <c r="B3362" s="2">
        <v>17.399999999999999</v>
      </c>
      <c r="C3362" s="2">
        <v>180.4</v>
      </c>
      <c r="D3362" s="2">
        <v>0</v>
      </c>
      <c r="E3362" s="2">
        <v>148.00000000000014</v>
      </c>
    </row>
    <row r="3363" spans="1:5" x14ac:dyDescent="0.25">
      <c r="A3363" s="3">
        <v>41777.608275462961</v>
      </c>
      <c r="B3363" s="2">
        <v>17.5</v>
      </c>
      <c r="C3363" s="2">
        <v>180.2</v>
      </c>
      <c r="D3363" s="2">
        <v>0</v>
      </c>
      <c r="E3363" s="2">
        <v>148.00000000000014</v>
      </c>
    </row>
    <row r="3364" spans="1:5" x14ac:dyDescent="0.25">
      <c r="A3364" s="3">
        <v>41777.609722222223</v>
      </c>
      <c r="B3364" s="2">
        <v>17.5</v>
      </c>
      <c r="C3364" s="2">
        <v>180.4</v>
      </c>
      <c r="D3364" s="2">
        <v>0</v>
      </c>
      <c r="E3364" s="2">
        <v>148.00000000000014</v>
      </c>
    </row>
    <row r="3365" spans="1:5" x14ac:dyDescent="0.25">
      <c r="A3365" s="3">
        <v>41777.609895833331</v>
      </c>
      <c r="B3365" s="2">
        <v>17.5</v>
      </c>
      <c r="C3365" s="2">
        <v>180.2</v>
      </c>
      <c r="D3365" s="2">
        <v>0</v>
      </c>
      <c r="E3365" s="2">
        <v>148.00000000000014</v>
      </c>
    </row>
    <row r="3366" spans="1:5" x14ac:dyDescent="0.25">
      <c r="A3366" s="3">
        <v>41777.610069444447</v>
      </c>
      <c r="B3366" s="2">
        <v>17.5</v>
      </c>
      <c r="C3366" s="2">
        <v>180.4</v>
      </c>
      <c r="D3366" s="2">
        <v>0</v>
      </c>
      <c r="E3366" s="2">
        <v>148.00000000000014</v>
      </c>
    </row>
    <row r="3367" spans="1:5" x14ac:dyDescent="0.25">
      <c r="A3367" s="3">
        <v>41777.610185185185</v>
      </c>
      <c r="B3367" s="2">
        <v>17.5</v>
      </c>
      <c r="C3367" s="2">
        <v>180.2</v>
      </c>
      <c r="D3367" s="2">
        <v>0</v>
      </c>
      <c r="E3367" s="2">
        <v>148.00000000000014</v>
      </c>
    </row>
    <row r="3368" spans="1:5" x14ac:dyDescent="0.25">
      <c r="A3368" s="3">
        <v>41777.610821759263</v>
      </c>
      <c r="B3368" s="2">
        <v>17.5</v>
      </c>
      <c r="C3368" s="2">
        <v>180.4</v>
      </c>
      <c r="D3368" s="2">
        <v>0</v>
      </c>
      <c r="E3368" s="2">
        <v>148.00000000000014</v>
      </c>
    </row>
    <row r="3369" spans="1:5" x14ac:dyDescent="0.25">
      <c r="A3369" s="3">
        <v>41777.610995370371</v>
      </c>
      <c r="B3369" s="2">
        <v>17.5</v>
      </c>
      <c r="C3369" s="2">
        <v>180.2</v>
      </c>
      <c r="D3369" s="2">
        <v>0</v>
      </c>
      <c r="E3369" s="2">
        <v>148.00000000000014</v>
      </c>
    </row>
    <row r="3370" spans="1:5" x14ac:dyDescent="0.25">
      <c r="A3370" s="3">
        <v>41777.611458333333</v>
      </c>
      <c r="B3370" s="2">
        <v>17.5</v>
      </c>
      <c r="C3370" s="2">
        <v>180.4</v>
      </c>
      <c r="D3370" s="2">
        <v>0</v>
      </c>
      <c r="E3370" s="2">
        <v>148.00000000000014</v>
      </c>
    </row>
    <row r="3371" spans="1:5" x14ac:dyDescent="0.25">
      <c r="A3371" s="3">
        <v>41777.617881944447</v>
      </c>
      <c r="B3371" s="2">
        <v>17.8</v>
      </c>
      <c r="C3371" s="2">
        <v>180.2</v>
      </c>
      <c r="D3371" s="2">
        <v>0</v>
      </c>
      <c r="E3371" s="2">
        <v>148.00000000000014</v>
      </c>
    </row>
    <row r="3372" spans="1:5" x14ac:dyDescent="0.25">
      <c r="A3372" s="3">
        <v>41777.618402777778</v>
      </c>
      <c r="B3372" s="2">
        <v>17.8</v>
      </c>
      <c r="C3372" s="2">
        <v>180.4</v>
      </c>
      <c r="D3372" s="2">
        <v>0</v>
      </c>
      <c r="E3372" s="2">
        <v>148.00000000000014</v>
      </c>
    </row>
    <row r="3373" spans="1:5" x14ac:dyDescent="0.25">
      <c r="A3373" s="3">
        <v>41777.619502314818</v>
      </c>
      <c r="B3373" s="2">
        <v>17.8</v>
      </c>
      <c r="C3373" s="2">
        <v>180.2</v>
      </c>
      <c r="D3373" s="2">
        <v>0</v>
      </c>
      <c r="E3373" s="2">
        <v>148.00000000000014</v>
      </c>
    </row>
    <row r="3374" spans="1:5" x14ac:dyDescent="0.25">
      <c r="A3374" s="3">
        <v>41777.619849537034</v>
      </c>
      <c r="B3374" s="2">
        <v>17.8</v>
      </c>
      <c r="C3374" s="2">
        <v>180.4</v>
      </c>
      <c r="D3374" s="2">
        <v>0</v>
      </c>
      <c r="E3374" s="2">
        <v>148.00000000000014</v>
      </c>
    </row>
    <row r="3375" spans="1:5" x14ac:dyDescent="0.25">
      <c r="A3375" s="3">
        <v>41777.620949074073</v>
      </c>
      <c r="B3375" s="2">
        <v>17.899999999999999</v>
      </c>
      <c r="C3375" s="2">
        <v>180.2</v>
      </c>
      <c r="D3375" s="2">
        <v>0</v>
      </c>
      <c r="E3375" s="2">
        <v>148.00000000000014</v>
      </c>
    </row>
    <row r="3376" spans="1:5" x14ac:dyDescent="0.25">
      <c r="A3376" s="3">
        <v>41777.623726851853</v>
      </c>
      <c r="B3376" s="2">
        <v>17.899999999999999</v>
      </c>
      <c r="C3376" s="2">
        <v>180.4</v>
      </c>
      <c r="D3376" s="2">
        <v>0</v>
      </c>
      <c r="E3376" s="2">
        <v>148.00000000000014</v>
      </c>
    </row>
    <row r="3377" spans="1:5" x14ac:dyDescent="0.25">
      <c r="A3377" s="3">
        <v>41777.639872685184</v>
      </c>
      <c r="B3377" s="2">
        <v>18</v>
      </c>
      <c r="C3377" s="2">
        <v>180.2</v>
      </c>
      <c r="D3377" s="2">
        <v>0</v>
      </c>
      <c r="E3377" s="2">
        <v>148.00000000000014</v>
      </c>
    </row>
    <row r="3378" spans="1:5" x14ac:dyDescent="0.25">
      <c r="A3378" s="3">
        <v>41777.639930555553</v>
      </c>
      <c r="B3378" s="2">
        <v>18</v>
      </c>
      <c r="C3378" s="2">
        <v>180.4</v>
      </c>
      <c r="D3378" s="2">
        <v>0</v>
      </c>
      <c r="E3378" s="2">
        <v>148.00000000000014</v>
      </c>
    </row>
    <row r="3379" spans="1:5" x14ac:dyDescent="0.25">
      <c r="A3379" s="3">
        <v>41777.642824074072</v>
      </c>
      <c r="B3379" s="2">
        <v>18.100000000000001</v>
      </c>
      <c r="C3379" s="2">
        <v>180.2</v>
      </c>
      <c r="D3379" s="2">
        <v>0</v>
      </c>
      <c r="E3379" s="2">
        <v>148.00000000000014</v>
      </c>
    </row>
    <row r="3380" spans="1:5" x14ac:dyDescent="0.25">
      <c r="A3380" s="3">
        <v>41777.646122685182</v>
      </c>
      <c r="B3380" s="2">
        <v>18.100000000000001</v>
      </c>
      <c r="C3380" s="2">
        <v>180.4</v>
      </c>
      <c r="D3380" s="2">
        <v>0</v>
      </c>
      <c r="E3380" s="2">
        <v>148.00000000000014</v>
      </c>
    </row>
    <row r="3381" spans="1:5" x14ac:dyDescent="0.25">
      <c r="A3381" s="3">
        <v>41777.646238425928</v>
      </c>
      <c r="B3381" s="2">
        <v>18.100000000000001</v>
      </c>
      <c r="C3381" s="2">
        <v>180.2</v>
      </c>
      <c r="D3381" s="2">
        <v>0</v>
      </c>
      <c r="E3381" s="2">
        <v>148.00000000000014</v>
      </c>
    </row>
    <row r="3382" spans="1:5" x14ac:dyDescent="0.25">
      <c r="A3382" s="3">
        <v>41777.646412037036</v>
      </c>
      <c r="B3382" s="2">
        <v>18.100000000000001</v>
      </c>
      <c r="C3382" s="2">
        <v>180.4</v>
      </c>
      <c r="D3382" s="2">
        <v>0</v>
      </c>
      <c r="E3382" s="2">
        <v>148.00000000000014</v>
      </c>
    </row>
    <row r="3383" spans="1:5" x14ac:dyDescent="0.25">
      <c r="A3383" s="3">
        <v>41777.646874999999</v>
      </c>
      <c r="B3383" s="2">
        <v>18.100000000000001</v>
      </c>
      <c r="C3383" s="2">
        <v>180.2</v>
      </c>
      <c r="D3383" s="2">
        <v>0</v>
      </c>
      <c r="E3383" s="2">
        <v>148.00000000000014</v>
      </c>
    </row>
    <row r="3384" spans="1:5" x14ac:dyDescent="0.25">
      <c r="A3384" s="3">
        <v>41777.647222222222</v>
      </c>
      <c r="B3384" s="2">
        <v>18.100000000000001</v>
      </c>
      <c r="C3384" s="2">
        <v>180.4</v>
      </c>
      <c r="D3384" s="2">
        <v>0</v>
      </c>
      <c r="E3384" s="2">
        <v>148.00000000000014</v>
      </c>
    </row>
    <row r="3385" spans="1:5" x14ac:dyDescent="0.25">
      <c r="A3385" s="3">
        <v>41777.647627314815</v>
      </c>
      <c r="B3385" s="2">
        <v>18.100000000000001</v>
      </c>
      <c r="C3385" s="2">
        <v>180.2</v>
      </c>
      <c r="D3385" s="2">
        <v>0</v>
      </c>
      <c r="E3385" s="2">
        <v>148.00000000000014</v>
      </c>
    </row>
    <row r="3386" spans="1:5" x14ac:dyDescent="0.25">
      <c r="A3386" s="3">
        <v>41777.65902777778</v>
      </c>
      <c r="B3386" s="2">
        <v>18.2</v>
      </c>
      <c r="C3386" s="2">
        <v>180.4</v>
      </c>
      <c r="D3386" s="2">
        <v>0</v>
      </c>
      <c r="E3386" s="2">
        <v>148.00000000000014</v>
      </c>
    </row>
    <row r="3387" spans="1:5" x14ac:dyDescent="0.25">
      <c r="A3387" s="3">
        <v>41777.659085648149</v>
      </c>
      <c r="B3387" s="2">
        <v>18.2</v>
      </c>
      <c r="C3387" s="2">
        <v>180.2</v>
      </c>
      <c r="D3387" s="2">
        <v>0</v>
      </c>
      <c r="E3387" s="2">
        <v>148.00000000000014</v>
      </c>
    </row>
    <row r="3388" spans="1:5" x14ac:dyDescent="0.25">
      <c r="A3388" s="3">
        <v>41777.732754629629</v>
      </c>
      <c r="B3388" s="2">
        <v>18.2</v>
      </c>
      <c r="C3388" s="2">
        <v>180</v>
      </c>
      <c r="D3388" s="2">
        <v>0</v>
      </c>
      <c r="E3388" s="2">
        <v>148.00000000000014</v>
      </c>
    </row>
    <row r="3389" spans="1:5" x14ac:dyDescent="0.25">
      <c r="A3389" s="3">
        <v>41777.732812499999</v>
      </c>
      <c r="B3389" s="2">
        <v>18.2</v>
      </c>
      <c r="C3389" s="2">
        <v>180.2</v>
      </c>
      <c r="D3389" s="2">
        <v>0</v>
      </c>
      <c r="E3389" s="2">
        <v>148.00000000000014</v>
      </c>
    </row>
    <row r="3390" spans="1:5" x14ac:dyDescent="0.25">
      <c r="A3390" s="3">
        <v>41777.740162037036</v>
      </c>
      <c r="B3390" s="2">
        <v>18</v>
      </c>
      <c r="C3390" s="2">
        <v>180.2</v>
      </c>
      <c r="D3390" s="2">
        <v>0.2</v>
      </c>
      <c r="E3390" s="2">
        <v>148.20000000000013</v>
      </c>
    </row>
    <row r="3391" spans="1:5" x14ac:dyDescent="0.25">
      <c r="A3391" s="3">
        <v>41777.740740740737</v>
      </c>
      <c r="B3391" s="2">
        <v>18</v>
      </c>
      <c r="C3391" s="2">
        <v>180.4</v>
      </c>
      <c r="D3391" s="2">
        <v>0</v>
      </c>
      <c r="E3391" s="2">
        <v>148.20000000000013</v>
      </c>
    </row>
    <row r="3392" spans="1:5" x14ac:dyDescent="0.25">
      <c r="A3392" s="3">
        <v>41777.741956018515</v>
      </c>
      <c r="B3392" s="2">
        <v>18</v>
      </c>
      <c r="C3392" s="2">
        <v>180.4</v>
      </c>
      <c r="D3392" s="2">
        <v>0.2</v>
      </c>
      <c r="E3392" s="2">
        <v>148.40000000000012</v>
      </c>
    </row>
    <row r="3393" spans="1:5" x14ac:dyDescent="0.25">
      <c r="A3393" s="3">
        <v>41777.743055555555</v>
      </c>
      <c r="B3393" s="2">
        <v>17.899999999999999</v>
      </c>
      <c r="C3393" s="2">
        <v>180.6</v>
      </c>
      <c r="D3393" s="2">
        <v>0.2</v>
      </c>
      <c r="E3393" s="2">
        <v>148.60000000000011</v>
      </c>
    </row>
    <row r="3394" spans="1:5" x14ac:dyDescent="0.25">
      <c r="A3394" s="3">
        <v>41777.744212962964</v>
      </c>
      <c r="B3394" s="2">
        <v>17.899999999999999</v>
      </c>
      <c r="C3394" s="2">
        <v>180.8</v>
      </c>
      <c r="D3394" s="2">
        <v>0</v>
      </c>
      <c r="E3394" s="2">
        <v>148.60000000000011</v>
      </c>
    </row>
    <row r="3395" spans="1:5" x14ac:dyDescent="0.25">
      <c r="A3395" s="3">
        <v>41777.744270833333</v>
      </c>
      <c r="B3395" s="2">
        <v>17.899999999999999</v>
      </c>
      <c r="C3395" s="2">
        <v>180.8</v>
      </c>
      <c r="D3395" s="2">
        <v>0.2</v>
      </c>
      <c r="E3395" s="2">
        <v>148.8000000000001</v>
      </c>
    </row>
    <row r="3396" spans="1:5" x14ac:dyDescent="0.25">
      <c r="A3396" s="3">
        <v>41777.748263888891</v>
      </c>
      <c r="B3396" s="2">
        <v>17.8</v>
      </c>
      <c r="C3396" s="2">
        <v>180.8</v>
      </c>
      <c r="D3396" s="2">
        <v>0.2</v>
      </c>
      <c r="E3396" s="2">
        <v>149.00000000000009</v>
      </c>
    </row>
    <row r="3397" spans="1:5" x14ac:dyDescent="0.25">
      <c r="A3397" s="3">
        <v>41777.748379629629</v>
      </c>
      <c r="B3397" s="2">
        <v>17.8</v>
      </c>
      <c r="C3397" s="2">
        <v>181</v>
      </c>
      <c r="D3397" s="2">
        <v>0</v>
      </c>
      <c r="E3397" s="2">
        <v>149.00000000000009</v>
      </c>
    </row>
    <row r="3398" spans="1:5" x14ac:dyDescent="0.25">
      <c r="A3398" s="3">
        <v>41777.754976851851</v>
      </c>
      <c r="B3398" s="2">
        <v>17.8</v>
      </c>
      <c r="C3398" s="2">
        <v>181</v>
      </c>
      <c r="D3398" s="2">
        <v>0.2</v>
      </c>
      <c r="E3398" s="2">
        <v>149.20000000000007</v>
      </c>
    </row>
    <row r="3399" spans="1:5" x14ac:dyDescent="0.25">
      <c r="A3399" s="3">
        <v>41777.75503472222</v>
      </c>
      <c r="B3399" s="2">
        <v>17.8</v>
      </c>
      <c r="C3399" s="2">
        <v>181.2</v>
      </c>
      <c r="D3399" s="2">
        <v>0</v>
      </c>
      <c r="E3399" s="2">
        <v>149.20000000000007</v>
      </c>
    </row>
    <row r="3400" spans="1:5" x14ac:dyDescent="0.25">
      <c r="A3400" s="3">
        <v>41777.759317129632</v>
      </c>
      <c r="B3400" s="2">
        <v>17.7</v>
      </c>
      <c r="C3400" s="2">
        <v>181.2</v>
      </c>
      <c r="D3400" s="2">
        <v>0.2</v>
      </c>
      <c r="E3400" s="2">
        <v>149.40000000000006</v>
      </c>
    </row>
    <row r="3401" spans="1:5" x14ac:dyDescent="0.25">
      <c r="A3401" s="3">
        <v>41777.760243055556</v>
      </c>
      <c r="B3401" s="2">
        <v>17.7</v>
      </c>
      <c r="C3401" s="2">
        <v>181.4</v>
      </c>
      <c r="D3401" s="2">
        <v>0</v>
      </c>
      <c r="E3401" s="2">
        <v>149.40000000000006</v>
      </c>
    </row>
    <row r="3402" spans="1:5" x14ac:dyDescent="0.25">
      <c r="A3402" s="3">
        <v>41777.945370370369</v>
      </c>
      <c r="B3402" s="2">
        <v>15.6</v>
      </c>
      <c r="C3402" s="2">
        <v>181.2</v>
      </c>
      <c r="D3402" s="2">
        <v>0</v>
      </c>
      <c r="E3402" s="2">
        <v>149.40000000000006</v>
      </c>
    </row>
    <row r="3403" spans="1:5" x14ac:dyDescent="0.25">
      <c r="A3403" s="3">
        <v>41778.29010416667</v>
      </c>
      <c r="B3403" s="2">
        <v>12.1</v>
      </c>
      <c r="C3403" s="2">
        <v>181</v>
      </c>
      <c r="D3403" s="2">
        <v>0</v>
      </c>
      <c r="E3403" s="2">
        <v>149.40000000000006</v>
      </c>
    </row>
    <row r="3404" spans="1:5" x14ac:dyDescent="0.25">
      <c r="A3404" s="3">
        <v>41778.349537037036</v>
      </c>
      <c r="B3404" s="2">
        <v>12.3</v>
      </c>
      <c r="C3404" s="2">
        <v>180.8</v>
      </c>
      <c r="D3404" s="2">
        <v>0</v>
      </c>
      <c r="E3404" s="2">
        <v>149.40000000000006</v>
      </c>
    </row>
    <row r="3405" spans="1:5" x14ac:dyDescent="0.25">
      <c r="A3405" s="3">
        <v>41778.376099537039</v>
      </c>
      <c r="B3405" s="2">
        <v>13.3</v>
      </c>
      <c r="C3405" s="2">
        <v>181</v>
      </c>
      <c r="D3405" s="2">
        <v>0</v>
      </c>
      <c r="E3405" s="2">
        <v>149.40000000000006</v>
      </c>
    </row>
    <row r="3406" spans="1:5" x14ac:dyDescent="0.25">
      <c r="A3406" s="3">
        <v>41778.376331018517</v>
      </c>
      <c r="B3406" s="2">
        <v>13.4</v>
      </c>
      <c r="C3406" s="2">
        <v>180.8</v>
      </c>
      <c r="D3406" s="2">
        <v>0</v>
      </c>
      <c r="E3406" s="2">
        <v>149.40000000000006</v>
      </c>
    </row>
    <row r="3407" spans="1:5" x14ac:dyDescent="0.25">
      <c r="A3407" s="3">
        <v>41778.393229166664</v>
      </c>
      <c r="B3407" s="2">
        <v>14.2</v>
      </c>
      <c r="C3407" s="2">
        <v>181</v>
      </c>
      <c r="D3407" s="2">
        <v>0</v>
      </c>
      <c r="E3407" s="2">
        <v>149.40000000000006</v>
      </c>
    </row>
    <row r="3408" spans="1:5" x14ac:dyDescent="0.25">
      <c r="A3408" s="3">
        <v>41778.39340277778</v>
      </c>
      <c r="B3408" s="2">
        <v>14.2</v>
      </c>
      <c r="C3408" s="2">
        <v>180.8</v>
      </c>
      <c r="D3408" s="2">
        <v>0</v>
      </c>
      <c r="E3408" s="2">
        <v>149.40000000000006</v>
      </c>
    </row>
    <row r="3409" spans="1:5" x14ac:dyDescent="0.25">
      <c r="A3409" s="3">
        <v>41778.40289351852</v>
      </c>
      <c r="B3409" s="2">
        <v>14.6</v>
      </c>
      <c r="C3409" s="2">
        <v>181</v>
      </c>
      <c r="D3409" s="2">
        <v>0</v>
      </c>
      <c r="E3409" s="2">
        <v>149.40000000000006</v>
      </c>
    </row>
    <row r="3410" spans="1:5" x14ac:dyDescent="0.25">
      <c r="A3410" s="3">
        <v>41778.403298611112</v>
      </c>
      <c r="B3410" s="2">
        <v>14.6</v>
      </c>
      <c r="C3410" s="2">
        <v>180.8</v>
      </c>
      <c r="D3410" s="2">
        <v>0</v>
      </c>
      <c r="E3410" s="2">
        <v>149.40000000000006</v>
      </c>
    </row>
    <row r="3411" spans="1:5" x14ac:dyDescent="0.25">
      <c r="A3411" s="3">
        <v>41778.403645833336</v>
      </c>
      <c r="B3411" s="2">
        <v>14.7</v>
      </c>
      <c r="C3411" s="2">
        <v>181</v>
      </c>
      <c r="D3411" s="2">
        <v>0</v>
      </c>
      <c r="E3411" s="2">
        <v>149.40000000000006</v>
      </c>
    </row>
    <row r="3412" spans="1:5" x14ac:dyDescent="0.25">
      <c r="A3412" s="3">
        <v>41778.404108796298</v>
      </c>
      <c r="B3412" s="2">
        <v>14.7</v>
      </c>
      <c r="C3412" s="2">
        <v>180.8</v>
      </c>
      <c r="D3412" s="2">
        <v>0</v>
      </c>
      <c r="E3412" s="2">
        <v>149.40000000000006</v>
      </c>
    </row>
    <row r="3413" spans="1:5" x14ac:dyDescent="0.25">
      <c r="A3413" s="3">
        <v>41778.404861111114</v>
      </c>
      <c r="B3413" s="2">
        <v>14.8</v>
      </c>
      <c r="C3413" s="2">
        <v>181</v>
      </c>
      <c r="D3413" s="2">
        <v>0</v>
      </c>
      <c r="E3413" s="2">
        <v>149.40000000000006</v>
      </c>
    </row>
    <row r="3414" spans="1:5" x14ac:dyDescent="0.25">
      <c r="A3414" s="3">
        <v>41778.405092592591</v>
      </c>
      <c r="B3414" s="2">
        <v>14.8</v>
      </c>
      <c r="C3414" s="2">
        <v>180.8</v>
      </c>
      <c r="D3414" s="2">
        <v>0</v>
      </c>
      <c r="E3414" s="2">
        <v>149.40000000000006</v>
      </c>
    </row>
    <row r="3415" spans="1:5" x14ac:dyDescent="0.25">
      <c r="A3415" s="3">
        <v>41778.407986111109</v>
      </c>
      <c r="B3415" s="2">
        <v>15</v>
      </c>
      <c r="C3415" s="2">
        <v>181</v>
      </c>
      <c r="D3415" s="2">
        <v>0</v>
      </c>
      <c r="E3415" s="2">
        <v>149.40000000000006</v>
      </c>
    </row>
    <row r="3416" spans="1:5" x14ac:dyDescent="0.25">
      <c r="A3416" s="3">
        <v>41778.408101851855</v>
      </c>
      <c r="B3416" s="2">
        <v>15</v>
      </c>
      <c r="C3416" s="2">
        <v>180.8</v>
      </c>
      <c r="D3416" s="2">
        <v>0</v>
      </c>
      <c r="E3416" s="2">
        <v>149.40000000000006</v>
      </c>
    </row>
    <row r="3417" spans="1:5" x14ac:dyDescent="0.25">
      <c r="A3417" s="3">
        <v>41778.409375000003</v>
      </c>
      <c r="B3417" s="2">
        <v>15</v>
      </c>
      <c r="C3417" s="2">
        <v>181</v>
      </c>
      <c r="D3417" s="2">
        <v>0</v>
      </c>
      <c r="E3417" s="2">
        <v>149.40000000000006</v>
      </c>
    </row>
    <row r="3418" spans="1:5" x14ac:dyDescent="0.25">
      <c r="A3418" s="3">
        <v>41778.409548611111</v>
      </c>
      <c r="B3418" s="2">
        <v>15</v>
      </c>
      <c r="C3418" s="2">
        <v>180.8</v>
      </c>
      <c r="D3418" s="2">
        <v>0</v>
      </c>
      <c r="E3418" s="2">
        <v>149.40000000000006</v>
      </c>
    </row>
    <row r="3419" spans="1:5" x14ac:dyDescent="0.25">
      <c r="A3419" s="3">
        <v>41778.414756944447</v>
      </c>
      <c r="B3419" s="2">
        <v>15.4</v>
      </c>
      <c r="C3419" s="2">
        <v>181</v>
      </c>
      <c r="D3419" s="2">
        <v>0</v>
      </c>
      <c r="E3419" s="2">
        <v>149.40000000000006</v>
      </c>
    </row>
    <row r="3420" spans="1:5" x14ac:dyDescent="0.25">
      <c r="A3420" s="3">
        <v>41778.414988425924</v>
      </c>
      <c r="B3420" s="2">
        <v>15.4</v>
      </c>
      <c r="C3420" s="2">
        <v>180.8</v>
      </c>
      <c r="D3420" s="2">
        <v>0</v>
      </c>
      <c r="E3420" s="2">
        <v>149.40000000000006</v>
      </c>
    </row>
    <row r="3421" spans="1:5" x14ac:dyDescent="0.25">
      <c r="A3421" s="3">
        <v>41778.416261574072</v>
      </c>
      <c r="B3421" s="2">
        <v>15.5</v>
      </c>
      <c r="C3421" s="2">
        <v>181</v>
      </c>
      <c r="D3421" s="2">
        <v>0</v>
      </c>
      <c r="E3421" s="2">
        <v>149.40000000000006</v>
      </c>
    </row>
    <row r="3422" spans="1:5" x14ac:dyDescent="0.25">
      <c r="A3422" s="3">
        <v>41778.416377314818</v>
      </c>
      <c r="B3422" s="2">
        <v>15.5</v>
      </c>
      <c r="C3422" s="2">
        <v>180.8</v>
      </c>
      <c r="D3422" s="2">
        <v>0</v>
      </c>
      <c r="E3422" s="2">
        <v>149.40000000000006</v>
      </c>
    </row>
    <row r="3423" spans="1:5" x14ac:dyDescent="0.25">
      <c r="A3423" s="3">
        <v>41778.416956018518</v>
      </c>
      <c r="B3423" s="2">
        <v>15.5</v>
      </c>
      <c r="C3423" s="2">
        <v>181</v>
      </c>
      <c r="D3423" s="2">
        <v>0</v>
      </c>
      <c r="E3423" s="2">
        <v>149.40000000000006</v>
      </c>
    </row>
    <row r="3424" spans="1:5" x14ac:dyDescent="0.25">
      <c r="A3424" s="3">
        <v>41778.417303240742</v>
      </c>
      <c r="B3424" s="2">
        <v>15.5</v>
      </c>
      <c r="C3424" s="2">
        <v>180.8</v>
      </c>
      <c r="D3424" s="2">
        <v>0</v>
      </c>
      <c r="E3424" s="2">
        <v>149.40000000000006</v>
      </c>
    </row>
    <row r="3425" spans="1:5" x14ac:dyDescent="0.25">
      <c r="A3425" s="3">
        <v>41778.418287037035</v>
      </c>
      <c r="B3425" s="2">
        <v>15.5</v>
      </c>
      <c r="C3425" s="2">
        <v>181</v>
      </c>
      <c r="D3425" s="2">
        <v>0</v>
      </c>
      <c r="E3425" s="2">
        <v>149.40000000000006</v>
      </c>
    </row>
    <row r="3426" spans="1:5" x14ac:dyDescent="0.25">
      <c r="A3426" s="3">
        <v>41778.418344907404</v>
      </c>
      <c r="B3426" s="2">
        <v>15.5</v>
      </c>
      <c r="C3426" s="2">
        <v>180.8</v>
      </c>
      <c r="D3426" s="2">
        <v>0</v>
      </c>
      <c r="E3426" s="2">
        <v>149.40000000000006</v>
      </c>
    </row>
    <row r="3427" spans="1:5" x14ac:dyDescent="0.25">
      <c r="A3427" s="3">
        <v>41778.419386574074</v>
      </c>
      <c r="B3427" s="2">
        <v>15.6</v>
      </c>
      <c r="C3427" s="2">
        <v>181</v>
      </c>
      <c r="D3427" s="2">
        <v>0</v>
      </c>
      <c r="E3427" s="2">
        <v>149.40000000000006</v>
      </c>
    </row>
    <row r="3428" spans="1:5" x14ac:dyDescent="0.25">
      <c r="A3428" s="3">
        <v>41778.419444444444</v>
      </c>
      <c r="B3428" s="2">
        <v>15.6</v>
      </c>
      <c r="C3428" s="2">
        <v>180.8</v>
      </c>
      <c r="D3428" s="2">
        <v>0</v>
      </c>
      <c r="E3428" s="2">
        <v>149.40000000000006</v>
      </c>
    </row>
    <row r="3429" spans="1:5" x14ac:dyDescent="0.25">
      <c r="A3429" s="3">
        <v>41778.423263888886</v>
      </c>
      <c r="B3429" s="2">
        <v>15.9</v>
      </c>
      <c r="C3429" s="2">
        <v>181</v>
      </c>
      <c r="D3429" s="2">
        <v>0</v>
      </c>
      <c r="E3429" s="2">
        <v>149.40000000000006</v>
      </c>
    </row>
    <row r="3430" spans="1:5" x14ac:dyDescent="0.25">
      <c r="A3430" s="3">
        <v>41778.423437500001</v>
      </c>
      <c r="B3430" s="2">
        <v>15.9</v>
      </c>
      <c r="C3430" s="2">
        <v>180.8</v>
      </c>
      <c r="D3430" s="2">
        <v>0</v>
      </c>
      <c r="E3430" s="2">
        <v>149.40000000000006</v>
      </c>
    </row>
    <row r="3431" spans="1:5" x14ac:dyDescent="0.25">
      <c r="A3431" s="3">
        <v>41778.427835648145</v>
      </c>
      <c r="B3431" s="2">
        <v>16.3</v>
      </c>
      <c r="C3431" s="2">
        <v>181</v>
      </c>
      <c r="D3431" s="2">
        <v>0</v>
      </c>
      <c r="E3431" s="2">
        <v>149.40000000000006</v>
      </c>
    </row>
    <row r="3432" spans="1:5" x14ac:dyDescent="0.25">
      <c r="A3432" s="3">
        <v>41778.428124999999</v>
      </c>
      <c r="B3432" s="2">
        <v>16.3</v>
      </c>
      <c r="C3432" s="2">
        <v>180.8</v>
      </c>
      <c r="D3432" s="2">
        <v>0</v>
      </c>
      <c r="E3432" s="2">
        <v>149.40000000000006</v>
      </c>
    </row>
    <row r="3433" spans="1:5" x14ac:dyDescent="0.25">
      <c r="A3433" s="3">
        <v>41778.428356481483</v>
      </c>
      <c r="B3433" s="2">
        <v>16.3</v>
      </c>
      <c r="C3433" s="2">
        <v>181</v>
      </c>
      <c r="D3433" s="2">
        <v>0</v>
      </c>
      <c r="E3433" s="2">
        <v>149.40000000000006</v>
      </c>
    </row>
    <row r="3434" spans="1:5" x14ac:dyDescent="0.25">
      <c r="A3434" s="3">
        <v>41778.42864583333</v>
      </c>
      <c r="B3434" s="2">
        <v>16.3</v>
      </c>
      <c r="C3434" s="2">
        <v>180.8</v>
      </c>
      <c r="D3434" s="2">
        <v>0</v>
      </c>
      <c r="E3434" s="2">
        <v>149.40000000000006</v>
      </c>
    </row>
    <row r="3435" spans="1:5" x14ac:dyDescent="0.25">
      <c r="A3435" s="3">
        <v>41778.428993055553</v>
      </c>
      <c r="B3435" s="2">
        <v>16.3</v>
      </c>
      <c r="C3435" s="2">
        <v>181</v>
      </c>
      <c r="D3435" s="2">
        <v>0</v>
      </c>
      <c r="E3435" s="2">
        <v>149.40000000000006</v>
      </c>
    </row>
    <row r="3436" spans="1:5" x14ac:dyDescent="0.25">
      <c r="A3436" s="3">
        <v>41778.429050925923</v>
      </c>
      <c r="B3436" s="2">
        <v>16.3</v>
      </c>
      <c r="C3436" s="2">
        <v>180.8</v>
      </c>
      <c r="D3436" s="2">
        <v>0</v>
      </c>
      <c r="E3436" s="2">
        <v>149.40000000000006</v>
      </c>
    </row>
    <row r="3437" spans="1:5" x14ac:dyDescent="0.25">
      <c r="A3437" s="3">
        <v>41778.431886574072</v>
      </c>
      <c r="B3437" s="2">
        <v>16.5</v>
      </c>
      <c r="C3437" s="2">
        <v>181</v>
      </c>
      <c r="D3437" s="2">
        <v>0</v>
      </c>
      <c r="E3437" s="2">
        <v>149.40000000000006</v>
      </c>
    </row>
    <row r="3438" spans="1:5" x14ac:dyDescent="0.25">
      <c r="A3438" s="3">
        <v>41778.432060185187</v>
      </c>
      <c r="B3438" s="2">
        <v>16.5</v>
      </c>
      <c r="C3438" s="2">
        <v>180.8</v>
      </c>
      <c r="D3438" s="2">
        <v>0</v>
      </c>
      <c r="E3438" s="2">
        <v>149.40000000000006</v>
      </c>
    </row>
    <row r="3439" spans="1:5" x14ac:dyDescent="0.25">
      <c r="A3439" s="3">
        <v>41778.43240740741</v>
      </c>
      <c r="B3439" s="2">
        <v>16.600000000000001</v>
      </c>
      <c r="C3439" s="2">
        <v>181</v>
      </c>
      <c r="D3439" s="2">
        <v>0</v>
      </c>
      <c r="E3439" s="2">
        <v>149.40000000000006</v>
      </c>
    </row>
    <row r="3440" spans="1:5" x14ac:dyDescent="0.25">
      <c r="A3440" s="3">
        <v>41778.43304398148</v>
      </c>
      <c r="B3440" s="2">
        <v>16.600000000000001</v>
      </c>
      <c r="C3440" s="2">
        <v>180.8</v>
      </c>
      <c r="D3440" s="2">
        <v>0</v>
      </c>
      <c r="E3440" s="2">
        <v>149.40000000000006</v>
      </c>
    </row>
    <row r="3441" spans="1:5" x14ac:dyDescent="0.25">
      <c r="A3441" s="3">
        <v>41778.433680555558</v>
      </c>
      <c r="B3441" s="2">
        <v>16.600000000000001</v>
      </c>
      <c r="C3441" s="2">
        <v>181</v>
      </c>
      <c r="D3441" s="2">
        <v>0</v>
      </c>
      <c r="E3441" s="2">
        <v>149.40000000000006</v>
      </c>
    </row>
    <row r="3442" spans="1:5" x14ac:dyDescent="0.25">
      <c r="A3442" s="3">
        <v>41778.434259259258</v>
      </c>
      <c r="B3442" s="2">
        <v>16.7</v>
      </c>
      <c r="C3442" s="2">
        <v>180.8</v>
      </c>
      <c r="D3442" s="2">
        <v>0</v>
      </c>
      <c r="E3442" s="2">
        <v>149.40000000000006</v>
      </c>
    </row>
    <row r="3443" spans="1:5" x14ac:dyDescent="0.25">
      <c r="A3443" s="3">
        <v>41778.434317129628</v>
      </c>
      <c r="B3443" s="2">
        <v>16.7</v>
      </c>
      <c r="C3443" s="2">
        <v>181</v>
      </c>
      <c r="D3443" s="2">
        <v>0</v>
      </c>
      <c r="E3443" s="2">
        <v>149.40000000000006</v>
      </c>
    </row>
    <row r="3444" spans="1:5" x14ac:dyDescent="0.25">
      <c r="A3444" s="3">
        <v>41778.434374999997</v>
      </c>
      <c r="B3444" s="2">
        <v>16.7</v>
      </c>
      <c r="C3444" s="2">
        <v>180.8</v>
      </c>
      <c r="D3444" s="2">
        <v>0</v>
      </c>
      <c r="E3444" s="2">
        <v>149.40000000000006</v>
      </c>
    </row>
    <row r="3445" spans="1:5" x14ac:dyDescent="0.25">
      <c r="A3445" s="3">
        <v>41778.434895833336</v>
      </c>
      <c r="B3445" s="2">
        <v>16.8</v>
      </c>
      <c r="C3445" s="2">
        <v>181</v>
      </c>
      <c r="D3445" s="2">
        <v>0</v>
      </c>
      <c r="E3445" s="2">
        <v>149.40000000000006</v>
      </c>
    </row>
    <row r="3446" spans="1:5" x14ac:dyDescent="0.25">
      <c r="A3446" s="3">
        <v>41778.435069444444</v>
      </c>
      <c r="B3446" s="2">
        <v>16.7</v>
      </c>
      <c r="C3446" s="2">
        <v>180.8</v>
      </c>
      <c r="D3446" s="2">
        <v>0</v>
      </c>
      <c r="E3446" s="2">
        <v>149.40000000000006</v>
      </c>
    </row>
    <row r="3447" spans="1:5" x14ac:dyDescent="0.25">
      <c r="A3447" s="3">
        <v>41778.435243055559</v>
      </c>
      <c r="B3447" s="2">
        <v>16.7</v>
      </c>
      <c r="C3447" s="2">
        <v>181</v>
      </c>
      <c r="D3447" s="2">
        <v>0</v>
      </c>
      <c r="E3447" s="2">
        <v>149.40000000000006</v>
      </c>
    </row>
    <row r="3448" spans="1:5" x14ac:dyDescent="0.25">
      <c r="A3448" s="3">
        <v>41778.435300925928</v>
      </c>
      <c r="B3448" s="2">
        <v>16.7</v>
      </c>
      <c r="C3448" s="2">
        <v>180.8</v>
      </c>
      <c r="D3448" s="2">
        <v>0</v>
      </c>
      <c r="E3448" s="2">
        <v>149.40000000000006</v>
      </c>
    </row>
    <row r="3449" spans="1:5" x14ac:dyDescent="0.25">
      <c r="A3449" s="3">
        <v>41778.435358796298</v>
      </c>
      <c r="B3449" s="2">
        <v>16.7</v>
      </c>
      <c r="C3449" s="2">
        <v>181</v>
      </c>
      <c r="D3449" s="2">
        <v>0</v>
      </c>
      <c r="E3449" s="2">
        <v>149.40000000000006</v>
      </c>
    </row>
    <row r="3450" spans="1:5" x14ac:dyDescent="0.25">
      <c r="A3450" s="3">
        <v>41778.435532407406</v>
      </c>
      <c r="B3450" s="2">
        <v>16.8</v>
      </c>
      <c r="C3450" s="2">
        <v>180.8</v>
      </c>
      <c r="D3450" s="2">
        <v>0</v>
      </c>
      <c r="E3450" s="2">
        <v>149.40000000000006</v>
      </c>
    </row>
    <row r="3451" spans="1:5" x14ac:dyDescent="0.25">
      <c r="A3451" s="3">
        <v>41778.435937499999</v>
      </c>
      <c r="B3451" s="2">
        <v>16.8</v>
      </c>
      <c r="C3451" s="2">
        <v>181</v>
      </c>
      <c r="D3451" s="2">
        <v>0</v>
      </c>
      <c r="E3451" s="2">
        <v>149.40000000000006</v>
      </c>
    </row>
    <row r="3452" spans="1:5" x14ac:dyDescent="0.25">
      <c r="A3452" s="3">
        <v>41778.436111111114</v>
      </c>
      <c r="B3452" s="2">
        <v>16.8</v>
      </c>
      <c r="C3452" s="2">
        <v>180.8</v>
      </c>
      <c r="D3452" s="2">
        <v>0</v>
      </c>
      <c r="E3452" s="2">
        <v>149.40000000000006</v>
      </c>
    </row>
    <row r="3453" spans="1:5" x14ac:dyDescent="0.25">
      <c r="A3453" s="3">
        <v>41778.439004629632</v>
      </c>
      <c r="B3453" s="2">
        <v>16.899999999999999</v>
      </c>
      <c r="C3453" s="2">
        <v>181</v>
      </c>
      <c r="D3453" s="2">
        <v>0</v>
      </c>
      <c r="E3453" s="2">
        <v>149.40000000000006</v>
      </c>
    </row>
    <row r="3454" spans="1:5" x14ac:dyDescent="0.25">
      <c r="A3454" s="3">
        <v>41778.439293981479</v>
      </c>
      <c r="B3454" s="2">
        <v>16.899999999999999</v>
      </c>
      <c r="C3454" s="2">
        <v>180.8</v>
      </c>
      <c r="D3454" s="2">
        <v>0</v>
      </c>
      <c r="E3454" s="2">
        <v>149.40000000000006</v>
      </c>
    </row>
    <row r="3455" spans="1:5" x14ac:dyDescent="0.25">
      <c r="A3455" s="3">
        <v>41778.439409722225</v>
      </c>
      <c r="B3455" s="2">
        <v>16.899999999999999</v>
      </c>
      <c r="C3455" s="2">
        <v>181</v>
      </c>
      <c r="D3455" s="2">
        <v>0</v>
      </c>
      <c r="E3455" s="2">
        <v>149.40000000000006</v>
      </c>
    </row>
    <row r="3456" spans="1:5" x14ac:dyDescent="0.25">
      <c r="A3456" s="3">
        <v>41778.439525462964</v>
      </c>
      <c r="B3456" s="2">
        <v>16.899999999999999</v>
      </c>
      <c r="C3456" s="2">
        <v>180.8</v>
      </c>
      <c r="D3456" s="2">
        <v>0</v>
      </c>
      <c r="E3456" s="2">
        <v>149.40000000000006</v>
      </c>
    </row>
    <row r="3457" spans="1:5" x14ac:dyDescent="0.25">
      <c r="A3457" s="3">
        <v>41778.439756944441</v>
      </c>
      <c r="B3457" s="2">
        <v>16.899999999999999</v>
      </c>
      <c r="C3457" s="2">
        <v>181</v>
      </c>
      <c r="D3457" s="2">
        <v>0</v>
      </c>
      <c r="E3457" s="2">
        <v>149.40000000000006</v>
      </c>
    </row>
    <row r="3458" spans="1:5" x14ac:dyDescent="0.25">
      <c r="A3458" s="3">
        <v>41778.439814814818</v>
      </c>
      <c r="B3458" s="2">
        <v>16.899999999999999</v>
      </c>
      <c r="C3458" s="2">
        <v>180.8</v>
      </c>
      <c r="D3458" s="2">
        <v>0</v>
      </c>
      <c r="E3458" s="2">
        <v>149.40000000000006</v>
      </c>
    </row>
    <row r="3459" spans="1:5" x14ac:dyDescent="0.25">
      <c r="A3459" s="3">
        <v>41778.440567129626</v>
      </c>
      <c r="B3459" s="2">
        <v>17</v>
      </c>
      <c r="C3459" s="2">
        <v>181</v>
      </c>
      <c r="D3459" s="2">
        <v>0</v>
      </c>
      <c r="E3459" s="2">
        <v>149.40000000000006</v>
      </c>
    </row>
    <row r="3460" spans="1:5" x14ac:dyDescent="0.25">
      <c r="A3460" s="3">
        <v>41778.440625000003</v>
      </c>
      <c r="B3460" s="2">
        <v>17</v>
      </c>
      <c r="C3460" s="2">
        <v>180.8</v>
      </c>
      <c r="D3460" s="2">
        <v>0</v>
      </c>
      <c r="E3460" s="2">
        <v>149.40000000000006</v>
      </c>
    </row>
    <row r="3461" spans="1:5" x14ac:dyDescent="0.25">
      <c r="A3461" s="3">
        <v>41778.441030092596</v>
      </c>
      <c r="B3461" s="2">
        <v>17</v>
      </c>
      <c r="C3461" s="2">
        <v>181</v>
      </c>
      <c r="D3461" s="2">
        <v>0</v>
      </c>
      <c r="E3461" s="2">
        <v>149.40000000000006</v>
      </c>
    </row>
    <row r="3462" spans="1:5" x14ac:dyDescent="0.25">
      <c r="A3462" s="3">
        <v>41778.441145833334</v>
      </c>
      <c r="B3462" s="2">
        <v>17.100000000000001</v>
      </c>
      <c r="C3462" s="2">
        <v>180.8</v>
      </c>
      <c r="D3462" s="2">
        <v>0</v>
      </c>
      <c r="E3462" s="2">
        <v>149.40000000000006</v>
      </c>
    </row>
    <row r="3463" spans="1:5" x14ac:dyDescent="0.25">
      <c r="A3463" s="3">
        <v>41778.441377314812</v>
      </c>
      <c r="B3463" s="2">
        <v>17.100000000000001</v>
      </c>
      <c r="C3463" s="2">
        <v>181</v>
      </c>
      <c r="D3463" s="2">
        <v>0</v>
      </c>
      <c r="E3463" s="2">
        <v>149.40000000000006</v>
      </c>
    </row>
    <row r="3464" spans="1:5" x14ac:dyDescent="0.25">
      <c r="A3464" s="3">
        <v>41778.441493055558</v>
      </c>
      <c r="B3464" s="2">
        <v>17.100000000000001</v>
      </c>
      <c r="C3464" s="2">
        <v>180.8</v>
      </c>
      <c r="D3464" s="2">
        <v>0</v>
      </c>
      <c r="E3464" s="2">
        <v>149.40000000000006</v>
      </c>
    </row>
    <row r="3465" spans="1:5" x14ac:dyDescent="0.25">
      <c r="A3465" s="3">
        <v>41778.443344907406</v>
      </c>
      <c r="B3465" s="2">
        <v>17.2</v>
      </c>
      <c r="C3465" s="2">
        <v>181</v>
      </c>
      <c r="D3465" s="2">
        <v>0</v>
      </c>
      <c r="E3465" s="2">
        <v>149.40000000000006</v>
      </c>
    </row>
    <row r="3466" spans="1:5" x14ac:dyDescent="0.25">
      <c r="A3466" s="3">
        <v>41778.443576388891</v>
      </c>
      <c r="B3466" s="2">
        <v>17.2</v>
      </c>
      <c r="C3466" s="2">
        <v>180.8</v>
      </c>
      <c r="D3466" s="2">
        <v>0</v>
      </c>
      <c r="E3466" s="2">
        <v>149.40000000000006</v>
      </c>
    </row>
    <row r="3467" spans="1:5" x14ac:dyDescent="0.25">
      <c r="A3467" s="3">
        <v>41778.443923611114</v>
      </c>
      <c r="B3467" s="2">
        <v>17.2</v>
      </c>
      <c r="C3467" s="2">
        <v>181</v>
      </c>
      <c r="D3467" s="2">
        <v>0</v>
      </c>
      <c r="E3467" s="2">
        <v>149.40000000000006</v>
      </c>
    </row>
    <row r="3468" spans="1:5" x14ac:dyDescent="0.25">
      <c r="A3468" s="3">
        <v>41778.444212962961</v>
      </c>
      <c r="B3468" s="2">
        <v>17.3</v>
      </c>
      <c r="C3468" s="2">
        <v>180.8</v>
      </c>
      <c r="D3468" s="2">
        <v>0</v>
      </c>
      <c r="E3468" s="2">
        <v>149.40000000000006</v>
      </c>
    </row>
    <row r="3469" spans="1:5" x14ac:dyDescent="0.25">
      <c r="A3469" s="3">
        <v>41778.444328703707</v>
      </c>
      <c r="B3469" s="2">
        <v>17.3</v>
      </c>
      <c r="C3469" s="2">
        <v>181</v>
      </c>
      <c r="D3469" s="2">
        <v>0</v>
      </c>
      <c r="E3469" s="2">
        <v>149.40000000000006</v>
      </c>
    </row>
    <row r="3470" spans="1:5" x14ac:dyDescent="0.25">
      <c r="A3470" s="3">
        <v>41778.444560185184</v>
      </c>
      <c r="B3470" s="2">
        <v>17.3</v>
      </c>
      <c r="C3470" s="2">
        <v>180.8</v>
      </c>
      <c r="D3470" s="2">
        <v>0</v>
      </c>
      <c r="E3470" s="2">
        <v>149.40000000000006</v>
      </c>
    </row>
    <row r="3471" spans="1:5" x14ac:dyDescent="0.25">
      <c r="A3471" s="3">
        <v>41778.445428240739</v>
      </c>
      <c r="B3471" s="2">
        <v>17.3</v>
      </c>
      <c r="C3471" s="2">
        <v>181</v>
      </c>
      <c r="D3471" s="2">
        <v>0</v>
      </c>
      <c r="E3471" s="2">
        <v>149.40000000000006</v>
      </c>
    </row>
    <row r="3472" spans="1:5" x14ac:dyDescent="0.25">
      <c r="A3472" s="3">
        <v>41778.445601851854</v>
      </c>
      <c r="B3472" s="2">
        <v>17.3</v>
      </c>
      <c r="C3472" s="2">
        <v>180.8</v>
      </c>
      <c r="D3472" s="2">
        <v>0</v>
      </c>
      <c r="E3472" s="2">
        <v>149.40000000000006</v>
      </c>
    </row>
    <row r="3473" spans="1:5" x14ac:dyDescent="0.25">
      <c r="A3473" s="3">
        <v>41778.445891203701</v>
      </c>
      <c r="B3473" s="2">
        <v>17.3</v>
      </c>
      <c r="C3473" s="2">
        <v>181</v>
      </c>
      <c r="D3473" s="2">
        <v>0</v>
      </c>
      <c r="E3473" s="2">
        <v>149.40000000000006</v>
      </c>
    </row>
    <row r="3474" spans="1:5" x14ac:dyDescent="0.25">
      <c r="A3474" s="3">
        <v>41778.446122685185</v>
      </c>
      <c r="B3474" s="2">
        <v>17.399999999999999</v>
      </c>
      <c r="C3474" s="2">
        <v>180.8</v>
      </c>
      <c r="D3474" s="2">
        <v>0</v>
      </c>
      <c r="E3474" s="2">
        <v>149.40000000000006</v>
      </c>
    </row>
    <row r="3475" spans="1:5" x14ac:dyDescent="0.25">
      <c r="A3475" s="3">
        <v>41778.446238425924</v>
      </c>
      <c r="B3475" s="2">
        <v>17.399999999999999</v>
      </c>
      <c r="C3475" s="2">
        <v>181</v>
      </c>
      <c r="D3475" s="2">
        <v>0</v>
      </c>
      <c r="E3475" s="2">
        <v>149.40000000000006</v>
      </c>
    </row>
    <row r="3476" spans="1:5" x14ac:dyDescent="0.25">
      <c r="A3476" s="3">
        <v>41778.44635416667</v>
      </c>
      <c r="B3476" s="2">
        <v>17.399999999999999</v>
      </c>
      <c r="C3476" s="2">
        <v>180.8</v>
      </c>
      <c r="D3476" s="2">
        <v>0</v>
      </c>
      <c r="E3476" s="2">
        <v>149.40000000000006</v>
      </c>
    </row>
    <row r="3477" spans="1:5" x14ac:dyDescent="0.25">
      <c r="A3477" s="3">
        <v>41778.447048611109</v>
      </c>
      <c r="B3477" s="2">
        <v>17.5</v>
      </c>
      <c r="C3477" s="2">
        <v>181</v>
      </c>
      <c r="D3477" s="2">
        <v>0</v>
      </c>
      <c r="E3477" s="2">
        <v>149.40000000000006</v>
      </c>
    </row>
    <row r="3478" spans="1:5" x14ac:dyDescent="0.25">
      <c r="A3478" s="3">
        <v>41778.447280092594</v>
      </c>
      <c r="B3478" s="2">
        <v>17.5</v>
      </c>
      <c r="C3478" s="2">
        <v>180.8</v>
      </c>
      <c r="D3478" s="2">
        <v>0</v>
      </c>
      <c r="E3478" s="2">
        <v>149.40000000000006</v>
      </c>
    </row>
    <row r="3479" spans="1:5" x14ac:dyDescent="0.25">
      <c r="A3479" s="3">
        <v>41778.448437500003</v>
      </c>
      <c r="B3479" s="2">
        <v>17.600000000000001</v>
      </c>
      <c r="C3479" s="2">
        <v>181</v>
      </c>
      <c r="D3479" s="2">
        <v>0</v>
      </c>
      <c r="E3479" s="2">
        <v>149.40000000000006</v>
      </c>
    </row>
    <row r="3480" spans="1:5" x14ac:dyDescent="0.25">
      <c r="A3480" s="3">
        <v>41778.448553240742</v>
      </c>
      <c r="B3480" s="2">
        <v>17.600000000000001</v>
      </c>
      <c r="C3480" s="2">
        <v>180.8</v>
      </c>
      <c r="D3480" s="2">
        <v>0</v>
      </c>
      <c r="E3480" s="2">
        <v>149.40000000000006</v>
      </c>
    </row>
    <row r="3481" spans="1:5" x14ac:dyDescent="0.25">
      <c r="A3481" s="3">
        <v>41778.452199074076</v>
      </c>
      <c r="B3481" s="2">
        <v>17.899999999999999</v>
      </c>
      <c r="C3481" s="2">
        <v>181</v>
      </c>
      <c r="D3481" s="2">
        <v>0</v>
      </c>
      <c r="E3481" s="2">
        <v>149.40000000000006</v>
      </c>
    </row>
    <row r="3482" spans="1:5" x14ac:dyDescent="0.25">
      <c r="A3482" s="3">
        <v>41778.452372685184</v>
      </c>
      <c r="B3482" s="2">
        <v>17.899999999999999</v>
      </c>
      <c r="C3482" s="2">
        <v>180.8</v>
      </c>
      <c r="D3482" s="2">
        <v>0</v>
      </c>
      <c r="E3482" s="2">
        <v>149.40000000000006</v>
      </c>
    </row>
    <row r="3483" spans="1:5" x14ac:dyDescent="0.25">
      <c r="A3483" s="3">
        <v>41778.455439814818</v>
      </c>
      <c r="B3483" s="2">
        <v>18.100000000000001</v>
      </c>
      <c r="C3483" s="2">
        <v>181</v>
      </c>
      <c r="D3483" s="2">
        <v>0</v>
      </c>
      <c r="E3483" s="2">
        <v>149.40000000000006</v>
      </c>
    </row>
    <row r="3484" spans="1:5" x14ac:dyDescent="0.25">
      <c r="A3484" s="3">
        <v>41778.455497685187</v>
      </c>
      <c r="B3484" s="2">
        <v>18.100000000000001</v>
      </c>
      <c r="C3484" s="2">
        <v>180.8</v>
      </c>
      <c r="D3484" s="2">
        <v>0</v>
      </c>
      <c r="E3484" s="2">
        <v>149.40000000000006</v>
      </c>
    </row>
    <row r="3485" spans="1:5" x14ac:dyDescent="0.25">
      <c r="A3485" s="3">
        <v>41778.458391203705</v>
      </c>
      <c r="B3485" s="2">
        <v>18.5</v>
      </c>
      <c r="C3485" s="2">
        <v>181</v>
      </c>
      <c r="D3485" s="2">
        <v>0</v>
      </c>
      <c r="E3485" s="2">
        <v>149.40000000000006</v>
      </c>
    </row>
    <row r="3486" spans="1:5" x14ac:dyDescent="0.25">
      <c r="A3486" s="3">
        <v>41778.458449074074</v>
      </c>
      <c r="B3486" s="2">
        <v>18.399999999999999</v>
      </c>
      <c r="C3486" s="2">
        <v>180.8</v>
      </c>
      <c r="D3486" s="2">
        <v>0</v>
      </c>
      <c r="E3486" s="2">
        <v>149.40000000000006</v>
      </c>
    </row>
    <row r="3487" spans="1:5" x14ac:dyDescent="0.25">
      <c r="A3487" s="3">
        <v>41778.464467592596</v>
      </c>
      <c r="B3487" s="2">
        <v>18.899999999999999</v>
      </c>
      <c r="C3487" s="2">
        <v>181</v>
      </c>
      <c r="D3487" s="2">
        <v>0</v>
      </c>
      <c r="E3487" s="2">
        <v>149.40000000000006</v>
      </c>
    </row>
    <row r="3488" spans="1:5" x14ac:dyDescent="0.25">
      <c r="A3488" s="3">
        <v>41778.464699074073</v>
      </c>
      <c r="B3488" s="2">
        <v>18.899999999999999</v>
      </c>
      <c r="C3488" s="2">
        <v>180.8</v>
      </c>
      <c r="D3488" s="2">
        <v>0</v>
      </c>
      <c r="E3488" s="2">
        <v>149.40000000000006</v>
      </c>
    </row>
    <row r="3489" spans="1:5" x14ac:dyDescent="0.25">
      <c r="A3489" s="3">
        <v>41778.467592592591</v>
      </c>
      <c r="B3489" s="2">
        <v>19.100000000000001</v>
      </c>
      <c r="C3489" s="2">
        <v>181</v>
      </c>
      <c r="D3489" s="2">
        <v>0</v>
      </c>
      <c r="E3489" s="2">
        <v>149.40000000000006</v>
      </c>
    </row>
    <row r="3490" spans="1:5" x14ac:dyDescent="0.25">
      <c r="A3490" s="3">
        <v>41778.467766203707</v>
      </c>
      <c r="B3490" s="2">
        <v>19.100000000000001</v>
      </c>
      <c r="C3490" s="2">
        <v>180.8</v>
      </c>
      <c r="D3490" s="2">
        <v>0</v>
      </c>
      <c r="E3490" s="2">
        <v>149.40000000000006</v>
      </c>
    </row>
    <row r="3491" spans="1:5" x14ac:dyDescent="0.25">
      <c r="A3491" s="3">
        <v>41778.47760416667</v>
      </c>
      <c r="B3491" s="2">
        <v>19.899999999999999</v>
      </c>
      <c r="C3491" s="2">
        <v>181</v>
      </c>
      <c r="D3491" s="2">
        <v>0</v>
      </c>
      <c r="E3491" s="2">
        <v>149.40000000000006</v>
      </c>
    </row>
    <row r="3492" spans="1:5" x14ac:dyDescent="0.25">
      <c r="A3492" s="3">
        <v>41778.477777777778</v>
      </c>
      <c r="B3492" s="2">
        <v>19.899999999999999</v>
      </c>
      <c r="C3492" s="2">
        <v>180.8</v>
      </c>
      <c r="D3492" s="2">
        <v>0</v>
      </c>
      <c r="E3492" s="2">
        <v>149.40000000000006</v>
      </c>
    </row>
    <row r="3493" spans="1:5" x14ac:dyDescent="0.25">
      <c r="A3493" s="3">
        <v>41778.481076388889</v>
      </c>
      <c r="B3493" s="2">
        <v>20.2</v>
      </c>
      <c r="C3493" s="2">
        <v>181</v>
      </c>
      <c r="D3493" s="2">
        <v>0</v>
      </c>
      <c r="E3493" s="2">
        <v>149.40000000000006</v>
      </c>
    </row>
    <row r="3494" spans="1:5" x14ac:dyDescent="0.25">
      <c r="A3494" s="3">
        <v>41778.481134259258</v>
      </c>
      <c r="B3494" s="2">
        <v>20.2</v>
      </c>
      <c r="C3494" s="2">
        <v>180.8</v>
      </c>
      <c r="D3494" s="2">
        <v>0</v>
      </c>
      <c r="E3494" s="2">
        <v>149.40000000000006</v>
      </c>
    </row>
    <row r="3495" spans="1:5" x14ac:dyDescent="0.25">
      <c r="A3495" s="3">
        <v>41778.49658564815</v>
      </c>
      <c r="B3495" s="2">
        <v>21.3</v>
      </c>
      <c r="C3495" s="2">
        <v>181</v>
      </c>
      <c r="D3495" s="2">
        <v>0</v>
      </c>
      <c r="E3495" s="2">
        <v>149.40000000000006</v>
      </c>
    </row>
    <row r="3496" spans="1:5" x14ac:dyDescent="0.25">
      <c r="A3496" s="3">
        <v>41778.496759259258</v>
      </c>
      <c r="B3496" s="2">
        <v>21.3</v>
      </c>
      <c r="C3496" s="2">
        <v>180.8</v>
      </c>
      <c r="D3496" s="2">
        <v>0</v>
      </c>
      <c r="E3496" s="2">
        <v>149.40000000000006</v>
      </c>
    </row>
    <row r="3497" spans="1:5" x14ac:dyDescent="0.25">
      <c r="A3497" s="3">
        <v>41778.497048611112</v>
      </c>
      <c r="B3497" s="2">
        <v>21.3</v>
      </c>
      <c r="C3497" s="2">
        <v>181</v>
      </c>
      <c r="D3497" s="2">
        <v>0</v>
      </c>
      <c r="E3497" s="2">
        <v>149.40000000000006</v>
      </c>
    </row>
    <row r="3498" spans="1:5" x14ac:dyDescent="0.25">
      <c r="A3498" s="3">
        <v>41778.497164351851</v>
      </c>
      <c r="B3498" s="2">
        <v>21.3</v>
      </c>
      <c r="C3498" s="2">
        <v>180.8</v>
      </c>
      <c r="D3498" s="2">
        <v>0</v>
      </c>
      <c r="E3498" s="2">
        <v>149.40000000000006</v>
      </c>
    </row>
    <row r="3499" spans="1:5" x14ac:dyDescent="0.25">
      <c r="A3499" s="3">
        <v>41778.527430555558</v>
      </c>
      <c r="B3499" s="2">
        <v>23.5</v>
      </c>
      <c r="C3499" s="2">
        <v>181</v>
      </c>
      <c r="D3499" s="2">
        <v>0</v>
      </c>
      <c r="E3499" s="2">
        <v>149.40000000000006</v>
      </c>
    </row>
    <row r="3500" spans="1:5" x14ac:dyDescent="0.25">
      <c r="A3500" s="3">
        <v>41778.527488425927</v>
      </c>
      <c r="B3500" s="2">
        <v>23.5</v>
      </c>
      <c r="C3500" s="2">
        <v>180.8</v>
      </c>
      <c r="D3500" s="2">
        <v>0</v>
      </c>
      <c r="E3500" s="2">
        <v>149.40000000000006</v>
      </c>
    </row>
    <row r="3501" spans="1:5" x14ac:dyDescent="0.25">
      <c r="A3501" s="3">
        <v>41778.552488425928</v>
      </c>
      <c r="B3501" s="2">
        <v>24.1</v>
      </c>
      <c r="C3501" s="2">
        <v>180.6</v>
      </c>
      <c r="D3501" s="2">
        <v>0</v>
      </c>
      <c r="E3501" s="2">
        <v>149.40000000000006</v>
      </c>
    </row>
    <row r="3502" spans="1:5" x14ac:dyDescent="0.25">
      <c r="A3502" s="3">
        <v>41778.580150462964</v>
      </c>
      <c r="B3502" s="2">
        <v>25.6</v>
      </c>
      <c r="C3502" s="2">
        <v>180.4</v>
      </c>
      <c r="D3502" s="2">
        <v>0</v>
      </c>
      <c r="E3502" s="2">
        <v>149.40000000000006</v>
      </c>
    </row>
    <row r="3503" spans="1:5" x14ac:dyDescent="0.25">
      <c r="A3503" s="3">
        <v>41778.580266203702</v>
      </c>
      <c r="B3503" s="2">
        <v>25.5</v>
      </c>
      <c r="C3503" s="2">
        <v>180.6</v>
      </c>
      <c r="D3503" s="2">
        <v>0</v>
      </c>
      <c r="E3503" s="2">
        <v>149.40000000000006</v>
      </c>
    </row>
    <row r="3504" spans="1:5" x14ac:dyDescent="0.25">
      <c r="A3504" s="3">
        <v>41778.580381944441</v>
      </c>
      <c r="B3504" s="2">
        <v>25.5</v>
      </c>
      <c r="C3504" s="2">
        <v>180.4</v>
      </c>
      <c r="D3504" s="2">
        <v>0</v>
      </c>
      <c r="E3504" s="2">
        <v>149.40000000000006</v>
      </c>
    </row>
    <row r="3505" spans="1:5" x14ac:dyDescent="0.25">
      <c r="A3505" s="3">
        <v>41778.580555555556</v>
      </c>
      <c r="B3505" s="2">
        <v>25.5</v>
      </c>
      <c r="C3505" s="2">
        <v>180.6</v>
      </c>
      <c r="D3505" s="2">
        <v>0</v>
      </c>
      <c r="E3505" s="2">
        <v>149.40000000000006</v>
      </c>
    </row>
    <row r="3506" spans="1:5" x14ac:dyDescent="0.25">
      <c r="A3506" s="3">
        <v>41778.580613425926</v>
      </c>
      <c r="B3506" s="2">
        <v>25.4</v>
      </c>
      <c r="C3506" s="2">
        <v>180.4</v>
      </c>
      <c r="D3506" s="2">
        <v>0</v>
      </c>
      <c r="E3506" s="2">
        <v>149.40000000000006</v>
      </c>
    </row>
    <row r="3507" spans="1:5" x14ac:dyDescent="0.25">
      <c r="A3507" s="3">
        <v>41778.582291666666</v>
      </c>
      <c r="B3507" s="2">
        <v>25.5</v>
      </c>
      <c r="C3507" s="2">
        <v>180.6</v>
      </c>
      <c r="D3507" s="2">
        <v>0</v>
      </c>
      <c r="E3507" s="2">
        <v>149.40000000000006</v>
      </c>
    </row>
    <row r="3508" spans="1:5" x14ac:dyDescent="0.25">
      <c r="A3508" s="3">
        <v>41778.589236111111</v>
      </c>
      <c r="B3508" s="2">
        <v>25.5</v>
      </c>
      <c r="C3508" s="2">
        <v>180.4</v>
      </c>
      <c r="D3508" s="2">
        <v>0</v>
      </c>
      <c r="E3508" s="2">
        <v>149.40000000000006</v>
      </c>
    </row>
    <row r="3509" spans="1:5" x14ac:dyDescent="0.25">
      <c r="A3509" s="3">
        <v>41778.589525462965</v>
      </c>
      <c r="B3509" s="2">
        <v>25.6</v>
      </c>
      <c r="C3509" s="2">
        <v>180.6</v>
      </c>
      <c r="D3509" s="2">
        <v>0</v>
      </c>
      <c r="E3509" s="2">
        <v>149.40000000000006</v>
      </c>
    </row>
    <row r="3510" spans="1:5" x14ac:dyDescent="0.25">
      <c r="A3510" s="3">
        <v>41778.589641203704</v>
      </c>
      <c r="B3510" s="2">
        <v>25.7</v>
      </c>
      <c r="C3510" s="2">
        <v>180.4</v>
      </c>
      <c r="D3510" s="2">
        <v>0</v>
      </c>
      <c r="E3510" s="2">
        <v>149.40000000000006</v>
      </c>
    </row>
    <row r="3511" spans="1:5" x14ac:dyDescent="0.25">
      <c r="A3511" s="3">
        <v>41778.590219907404</v>
      </c>
      <c r="B3511" s="2">
        <v>25.8</v>
      </c>
      <c r="C3511" s="2">
        <v>180.6</v>
      </c>
      <c r="D3511" s="2">
        <v>0</v>
      </c>
      <c r="E3511" s="2">
        <v>149.40000000000006</v>
      </c>
    </row>
    <row r="3512" spans="1:5" x14ac:dyDescent="0.25">
      <c r="A3512" s="3">
        <v>41778.59039351852</v>
      </c>
      <c r="B3512" s="2">
        <v>25.8</v>
      </c>
      <c r="C3512" s="2">
        <v>180.4</v>
      </c>
      <c r="D3512" s="2">
        <v>0</v>
      </c>
      <c r="E3512" s="2">
        <v>149.40000000000006</v>
      </c>
    </row>
    <row r="3513" spans="1:5" x14ac:dyDescent="0.25">
      <c r="A3513" s="3">
        <v>41778.591608796298</v>
      </c>
      <c r="B3513" s="2">
        <v>25.5</v>
      </c>
      <c r="C3513" s="2">
        <v>180.6</v>
      </c>
      <c r="D3513" s="2">
        <v>0</v>
      </c>
      <c r="E3513" s="2">
        <v>149.40000000000006</v>
      </c>
    </row>
    <row r="3514" spans="1:5" x14ac:dyDescent="0.25">
      <c r="A3514" s="3">
        <v>41778.591666666667</v>
      </c>
      <c r="B3514" s="2">
        <v>25.5</v>
      </c>
      <c r="C3514" s="2">
        <v>180.4</v>
      </c>
      <c r="D3514" s="2">
        <v>0</v>
      </c>
      <c r="E3514" s="2">
        <v>149.40000000000006</v>
      </c>
    </row>
    <row r="3515" spans="1:5" x14ac:dyDescent="0.25">
      <c r="A3515" s="3">
        <v>41778.593460648146</v>
      </c>
      <c r="B3515" s="2">
        <v>25.5</v>
      </c>
      <c r="C3515" s="2">
        <v>180.6</v>
      </c>
      <c r="D3515" s="2">
        <v>0</v>
      </c>
      <c r="E3515" s="2">
        <v>149.40000000000006</v>
      </c>
    </row>
    <row r="3516" spans="1:5" x14ac:dyDescent="0.25">
      <c r="A3516" s="3">
        <v>41778.594675925924</v>
      </c>
      <c r="B3516" s="2">
        <v>25.4</v>
      </c>
      <c r="C3516" s="2">
        <v>180.4</v>
      </c>
      <c r="D3516" s="2">
        <v>0</v>
      </c>
      <c r="E3516" s="2">
        <v>149.40000000000006</v>
      </c>
    </row>
    <row r="3517" spans="1:5" x14ac:dyDescent="0.25">
      <c r="A3517" s="3">
        <v>41778.594965277778</v>
      </c>
      <c r="B3517" s="2">
        <v>25.5</v>
      </c>
      <c r="C3517" s="2">
        <v>180.6</v>
      </c>
      <c r="D3517" s="2">
        <v>0</v>
      </c>
      <c r="E3517" s="2">
        <v>149.40000000000006</v>
      </c>
    </row>
    <row r="3518" spans="1:5" x14ac:dyDescent="0.25">
      <c r="A3518" s="3">
        <v>41778.595023148147</v>
      </c>
      <c r="B3518" s="2">
        <v>25.6</v>
      </c>
      <c r="C3518" s="2">
        <v>180.4</v>
      </c>
      <c r="D3518" s="2">
        <v>0</v>
      </c>
      <c r="E3518" s="2">
        <v>149.40000000000006</v>
      </c>
    </row>
    <row r="3519" spans="1:5" x14ac:dyDescent="0.25">
      <c r="A3519" s="3">
        <v>41778.624768518515</v>
      </c>
      <c r="B3519" s="2">
        <v>25.4</v>
      </c>
      <c r="C3519" s="2">
        <v>180.2</v>
      </c>
      <c r="D3519" s="2">
        <v>0</v>
      </c>
      <c r="E3519" s="2">
        <v>149.40000000000006</v>
      </c>
    </row>
    <row r="3520" spans="1:5" x14ac:dyDescent="0.25">
      <c r="A3520" s="3">
        <v>41778.624826388892</v>
      </c>
      <c r="B3520" s="2">
        <v>25.4</v>
      </c>
      <c r="C3520" s="2">
        <v>180.4</v>
      </c>
      <c r="D3520" s="2">
        <v>0</v>
      </c>
      <c r="E3520" s="2">
        <v>149.40000000000006</v>
      </c>
    </row>
    <row r="3521" spans="1:5" x14ac:dyDescent="0.25">
      <c r="A3521" s="3">
        <v>41778.624942129631</v>
      </c>
      <c r="B3521" s="2">
        <v>25.4</v>
      </c>
      <c r="C3521" s="2">
        <v>180.2</v>
      </c>
      <c r="D3521" s="2">
        <v>0</v>
      </c>
      <c r="E3521" s="2">
        <v>149.40000000000006</v>
      </c>
    </row>
    <row r="3522" spans="1:5" x14ac:dyDescent="0.25">
      <c r="A3522" s="3">
        <v>41778.625462962962</v>
      </c>
      <c r="B3522" s="2">
        <v>25.5</v>
      </c>
      <c r="C3522" s="2">
        <v>180.4</v>
      </c>
      <c r="D3522" s="2">
        <v>0</v>
      </c>
      <c r="E3522" s="2">
        <v>149.40000000000006</v>
      </c>
    </row>
    <row r="3523" spans="1:5" x14ac:dyDescent="0.25">
      <c r="A3523" s="3">
        <v>41778.625636574077</v>
      </c>
      <c r="B3523" s="2">
        <v>25.5</v>
      </c>
      <c r="C3523" s="2">
        <v>180.2</v>
      </c>
      <c r="D3523" s="2">
        <v>0</v>
      </c>
      <c r="E3523" s="2">
        <v>149.40000000000006</v>
      </c>
    </row>
    <row r="3524" spans="1:5" x14ac:dyDescent="0.25">
      <c r="A3524" s="3">
        <v>41778.625694444447</v>
      </c>
      <c r="B3524" s="2">
        <v>25.5</v>
      </c>
      <c r="C3524" s="2">
        <v>180.4</v>
      </c>
      <c r="D3524" s="2">
        <v>0</v>
      </c>
      <c r="E3524" s="2">
        <v>149.40000000000006</v>
      </c>
    </row>
    <row r="3525" spans="1:5" x14ac:dyDescent="0.25">
      <c r="A3525" s="3">
        <v>41778.625868055555</v>
      </c>
      <c r="B3525" s="2">
        <v>25.5</v>
      </c>
      <c r="C3525" s="2">
        <v>180.2</v>
      </c>
      <c r="D3525" s="2">
        <v>0</v>
      </c>
      <c r="E3525" s="2">
        <v>149.40000000000006</v>
      </c>
    </row>
    <row r="3526" spans="1:5" x14ac:dyDescent="0.25">
      <c r="A3526" s="3">
        <v>41778.636747685188</v>
      </c>
      <c r="B3526" s="2">
        <v>25.6</v>
      </c>
      <c r="C3526" s="2">
        <v>180</v>
      </c>
      <c r="D3526" s="2">
        <v>0</v>
      </c>
      <c r="E3526" s="2">
        <v>149.40000000000006</v>
      </c>
    </row>
    <row r="3527" spans="1:5" x14ac:dyDescent="0.25">
      <c r="A3527" s="3">
        <v>41778.636863425927</v>
      </c>
      <c r="B3527" s="2">
        <v>25.6</v>
      </c>
      <c r="C3527" s="2">
        <v>180.2</v>
      </c>
      <c r="D3527" s="2">
        <v>0</v>
      </c>
      <c r="E3527" s="2">
        <v>149.40000000000006</v>
      </c>
    </row>
    <row r="3528" spans="1:5" x14ac:dyDescent="0.25">
      <c r="A3528" s="3">
        <v>41778.637094907404</v>
      </c>
      <c r="B3528" s="2">
        <v>25.6</v>
      </c>
      <c r="C3528" s="2">
        <v>180</v>
      </c>
      <c r="D3528" s="2">
        <v>0</v>
      </c>
      <c r="E3528" s="2">
        <v>149.40000000000006</v>
      </c>
    </row>
    <row r="3529" spans="1:5" x14ac:dyDescent="0.25">
      <c r="A3529" s="3">
        <v>41778.638194444444</v>
      </c>
      <c r="B3529" s="2">
        <v>25.6</v>
      </c>
      <c r="C3529" s="2">
        <v>180.2</v>
      </c>
      <c r="D3529" s="2">
        <v>0</v>
      </c>
      <c r="E3529" s="2">
        <v>149.40000000000006</v>
      </c>
    </row>
    <row r="3530" spans="1:5" x14ac:dyDescent="0.25">
      <c r="A3530" s="3">
        <v>41778.655150462961</v>
      </c>
      <c r="B3530" s="2">
        <v>25.4</v>
      </c>
      <c r="C3530" s="2">
        <v>180</v>
      </c>
      <c r="D3530" s="2">
        <v>0</v>
      </c>
      <c r="E3530" s="2">
        <v>149.40000000000006</v>
      </c>
    </row>
    <row r="3531" spans="1:5" x14ac:dyDescent="0.25">
      <c r="A3531" s="3">
        <v>41778.655266203707</v>
      </c>
      <c r="B3531" s="2">
        <v>25.4</v>
      </c>
      <c r="C3531" s="2">
        <v>180.2</v>
      </c>
      <c r="D3531" s="2">
        <v>0</v>
      </c>
      <c r="E3531" s="2">
        <v>149.40000000000006</v>
      </c>
    </row>
    <row r="3532" spans="1:5" x14ac:dyDescent="0.25">
      <c r="A3532" s="3">
        <v>41778.655671296299</v>
      </c>
      <c r="B3532" s="2">
        <v>25.4</v>
      </c>
      <c r="C3532" s="2">
        <v>180</v>
      </c>
      <c r="D3532" s="2">
        <v>0</v>
      </c>
      <c r="E3532" s="2">
        <v>149.40000000000006</v>
      </c>
    </row>
    <row r="3533" spans="1:5" x14ac:dyDescent="0.25">
      <c r="A3533" s="3">
        <v>41778.655729166669</v>
      </c>
      <c r="B3533" s="2">
        <v>25.4</v>
      </c>
      <c r="C3533" s="2">
        <v>180.2</v>
      </c>
      <c r="D3533" s="2">
        <v>0</v>
      </c>
      <c r="E3533" s="2">
        <v>149.40000000000006</v>
      </c>
    </row>
    <row r="3534" spans="1:5" x14ac:dyDescent="0.25">
      <c r="A3534" s="3">
        <v>41778.657523148147</v>
      </c>
      <c r="B3534" s="2">
        <v>25.4</v>
      </c>
      <c r="C3534" s="2">
        <v>180</v>
      </c>
      <c r="D3534" s="2">
        <v>0</v>
      </c>
      <c r="E3534" s="2">
        <v>149.40000000000006</v>
      </c>
    </row>
    <row r="3535" spans="1:5" x14ac:dyDescent="0.25">
      <c r="A3535" s="3">
        <v>41778.657754629632</v>
      </c>
      <c r="B3535" s="2">
        <v>25.4</v>
      </c>
      <c r="C3535" s="2">
        <v>180.2</v>
      </c>
      <c r="D3535" s="2">
        <v>0</v>
      </c>
      <c r="E3535" s="2">
        <v>149.40000000000006</v>
      </c>
    </row>
    <row r="3536" spans="1:5" x14ac:dyDescent="0.25">
      <c r="A3536" s="3">
        <v>41778.657870370371</v>
      </c>
      <c r="B3536" s="2">
        <v>25.4</v>
      </c>
      <c r="C3536" s="2">
        <v>180</v>
      </c>
      <c r="D3536" s="2">
        <v>0</v>
      </c>
      <c r="E3536" s="2">
        <v>149.40000000000006</v>
      </c>
    </row>
    <row r="3537" spans="1:5" x14ac:dyDescent="0.25">
      <c r="A3537" s="3">
        <v>41778.658101851855</v>
      </c>
      <c r="B3537" s="2">
        <v>25.4</v>
      </c>
      <c r="C3537" s="2">
        <v>180.2</v>
      </c>
      <c r="D3537" s="2">
        <v>0</v>
      </c>
      <c r="E3537" s="2">
        <v>149.40000000000006</v>
      </c>
    </row>
    <row r="3538" spans="1:5" x14ac:dyDescent="0.25">
      <c r="A3538" s="3">
        <v>41778.658912037034</v>
      </c>
      <c r="B3538" s="2">
        <v>25.3</v>
      </c>
      <c r="C3538" s="2">
        <v>180</v>
      </c>
      <c r="D3538" s="2">
        <v>0</v>
      </c>
      <c r="E3538" s="2">
        <v>149.40000000000006</v>
      </c>
    </row>
    <row r="3539" spans="1:5" x14ac:dyDescent="0.25">
      <c r="A3539" s="3">
        <v>41778.65902777778</v>
      </c>
      <c r="B3539" s="2">
        <v>25.3</v>
      </c>
      <c r="C3539" s="2">
        <v>180.2</v>
      </c>
      <c r="D3539" s="2">
        <v>0</v>
      </c>
      <c r="E3539" s="2">
        <v>149.40000000000006</v>
      </c>
    </row>
    <row r="3540" spans="1:5" x14ac:dyDescent="0.25">
      <c r="A3540" s="3">
        <v>41778.659317129626</v>
      </c>
      <c r="B3540" s="2">
        <v>25.3</v>
      </c>
      <c r="C3540" s="2">
        <v>180</v>
      </c>
      <c r="D3540" s="2">
        <v>0</v>
      </c>
      <c r="E3540" s="2">
        <v>149.40000000000006</v>
      </c>
    </row>
    <row r="3541" spans="1:5" x14ac:dyDescent="0.25">
      <c r="A3541" s="3">
        <v>41778.659432870372</v>
      </c>
      <c r="B3541" s="2">
        <v>25.3</v>
      </c>
      <c r="C3541" s="2">
        <v>180.2</v>
      </c>
      <c r="D3541" s="2">
        <v>0</v>
      </c>
      <c r="E3541" s="2">
        <v>149.40000000000006</v>
      </c>
    </row>
    <row r="3542" spans="1:5" x14ac:dyDescent="0.25">
      <c r="A3542" s="3">
        <v>41778.660358796296</v>
      </c>
      <c r="B3542" s="2">
        <v>25.3</v>
      </c>
      <c r="C3542" s="2">
        <v>180</v>
      </c>
      <c r="D3542" s="2">
        <v>0</v>
      </c>
      <c r="E3542" s="2">
        <v>149.40000000000006</v>
      </c>
    </row>
    <row r="3543" spans="1:5" x14ac:dyDescent="0.25">
      <c r="A3543" s="3">
        <v>41778.660763888889</v>
      </c>
      <c r="B3543" s="2">
        <v>25.2</v>
      </c>
      <c r="C3543" s="2">
        <v>180.2</v>
      </c>
      <c r="D3543" s="2">
        <v>0</v>
      </c>
      <c r="E3543" s="2">
        <v>149.40000000000006</v>
      </c>
    </row>
    <row r="3544" spans="1:5" x14ac:dyDescent="0.25">
      <c r="A3544" s="3">
        <v>41778.660995370374</v>
      </c>
      <c r="B3544" s="2">
        <v>25.2</v>
      </c>
      <c r="C3544" s="2">
        <v>180</v>
      </c>
      <c r="D3544" s="2">
        <v>0</v>
      </c>
      <c r="E3544" s="2">
        <v>149.40000000000006</v>
      </c>
    </row>
    <row r="3545" spans="1:5" x14ac:dyDescent="0.25">
      <c r="A3545" s="3">
        <v>41778.66510416667</v>
      </c>
      <c r="B3545" s="2">
        <v>25.2</v>
      </c>
      <c r="C3545" s="2">
        <v>180.2</v>
      </c>
      <c r="D3545" s="2">
        <v>0</v>
      </c>
      <c r="E3545" s="2">
        <v>149.40000000000006</v>
      </c>
    </row>
    <row r="3546" spans="1:5" x14ac:dyDescent="0.25">
      <c r="A3546" s="3">
        <v>41778.665219907409</v>
      </c>
      <c r="B3546" s="2">
        <v>25.2</v>
      </c>
      <c r="C3546" s="2">
        <v>180</v>
      </c>
      <c r="D3546" s="2">
        <v>0</v>
      </c>
      <c r="E3546" s="2">
        <v>149.40000000000006</v>
      </c>
    </row>
    <row r="3547" spans="1:5" x14ac:dyDescent="0.25">
      <c r="A3547" s="3">
        <v>41778.684548611112</v>
      </c>
      <c r="B3547" s="2">
        <v>24.8</v>
      </c>
      <c r="C3547" s="2">
        <v>179.8</v>
      </c>
      <c r="D3547" s="2">
        <v>0</v>
      </c>
      <c r="E3547" s="2">
        <v>149.40000000000006</v>
      </c>
    </row>
    <row r="3548" spans="1:5" x14ac:dyDescent="0.25">
      <c r="A3548" s="3">
        <v>41778.684664351851</v>
      </c>
      <c r="B3548" s="2">
        <v>24.8</v>
      </c>
      <c r="C3548" s="2">
        <v>180</v>
      </c>
      <c r="D3548" s="2">
        <v>0</v>
      </c>
      <c r="E3548" s="2">
        <v>149.40000000000006</v>
      </c>
    </row>
    <row r="3549" spans="1:5" x14ac:dyDescent="0.25">
      <c r="A3549" s="3">
        <v>41778.684895833336</v>
      </c>
      <c r="B3549" s="2">
        <v>24.8</v>
      </c>
      <c r="C3549" s="2">
        <v>179.8</v>
      </c>
      <c r="D3549" s="2">
        <v>0</v>
      </c>
      <c r="E3549" s="2">
        <v>149.40000000000006</v>
      </c>
    </row>
    <row r="3550" spans="1:5" x14ac:dyDescent="0.25">
      <c r="A3550" s="3">
        <v>41778.685648148145</v>
      </c>
      <c r="B3550" s="2">
        <v>24.8</v>
      </c>
      <c r="C3550" s="2">
        <v>180</v>
      </c>
      <c r="D3550" s="2">
        <v>0</v>
      </c>
      <c r="E3550" s="2">
        <v>149.40000000000006</v>
      </c>
    </row>
    <row r="3551" spans="1:5" x14ac:dyDescent="0.25">
      <c r="A3551" s="3">
        <v>41778.685706018521</v>
      </c>
      <c r="B3551" s="2">
        <v>24.8</v>
      </c>
      <c r="C3551" s="2">
        <v>179.8</v>
      </c>
      <c r="D3551" s="2">
        <v>0</v>
      </c>
      <c r="E3551" s="2">
        <v>149.40000000000006</v>
      </c>
    </row>
    <row r="3552" spans="1:5" x14ac:dyDescent="0.25">
      <c r="A3552" s="3">
        <v>41778.685879629629</v>
      </c>
      <c r="B3552" s="2">
        <v>24.8</v>
      </c>
      <c r="C3552" s="2">
        <v>180</v>
      </c>
      <c r="D3552" s="2">
        <v>0</v>
      </c>
      <c r="E3552" s="2">
        <v>149.40000000000006</v>
      </c>
    </row>
    <row r="3553" spans="1:5" x14ac:dyDescent="0.25">
      <c r="A3553" s="3">
        <v>41778.68645833333</v>
      </c>
      <c r="B3553" s="2">
        <v>24.8</v>
      </c>
      <c r="C3553" s="2">
        <v>179.8</v>
      </c>
      <c r="D3553" s="2">
        <v>0</v>
      </c>
      <c r="E3553" s="2">
        <v>149.40000000000006</v>
      </c>
    </row>
    <row r="3554" spans="1:5" x14ac:dyDescent="0.25">
      <c r="A3554" s="3">
        <v>41778.687905092593</v>
      </c>
      <c r="B3554" s="2">
        <v>24.8</v>
      </c>
      <c r="C3554" s="2">
        <v>180</v>
      </c>
      <c r="D3554" s="2">
        <v>0</v>
      </c>
      <c r="E3554" s="2">
        <v>149.40000000000006</v>
      </c>
    </row>
    <row r="3555" spans="1:5" x14ac:dyDescent="0.25">
      <c r="A3555" s="3">
        <v>41778.688020833331</v>
      </c>
      <c r="B3555" s="2">
        <v>24.8</v>
      </c>
      <c r="C3555" s="2">
        <v>179.8</v>
      </c>
      <c r="D3555" s="2">
        <v>0</v>
      </c>
      <c r="E3555" s="2">
        <v>149.40000000000006</v>
      </c>
    </row>
    <row r="3556" spans="1:5" x14ac:dyDescent="0.25">
      <c r="A3556" s="3">
        <v>41778.689641203702</v>
      </c>
      <c r="B3556" s="2">
        <v>24.8</v>
      </c>
      <c r="C3556" s="2">
        <v>180</v>
      </c>
      <c r="D3556" s="2">
        <v>0</v>
      </c>
      <c r="E3556" s="2">
        <v>149.40000000000006</v>
      </c>
    </row>
    <row r="3557" spans="1:5" x14ac:dyDescent="0.25">
      <c r="A3557" s="3">
        <v>41778.689756944441</v>
      </c>
      <c r="B3557" s="2">
        <v>24.8</v>
      </c>
      <c r="C3557" s="2">
        <v>179.8</v>
      </c>
      <c r="D3557" s="2">
        <v>0</v>
      </c>
      <c r="E3557" s="2">
        <v>149.40000000000006</v>
      </c>
    </row>
    <row r="3558" spans="1:5" x14ac:dyDescent="0.25">
      <c r="A3558" s="3">
        <v>41778.690393518518</v>
      </c>
      <c r="B3558" s="2">
        <v>24.7</v>
      </c>
      <c r="C3558" s="2">
        <v>180</v>
      </c>
      <c r="D3558" s="2">
        <v>0</v>
      </c>
      <c r="E3558" s="2">
        <v>149.40000000000006</v>
      </c>
    </row>
    <row r="3559" spans="1:5" x14ac:dyDescent="0.25">
      <c r="A3559" s="3">
        <v>41778.690509259257</v>
      </c>
      <c r="B3559" s="2">
        <v>24.7</v>
      </c>
      <c r="C3559" s="2">
        <v>179.8</v>
      </c>
      <c r="D3559" s="2">
        <v>0</v>
      </c>
      <c r="E3559" s="2">
        <v>149.40000000000006</v>
      </c>
    </row>
    <row r="3560" spans="1:5" x14ac:dyDescent="0.25">
      <c r="A3560" s="3">
        <v>41778.691435185188</v>
      </c>
      <c r="B3560" s="2">
        <v>24.7</v>
      </c>
      <c r="C3560" s="2">
        <v>180</v>
      </c>
      <c r="D3560" s="2">
        <v>0</v>
      </c>
      <c r="E3560" s="2">
        <v>149.40000000000006</v>
      </c>
    </row>
    <row r="3561" spans="1:5" x14ac:dyDescent="0.25">
      <c r="A3561" s="3">
        <v>41778.691493055558</v>
      </c>
      <c r="B3561" s="2">
        <v>24.7</v>
      </c>
      <c r="C3561" s="2">
        <v>179.8</v>
      </c>
      <c r="D3561" s="2">
        <v>0</v>
      </c>
      <c r="E3561" s="2">
        <v>149.40000000000006</v>
      </c>
    </row>
    <row r="3562" spans="1:5" x14ac:dyDescent="0.25">
      <c r="A3562" s="3">
        <v>41778.709432870368</v>
      </c>
      <c r="B3562" s="2">
        <v>24.4</v>
      </c>
      <c r="C3562" s="2">
        <v>179.6</v>
      </c>
      <c r="D3562" s="2">
        <v>0</v>
      </c>
      <c r="E3562" s="2">
        <v>149.40000000000006</v>
      </c>
    </row>
    <row r="3563" spans="1:5" x14ac:dyDescent="0.25">
      <c r="A3563" s="3">
        <v>41778.709664351853</v>
      </c>
      <c r="B3563" s="2">
        <v>24.5</v>
      </c>
      <c r="C3563" s="2">
        <v>179.8</v>
      </c>
      <c r="D3563" s="2">
        <v>0</v>
      </c>
      <c r="E3563" s="2">
        <v>149.40000000000006</v>
      </c>
    </row>
    <row r="3564" spans="1:5" x14ac:dyDescent="0.25">
      <c r="A3564" s="3">
        <v>41778.712673611109</v>
      </c>
      <c r="B3564" s="2">
        <v>24.4</v>
      </c>
      <c r="C3564" s="2">
        <v>179.6</v>
      </c>
      <c r="D3564" s="2">
        <v>0</v>
      </c>
      <c r="E3564" s="2">
        <v>149.40000000000006</v>
      </c>
    </row>
    <row r="3565" spans="1:5" x14ac:dyDescent="0.25">
      <c r="A3565" s="3">
        <v>41778.712789351855</v>
      </c>
      <c r="B3565" s="2">
        <v>24.4</v>
      </c>
      <c r="C3565" s="2">
        <v>179.8</v>
      </c>
      <c r="D3565" s="2">
        <v>0</v>
      </c>
      <c r="E3565" s="2">
        <v>149.40000000000006</v>
      </c>
    </row>
    <row r="3566" spans="1:5" x14ac:dyDescent="0.25">
      <c r="A3566" s="3">
        <v>41778.712962962964</v>
      </c>
      <c r="B3566" s="2">
        <v>24.4</v>
      </c>
      <c r="C3566" s="2">
        <v>179.6</v>
      </c>
      <c r="D3566" s="2">
        <v>0</v>
      </c>
      <c r="E3566" s="2">
        <v>149.40000000000006</v>
      </c>
    </row>
    <row r="3567" spans="1:5" x14ac:dyDescent="0.25">
      <c r="A3567" s="3">
        <v>41778.713020833333</v>
      </c>
      <c r="B3567" s="2">
        <v>24.4</v>
      </c>
      <c r="C3567" s="2">
        <v>179.8</v>
      </c>
      <c r="D3567" s="2">
        <v>0</v>
      </c>
      <c r="E3567" s="2">
        <v>149.40000000000006</v>
      </c>
    </row>
    <row r="3568" spans="1:5" x14ac:dyDescent="0.25">
      <c r="A3568" s="3">
        <v>41778.715219907404</v>
      </c>
      <c r="B3568" s="2">
        <v>24.3</v>
      </c>
      <c r="C3568" s="2">
        <v>179.6</v>
      </c>
      <c r="D3568" s="2">
        <v>0</v>
      </c>
      <c r="E3568" s="2">
        <v>149.40000000000006</v>
      </c>
    </row>
    <row r="3569" spans="1:5" x14ac:dyDescent="0.25">
      <c r="A3569" s="3">
        <v>41778.716377314813</v>
      </c>
      <c r="B3569" s="2">
        <v>24.3</v>
      </c>
      <c r="C3569" s="2">
        <v>179.8</v>
      </c>
      <c r="D3569" s="2">
        <v>0</v>
      </c>
      <c r="E3569" s="2">
        <v>149.40000000000006</v>
      </c>
    </row>
    <row r="3570" spans="1:5" x14ac:dyDescent="0.25">
      <c r="A3570" s="3">
        <v>41778.716666666667</v>
      </c>
      <c r="B3570" s="2">
        <v>24.2</v>
      </c>
      <c r="C3570" s="2">
        <v>179.6</v>
      </c>
      <c r="D3570" s="2">
        <v>0</v>
      </c>
      <c r="E3570" s="2">
        <v>149.40000000000006</v>
      </c>
    </row>
    <row r="3571" spans="1:5" x14ac:dyDescent="0.25">
      <c r="A3571" s="3">
        <v>41778.71707175926</v>
      </c>
      <c r="B3571" s="2">
        <v>24.3</v>
      </c>
      <c r="C3571" s="2">
        <v>179.8</v>
      </c>
      <c r="D3571" s="2">
        <v>0</v>
      </c>
      <c r="E3571" s="2">
        <v>149.40000000000006</v>
      </c>
    </row>
    <row r="3572" spans="1:5" x14ac:dyDescent="0.25">
      <c r="A3572" s="3">
        <v>41778.717418981483</v>
      </c>
      <c r="B3572" s="2">
        <v>24.2</v>
      </c>
      <c r="C3572" s="2">
        <v>179.6</v>
      </c>
      <c r="D3572" s="2">
        <v>0</v>
      </c>
      <c r="E3572" s="2">
        <v>149.40000000000006</v>
      </c>
    </row>
    <row r="3573" spans="1:5" x14ac:dyDescent="0.25">
      <c r="A3573" s="3">
        <v>41778.717592592591</v>
      </c>
      <c r="B3573" s="2">
        <v>24.2</v>
      </c>
      <c r="C3573" s="2">
        <v>179.8</v>
      </c>
      <c r="D3573" s="2">
        <v>0</v>
      </c>
      <c r="E3573" s="2">
        <v>149.40000000000006</v>
      </c>
    </row>
    <row r="3574" spans="1:5" x14ac:dyDescent="0.25">
      <c r="A3574" s="3">
        <v>41778.71770833333</v>
      </c>
      <c r="B3574" s="2">
        <v>24.2</v>
      </c>
      <c r="C3574" s="2">
        <v>179.6</v>
      </c>
      <c r="D3574" s="2">
        <v>0</v>
      </c>
      <c r="E3574" s="2">
        <v>149.40000000000006</v>
      </c>
    </row>
    <row r="3575" spans="1:5" x14ac:dyDescent="0.25">
      <c r="A3575" s="3">
        <v>41778.717824074076</v>
      </c>
      <c r="B3575" s="2">
        <v>24.2</v>
      </c>
      <c r="C3575" s="2">
        <v>179.8</v>
      </c>
      <c r="D3575" s="2">
        <v>0</v>
      </c>
      <c r="E3575" s="2">
        <v>149.40000000000006</v>
      </c>
    </row>
    <row r="3576" spans="1:5" x14ac:dyDescent="0.25">
      <c r="A3576" s="3">
        <v>41778.718171296299</v>
      </c>
      <c r="B3576" s="2">
        <v>24.2</v>
      </c>
      <c r="C3576" s="2">
        <v>179.6</v>
      </c>
      <c r="D3576" s="2">
        <v>0</v>
      </c>
      <c r="E3576" s="2">
        <v>149.40000000000006</v>
      </c>
    </row>
    <row r="3577" spans="1:5" x14ac:dyDescent="0.25">
      <c r="A3577" s="3">
        <v>41778.718634259261</v>
      </c>
      <c r="B3577" s="2">
        <v>24.2</v>
      </c>
      <c r="C3577" s="2">
        <v>179.8</v>
      </c>
      <c r="D3577" s="2">
        <v>0</v>
      </c>
      <c r="E3577" s="2">
        <v>149.40000000000006</v>
      </c>
    </row>
    <row r="3578" spans="1:5" x14ac:dyDescent="0.25">
      <c r="A3578" s="3">
        <v>41778.718807870369</v>
      </c>
      <c r="B3578" s="2">
        <v>24.2</v>
      </c>
      <c r="C3578" s="2">
        <v>179.6</v>
      </c>
      <c r="D3578" s="2">
        <v>0</v>
      </c>
      <c r="E3578" s="2">
        <v>149.40000000000006</v>
      </c>
    </row>
    <row r="3579" spans="1:5" x14ac:dyDescent="0.25">
      <c r="A3579" s="3">
        <v>41778.743402777778</v>
      </c>
      <c r="B3579" s="2">
        <v>24.1</v>
      </c>
      <c r="C3579" s="2">
        <v>179.4</v>
      </c>
      <c r="D3579" s="2">
        <v>0</v>
      </c>
      <c r="E3579" s="2">
        <v>149.40000000000006</v>
      </c>
    </row>
    <row r="3580" spans="1:5" x14ac:dyDescent="0.25">
      <c r="A3580" s="3">
        <v>41778.743460648147</v>
      </c>
      <c r="B3580" s="2">
        <v>24.1</v>
      </c>
      <c r="C3580" s="2">
        <v>179.6</v>
      </c>
      <c r="D3580" s="2">
        <v>0</v>
      </c>
      <c r="E3580" s="2">
        <v>149.40000000000006</v>
      </c>
    </row>
    <row r="3581" spans="1:5" x14ac:dyDescent="0.25">
      <c r="A3581" s="3">
        <v>41778.743923611109</v>
      </c>
      <c r="B3581" s="2">
        <v>24</v>
      </c>
      <c r="C3581" s="2">
        <v>179.4</v>
      </c>
      <c r="D3581" s="2">
        <v>0</v>
      </c>
      <c r="E3581" s="2">
        <v>149.40000000000006</v>
      </c>
    </row>
    <row r="3582" spans="1:5" x14ac:dyDescent="0.25">
      <c r="A3582" s="3">
        <v>41778.743981481479</v>
      </c>
      <c r="B3582" s="2">
        <v>24.1</v>
      </c>
      <c r="C3582" s="2">
        <v>179.6</v>
      </c>
      <c r="D3582" s="2">
        <v>0</v>
      </c>
      <c r="E3582" s="2">
        <v>149.40000000000006</v>
      </c>
    </row>
    <row r="3583" spans="1:5" x14ac:dyDescent="0.25">
      <c r="A3583" s="3">
        <v>41778.746006944442</v>
      </c>
      <c r="B3583" s="2">
        <v>24</v>
      </c>
      <c r="C3583" s="2">
        <v>179.4</v>
      </c>
      <c r="D3583" s="2">
        <v>0</v>
      </c>
      <c r="E3583" s="2">
        <v>149.40000000000006</v>
      </c>
    </row>
    <row r="3584" spans="1:5" x14ac:dyDescent="0.25">
      <c r="A3584" s="3">
        <v>41778.746354166666</v>
      </c>
      <c r="B3584" s="2">
        <v>24</v>
      </c>
      <c r="C3584" s="2">
        <v>179.6</v>
      </c>
      <c r="D3584" s="2">
        <v>0</v>
      </c>
      <c r="E3584" s="2">
        <v>149.40000000000006</v>
      </c>
    </row>
    <row r="3585" spans="1:5" x14ac:dyDescent="0.25">
      <c r="A3585" s="3">
        <v>41778.746469907404</v>
      </c>
      <c r="B3585" s="2">
        <v>24</v>
      </c>
      <c r="C3585" s="2">
        <v>179.4</v>
      </c>
      <c r="D3585" s="2">
        <v>0</v>
      </c>
      <c r="E3585" s="2">
        <v>149.40000000000006</v>
      </c>
    </row>
    <row r="3586" spans="1:5" x14ac:dyDescent="0.25">
      <c r="A3586" s="3">
        <v>41778.754224537035</v>
      </c>
      <c r="B3586" s="2">
        <v>23.9</v>
      </c>
      <c r="C3586" s="2">
        <v>179.6</v>
      </c>
      <c r="D3586" s="2">
        <v>0</v>
      </c>
      <c r="E3586" s="2">
        <v>149.40000000000006</v>
      </c>
    </row>
    <row r="3587" spans="1:5" x14ac:dyDescent="0.25">
      <c r="A3587" s="3">
        <v>41778.754340277781</v>
      </c>
      <c r="B3587" s="2">
        <v>23.9</v>
      </c>
      <c r="C3587" s="2">
        <v>179.4</v>
      </c>
      <c r="D3587" s="2">
        <v>0</v>
      </c>
      <c r="E3587" s="2">
        <v>149.40000000000006</v>
      </c>
    </row>
    <row r="3588" spans="1:5" x14ac:dyDescent="0.25">
      <c r="A3588" s="3">
        <v>41778.756018518521</v>
      </c>
      <c r="B3588" s="2">
        <v>23.8</v>
      </c>
      <c r="C3588" s="2">
        <v>179.6</v>
      </c>
      <c r="D3588" s="2">
        <v>0</v>
      </c>
      <c r="E3588" s="2">
        <v>149.40000000000006</v>
      </c>
    </row>
    <row r="3589" spans="1:5" x14ac:dyDescent="0.25">
      <c r="A3589" s="3">
        <v>41778.75613425926</v>
      </c>
      <c r="B3589" s="2">
        <v>23.8</v>
      </c>
      <c r="C3589" s="2">
        <v>179.4</v>
      </c>
      <c r="D3589" s="2">
        <v>0</v>
      </c>
      <c r="E3589" s="2">
        <v>149.40000000000006</v>
      </c>
    </row>
    <row r="3590" spans="1:5" x14ac:dyDescent="0.25">
      <c r="A3590" s="3">
        <v>41778.77957175926</v>
      </c>
      <c r="B3590" s="2">
        <v>23.4</v>
      </c>
      <c r="C3590" s="2">
        <v>179.2</v>
      </c>
      <c r="D3590" s="2">
        <v>0</v>
      </c>
      <c r="E3590" s="2">
        <v>149.40000000000006</v>
      </c>
    </row>
    <row r="3591" spans="1:5" x14ac:dyDescent="0.25">
      <c r="A3591" s="3">
        <v>41778.779745370368</v>
      </c>
      <c r="B3591" s="2">
        <v>23.4</v>
      </c>
      <c r="C3591" s="2">
        <v>179.4</v>
      </c>
      <c r="D3591" s="2">
        <v>0</v>
      </c>
      <c r="E3591" s="2">
        <v>149.40000000000006</v>
      </c>
    </row>
    <row r="3592" spans="1:5" x14ac:dyDescent="0.25">
      <c r="A3592" s="3">
        <v>41778.779976851853</v>
      </c>
      <c r="B3592" s="2">
        <v>23.4</v>
      </c>
      <c r="C3592" s="2">
        <v>179.2</v>
      </c>
      <c r="D3592" s="2">
        <v>0</v>
      </c>
      <c r="E3592" s="2">
        <v>149.40000000000006</v>
      </c>
    </row>
    <row r="3593" spans="1:5" x14ac:dyDescent="0.25">
      <c r="A3593" s="3">
        <v>41778.78020833333</v>
      </c>
      <c r="B3593" s="2">
        <v>23.3</v>
      </c>
      <c r="C3593" s="2">
        <v>179.4</v>
      </c>
      <c r="D3593" s="2">
        <v>0</v>
      </c>
      <c r="E3593" s="2">
        <v>149.40000000000006</v>
      </c>
    </row>
    <row r="3594" spans="1:5" x14ac:dyDescent="0.25">
      <c r="A3594" s="3">
        <v>41778.780381944445</v>
      </c>
      <c r="B3594" s="2">
        <v>23.4</v>
      </c>
      <c r="C3594" s="2">
        <v>179.2</v>
      </c>
      <c r="D3594" s="2">
        <v>0</v>
      </c>
      <c r="E3594" s="2">
        <v>149.40000000000006</v>
      </c>
    </row>
    <row r="3595" spans="1:5" x14ac:dyDescent="0.25">
      <c r="A3595" s="3">
        <v>41778.781655092593</v>
      </c>
      <c r="B3595" s="2">
        <v>23.3</v>
      </c>
      <c r="C3595" s="2">
        <v>179.4</v>
      </c>
      <c r="D3595" s="2">
        <v>0</v>
      </c>
      <c r="E3595" s="2">
        <v>149.40000000000006</v>
      </c>
    </row>
    <row r="3596" spans="1:5" x14ac:dyDescent="0.25">
      <c r="A3596" s="3">
        <v>41778.781886574077</v>
      </c>
      <c r="B3596" s="2">
        <v>23.3</v>
      </c>
      <c r="C3596" s="2">
        <v>179.2</v>
      </c>
      <c r="D3596" s="2">
        <v>0</v>
      </c>
      <c r="E3596" s="2">
        <v>149.40000000000006</v>
      </c>
    </row>
    <row r="3597" spans="1:5" x14ac:dyDescent="0.25">
      <c r="A3597" s="3">
        <v>41778.782812500001</v>
      </c>
      <c r="B3597" s="2">
        <v>23.3</v>
      </c>
      <c r="C3597" s="2">
        <v>179.4</v>
      </c>
      <c r="D3597" s="2">
        <v>0</v>
      </c>
      <c r="E3597" s="2">
        <v>149.40000000000006</v>
      </c>
    </row>
    <row r="3598" spans="1:5" x14ac:dyDescent="0.25">
      <c r="A3598" s="3">
        <v>41778.783043981479</v>
      </c>
      <c r="B3598" s="2">
        <v>23.3</v>
      </c>
      <c r="C3598" s="2">
        <v>179.2</v>
      </c>
      <c r="D3598" s="2">
        <v>0</v>
      </c>
      <c r="E3598" s="2">
        <v>149.40000000000006</v>
      </c>
    </row>
    <row r="3599" spans="1:5" x14ac:dyDescent="0.25">
      <c r="A3599" s="3">
        <v>41778.784548611111</v>
      </c>
      <c r="B3599" s="2">
        <v>23.3</v>
      </c>
      <c r="C3599" s="2">
        <v>179.4</v>
      </c>
      <c r="D3599" s="2">
        <v>0</v>
      </c>
      <c r="E3599" s="2">
        <v>149.40000000000006</v>
      </c>
    </row>
    <row r="3600" spans="1:5" x14ac:dyDescent="0.25">
      <c r="A3600" s="3">
        <v>41778.78460648148</v>
      </c>
      <c r="B3600" s="2">
        <v>23.3</v>
      </c>
      <c r="C3600" s="2">
        <v>179.2</v>
      </c>
      <c r="D3600" s="2">
        <v>0</v>
      </c>
      <c r="E3600" s="2">
        <v>149.40000000000006</v>
      </c>
    </row>
    <row r="3601" spans="1:5" x14ac:dyDescent="0.25">
      <c r="A3601" s="3">
        <v>41778.786631944444</v>
      </c>
      <c r="B3601" s="2">
        <v>23.2</v>
      </c>
      <c r="C3601" s="2">
        <v>179.4</v>
      </c>
      <c r="D3601" s="2">
        <v>0</v>
      </c>
      <c r="E3601" s="2">
        <v>149.40000000000006</v>
      </c>
    </row>
    <row r="3602" spans="1:5" x14ac:dyDescent="0.25">
      <c r="A3602" s="3">
        <v>41778.786747685182</v>
      </c>
      <c r="B3602" s="2">
        <v>23.2</v>
      </c>
      <c r="C3602" s="2">
        <v>179.2</v>
      </c>
      <c r="D3602" s="2">
        <v>0</v>
      </c>
      <c r="E3602" s="2">
        <v>149.40000000000006</v>
      </c>
    </row>
    <row r="3603" spans="1:5" x14ac:dyDescent="0.25">
      <c r="A3603" s="3">
        <v>41778.786921296298</v>
      </c>
      <c r="B3603" s="2">
        <v>23.2</v>
      </c>
      <c r="C3603" s="2">
        <v>179.4</v>
      </c>
      <c r="D3603" s="2">
        <v>0</v>
      </c>
      <c r="E3603" s="2">
        <v>149.40000000000006</v>
      </c>
    </row>
    <row r="3604" spans="1:5" x14ac:dyDescent="0.25">
      <c r="A3604" s="3">
        <v>41778.787094907406</v>
      </c>
      <c r="B3604" s="2">
        <v>23.2</v>
      </c>
      <c r="C3604" s="2">
        <v>179.2</v>
      </c>
      <c r="D3604" s="2">
        <v>0</v>
      </c>
      <c r="E3604" s="2">
        <v>149.40000000000006</v>
      </c>
    </row>
    <row r="3605" spans="1:5" x14ac:dyDescent="0.25">
      <c r="A3605" s="3">
        <v>41778.820486111108</v>
      </c>
      <c r="B3605" s="2">
        <v>22.4</v>
      </c>
      <c r="C3605" s="2">
        <v>179</v>
      </c>
      <c r="D3605" s="2">
        <v>0</v>
      </c>
      <c r="E3605" s="2">
        <v>149.40000000000006</v>
      </c>
    </row>
    <row r="3606" spans="1:5" x14ac:dyDescent="0.25">
      <c r="A3606" s="3">
        <v>41778.820775462962</v>
      </c>
      <c r="B3606" s="2">
        <v>22.3</v>
      </c>
      <c r="C3606" s="2">
        <v>179.2</v>
      </c>
      <c r="D3606" s="2">
        <v>0</v>
      </c>
      <c r="E3606" s="2">
        <v>149.40000000000006</v>
      </c>
    </row>
    <row r="3607" spans="1:5" x14ac:dyDescent="0.25">
      <c r="A3607" s="3">
        <v>41778.821122685185</v>
      </c>
      <c r="B3607" s="2">
        <v>22.3</v>
      </c>
      <c r="C3607" s="2">
        <v>179</v>
      </c>
      <c r="D3607" s="2">
        <v>0</v>
      </c>
      <c r="E3607" s="2">
        <v>149.40000000000006</v>
      </c>
    </row>
    <row r="3608" spans="1:5" x14ac:dyDescent="0.25">
      <c r="A3608" s="3">
        <v>41778.822106481479</v>
      </c>
      <c r="B3608" s="2">
        <v>22.3</v>
      </c>
      <c r="C3608" s="2">
        <v>179.2</v>
      </c>
      <c r="D3608" s="2">
        <v>0</v>
      </c>
      <c r="E3608" s="2">
        <v>149.40000000000006</v>
      </c>
    </row>
    <row r="3609" spans="1:5" x14ac:dyDescent="0.25">
      <c r="A3609" s="3">
        <v>41778.822222222225</v>
      </c>
      <c r="B3609" s="2">
        <v>22.3</v>
      </c>
      <c r="C3609" s="2">
        <v>179</v>
      </c>
      <c r="D3609" s="2">
        <v>0</v>
      </c>
      <c r="E3609" s="2">
        <v>149.40000000000006</v>
      </c>
    </row>
    <row r="3610" spans="1:5" x14ac:dyDescent="0.25">
      <c r="A3610" s="3">
        <v>41778.864988425928</v>
      </c>
      <c r="B3610" s="2">
        <v>21.3</v>
      </c>
      <c r="C3610" s="2">
        <v>178.8</v>
      </c>
      <c r="D3610" s="2">
        <v>0</v>
      </c>
      <c r="E3610" s="2">
        <v>149.40000000000006</v>
      </c>
    </row>
    <row r="3611" spans="1:5" x14ac:dyDescent="0.25">
      <c r="A3611" s="3">
        <v>41778.931423611109</v>
      </c>
      <c r="B3611" s="2">
        <v>19.8</v>
      </c>
      <c r="C3611" s="2">
        <v>178.6</v>
      </c>
      <c r="D3611" s="2">
        <v>0</v>
      </c>
      <c r="E3611" s="2">
        <v>149.40000000000006</v>
      </c>
    </row>
    <row r="3612" spans="1:5" x14ac:dyDescent="0.25">
      <c r="A3612" s="3">
        <v>41779.025289351855</v>
      </c>
      <c r="B3612" s="2">
        <v>18.3</v>
      </c>
      <c r="C3612" s="2">
        <v>178.4</v>
      </c>
      <c r="D3612" s="2">
        <v>0</v>
      </c>
      <c r="E3612" s="2">
        <v>149.40000000000006</v>
      </c>
    </row>
    <row r="3613" spans="1:5" x14ac:dyDescent="0.25">
      <c r="A3613" s="3">
        <v>41779.2578125</v>
      </c>
      <c r="B3613" s="2">
        <v>14.9</v>
      </c>
      <c r="C3613" s="2">
        <v>178.2</v>
      </c>
      <c r="D3613" s="2">
        <v>0</v>
      </c>
      <c r="E3613" s="2">
        <v>149.40000000000006</v>
      </c>
    </row>
    <row r="3614" spans="1:5" x14ac:dyDescent="0.25">
      <c r="A3614" s="3">
        <v>41779.322048611109</v>
      </c>
      <c r="B3614" s="2">
        <v>14.2</v>
      </c>
      <c r="C3614" s="2">
        <v>178</v>
      </c>
      <c r="D3614" s="2">
        <v>0</v>
      </c>
      <c r="E3614" s="2">
        <v>149.40000000000006</v>
      </c>
    </row>
    <row r="3615" spans="1:5" x14ac:dyDescent="0.25">
      <c r="A3615" s="3">
        <v>41779.343634259261</v>
      </c>
      <c r="B3615" s="2">
        <v>14.2</v>
      </c>
      <c r="C3615" s="2">
        <v>177.8</v>
      </c>
      <c r="D3615" s="2">
        <v>0</v>
      </c>
      <c r="E3615" s="2">
        <v>149.40000000000006</v>
      </c>
    </row>
    <row r="3616" spans="1:5" x14ac:dyDescent="0.25">
      <c r="A3616" s="3">
        <v>41779.482118055559</v>
      </c>
      <c r="B3616" s="2">
        <v>22.3</v>
      </c>
      <c r="C3616" s="2">
        <v>177.6</v>
      </c>
      <c r="D3616" s="2">
        <v>0</v>
      </c>
      <c r="E3616" s="2">
        <v>149.40000000000006</v>
      </c>
    </row>
    <row r="3617" spans="1:5" x14ac:dyDescent="0.25">
      <c r="A3617" s="3">
        <v>41779.482291666667</v>
      </c>
      <c r="B3617" s="2">
        <v>22.1</v>
      </c>
      <c r="C3617" s="2">
        <v>177.8</v>
      </c>
      <c r="D3617" s="2">
        <v>0</v>
      </c>
      <c r="E3617" s="2">
        <v>149.40000000000006</v>
      </c>
    </row>
    <row r="3618" spans="1:5" x14ac:dyDescent="0.25">
      <c r="A3618" s="3">
        <v>41779.489236111112</v>
      </c>
      <c r="B3618" s="2">
        <v>22.6</v>
      </c>
      <c r="C3618" s="2">
        <v>177.6</v>
      </c>
      <c r="D3618" s="2">
        <v>0</v>
      </c>
      <c r="E3618" s="2">
        <v>149.40000000000006</v>
      </c>
    </row>
    <row r="3619" spans="1:5" x14ac:dyDescent="0.25">
      <c r="A3619" s="3">
        <v>41779.489872685182</v>
      </c>
      <c r="B3619" s="2">
        <v>22.5</v>
      </c>
      <c r="C3619" s="2">
        <v>177.8</v>
      </c>
      <c r="D3619" s="2">
        <v>0</v>
      </c>
      <c r="E3619" s="2">
        <v>149.40000000000006</v>
      </c>
    </row>
    <row r="3620" spans="1:5" x14ac:dyDescent="0.25">
      <c r="A3620" s="3">
        <v>41779.489988425928</v>
      </c>
      <c r="B3620" s="2">
        <v>22.5</v>
      </c>
      <c r="C3620" s="2">
        <v>177.6</v>
      </c>
      <c r="D3620" s="2">
        <v>0</v>
      </c>
      <c r="E3620" s="2">
        <v>149.40000000000006</v>
      </c>
    </row>
    <row r="3621" spans="1:5" x14ac:dyDescent="0.25">
      <c r="A3621" s="3">
        <v>41779.490104166667</v>
      </c>
      <c r="B3621" s="2">
        <v>22.6</v>
      </c>
      <c r="C3621" s="2">
        <v>177.8</v>
      </c>
      <c r="D3621" s="2">
        <v>0</v>
      </c>
      <c r="E3621" s="2">
        <v>149.40000000000006</v>
      </c>
    </row>
    <row r="3622" spans="1:5" x14ac:dyDescent="0.25">
      <c r="A3622" s="3">
        <v>41779.490335648145</v>
      </c>
      <c r="B3622" s="2">
        <v>22.6</v>
      </c>
      <c r="C3622" s="2">
        <v>177.6</v>
      </c>
      <c r="D3622" s="2">
        <v>0</v>
      </c>
      <c r="E3622" s="2">
        <v>149.40000000000006</v>
      </c>
    </row>
    <row r="3623" spans="1:5" x14ac:dyDescent="0.25">
      <c r="A3623" s="3">
        <v>41779.490972222222</v>
      </c>
      <c r="B3623" s="2">
        <v>22.7</v>
      </c>
      <c r="C3623" s="2">
        <v>177.8</v>
      </c>
      <c r="D3623" s="2">
        <v>0</v>
      </c>
      <c r="E3623" s="2">
        <v>149.40000000000006</v>
      </c>
    </row>
    <row r="3624" spans="1:5" x14ac:dyDescent="0.25">
      <c r="A3624" s="3">
        <v>41779.491377314815</v>
      </c>
      <c r="B3624" s="2">
        <v>22.7</v>
      </c>
      <c r="C3624" s="2">
        <v>177.6</v>
      </c>
      <c r="D3624" s="2">
        <v>0</v>
      </c>
      <c r="E3624" s="2">
        <v>149.40000000000006</v>
      </c>
    </row>
    <row r="3625" spans="1:5" x14ac:dyDescent="0.25">
      <c r="A3625" s="3">
        <v>41779.493055555555</v>
      </c>
      <c r="B3625" s="2">
        <v>22.8</v>
      </c>
      <c r="C3625" s="2">
        <v>177.8</v>
      </c>
      <c r="D3625" s="2">
        <v>0</v>
      </c>
      <c r="E3625" s="2">
        <v>149.40000000000006</v>
      </c>
    </row>
    <row r="3626" spans="1:5" x14ac:dyDescent="0.25">
      <c r="A3626" s="3">
        <v>41779.493171296293</v>
      </c>
      <c r="B3626" s="2">
        <v>22.8</v>
      </c>
      <c r="C3626" s="2">
        <v>177.6</v>
      </c>
      <c r="D3626" s="2">
        <v>0</v>
      </c>
      <c r="E3626" s="2">
        <v>149.40000000000006</v>
      </c>
    </row>
    <row r="3627" spans="1:5" x14ac:dyDescent="0.25">
      <c r="A3627" s="3">
        <v>41779.497164351851</v>
      </c>
      <c r="B3627" s="2">
        <v>23.1</v>
      </c>
      <c r="C3627" s="2">
        <v>177.8</v>
      </c>
      <c r="D3627" s="2">
        <v>0</v>
      </c>
      <c r="E3627" s="2">
        <v>149.40000000000006</v>
      </c>
    </row>
    <row r="3628" spans="1:5" x14ac:dyDescent="0.25">
      <c r="A3628" s="3">
        <v>41779.49722222222</v>
      </c>
      <c r="B3628" s="2">
        <v>23.1</v>
      </c>
      <c r="C3628" s="2">
        <v>177.6</v>
      </c>
      <c r="D3628" s="2">
        <v>0</v>
      </c>
      <c r="E3628" s="2">
        <v>149.40000000000006</v>
      </c>
    </row>
    <row r="3629" spans="1:5" x14ac:dyDescent="0.25">
      <c r="A3629" s="3">
        <v>41779.497569444444</v>
      </c>
      <c r="B3629" s="2">
        <v>23.1</v>
      </c>
      <c r="C3629" s="2">
        <v>177.8</v>
      </c>
      <c r="D3629" s="2">
        <v>0</v>
      </c>
      <c r="E3629" s="2">
        <v>149.40000000000006</v>
      </c>
    </row>
    <row r="3630" spans="1:5" x14ac:dyDescent="0.25">
      <c r="A3630" s="3">
        <v>41779.497743055559</v>
      </c>
      <c r="B3630" s="2">
        <v>23.1</v>
      </c>
      <c r="C3630" s="2">
        <v>177.6</v>
      </c>
      <c r="D3630" s="2">
        <v>0</v>
      </c>
      <c r="E3630" s="2">
        <v>149.40000000000006</v>
      </c>
    </row>
    <row r="3631" spans="1:5" x14ac:dyDescent="0.25">
      <c r="A3631" s="3">
        <v>41779.521296296298</v>
      </c>
      <c r="B3631" s="2">
        <v>24.5</v>
      </c>
      <c r="C3631" s="2">
        <v>177.4</v>
      </c>
      <c r="D3631" s="2">
        <v>0</v>
      </c>
      <c r="E3631" s="2">
        <v>149.40000000000006</v>
      </c>
    </row>
    <row r="3632" spans="1:5" x14ac:dyDescent="0.25">
      <c r="A3632" s="3">
        <v>41779.521527777775</v>
      </c>
      <c r="B3632" s="2">
        <v>24.4</v>
      </c>
      <c r="C3632" s="2">
        <v>177.6</v>
      </c>
      <c r="D3632" s="2">
        <v>0</v>
      </c>
      <c r="E3632" s="2">
        <v>149.40000000000006</v>
      </c>
    </row>
    <row r="3633" spans="1:5" x14ac:dyDescent="0.25">
      <c r="A3633" s="3">
        <v>41779.521643518521</v>
      </c>
      <c r="B3633" s="2">
        <v>24.4</v>
      </c>
      <c r="C3633" s="2">
        <v>177.4</v>
      </c>
      <c r="D3633" s="2">
        <v>0</v>
      </c>
      <c r="E3633" s="2">
        <v>149.40000000000006</v>
      </c>
    </row>
    <row r="3634" spans="1:5" x14ac:dyDescent="0.25">
      <c r="A3634" s="3">
        <v>41779.550405092596</v>
      </c>
      <c r="B3634" s="2">
        <v>26.1</v>
      </c>
      <c r="C3634" s="2">
        <v>177.2</v>
      </c>
      <c r="D3634" s="2">
        <v>0</v>
      </c>
      <c r="E3634" s="2">
        <v>149.40000000000006</v>
      </c>
    </row>
    <row r="3635" spans="1:5" x14ac:dyDescent="0.25">
      <c r="A3635" s="3">
        <v>41779.550636574073</v>
      </c>
      <c r="B3635" s="2">
        <v>26.2</v>
      </c>
      <c r="C3635" s="2">
        <v>177.4</v>
      </c>
      <c r="D3635" s="2">
        <v>0</v>
      </c>
      <c r="E3635" s="2">
        <v>149.40000000000006</v>
      </c>
    </row>
    <row r="3636" spans="1:5" x14ac:dyDescent="0.25">
      <c r="A3636" s="3">
        <v>41779.55196759259</v>
      </c>
      <c r="B3636" s="2">
        <v>26.1</v>
      </c>
      <c r="C3636" s="2">
        <v>177.2</v>
      </c>
      <c r="D3636" s="2">
        <v>0</v>
      </c>
      <c r="E3636" s="2">
        <v>149.40000000000006</v>
      </c>
    </row>
    <row r="3637" spans="1:5" x14ac:dyDescent="0.25">
      <c r="A3637" s="3">
        <v>41779.552025462966</v>
      </c>
      <c r="B3637" s="2">
        <v>26.1</v>
      </c>
      <c r="C3637" s="2">
        <v>177.4</v>
      </c>
      <c r="D3637" s="2">
        <v>0</v>
      </c>
      <c r="E3637" s="2">
        <v>149.40000000000006</v>
      </c>
    </row>
    <row r="3638" spans="1:5" x14ac:dyDescent="0.25">
      <c r="A3638" s="3">
        <v>41779.552719907406</v>
      </c>
      <c r="B3638" s="2">
        <v>26.2</v>
      </c>
      <c r="C3638" s="2">
        <v>177.2</v>
      </c>
      <c r="D3638" s="2">
        <v>0</v>
      </c>
      <c r="E3638" s="2">
        <v>149.40000000000006</v>
      </c>
    </row>
    <row r="3639" spans="1:5" x14ac:dyDescent="0.25">
      <c r="A3639" s="3">
        <v>41779.554108796299</v>
      </c>
      <c r="B3639" s="2">
        <v>26.2</v>
      </c>
      <c r="C3639" s="2">
        <v>177.4</v>
      </c>
      <c r="D3639" s="2">
        <v>0</v>
      </c>
      <c r="E3639" s="2">
        <v>149.40000000000006</v>
      </c>
    </row>
    <row r="3640" spans="1:5" x14ac:dyDescent="0.25">
      <c r="A3640" s="3">
        <v>41779.554224537038</v>
      </c>
      <c r="B3640" s="2">
        <v>26.2</v>
      </c>
      <c r="C3640" s="2">
        <v>177.2</v>
      </c>
      <c r="D3640" s="2">
        <v>0</v>
      </c>
      <c r="E3640" s="2">
        <v>149.40000000000006</v>
      </c>
    </row>
    <row r="3641" spans="1:5" x14ac:dyDescent="0.25">
      <c r="A3641" s="3">
        <v>41779.563136574077</v>
      </c>
      <c r="B3641" s="2">
        <v>26.8</v>
      </c>
      <c r="C3641" s="2">
        <v>177.4</v>
      </c>
      <c r="D3641" s="2">
        <v>0</v>
      </c>
      <c r="E3641" s="2">
        <v>149.40000000000006</v>
      </c>
    </row>
    <row r="3642" spans="1:5" x14ac:dyDescent="0.25">
      <c r="A3642" s="3">
        <v>41779.563194444447</v>
      </c>
      <c r="B3642" s="2">
        <v>26.8</v>
      </c>
      <c r="C3642" s="2">
        <v>177.2</v>
      </c>
      <c r="D3642" s="2">
        <v>0</v>
      </c>
      <c r="E3642" s="2">
        <v>149.40000000000006</v>
      </c>
    </row>
    <row r="3643" spans="1:5" x14ac:dyDescent="0.25">
      <c r="A3643" s="3">
        <v>41779.563946759263</v>
      </c>
      <c r="B3643" s="2">
        <v>26.8</v>
      </c>
      <c r="C3643" s="2">
        <v>177.4</v>
      </c>
      <c r="D3643" s="2">
        <v>0</v>
      </c>
      <c r="E3643" s="2">
        <v>149.40000000000006</v>
      </c>
    </row>
    <row r="3644" spans="1:5" x14ac:dyDescent="0.25">
      <c r="A3644" s="3">
        <v>41779.564062500001</v>
      </c>
      <c r="B3644" s="2">
        <v>26.7</v>
      </c>
      <c r="C3644" s="2">
        <v>177.2</v>
      </c>
      <c r="D3644" s="2">
        <v>0</v>
      </c>
      <c r="E3644" s="2">
        <v>149.40000000000006</v>
      </c>
    </row>
    <row r="3645" spans="1:5" x14ac:dyDescent="0.25">
      <c r="A3645" s="3">
        <v>41779.582812499997</v>
      </c>
      <c r="B3645" s="2">
        <v>27.7</v>
      </c>
      <c r="C3645" s="2">
        <v>177</v>
      </c>
      <c r="D3645" s="2">
        <v>0</v>
      </c>
      <c r="E3645" s="2">
        <v>149.40000000000006</v>
      </c>
    </row>
    <row r="3646" spans="1:5" x14ac:dyDescent="0.25">
      <c r="A3646" s="3">
        <v>41779.582870370374</v>
      </c>
      <c r="B3646" s="2">
        <v>27.7</v>
      </c>
      <c r="C3646" s="2">
        <v>177.2</v>
      </c>
      <c r="D3646" s="2">
        <v>0</v>
      </c>
      <c r="E3646" s="2">
        <v>149.40000000000006</v>
      </c>
    </row>
    <row r="3647" spans="1:5" x14ac:dyDescent="0.25">
      <c r="A3647" s="3">
        <v>41779.582986111112</v>
      </c>
      <c r="B3647" s="2">
        <v>27.7</v>
      </c>
      <c r="C3647" s="2">
        <v>177</v>
      </c>
      <c r="D3647" s="2">
        <v>0</v>
      </c>
      <c r="E3647" s="2">
        <v>149.40000000000006</v>
      </c>
    </row>
    <row r="3648" spans="1:5" x14ac:dyDescent="0.25">
      <c r="A3648" s="3">
        <v>41779.583043981482</v>
      </c>
      <c r="B3648" s="2">
        <v>27.7</v>
      </c>
      <c r="C3648" s="2">
        <v>177.2</v>
      </c>
      <c r="D3648" s="2">
        <v>0</v>
      </c>
      <c r="E3648" s="2">
        <v>149.40000000000006</v>
      </c>
    </row>
    <row r="3649" spans="1:5" x14ac:dyDescent="0.25">
      <c r="A3649" s="3">
        <v>41779.58321759259</v>
      </c>
      <c r="B3649" s="2">
        <v>27.7</v>
      </c>
      <c r="C3649" s="2">
        <v>177</v>
      </c>
      <c r="D3649" s="2">
        <v>0</v>
      </c>
      <c r="E3649" s="2">
        <v>149.40000000000006</v>
      </c>
    </row>
    <row r="3650" spans="1:5" x14ac:dyDescent="0.25">
      <c r="A3650" s="3">
        <v>41779.583275462966</v>
      </c>
      <c r="B3650" s="2">
        <v>27.7</v>
      </c>
      <c r="C3650" s="2">
        <v>177.2</v>
      </c>
      <c r="D3650" s="2">
        <v>0</v>
      </c>
      <c r="E3650" s="2">
        <v>149.40000000000006</v>
      </c>
    </row>
    <row r="3651" spans="1:5" x14ac:dyDescent="0.25">
      <c r="A3651" s="3">
        <v>41779.583449074074</v>
      </c>
      <c r="B3651" s="2">
        <v>27.7</v>
      </c>
      <c r="C3651" s="2">
        <v>177</v>
      </c>
      <c r="D3651" s="2">
        <v>0</v>
      </c>
      <c r="E3651" s="2">
        <v>149.40000000000006</v>
      </c>
    </row>
    <row r="3652" spans="1:5" x14ac:dyDescent="0.25">
      <c r="A3652" s="3">
        <v>41779.583680555559</v>
      </c>
      <c r="B3652" s="2">
        <v>27.7</v>
      </c>
      <c r="C3652" s="2">
        <v>177.2</v>
      </c>
      <c r="D3652" s="2">
        <v>0</v>
      </c>
      <c r="E3652" s="2">
        <v>149.40000000000006</v>
      </c>
    </row>
    <row r="3653" spans="1:5" x14ac:dyDescent="0.25">
      <c r="A3653" s="3">
        <v>41779.583738425928</v>
      </c>
      <c r="B3653" s="2">
        <v>27.7</v>
      </c>
      <c r="C3653" s="2">
        <v>177</v>
      </c>
      <c r="D3653" s="2">
        <v>0</v>
      </c>
      <c r="E3653" s="2">
        <v>149.40000000000006</v>
      </c>
    </row>
    <row r="3654" spans="1:5" x14ac:dyDescent="0.25">
      <c r="A3654" s="3">
        <v>41779.584837962961</v>
      </c>
      <c r="B3654" s="2">
        <v>27.7</v>
      </c>
      <c r="C3654" s="2">
        <v>177.2</v>
      </c>
      <c r="D3654" s="2">
        <v>0</v>
      </c>
      <c r="E3654" s="2">
        <v>149.40000000000006</v>
      </c>
    </row>
    <row r="3655" spans="1:5" x14ac:dyDescent="0.25">
      <c r="A3655" s="3">
        <v>41779.585011574076</v>
      </c>
      <c r="B3655" s="2">
        <v>27.7</v>
      </c>
      <c r="C3655" s="2">
        <v>177</v>
      </c>
      <c r="D3655" s="2">
        <v>0</v>
      </c>
      <c r="E3655" s="2">
        <v>149.40000000000006</v>
      </c>
    </row>
    <row r="3656" spans="1:5" x14ac:dyDescent="0.25">
      <c r="A3656" s="3">
        <v>41779.59375</v>
      </c>
      <c r="B3656" s="2">
        <v>28</v>
      </c>
      <c r="C3656" s="2">
        <v>177.2</v>
      </c>
      <c r="D3656" s="2">
        <v>0</v>
      </c>
      <c r="E3656" s="2">
        <v>149.40000000000006</v>
      </c>
    </row>
    <row r="3657" spans="1:5" x14ac:dyDescent="0.25">
      <c r="A3657" s="3">
        <v>41779.593923611108</v>
      </c>
      <c r="B3657" s="2">
        <v>28</v>
      </c>
      <c r="C3657" s="2">
        <v>177</v>
      </c>
      <c r="D3657" s="2">
        <v>0</v>
      </c>
      <c r="E3657" s="2">
        <v>149.40000000000006</v>
      </c>
    </row>
    <row r="3658" spans="1:5" x14ac:dyDescent="0.25">
      <c r="A3658" s="3">
        <v>41779.594212962962</v>
      </c>
      <c r="B3658" s="2">
        <v>28</v>
      </c>
      <c r="C3658" s="2">
        <v>177.2</v>
      </c>
      <c r="D3658" s="2">
        <v>0</v>
      </c>
      <c r="E3658" s="2">
        <v>149.40000000000006</v>
      </c>
    </row>
    <row r="3659" spans="1:5" x14ac:dyDescent="0.25">
      <c r="A3659" s="3">
        <v>41779.594270833331</v>
      </c>
      <c r="B3659" s="2">
        <v>28.1</v>
      </c>
      <c r="C3659" s="2">
        <v>177</v>
      </c>
      <c r="D3659" s="2">
        <v>0</v>
      </c>
      <c r="E3659" s="2">
        <v>149.40000000000006</v>
      </c>
    </row>
    <row r="3660" spans="1:5" x14ac:dyDescent="0.25">
      <c r="A3660" s="3">
        <v>41779.602025462962</v>
      </c>
      <c r="B3660" s="2">
        <v>28.3</v>
      </c>
      <c r="C3660" s="2">
        <v>176.8</v>
      </c>
      <c r="D3660" s="2">
        <v>0</v>
      </c>
      <c r="E3660" s="2">
        <v>149.40000000000006</v>
      </c>
    </row>
    <row r="3661" spans="1:5" x14ac:dyDescent="0.25">
      <c r="A3661" s="3">
        <v>41779.602083333331</v>
      </c>
      <c r="B3661" s="2">
        <v>28.3</v>
      </c>
      <c r="C3661" s="2">
        <v>177</v>
      </c>
      <c r="D3661" s="2">
        <v>0</v>
      </c>
      <c r="E3661" s="2">
        <v>149.40000000000006</v>
      </c>
    </row>
    <row r="3662" spans="1:5" x14ac:dyDescent="0.25">
      <c r="A3662" s="3">
        <v>41779.602256944447</v>
      </c>
      <c r="B3662" s="2">
        <v>28.3</v>
      </c>
      <c r="C3662" s="2">
        <v>176.8</v>
      </c>
      <c r="D3662" s="2">
        <v>0</v>
      </c>
      <c r="E3662" s="2">
        <v>149.40000000000006</v>
      </c>
    </row>
    <row r="3663" spans="1:5" x14ac:dyDescent="0.25">
      <c r="A3663" s="3">
        <v>41779.630729166667</v>
      </c>
      <c r="B3663" s="2">
        <v>28.3</v>
      </c>
      <c r="C3663" s="2">
        <v>176.6</v>
      </c>
      <c r="D3663" s="2">
        <v>0</v>
      </c>
      <c r="E3663" s="2">
        <v>149.40000000000006</v>
      </c>
    </row>
    <row r="3664" spans="1:5" x14ac:dyDescent="0.25">
      <c r="A3664" s="3">
        <v>41779.640972222223</v>
      </c>
      <c r="B3664" s="2">
        <v>28</v>
      </c>
      <c r="C3664" s="2">
        <v>176.4</v>
      </c>
      <c r="D3664" s="2">
        <v>0</v>
      </c>
      <c r="E3664" s="2">
        <v>149.40000000000006</v>
      </c>
    </row>
    <row r="3665" spans="1:5" x14ac:dyDescent="0.25">
      <c r="A3665" s="3">
        <v>41779.641087962962</v>
      </c>
      <c r="B3665" s="2">
        <v>28</v>
      </c>
      <c r="C3665" s="2">
        <v>176.6</v>
      </c>
      <c r="D3665" s="2">
        <v>0</v>
      </c>
      <c r="E3665" s="2">
        <v>149.40000000000006</v>
      </c>
    </row>
    <row r="3666" spans="1:5" x14ac:dyDescent="0.25">
      <c r="A3666" s="3">
        <v>41779.64340277778</v>
      </c>
      <c r="B3666" s="2">
        <v>28</v>
      </c>
      <c r="C3666" s="2">
        <v>176.4</v>
      </c>
      <c r="D3666" s="2">
        <v>0</v>
      </c>
      <c r="E3666" s="2">
        <v>149.40000000000006</v>
      </c>
    </row>
    <row r="3667" spans="1:5" x14ac:dyDescent="0.25">
      <c r="A3667" s="3">
        <v>41779.64398148148</v>
      </c>
      <c r="B3667" s="2">
        <v>28</v>
      </c>
      <c r="C3667" s="2">
        <v>176.6</v>
      </c>
      <c r="D3667" s="2">
        <v>0</v>
      </c>
      <c r="E3667" s="2">
        <v>149.40000000000006</v>
      </c>
    </row>
    <row r="3668" spans="1:5" x14ac:dyDescent="0.25">
      <c r="A3668" s="3">
        <v>41779.644791666666</v>
      </c>
      <c r="B3668" s="2">
        <v>28</v>
      </c>
      <c r="C3668" s="2">
        <v>176.4</v>
      </c>
      <c r="D3668" s="2">
        <v>0</v>
      </c>
      <c r="E3668" s="2">
        <v>149.40000000000006</v>
      </c>
    </row>
    <row r="3669" spans="1:5" x14ac:dyDescent="0.25">
      <c r="A3669" s="3">
        <v>41779.664988425924</v>
      </c>
      <c r="B3669" s="2">
        <v>27.1</v>
      </c>
      <c r="C3669" s="2">
        <v>176.2</v>
      </c>
      <c r="D3669" s="2">
        <v>0</v>
      </c>
      <c r="E3669" s="2">
        <v>149.40000000000006</v>
      </c>
    </row>
    <row r="3670" spans="1:5" x14ac:dyDescent="0.25">
      <c r="A3670" s="3">
        <v>41779.682870370372</v>
      </c>
      <c r="B3670" s="2">
        <v>26.5</v>
      </c>
      <c r="C3670" s="2">
        <v>176</v>
      </c>
      <c r="D3670" s="2">
        <v>0</v>
      </c>
      <c r="E3670" s="2">
        <v>149.40000000000006</v>
      </c>
    </row>
    <row r="3671" spans="1:5" x14ac:dyDescent="0.25">
      <c r="A3671" s="3">
        <v>41779.68310185185</v>
      </c>
      <c r="B3671" s="2">
        <v>26.5</v>
      </c>
      <c r="C3671" s="2">
        <v>176.2</v>
      </c>
      <c r="D3671" s="2">
        <v>0</v>
      </c>
      <c r="E3671" s="2">
        <v>149.40000000000006</v>
      </c>
    </row>
    <row r="3672" spans="1:5" x14ac:dyDescent="0.25">
      <c r="A3672" s="3">
        <v>41779.683796296296</v>
      </c>
      <c r="B3672" s="2">
        <v>26.4</v>
      </c>
      <c r="C3672" s="2">
        <v>176</v>
      </c>
      <c r="D3672" s="2">
        <v>0</v>
      </c>
      <c r="E3672" s="2">
        <v>149.40000000000006</v>
      </c>
    </row>
    <row r="3673" spans="1:5" x14ac:dyDescent="0.25">
      <c r="A3673" s="3">
        <v>41779.683854166666</v>
      </c>
      <c r="B3673" s="2">
        <v>26.4</v>
      </c>
      <c r="C3673" s="2">
        <v>176.2</v>
      </c>
      <c r="D3673" s="2">
        <v>0</v>
      </c>
      <c r="E3673" s="2">
        <v>149.40000000000006</v>
      </c>
    </row>
    <row r="3674" spans="1:5" x14ac:dyDescent="0.25">
      <c r="A3674" s="3">
        <v>41779.684837962966</v>
      </c>
      <c r="B3674" s="2">
        <v>26.4</v>
      </c>
      <c r="C3674" s="2">
        <v>176</v>
      </c>
      <c r="D3674" s="2">
        <v>0</v>
      </c>
      <c r="E3674" s="2">
        <v>149.40000000000006</v>
      </c>
    </row>
    <row r="3675" spans="1:5" x14ac:dyDescent="0.25">
      <c r="A3675" s="3">
        <v>41779.684953703705</v>
      </c>
      <c r="B3675" s="2">
        <v>26.4</v>
      </c>
      <c r="C3675" s="2">
        <v>176.2</v>
      </c>
      <c r="D3675" s="2">
        <v>0</v>
      </c>
      <c r="E3675" s="2">
        <v>149.40000000000006</v>
      </c>
    </row>
    <row r="3676" spans="1:5" x14ac:dyDescent="0.25">
      <c r="A3676" s="3">
        <v>41779.685127314813</v>
      </c>
      <c r="B3676" s="2">
        <v>26.4</v>
      </c>
      <c r="C3676" s="2">
        <v>176</v>
      </c>
      <c r="D3676" s="2">
        <v>0</v>
      </c>
      <c r="E3676" s="2">
        <v>149.40000000000006</v>
      </c>
    </row>
    <row r="3677" spans="1:5" x14ac:dyDescent="0.25">
      <c r="A3677" s="3">
        <v>41779.685358796298</v>
      </c>
      <c r="B3677" s="2">
        <v>26.4</v>
      </c>
      <c r="C3677" s="2">
        <v>176.2</v>
      </c>
      <c r="D3677" s="2">
        <v>0</v>
      </c>
      <c r="E3677" s="2">
        <v>149.40000000000006</v>
      </c>
    </row>
    <row r="3678" spans="1:5" x14ac:dyDescent="0.25">
      <c r="A3678" s="3">
        <v>41779.685706018521</v>
      </c>
      <c r="B3678" s="2">
        <v>26.4</v>
      </c>
      <c r="C3678" s="2">
        <v>176</v>
      </c>
      <c r="D3678" s="2">
        <v>0</v>
      </c>
      <c r="E3678" s="2">
        <v>149.40000000000006</v>
      </c>
    </row>
    <row r="3679" spans="1:5" x14ac:dyDescent="0.25">
      <c r="A3679" s="3">
        <v>41779.711168981485</v>
      </c>
      <c r="B3679" s="2">
        <v>25.6</v>
      </c>
      <c r="C3679" s="2">
        <v>175.8</v>
      </c>
      <c r="D3679" s="2">
        <v>0</v>
      </c>
      <c r="E3679" s="2">
        <v>149.40000000000006</v>
      </c>
    </row>
    <row r="3680" spans="1:5" x14ac:dyDescent="0.25">
      <c r="A3680" s="3">
        <v>41779.711747685185</v>
      </c>
      <c r="B3680" s="2">
        <v>25.6</v>
      </c>
      <c r="C3680" s="2">
        <v>176</v>
      </c>
      <c r="D3680" s="2">
        <v>0</v>
      </c>
      <c r="E3680" s="2">
        <v>149.40000000000006</v>
      </c>
    </row>
    <row r="3681" spans="1:5" x14ac:dyDescent="0.25">
      <c r="A3681" s="3">
        <v>41779.711863425924</v>
      </c>
      <c r="B3681" s="2">
        <v>25.6</v>
      </c>
      <c r="C3681" s="2">
        <v>175.8</v>
      </c>
      <c r="D3681" s="2">
        <v>0</v>
      </c>
      <c r="E3681" s="2">
        <v>149.40000000000006</v>
      </c>
    </row>
    <row r="3682" spans="1:5" x14ac:dyDescent="0.25">
      <c r="A3682" s="3">
        <v>41779.712326388886</v>
      </c>
      <c r="B3682" s="2">
        <v>25.6</v>
      </c>
      <c r="C3682" s="2">
        <v>176</v>
      </c>
      <c r="D3682" s="2">
        <v>0</v>
      </c>
      <c r="E3682" s="2">
        <v>149.40000000000006</v>
      </c>
    </row>
    <row r="3683" spans="1:5" x14ac:dyDescent="0.25">
      <c r="A3683" s="3">
        <v>41779.712442129632</v>
      </c>
      <c r="B3683" s="2">
        <v>25.6</v>
      </c>
      <c r="C3683" s="2">
        <v>175.8</v>
      </c>
      <c r="D3683" s="2">
        <v>0</v>
      </c>
      <c r="E3683" s="2">
        <v>149.40000000000006</v>
      </c>
    </row>
    <row r="3684" spans="1:5" x14ac:dyDescent="0.25">
      <c r="A3684" s="3">
        <v>41779.712789351855</v>
      </c>
      <c r="B3684" s="2">
        <v>25.6</v>
      </c>
      <c r="C3684" s="2">
        <v>176</v>
      </c>
      <c r="D3684" s="2">
        <v>0</v>
      </c>
      <c r="E3684" s="2">
        <v>149.40000000000006</v>
      </c>
    </row>
    <row r="3685" spans="1:5" x14ac:dyDescent="0.25">
      <c r="A3685" s="3">
        <v>41779.712847222225</v>
      </c>
      <c r="B3685" s="2">
        <v>25.6</v>
      </c>
      <c r="C3685" s="2">
        <v>175.8</v>
      </c>
      <c r="D3685" s="2">
        <v>0</v>
      </c>
      <c r="E3685" s="2">
        <v>149.40000000000006</v>
      </c>
    </row>
    <row r="3686" spans="1:5" x14ac:dyDescent="0.25">
      <c r="A3686" s="3">
        <v>41779.731828703705</v>
      </c>
      <c r="B3686" s="2">
        <v>25.1</v>
      </c>
      <c r="C3686" s="2">
        <v>175.6</v>
      </c>
      <c r="D3686" s="2">
        <v>0</v>
      </c>
      <c r="E3686" s="2">
        <v>149.40000000000006</v>
      </c>
    </row>
    <row r="3687" spans="1:5" x14ac:dyDescent="0.25">
      <c r="A3687" s="3">
        <v>41779.75277777778</v>
      </c>
      <c r="B3687" s="2">
        <v>24.8</v>
      </c>
      <c r="C3687" s="2">
        <v>175.4</v>
      </c>
      <c r="D3687" s="2">
        <v>0</v>
      </c>
      <c r="E3687" s="2">
        <v>149.40000000000006</v>
      </c>
    </row>
    <row r="3688" spans="1:5" x14ac:dyDescent="0.25">
      <c r="A3688" s="3">
        <v>41779.752951388888</v>
      </c>
      <c r="B3688" s="2">
        <v>24.8</v>
      </c>
      <c r="C3688" s="2">
        <v>175.6</v>
      </c>
      <c r="D3688" s="2">
        <v>0</v>
      </c>
      <c r="E3688" s="2">
        <v>149.40000000000006</v>
      </c>
    </row>
    <row r="3689" spans="1:5" x14ac:dyDescent="0.25">
      <c r="A3689" s="3">
        <v>41779.753067129626</v>
      </c>
      <c r="B3689" s="2">
        <v>24.8</v>
      </c>
      <c r="C3689" s="2">
        <v>175.4</v>
      </c>
      <c r="D3689" s="2">
        <v>0</v>
      </c>
      <c r="E3689" s="2">
        <v>149.40000000000006</v>
      </c>
    </row>
    <row r="3690" spans="1:5" x14ac:dyDescent="0.25">
      <c r="A3690" s="3">
        <v>41779.75335648148</v>
      </c>
      <c r="B3690" s="2">
        <v>24.8</v>
      </c>
      <c r="C3690" s="2">
        <v>175.6</v>
      </c>
      <c r="D3690" s="2">
        <v>0</v>
      </c>
      <c r="E3690" s="2">
        <v>149.40000000000006</v>
      </c>
    </row>
    <row r="3691" spans="1:5" x14ac:dyDescent="0.25">
      <c r="A3691" s="3">
        <v>41779.753530092596</v>
      </c>
      <c r="B3691" s="2">
        <v>24.8</v>
      </c>
      <c r="C3691" s="2">
        <v>175.4</v>
      </c>
      <c r="D3691" s="2">
        <v>0</v>
      </c>
      <c r="E3691" s="2">
        <v>149.40000000000006</v>
      </c>
    </row>
    <row r="3692" spans="1:5" x14ac:dyDescent="0.25">
      <c r="A3692" s="3">
        <v>41779.757638888892</v>
      </c>
      <c r="B3692" s="2">
        <v>24.8</v>
      </c>
      <c r="C3692" s="2">
        <v>175.6</v>
      </c>
      <c r="D3692" s="2">
        <v>0</v>
      </c>
      <c r="E3692" s="2">
        <v>149.40000000000006</v>
      </c>
    </row>
    <row r="3693" spans="1:5" x14ac:dyDescent="0.25">
      <c r="A3693" s="3">
        <v>41779.757696759261</v>
      </c>
      <c r="B3693" s="2">
        <v>24.8</v>
      </c>
      <c r="C3693" s="2">
        <v>175.4</v>
      </c>
      <c r="D3693" s="2">
        <v>0</v>
      </c>
      <c r="E3693" s="2">
        <v>149.40000000000006</v>
      </c>
    </row>
    <row r="3694" spans="1:5" x14ac:dyDescent="0.25">
      <c r="A3694" s="3">
        <v>41779.759606481479</v>
      </c>
      <c r="B3694" s="2">
        <v>24.8</v>
      </c>
      <c r="C3694" s="2">
        <v>175.6</v>
      </c>
      <c r="D3694" s="2">
        <v>0</v>
      </c>
      <c r="E3694" s="2">
        <v>149.40000000000006</v>
      </c>
    </row>
    <row r="3695" spans="1:5" x14ac:dyDescent="0.25">
      <c r="A3695" s="3">
        <v>41779.759664351855</v>
      </c>
      <c r="B3695" s="2">
        <v>24.8</v>
      </c>
      <c r="C3695" s="2">
        <v>175.4</v>
      </c>
      <c r="D3695" s="2">
        <v>0</v>
      </c>
      <c r="E3695" s="2">
        <v>149.40000000000006</v>
      </c>
    </row>
    <row r="3696" spans="1:5" x14ac:dyDescent="0.25">
      <c r="A3696" s="3">
        <v>41779.800636574073</v>
      </c>
      <c r="B3696" s="2">
        <v>23.7</v>
      </c>
      <c r="C3696" s="2">
        <v>175.2</v>
      </c>
      <c r="D3696" s="2">
        <v>0</v>
      </c>
      <c r="E3696" s="2">
        <v>149.40000000000006</v>
      </c>
    </row>
    <row r="3697" spans="1:5" x14ac:dyDescent="0.25">
      <c r="A3697" s="3">
        <v>41779.838425925926</v>
      </c>
      <c r="B3697" s="2">
        <v>22.5</v>
      </c>
      <c r="C3697" s="2">
        <v>175</v>
      </c>
      <c r="D3697" s="2">
        <v>0</v>
      </c>
      <c r="E3697" s="2">
        <v>149.40000000000006</v>
      </c>
    </row>
    <row r="3698" spans="1:5" x14ac:dyDescent="0.25">
      <c r="A3698" s="3">
        <v>41779.891261574077</v>
      </c>
      <c r="B3698" s="2">
        <v>21.2</v>
      </c>
      <c r="C3698" s="2">
        <v>174.8</v>
      </c>
      <c r="D3698" s="2">
        <v>0</v>
      </c>
      <c r="E3698" s="2">
        <v>149.40000000000006</v>
      </c>
    </row>
    <row r="3699" spans="1:5" x14ac:dyDescent="0.25">
      <c r="A3699" s="3">
        <v>41779.941261574073</v>
      </c>
      <c r="B3699" s="2">
        <v>19.899999999999999</v>
      </c>
      <c r="C3699" s="2">
        <v>174.6</v>
      </c>
      <c r="D3699" s="2">
        <v>0</v>
      </c>
      <c r="E3699" s="2">
        <v>149.40000000000006</v>
      </c>
    </row>
    <row r="3700" spans="1:5" x14ac:dyDescent="0.25">
      <c r="A3700" s="3">
        <v>41780.010011574072</v>
      </c>
      <c r="B3700" s="2">
        <v>18.5</v>
      </c>
      <c r="C3700" s="2">
        <v>174.4</v>
      </c>
      <c r="D3700" s="2">
        <v>0</v>
      </c>
      <c r="E3700" s="2">
        <v>149.40000000000006</v>
      </c>
    </row>
    <row r="3701" spans="1:5" x14ac:dyDescent="0.25">
      <c r="A3701" s="3">
        <v>41780.121990740743</v>
      </c>
      <c r="B3701" s="2">
        <v>16.5</v>
      </c>
      <c r="C3701" s="2">
        <v>174.2</v>
      </c>
      <c r="D3701" s="2">
        <v>0</v>
      </c>
      <c r="E3701" s="2">
        <v>149.40000000000006</v>
      </c>
    </row>
    <row r="3702" spans="1:5" x14ac:dyDescent="0.25">
      <c r="A3702" s="3">
        <v>41780.295775462961</v>
      </c>
      <c r="B3702" s="2">
        <v>14.3</v>
      </c>
      <c r="C3702" s="2">
        <v>174</v>
      </c>
      <c r="D3702" s="2">
        <v>0</v>
      </c>
      <c r="E3702" s="2">
        <v>149.40000000000006</v>
      </c>
    </row>
    <row r="3703" spans="1:5" x14ac:dyDescent="0.25">
      <c r="A3703" s="3">
        <v>41780.317245370374</v>
      </c>
      <c r="B3703" s="2">
        <v>14.3</v>
      </c>
      <c r="C3703" s="2">
        <v>173.8</v>
      </c>
      <c r="D3703" s="2">
        <v>0</v>
      </c>
      <c r="E3703" s="2">
        <v>149.40000000000006</v>
      </c>
    </row>
    <row r="3704" spans="1:5" x14ac:dyDescent="0.25">
      <c r="A3704" s="3">
        <v>41780.317303240743</v>
      </c>
      <c r="B3704" s="2">
        <v>14.3</v>
      </c>
      <c r="C3704" s="2">
        <v>174</v>
      </c>
      <c r="D3704" s="2">
        <v>0</v>
      </c>
      <c r="E3704" s="2">
        <v>149.40000000000006</v>
      </c>
    </row>
    <row r="3705" spans="1:5" x14ac:dyDescent="0.25">
      <c r="A3705" s="3">
        <v>41780.317418981482</v>
      </c>
      <c r="B3705" s="2">
        <v>14.3</v>
      </c>
      <c r="C3705" s="2">
        <v>173.8</v>
      </c>
      <c r="D3705" s="2">
        <v>0</v>
      </c>
      <c r="E3705" s="2">
        <v>149.40000000000006</v>
      </c>
    </row>
    <row r="3706" spans="1:5" x14ac:dyDescent="0.25">
      <c r="A3706" s="3">
        <v>41780.349131944444</v>
      </c>
      <c r="B3706" s="2">
        <v>14.6</v>
      </c>
      <c r="C3706" s="2">
        <v>173.6</v>
      </c>
      <c r="D3706" s="2">
        <v>0</v>
      </c>
      <c r="E3706" s="2">
        <v>149.40000000000006</v>
      </c>
    </row>
    <row r="3707" spans="1:5" x14ac:dyDescent="0.25">
      <c r="A3707" s="3">
        <v>41780.391608796293</v>
      </c>
      <c r="B3707" s="2">
        <v>16.3</v>
      </c>
      <c r="C3707" s="2">
        <v>173.8</v>
      </c>
      <c r="D3707" s="2">
        <v>0</v>
      </c>
      <c r="E3707" s="2">
        <v>149.40000000000006</v>
      </c>
    </row>
    <row r="3708" spans="1:5" x14ac:dyDescent="0.25">
      <c r="A3708" s="3">
        <v>41780.391724537039</v>
      </c>
      <c r="B3708" s="2">
        <v>16.2</v>
      </c>
      <c r="C3708" s="2">
        <v>173.6</v>
      </c>
      <c r="D3708" s="2">
        <v>0</v>
      </c>
      <c r="E3708" s="2">
        <v>149.40000000000006</v>
      </c>
    </row>
    <row r="3709" spans="1:5" x14ac:dyDescent="0.25">
      <c r="A3709" s="3">
        <v>41780.395891203705</v>
      </c>
      <c r="B3709" s="2">
        <v>16.399999999999999</v>
      </c>
      <c r="C3709" s="2">
        <v>173.8</v>
      </c>
      <c r="D3709" s="2">
        <v>0</v>
      </c>
      <c r="E3709" s="2">
        <v>149.40000000000006</v>
      </c>
    </row>
    <row r="3710" spans="1:5" x14ac:dyDescent="0.25">
      <c r="A3710" s="3">
        <v>41780.395949074074</v>
      </c>
      <c r="B3710" s="2">
        <v>16.399999999999999</v>
      </c>
      <c r="C3710" s="2">
        <v>173.6</v>
      </c>
      <c r="D3710" s="2">
        <v>0</v>
      </c>
      <c r="E3710" s="2">
        <v>149.40000000000006</v>
      </c>
    </row>
    <row r="3711" spans="1:5" x14ac:dyDescent="0.25">
      <c r="A3711" s="3">
        <v>41780.396064814813</v>
      </c>
      <c r="B3711" s="2">
        <v>16.399999999999999</v>
      </c>
      <c r="C3711" s="2">
        <v>173.8</v>
      </c>
      <c r="D3711" s="2">
        <v>0</v>
      </c>
      <c r="E3711" s="2">
        <v>149.40000000000006</v>
      </c>
    </row>
    <row r="3712" spans="1:5" x14ac:dyDescent="0.25">
      <c r="A3712" s="3">
        <v>41780.396122685182</v>
      </c>
      <c r="B3712" s="2">
        <v>16.399999999999999</v>
      </c>
      <c r="C3712" s="2">
        <v>173.6</v>
      </c>
      <c r="D3712" s="2">
        <v>0</v>
      </c>
      <c r="E3712" s="2">
        <v>149.40000000000006</v>
      </c>
    </row>
    <row r="3713" spans="1:5" x14ac:dyDescent="0.25">
      <c r="A3713" s="3">
        <v>41780.396469907406</v>
      </c>
      <c r="B3713" s="2">
        <v>16.399999999999999</v>
      </c>
      <c r="C3713" s="2">
        <v>173.8</v>
      </c>
      <c r="D3713" s="2">
        <v>0</v>
      </c>
      <c r="E3713" s="2">
        <v>149.40000000000006</v>
      </c>
    </row>
    <row r="3714" spans="1:5" x14ac:dyDescent="0.25">
      <c r="A3714" s="3">
        <v>41780.396643518521</v>
      </c>
      <c r="B3714" s="2">
        <v>16.5</v>
      </c>
      <c r="C3714" s="2">
        <v>173.6</v>
      </c>
      <c r="D3714" s="2">
        <v>0</v>
      </c>
      <c r="E3714" s="2">
        <v>149.40000000000006</v>
      </c>
    </row>
    <row r="3715" spans="1:5" x14ac:dyDescent="0.25">
      <c r="A3715" s="3">
        <v>41780.399305555555</v>
      </c>
      <c r="B3715" s="2">
        <v>16.5</v>
      </c>
      <c r="C3715" s="2">
        <v>173.8</v>
      </c>
      <c r="D3715" s="2">
        <v>0</v>
      </c>
      <c r="E3715" s="2">
        <v>149.40000000000006</v>
      </c>
    </row>
    <row r="3716" spans="1:5" x14ac:dyDescent="0.25">
      <c r="A3716" s="3">
        <v>41780.39947916667</v>
      </c>
      <c r="B3716" s="2">
        <v>16.600000000000001</v>
      </c>
      <c r="C3716" s="2">
        <v>173.6</v>
      </c>
      <c r="D3716" s="2">
        <v>0</v>
      </c>
      <c r="E3716" s="2">
        <v>149.40000000000006</v>
      </c>
    </row>
    <row r="3717" spans="1:5" x14ac:dyDescent="0.25">
      <c r="A3717" s="3">
        <v>41780.399942129632</v>
      </c>
      <c r="B3717" s="2">
        <v>16.600000000000001</v>
      </c>
      <c r="C3717" s="2">
        <v>173.8</v>
      </c>
      <c r="D3717" s="2">
        <v>0</v>
      </c>
      <c r="E3717" s="2">
        <v>149.40000000000006</v>
      </c>
    </row>
    <row r="3718" spans="1:5" x14ac:dyDescent="0.25">
      <c r="A3718" s="3">
        <v>41780.400289351855</v>
      </c>
      <c r="B3718" s="2">
        <v>16.600000000000001</v>
      </c>
      <c r="C3718" s="2">
        <v>173.6</v>
      </c>
      <c r="D3718" s="2">
        <v>0</v>
      </c>
      <c r="E3718" s="2">
        <v>149.40000000000006</v>
      </c>
    </row>
    <row r="3719" spans="1:5" x14ac:dyDescent="0.25">
      <c r="A3719" s="3">
        <v>41780.404340277775</v>
      </c>
      <c r="B3719" s="2">
        <v>17</v>
      </c>
      <c r="C3719" s="2">
        <v>173.8</v>
      </c>
      <c r="D3719" s="2">
        <v>0</v>
      </c>
      <c r="E3719" s="2">
        <v>149.40000000000006</v>
      </c>
    </row>
    <row r="3720" spans="1:5" x14ac:dyDescent="0.25">
      <c r="A3720" s="3">
        <v>41780.406944444447</v>
      </c>
      <c r="B3720" s="2">
        <v>17</v>
      </c>
      <c r="C3720" s="2">
        <v>173.6</v>
      </c>
      <c r="D3720" s="2">
        <v>0</v>
      </c>
      <c r="E3720" s="2">
        <v>149.40000000000006</v>
      </c>
    </row>
    <row r="3721" spans="1:5" x14ac:dyDescent="0.25">
      <c r="A3721" s="3">
        <v>41780.408217592594</v>
      </c>
      <c r="B3721" s="2">
        <v>17.100000000000001</v>
      </c>
      <c r="C3721" s="2">
        <v>173.8</v>
      </c>
      <c r="D3721" s="2">
        <v>0</v>
      </c>
      <c r="E3721" s="2">
        <v>149.40000000000006</v>
      </c>
    </row>
    <row r="3722" spans="1:5" x14ac:dyDescent="0.25">
      <c r="A3722" s="3">
        <v>41780.414756944447</v>
      </c>
      <c r="B3722" s="2">
        <v>17.600000000000001</v>
      </c>
      <c r="C3722" s="2">
        <v>173.6</v>
      </c>
      <c r="D3722" s="2">
        <v>0</v>
      </c>
      <c r="E3722" s="2">
        <v>149.40000000000006</v>
      </c>
    </row>
    <row r="3723" spans="1:5" x14ac:dyDescent="0.25">
      <c r="A3723" s="3">
        <v>41780.414814814816</v>
      </c>
      <c r="B3723" s="2">
        <v>17.600000000000001</v>
      </c>
      <c r="C3723" s="2">
        <v>173.8</v>
      </c>
      <c r="D3723" s="2">
        <v>0</v>
      </c>
      <c r="E3723" s="2">
        <v>149.40000000000006</v>
      </c>
    </row>
    <row r="3724" spans="1:5" x14ac:dyDescent="0.25">
      <c r="A3724" s="3">
        <v>41780.414872685185</v>
      </c>
      <c r="B3724" s="2">
        <v>17.600000000000001</v>
      </c>
      <c r="C3724" s="2">
        <v>173.6</v>
      </c>
      <c r="D3724" s="2">
        <v>0</v>
      </c>
      <c r="E3724" s="2">
        <v>149.40000000000006</v>
      </c>
    </row>
    <row r="3725" spans="1:5" x14ac:dyDescent="0.25">
      <c r="A3725" s="3">
        <v>41780.415335648147</v>
      </c>
      <c r="B3725" s="2">
        <v>17.600000000000001</v>
      </c>
      <c r="C3725" s="2">
        <v>173.8</v>
      </c>
      <c r="D3725" s="2">
        <v>0</v>
      </c>
      <c r="E3725" s="2">
        <v>149.40000000000006</v>
      </c>
    </row>
    <row r="3726" spans="1:5" x14ac:dyDescent="0.25">
      <c r="A3726" s="3">
        <v>41780.415451388886</v>
      </c>
      <c r="B3726" s="2">
        <v>17.7</v>
      </c>
      <c r="C3726" s="2">
        <v>173.6</v>
      </c>
      <c r="D3726" s="2">
        <v>0</v>
      </c>
      <c r="E3726" s="2">
        <v>149.40000000000006</v>
      </c>
    </row>
    <row r="3727" spans="1:5" x14ac:dyDescent="0.25">
      <c r="A3727" s="3">
        <v>41780.430266203701</v>
      </c>
      <c r="B3727" s="2">
        <v>18.600000000000001</v>
      </c>
      <c r="C3727" s="2">
        <v>173.6</v>
      </c>
      <c r="D3727" s="2">
        <v>0.2</v>
      </c>
      <c r="E3727" s="2">
        <v>149.60000000000005</v>
      </c>
    </row>
    <row r="3728" spans="1:5" x14ac:dyDescent="0.25">
      <c r="A3728" s="3">
        <v>41780.480729166666</v>
      </c>
      <c r="B3728" s="2">
        <v>22.3</v>
      </c>
      <c r="C3728" s="2">
        <v>173.8</v>
      </c>
      <c r="D3728" s="2">
        <v>0</v>
      </c>
      <c r="E3728" s="2">
        <v>149.60000000000005</v>
      </c>
    </row>
    <row r="3729" spans="1:5" x14ac:dyDescent="0.25">
      <c r="A3729" s="3">
        <v>41780.480844907404</v>
      </c>
      <c r="B3729" s="2">
        <v>22.3</v>
      </c>
      <c r="C3729" s="2">
        <v>173.6</v>
      </c>
      <c r="D3729" s="2">
        <v>0</v>
      </c>
      <c r="E3729" s="2">
        <v>149.60000000000005</v>
      </c>
    </row>
    <row r="3730" spans="1:5" x14ac:dyDescent="0.25">
      <c r="A3730" s="3">
        <v>41780.534085648149</v>
      </c>
      <c r="B3730" s="2">
        <v>25.8</v>
      </c>
      <c r="C3730" s="2">
        <v>173.4</v>
      </c>
      <c r="D3730" s="2">
        <v>0</v>
      </c>
      <c r="E3730" s="2">
        <v>149.60000000000005</v>
      </c>
    </row>
    <row r="3731" spans="1:5" x14ac:dyDescent="0.25">
      <c r="A3731" s="3">
        <v>41780.534317129626</v>
      </c>
      <c r="B3731" s="2">
        <v>25.8</v>
      </c>
      <c r="C3731" s="2">
        <v>173.6</v>
      </c>
      <c r="D3731" s="2">
        <v>0</v>
      </c>
      <c r="E3731" s="2">
        <v>149.60000000000005</v>
      </c>
    </row>
    <row r="3732" spans="1:5" x14ac:dyDescent="0.25">
      <c r="A3732" s="3">
        <v>41780.534722222219</v>
      </c>
      <c r="B3732" s="2">
        <v>25.8</v>
      </c>
      <c r="C3732" s="2">
        <v>173.4</v>
      </c>
      <c r="D3732" s="2">
        <v>0</v>
      </c>
      <c r="E3732" s="2">
        <v>149.60000000000005</v>
      </c>
    </row>
    <row r="3733" spans="1:5" x14ac:dyDescent="0.25">
      <c r="A3733" s="3">
        <v>41780.534780092596</v>
      </c>
      <c r="B3733" s="2">
        <v>25.8</v>
      </c>
      <c r="C3733" s="2">
        <v>173.6</v>
      </c>
      <c r="D3733" s="2">
        <v>0</v>
      </c>
      <c r="E3733" s="2">
        <v>149.60000000000005</v>
      </c>
    </row>
    <row r="3734" spans="1:5" x14ac:dyDescent="0.25">
      <c r="A3734" s="3">
        <v>41780.535127314812</v>
      </c>
      <c r="B3734" s="2">
        <v>25.8</v>
      </c>
      <c r="C3734" s="2">
        <v>173.4</v>
      </c>
      <c r="D3734" s="2">
        <v>0</v>
      </c>
      <c r="E3734" s="2">
        <v>149.60000000000005</v>
      </c>
    </row>
    <row r="3735" spans="1:5" x14ac:dyDescent="0.25">
      <c r="A3735" s="3">
        <v>41780.535590277781</v>
      </c>
      <c r="B3735" s="2">
        <v>25.9</v>
      </c>
      <c r="C3735" s="2">
        <v>173.6</v>
      </c>
      <c r="D3735" s="2">
        <v>0</v>
      </c>
      <c r="E3735" s="2">
        <v>149.60000000000005</v>
      </c>
    </row>
    <row r="3736" spans="1:5" x14ac:dyDescent="0.25">
      <c r="A3736" s="3">
        <v>41780.53628472222</v>
      </c>
      <c r="B3736" s="2">
        <v>26</v>
      </c>
      <c r="C3736" s="2">
        <v>173.4</v>
      </c>
      <c r="D3736" s="2">
        <v>0</v>
      </c>
      <c r="E3736" s="2">
        <v>149.60000000000005</v>
      </c>
    </row>
    <row r="3737" spans="1:5" x14ac:dyDescent="0.25">
      <c r="A3737" s="3">
        <v>41780.53634259259</v>
      </c>
      <c r="B3737" s="2">
        <v>26.1</v>
      </c>
      <c r="C3737" s="2">
        <v>173.6</v>
      </c>
      <c r="D3737" s="2">
        <v>0</v>
      </c>
      <c r="E3737" s="2">
        <v>149.60000000000005</v>
      </c>
    </row>
    <row r="3738" spans="1:5" x14ac:dyDescent="0.25">
      <c r="A3738" s="3">
        <v>41780.536747685182</v>
      </c>
      <c r="B3738" s="2">
        <v>26</v>
      </c>
      <c r="C3738" s="2">
        <v>173.4</v>
      </c>
      <c r="D3738" s="2">
        <v>0</v>
      </c>
      <c r="E3738" s="2">
        <v>149.60000000000005</v>
      </c>
    </row>
    <row r="3739" spans="1:5" x14ac:dyDescent="0.25">
      <c r="A3739" s="3">
        <v>41780.537094907406</v>
      </c>
      <c r="B3739" s="2">
        <v>26</v>
      </c>
      <c r="C3739" s="2">
        <v>173.6</v>
      </c>
      <c r="D3739" s="2">
        <v>0</v>
      </c>
      <c r="E3739" s="2">
        <v>149.60000000000005</v>
      </c>
    </row>
    <row r="3740" spans="1:5" x14ac:dyDescent="0.25">
      <c r="A3740" s="3">
        <v>41780.537557870368</v>
      </c>
      <c r="B3740" s="2">
        <v>26</v>
      </c>
      <c r="C3740" s="2">
        <v>173.4</v>
      </c>
      <c r="D3740" s="2">
        <v>0</v>
      </c>
      <c r="E3740" s="2">
        <v>149.60000000000005</v>
      </c>
    </row>
    <row r="3741" spans="1:5" x14ac:dyDescent="0.25">
      <c r="A3741" s="3">
        <v>41780.537905092591</v>
      </c>
      <c r="B3741" s="2">
        <v>26.1</v>
      </c>
      <c r="C3741" s="2">
        <v>173.6</v>
      </c>
      <c r="D3741" s="2">
        <v>0</v>
      </c>
      <c r="E3741" s="2">
        <v>149.60000000000005</v>
      </c>
    </row>
    <row r="3742" spans="1:5" x14ac:dyDescent="0.25">
      <c r="A3742" s="3">
        <v>41780.538194444445</v>
      </c>
      <c r="B3742" s="2">
        <v>26</v>
      </c>
      <c r="C3742" s="2">
        <v>173.4</v>
      </c>
      <c r="D3742" s="2">
        <v>0</v>
      </c>
      <c r="E3742" s="2">
        <v>149.60000000000005</v>
      </c>
    </row>
    <row r="3743" spans="1:5" x14ac:dyDescent="0.25">
      <c r="A3743" s="3">
        <v>41780.538831018515</v>
      </c>
      <c r="B3743" s="2">
        <v>26.2</v>
      </c>
      <c r="C3743" s="2">
        <v>173.6</v>
      </c>
      <c r="D3743" s="2">
        <v>0</v>
      </c>
      <c r="E3743" s="2">
        <v>149.60000000000005</v>
      </c>
    </row>
    <row r="3744" spans="1:5" x14ac:dyDescent="0.25">
      <c r="A3744" s="3">
        <v>41780.5390625</v>
      </c>
      <c r="B3744" s="2">
        <v>26.1</v>
      </c>
      <c r="C3744" s="2">
        <v>173.4</v>
      </c>
      <c r="D3744" s="2">
        <v>0</v>
      </c>
      <c r="E3744" s="2">
        <v>149.60000000000005</v>
      </c>
    </row>
    <row r="3745" spans="1:5" x14ac:dyDescent="0.25">
      <c r="A3745" s="3">
        <v>41780.543749999997</v>
      </c>
      <c r="B3745" s="2">
        <v>26.4</v>
      </c>
      <c r="C3745" s="2">
        <v>173.6</v>
      </c>
      <c r="D3745" s="2">
        <v>0</v>
      </c>
      <c r="E3745" s="2">
        <v>149.60000000000005</v>
      </c>
    </row>
    <row r="3746" spans="1:5" x14ac:dyDescent="0.25">
      <c r="A3746" s="3">
        <v>41780.543807870374</v>
      </c>
      <c r="B3746" s="2">
        <v>26.4</v>
      </c>
      <c r="C3746" s="2">
        <v>173.4</v>
      </c>
      <c r="D3746" s="2">
        <v>0</v>
      </c>
      <c r="E3746" s="2">
        <v>149.60000000000005</v>
      </c>
    </row>
    <row r="3747" spans="1:5" x14ac:dyDescent="0.25">
      <c r="A3747" s="3">
        <v>41780.544444444444</v>
      </c>
      <c r="B3747" s="2">
        <v>26.5</v>
      </c>
      <c r="C3747" s="2">
        <v>173.6</v>
      </c>
      <c r="D3747" s="2">
        <v>0</v>
      </c>
      <c r="E3747" s="2">
        <v>149.60000000000005</v>
      </c>
    </row>
    <row r="3748" spans="1:5" x14ac:dyDescent="0.25">
      <c r="A3748" s="3">
        <v>41780.544502314813</v>
      </c>
      <c r="B3748" s="2">
        <v>26.5</v>
      </c>
      <c r="C3748" s="2">
        <v>173.4</v>
      </c>
      <c r="D3748" s="2">
        <v>0</v>
      </c>
      <c r="E3748" s="2">
        <v>149.60000000000005</v>
      </c>
    </row>
    <row r="3749" spans="1:5" x14ac:dyDescent="0.25">
      <c r="A3749" s="3">
        <v>41780.574074074073</v>
      </c>
      <c r="B3749" s="2">
        <v>27.8</v>
      </c>
      <c r="C3749" s="2">
        <v>173.2</v>
      </c>
      <c r="D3749" s="2">
        <v>0</v>
      </c>
      <c r="E3749" s="2">
        <v>149.60000000000005</v>
      </c>
    </row>
    <row r="3750" spans="1:5" x14ac:dyDescent="0.25">
      <c r="A3750" s="3">
        <v>41780.574247685188</v>
      </c>
      <c r="B3750" s="2">
        <v>27.9</v>
      </c>
      <c r="C3750" s="2">
        <v>173.4</v>
      </c>
      <c r="D3750" s="2">
        <v>0</v>
      </c>
      <c r="E3750" s="2">
        <v>149.60000000000005</v>
      </c>
    </row>
    <row r="3751" spans="1:5" x14ac:dyDescent="0.25">
      <c r="A3751" s="3">
        <v>41780.574363425927</v>
      </c>
      <c r="B3751" s="2">
        <v>27.9</v>
      </c>
      <c r="C3751" s="2">
        <v>173.2</v>
      </c>
      <c r="D3751" s="2">
        <v>0</v>
      </c>
      <c r="E3751" s="2">
        <v>149.60000000000005</v>
      </c>
    </row>
    <row r="3752" spans="1:5" x14ac:dyDescent="0.25">
      <c r="A3752" s="3">
        <v>41780.57471064815</v>
      </c>
      <c r="B3752" s="2">
        <v>28</v>
      </c>
      <c r="C3752" s="2">
        <v>173.4</v>
      </c>
      <c r="D3752" s="2">
        <v>0</v>
      </c>
      <c r="E3752" s="2">
        <v>149.60000000000005</v>
      </c>
    </row>
    <row r="3753" spans="1:5" x14ac:dyDescent="0.25">
      <c r="A3753" s="3">
        <v>41780.574826388889</v>
      </c>
      <c r="B3753" s="2">
        <v>28</v>
      </c>
      <c r="C3753" s="2">
        <v>173.2</v>
      </c>
      <c r="D3753" s="2">
        <v>0</v>
      </c>
      <c r="E3753" s="2">
        <v>149.60000000000005</v>
      </c>
    </row>
    <row r="3754" spans="1:5" x14ac:dyDescent="0.25">
      <c r="A3754" s="3">
        <v>41780.574942129628</v>
      </c>
      <c r="B3754" s="2">
        <v>27.9</v>
      </c>
      <c r="C3754" s="2">
        <v>173.4</v>
      </c>
      <c r="D3754" s="2">
        <v>0</v>
      </c>
      <c r="E3754" s="2">
        <v>149.60000000000005</v>
      </c>
    </row>
    <row r="3755" spans="1:5" x14ac:dyDescent="0.25">
      <c r="A3755" s="3">
        <v>41780.575173611112</v>
      </c>
      <c r="B3755" s="2">
        <v>27.9</v>
      </c>
      <c r="C3755" s="2">
        <v>173.2</v>
      </c>
      <c r="D3755" s="2">
        <v>0</v>
      </c>
      <c r="E3755" s="2">
        <v>149.60000000000005</v>
      </c>
    </row>
    <row r="3756" spans="1:5" x14ac:dyDescent="0.25">
      <c r="A3756" s="3">
        <v>41780.575694444444</v>
      </c>
      <c r="B3756" s="2">
        <v>28</v>
      </c>
      <c r="C3756" s="2">
        <v>173.4</v>
      </c>
      <c r="D3756" s="2">
        <v>0</v>
      </c>
      <c r="E3756" s="2">
        <v>149.60000000000005</v>
      </c>
    </row>
    <row r="3757" spans="1:5" x14ac:dyDescent="0.25">
      <c r="A3757" s="3">
        <v>41780.575983796298</v>
      </c>
      <c r="B3757" s="2">
        <v>28</v>
      </c>
      <c r="C3757" s="2">
        <v>173.2</v>
      </c>
      <c r="D3757" s="2">
        <v>0</v>
      </c>
      <c r="E3757" s="2">
        <v>149.60000000000005</v>
      </c>
    </row>
    <row r="3758" spans="1:5" x14ac:dyDescent="0.25">
      <c r="A3758" s="3">
        <v>41780.578587962962</v>
      </c>
      <c r="B3758" s="2">
        <v>28</v>
      </c>
      <c r="C3758" s="2">
        <v>173.4</v>
      </c>
      <c r="D3758" s="2">
        <v>0</v>
      </c>
      <c r="E3758" s="2">
        <v>149.60000000000005</v>
      </c>
    </row>
    <row r="3759" spans="1:5" x14ac:dyDescent="0.25">
      <c r="A3759" s="3">
        <v>41780.578645833331</v>
      </c>
      <c r="B3759" s="2">
        <v>28</v>
      </c>
      <c r="C3759" s="2">
        <v>173.2</v>
      </c>
      <c r="D3759" s="2">
        <v>0</v>
      </c>
      <c r="E3759" s="2">
        <v>149.60000000000005</v>
      </c>
    </row>
    <row r="3760" spans="1:5" x14ac:dyDescent="0.25">
      <c r="A3760" s="3">
        <v>41780.581597222219</v>
      </c>
      <c r="B3760" s="2">
        <v>28.2</v>
      </c>
      <c r="C3760" s="2">
        <v>173.4</v>
      </c>
      <c r="D3760" s="2">
        <v>0</v>
      </c>
      <c r="E3760" s="2">
        <v>149.60000000000005</v>
      </c>
    </row>
    <row r="3761" spans="1:5" x14ac:dyDescent="0.25">
      <c r="A3761" s="3">
        <v>41780.581712962965</v>
      </c>
      <c r="B3761" s="2">
        <v>28.2</v>
      </c>
      <c r="C3761" s="2">
        <v>173.2</v>
      </c>
      <c r="D3761" s="2">
        <v>0</v>
      </c>
      <c r="E3761" s="2">
        <v>149.60000000000005</v>
      </c>
    </row>
    <row r="3762" spans="1:5" x14ac:dyDescent="0.25">
      <c r="A3762" s="3">
        <v>41780.584027777775</v>
      </c>
      <c r="B3762" s="2">
        <v>28.2</v>
      </c>
      <c r="C3762" s="2">
        <v>173.4</v>
      </c>
      <c r="D3762" s="2">
        <v>0</v>
      </c>
      <c r="E3762" s="2">
        <v>149.60000000000005</v>
      </c>
    </row>
    <row r="3763" spans="1:5" x14ac:dyDescent="0.25">
      <c r="A3763" s="3">
        <v>41780.584085648145</v>
      </c>
      <c r="B3763" s="2">
        <v>28.1</v>
      </c>
      <c r="C3763" s="2">
        <v>173.2</v>
      </c>
      <c r="D3763" s="2">
        <v>0</v>
      </c>
      <c r="E3763" s="2">
        <v>149.60000000000005</v>
      </c>
    </row>
    <row r="3764" spans="1:5" x14ac:dyDescent="0.25">
      <c r="A3764" s="3">
        <v>41780.599247685182</v>
      </c>
      <c r="B3764" s="2">
        <v>28.9</v>
      </c>
      <c r="C3764" s="2">
        <v>173</v>
      </c>
      <c r="D3764" s="2">
        <v>0</v>
      </c>
      <c r="E3764" s="2">
        <v>149.60000000000005</v>
      </c>
    </row>
    <row r="3765" spans="1:5" x14ac:dyDescent="0.25">
      <c r="A3765" s="3">
        <v>41780.599479166667</v>
      </c>
      <c r="B3765" s="2">
        <v>28.7</v>
      </c>
      <c r="C3765" s="2">
        <v>173.2</v>
      </c>
      <c r="D3765" s="2">
        <v>0</v>
      </c>
      <c r="E3765" s="2">
        <v>149.60000000000005</v>
      </c>
    </row>
    <row r="3766" spans="1:5" x14ac:dyDescent="0.25">
      <c r="A3766" s="3">
        <v>41780.599594907406</v>
      </c>
      <c r="B3766" s="2">
        <v>28.7</v>
      </c>
      <c r="C3766" s="2">
        <v>173</v>
      </c>
      <c r="D3766" s="2">
        <v>0</v>
      </c>
      <c r="E3766" s="2">
        <v>149.60000000000005</v>
      </c>
    </row>
    <row r="3767" spans="1:5" x14ac:dyDescent="0.25">
      <c r="A3767" s="3">
        <v>41780.600289351853</v>
      </c>
      <c r="B3767" s="2">
        <v>28.7</v>
      </c>
      <c r="C3767" s="2">
        <v>173.2</v>
      </c>
      <c r="D3767" s="2">
        <v>0</v>
      </c>
      <c r="E3767" s="2">
        <v>149.60000000000005</v>
      </c>
    </row>
    <row r="3768" spans="1:5" x14ac:dyDescent="0.25">
      <c r="A3768" s="3">
        <v>41780.600347222222</v>
      </c>
      <c r="B3768" s="2">
        <v>28.8</v>
      </c>
      <c r="C3768" s="2">
        <v>173</v>
      </c>
      <c r="D3768" s="2">
        <v>0</v>
      </c>
      <c r="E3768" s="2">
        <v>149.60000000000005</v>
      </c>
    </row>
    <row r="3769" spans="1:5" x14ac:dyDescent="0.25">
      <c r="A3769" s="3">
        <v>41780.600636574076</v>
      </c>
      <c r="B3769" s="2">
        <v>28.8</v>
      </c>
      <c r="C3769" s="2">
        <v>173.2</v>
      </c>
      <c r="D3769" s="2">
        <v>0</v>
      </c>
      <c r="E3769" s="2">
        <v>149.60000000000005</v>
      </c>
    </row>
    <row r="3770" spans="1:5" x14ac:dyDescent="0.25">
      <c r="A3770" s="3">
        <v>41780.600925925923</v>
      </c>
      <c r="B3770" s="2">
        <v>28.8</v>
      </c>
      <c r="C3770" s="2">
        <v>173</v>
      </c>
      <c r="D3770" s="2">
        <v>0</v>
      </c>
      <c r="E3770" s="2">
        <v>149.60000000000005</v>
      </c>
    </row>
    <row r="3771" spans="1:5" x14ac:dyDescent="0.25">
      <c r="A3771" s="3">
        <v>41780.600983796299</v>
      </c>
      <c r="B3771" s="2">
        <v>28.8</v>
      </c>
      <c r="C3771" s="2">
        <v>173.2</v>
      </c>
      <c r="D3771" s="2">
        <v>0</v>
      </c>
      <c r="E3771" s="2">
        <v>149.60000000000005</v>
      </c>
    </row>
    <row r="3772" spans="1:5" x14ac:dyDescent="0.25">
      <c r="A3772" s="3">
        <v>41780.601446759261</v>
      </c>
      <c r="B3772" s="2">
        <v>28.8</v>
      </c>
      <c r="C3772" s="2">
        <v>173</v>
      </c>
      <c r="D3772" s="2">
        <v>0</v>
      </c>
      <c r="E3772" s="2">
        <v>149.60000000000005</v>
      </c>
    </row>
    <row r="3773" spans="1:5" x14ac:dyDescent="0.25">
      <c r="A3773" s="3">
        <v>41780.601736111108</v>
      </c>
      <c r="B3773" s="2">
        <v>28.8</v>
      </c>
      <c r="C3773" s="2">
        <v>173.2</v>
      </c>
      <c r="D3773" s="2">
        <v>0</v>
      </c>
      <c r="E3773" s="2">
        <v>149.60000000000005</v>
      </c>
    </row>
    <row r="3774" spans="1:5" x14ac:dyDescent="0.25">
      <c r="A3774" s="3">
        <v>41780.601793981485</v>
      </c>
      <c r="B3774" s="2">
        <v>28.7</v>
      </c>
      <c r="C3774" s="2">
        <v>173</v>
      </c>
      <c r="D3774" s="2">
        <v>0</v>
      </c>
      <c r="E3774" s="2">
        <v>149.60000000000005</v>
      </c>
    </row>
    <row r="3775" spans="1:5" x14ac:dyDescent="0.25">
      <c r="A3775" s="3">
        <v>41780.602662037039</v>
      </c>
      <c r="B3775" s="2">
        <v>28.9</v>
      </c>
      <c r="C3775" s="2">
        <v>173.2</v>
      </c>
      <c r="D3775" s="2">
        <v>0</v>
      </c>
      <c r="E3775" s="2">
        <v>149.60000000000005</v>
      </c>
    </row>
    <row r="3776" spans="1:5" x14ac:dyDescent="0.25">
      <c r="A3776" s="3">
        <v>41780.602719907409</v>
      </c>
      <c r="B3776" s="2">
        <v>28.9</v>
      </c>
      <c r="C3776" s="2">
        <v>173</v>
      </c>
      <c r="D3776" s="2">
        <v>0</v>
      </c>
      <c r="E3776" s="2">
        <v>149.60000000000005</v>
      </c>
    </row>
    <row r="3777" spans="1:5" x14ac:dyDescent="0.25">
      <c r="A3777" s="3">
        <v>41780.603067129632</v>
      </c>
      <c r="B3777" s="2">
        <v>28.8</v>
      </c>
      <c r="C3777" s="2">
        <v>173.2</v>
      </c>
      <c r="D3777" s="2">
        <v>0</v>
      </c>
      <c r="E3777" s="2">
        <v>149.60000000000005</v>
      </c>
    </row>
    <row r="3778" spans="1:5" x14ac:dyDescent="0.25">
      <c r="A3778" s="3">
        <v>41780.60324074074</v>
      </c>
      <c r="B3778" s="2">
        <v>28.8</v>
      </c>
      <c r="C3778" s="2">
        <v>173</v>
      </c>
      <c r="D3778" s="2">
        <v>0</v>
      </c>
      <c r="E3778" s="2">
        <v>149.60000000000005</v>
      </c>
    </row>
    <row r="3779" spans="1:5" x14ac:dyDescent="0.25">
      <c r="A3779" s="3">
        <v>41780.605150462965</v>
      </c>
      <c r="B3779" s="2">
        <v>28.9</v>
      </c>
      <c r="C3779" s="2">
        <v>173.2</v>
      </c>
      <c r="D3779" s="2">
        <v>0</v>
      </c>
      <c r="E3779" s="2">
        <v>149.60000000000005</v>
      </c>
    </row>
    <row r="3780" spans="1:5" x14ac:dyDescent="0.25">
      <c r="A3780" s="3">
        <v>41780.605208333334</v>
      </c>
      <c r="B3780" s="2">
        <v>28.9</v>
      </c>
      <c r="C3780" s="2">
        <v>173</v>
      </c>
      <c r="D3780" s="2">
        <v>0</v>
      </c>
      <c r="E3780" s="2">
        <v>149.60000000000005</v>
      </c>
    </row>
    <row r="3781" spans="1:5" x14ac:dyDescent="0.25">
      <c r="A3781" s="3">
        <v>41780.619791666664</v>
      </c>
      <c r="B3781" s="2">
        <v>29.1</v>
      </c>
      <c r="C3781" s="2">
        <v>172.8</v>
      </c>
      <c r="D3781" s="2">
        <v>0</v>
      </c>
      <c r="E3781" s="2">
        <v>149.60000000000005</v>
      </c>
    </row>
    <row r="3782" spans="1:5" x14ac:dyDescent="0.25">
      <c r="A3782" s="3">
        <v>41780.619849537034</v>
      </c>
      <c r="B3782" s="2">
        <v>29.1</v>
      </c>
      <c r="C3782" s="2">
        <v>173</v>
      </c>
      <c r="D3782" s="2">
        <v>0</v>
      </c>
      <c r="E3782" s="2">
        <v>149.60000000000005</v>
      </c>
    </row>
    <row r="3783" spans="1:5" x14ac:dyDescent="0.25">
      <c r="A3783" s="3">
        <v>41780.61996527778</v>
      </c>
      <c r="B3783" s="2">
        <v>29.1</v>
      </c>
      <c r="C3783" s="2">
        <v>172.8</v>
      </c>
      <c r="D3783" s="2">
        <v>0</v>
      </c>
      <c r="E3783" s="2">
        <v>149.60000000000005</v>
      </c>
    </row>
    <row r="3784" spans="1:5" x14ac:dyDescent="0.25">
      <c r="A3784" s="3">
        <v>41780.620486111111</v>
      </c>
      <c r="B3784" s="2">
        <v>29.3</v>
      </c>
      <c r="C3784" s="2">
        <v>173</v>
      </c>
      <c r="D3784" s="2">
        <v>0</v>
      </c>
      <c r="E3784" s="2">
        <v>149.60000000000005</v>
      </c>
    </row>
    <row r="3785" spans="1:5" x14ac:dyDescent="0.25">
      <c r="A3785" s="3">
        <v>41780.62060185185</v>
      </c>
      <c r="B3785" s="2">
        <v>29.3</v>
      </c>
      <c r="C3785" s="2">
        <v>172.8</v>
      </c>
      <c r="D3785" s="2">
        <v>0</v>
      </c>
      <c r="E3785" s="2">
        <v>149.60000000000005</v>
      </c>
    </row>
    <row r="3786" spans="1:5" x14ac:dyDescent="0.25">
      <c r="A3786" s="3">
        <v>41780.620717592596</v>
      </c>
      <c r="B3786" s="2">
        <v>29.3</v>
      </c>
      <c r="C3786" s="2">
        <v>173</v>
      </c>
      <c r="D3786" s="2">
        <v>0</v>
      </c>
      <c r="E3786" s="2">
        <v>149.60000000000005</v>
      </c>
    </row>
    <row r="3787" spans="1:5" x14ac:dyDescent="0.25">
      <c r="A3787" s="3">
        <v>41780.620891203704</v>
      </c>
      <c r="B3787" s="2">
        <v>29.1</v>
      </c>
      <c r="C3787" s="2">
        <v>172.8</v>
      </c>
      <c r="D3787" s="2">
        <v>0</v>
      </c>
      <c r="E3787" s="2">
        <v>149.60000000000005</v>
      </c>
    </row>
    <row r="3788" spans="1:5" x14ac:dyDescent="0.25">
      <c r="A3788" s="3">
        <v>41780.621874999997</v>
      </c>
      <c r="B3788" s="2">
        <v>29.1</v>
      </c>
      <c r="C3788" s="2">
        <v>173</v>
      </c>
      <c r="D3788" s="2">
        <v>0</v>
      </c>
      <c r="E3788" s="2">
        <v>149.60000000000005</v>
      </c>
    </row>
    <row r="3789" spans="1:5" x14ac:dyDescent="0.25">
      <c r="A3789" s="3">
        <v>41780.621932870374</v>
      </c>
      <c r="B3789" s="2">
        <v>29.1</v>
      </c>
      <c r="C3789" s="2">
        <v>172.8</v>
      </c>
      <c r="D3789" s="2">
        <v>0</v>
      </c>
      <c r="E3789" s="2">
        <v>149.60000000000005</v>
      </c>
    </row>
    <row r="3790" spans="1:5" x14ac:dyDescent="0.25">
      <c r="A3790" s="3">
        <v>41780.62222222222</v>
      </c>
      <c r="B3790" s="2">
        <v>29.3</v>
      </c>
      <c r="C3790" s="2">
        <v>173</v>
      </c>
      <c r="D3790" s="2">
        <v>0</v>
      </c>
      <c r="E3790" s="2">
        <v>149.60000000000005</v>
      </c>
    </row>
    <row r="3791" spans="1:5" x14ac:dyDescent="0.25">
      <c r="A3791" s="3">
        <v>41780.622453703705</v>
      </c>
      <c r="B3791" s="2">
        <v>29.3</v>
      </c>
      <c r="C3791" s="2">
        <v>172.8</v>
      </c>
      <c r="D3791" s="2">
        <v>0</v>
      </c>
      <c r="E3791" s="2">
        <v>149.60000000000005</v>
      </c>
    </row>
    <row r="3792" spans="1:5" x14ac:dyDescent="0.25">
      <c r="A3792" s="3">
        <v>41780.623032407406</v>
      </c>
      <c r="B3792" s="2">
        <v>29.3</v>
      </c>
      <c r="C3792" s="2">
        <v>173</v>
      </c>
      <c r="D3792" s="2">
        <v>0</v>
      </c>
      <c r="E3792" s="2">
        <v>149.60000000000005</v>
      </c>
    </row>
    <row r="3793" spans="1:5" x14ac:dyDescent="0.25">
      <c r="A3793" s="3">
        <v>41780.623090277775</v>
      </c>
      <c r="B3793" s="2">
        <v>29.3</v>
      </c>
      <c r="C3793" s="2">
        <v>172.8</v>
      </c>
      <c r="D3793" s="2">
        <v>0</v>
      </c>
      <c r="E3793" s="2">
        <v>149.60000000000005</v>
      </c>
    </row>
    <row r="3794" spans="1:5" x14ac:dyDescent="0.25">
      <c r="A3794" s="3">
        <v>41780.648148148146</v>
      </c>
      <c r="B3794" s="2">
        <v>29.1</v>
      </c>
      <c r="C3794" s="2">
        <v>172.6</v>
      </c>
      <c r="D3794" s="2">
        <v>0</v>
      </c>
      <c r="E3794" s="2">
        <v>149.60000000000005</v>
      </c>
    </row>
    <row r="3795" spans="1:5" x14ac:dyDescent="0.25">
      <c r="A3795" s="3">
        <v>41780.648206018515</v>
      </c>
      <c r="B3795" s="2">
        <v>29.1</v>
      </c>
      <c r="C3795" s="2">
        <v>172.8</v>
      </c>
      <c r="D3795" s="2">
        <v>0</v>
      </c>
      <c r="E3795" s="2">
        <v>149.60000000000005</v>
      </c>
    </row>
    <row r="3796" spans="1:5" x14ac:dyDescent="0.25">
      <c r="A3796" s="3">
        <v>41780.653645833336</v>
      </c>
      <c r="B3796" s="2">
        <v>29</v>
      </c>
      <c r="C3796" s="2">
        <v>172.6</v>
      </c>
      <c r="D3796" s="2">
        <v>0</v>
      </c>
      <c r="E3796" s="2">
        <v>149.60000000000005</v>
      </c>
    </row>
    <row r="3797" spans="1:5" x14ac:dyDescent="0.25">
      <c r="A3797" s="3">
        <v>41780.653703703705</v>
      </c>
      <c r="B3797" s="2">
        <v>29</v>
      </c>
      <c r="C3797" s="2">
        <v>172.8</v>
      </c>
      <c r="D3797" s="2">
        <v>0</v>
      </c>
      <c r="E3797" s="2">
        <v>149.60000000000005</v>
      </c>
    </row>
    <row r="3798" spans="1:5" x14ac:dyDescent="0.25">
      <c r="A3798" s="3">
        <v>41780.653935185182</v>
      </c>
      <c r="B3798" s="2">
        <v>29</v>
      </c>
      <c r="C3798" s="2">
        <v>172.6</v>
      </c>
      <c r="D3798" s="2">
        <v>0</v>
      </c>
      <c r="E3798" s="2">
        <v>149.60000000000005</v>
      </c>
    </row>
    <row r="3799" spans="1:5" x14ac:dyDescent="0.25">
      <c r="A3799" s="3">
        <v>41780.662210648145</v>
      </c>
      <c r="B3799" s="2">
        <v>28.7</v>
      </c>
      <c r="C3799" s="2">
        <v>172.8</v>
      </c>
      <c r="D3799" s="2">
        <v>0</v>
      </c>
      <c r="E3799" s="2">
        <v>149.60000000000005</v>
      </c>
    </row>
    <row r="3800" spans="1:5" x14ac:dyDescent="0.25">
      <c r="A3800" s="3">
        <v>41780.662268518521</v>
      </c>
      <c r="B3800" s="2">
        <v>28.7</v>
      </c>
      <c r="C3800" s="2">
        <v>172.6</v>
      </c>
      <c r="D3800" s="2">
        <v>0</v>
      </c>
      <c r="E3800" s="2">
        <v>149.60000000000005</v>
      </c>
    </row>
    <row r="3801" spans="1:5" x14ac:dyDescent="0.25">
      <c r="A3801" s="3">
        <v>41780.671122685184</v>
      </c>
      <c r="B3801" s="2">
        <v>28.4</v>
      </c>
      <c r="C3801" s="2">
        <v>172.4</v>
      </c>
      <c r="D3801" s="2">
        <v>0</v>
      </c>
      <c r="E3801" s="2">
        <v>149.60000000000005</v>
      </c>
    </row>
    <row r="3802" spans="1:5" x14ac:dyDescent="0.25">
      <c r="A3802" s="3">
        <v>41780.671238425923</v>
      </c>
      <c r="B3802" s="2">
        <v>28.4</v>
      </c>
      <c r="C3802" s="2">
        <v>172.6</v>
      </c>
      <c r="D3802" s="2">
        <v>0</v>
      </c>
      <c r="E3802" s="2">
        <v>149.60000000000005</v>
      </c>
    </row>
    <row r="3803" spans="1:5" x14ac:dyDescent="0.25">
      <c r="A3803" s="3">
        <v>41780.671296296299</v>
      </c>
      <c r="B3803" s="2">
        <v>28.4</v>
      </c>
      <c r="C3803" s="2">
        <v>172.4</v>
      </c>
      <c r="D3803" s="2">
        <v>0</v>
      </c>
      <c r="E3803" s="2">
        <v>149.60000000000005</v>
      </c>
    </row>
    <row r="3804" spans="1:5" x14ac:dyDescent="0.25">
      <c r="A3804" s="3">
        <v>41780.671469907407</v>
      </c>
      <c r="B3804" s="2">
        <v>28.4</v>
      </c>
      <c r="C3804" s="2">
        <v>172.6</v>
      </c>
      <c r="D3804" s="2">
        <v>0</v>
      </c>
      <c r="E3804" s="2">
        <v>149.60000000000005</v>
      </c>
    </row>
    <row r="3805" spans="1:5" x14ac:dyDescent="0.25">
      <c r="A3805" s="3">
        <v>41780.671585648146</v>
      </c>
      <c r="B3805" s="2">
        <v>28.4</v>
      </c>
      <c r="C3805" s="2">
        <v>172.4</v>
      </c>
      <c r="D3805" s="2">
        <v>0</v>
      </c>
      <c r="E3805" s="2">
        <v>149.60000000000005</v>
      </c>
    </row>
    <row r="3806" spans="1:5" x14ac:dyDescent="0.25">
      <c r="A3806" s="3">
        <v>41780.672048611108</v>
      </c>
      <c r="B3806" s="2">
        <v>28.4</v>
      </c>
      <c r="C3806" s="2">
        <v>172.6</v>
      </c>
      <c r="D3806" s="2">
        <v>0</v>
      </c>
      <c r="E3806" s="2">
        <v>149.60000000000005</v>
      </c>
    </row>
    <row r="3807" spans="1:5" x14ac:dyDescent="0.25">
      <c r="A3807" s="3">
        <v>41780.672164351854</v>
      </c>
      <c r="B3807" s="2">
        <v>28.4</v>
      </c>
      <c r="C3807" s="2">
        <v>172.4</v>
      </c>
      <c r="D3807" s="2">
        <v>0</v>
      </c>
      <c r="E3807" s="2">
        <v>149.60000000000005</v>
      </c>
    </row>
    <row r="3808" spans="1:5" x14ac:dyDescent="0.25">
      <c r="A3808" s="3">
        <v>41780.690682870372</v>
      </c>
      <c r="B3808" s="2">
        <v>27.8</v>
      </c>
      <c r="C3808" s="2">
        <v>172.2</v>
      </c>
      <c r="D3808" s="2">
        <v>0</v>
      </c>
      <c r="E3808" s="2">
        <v>149.60000000000005</v>
      </c>
    </row>
    <row r="3809" spans="1:5" x14ac:dyDescent="0.25">
      <c r="A3809" s="3">
        <v>41780.69085648148</v>
      </c>
      <c r="B3809" s="2">
        <v>27.8</v>
      </c>
      <c r="C3809" s="2">
        <v>172.4</v>
      </c>
      <c r="D3809" s="2">
        <v>0</v>
      </c>
      <c r="E3809" s="2">
        <v>149.60000000000005</v>
      </c>
    </row>
    <row r="3810" spans="1:5" x14ac:dyDescent="0.25">
      <c r="A3810" s="3">
        <v>41780.691377314812</v>
      </c>
      <c r="B3810" s="2">
        <v>27.7</v>
      </c>
      <c r="C3810" s="2">
        <v>172.2</v>
      </c>
      <c r="D3810" s="2">
        <v>0</v>
      </c>
      <c r="E3810" s="2">
        <v>149.60000000000005</v>
      </c>
    </row>
    <row r="3811" spans="1:5" x14ac:dyDescent="0.25">
      <c r="A3811" s="3">
        <v>41780.691550925927</v>
      </c>
      <c r="B3811" s="2">
        <v>27.7</v>
      </c>
      <c r="C3811" s="2">
        <v>172.4</v>
      </c>
      <c r="D3811" s="2">
        <v>0</v>
      </c>
      <c r="E3811" s="2">
        <v>149.60000000000005</v>
      </c>
    </row>
    <row r="3812" spans="1:5" x14ac:dyDescent="0.25">
      <c r="A3812" s="3">
        <v>41780.691608796296</v>
      </c>
      <c r="B3812" s="2">
        <v>27.7</v>
      </c>
      <c r="C3812" s="2">
        <v>172.2</v>
      </c>
      <c r="D3812" s="2">
        <v>0</v>
      </c>
      <c r="E3812" s="2">
        <v>149.60000000000005</v>
      </c>
    </row>
    <row r="3813" spans="1:5" x14ac:dyDescent="0.25">
      <c r="A3813" s="3">
        <v>41780.693287037036</v>
      </c>
      <c r="B3813" s="2">
        <v>27.7</v>
      </c>
      <c r="C3813" s="2">
        <v>172.4</v>
      </c>
      <c r="D3813" s="2">
        <v>0</v>
      </c>
      <c r="E3813" s="2">
        <v>149.60000000000005</v>
      </c>
    </row>
    <row r="3814" spans="1:5" x14ac:dyDescent="0.25">
      <c r="A3814" s="3">
        <v>41780.693344907406</v>
      </c>
      <c r="B3814" s="2">
        <v>27.7</v>
      </c>
      <c r="C3814" s="2">
        <v>172.2</v>
      </c>
      <c r="D3814" s="2">
        <v>0</v>
      </c>
      <c r="E3814" s="2">
        <v>149.60000000000005</v>
      </c>
    </row>
    <row r="3815" spans="1:5" x14ac:dyDescent="0.25">
      <c r="A3815" s="3">
        <v>41780.6953125</v>
      </c>
      <c r="B3815" s="2">
        <v>27.6</v>
      </c>
      <c r="C3815" s="2">
        <v>172.4</v>
      </c>
      <c r="D3815" s="2">
        <v>0</v>
      </c>
      <c r="E3815" s="2">
        <v>149.60000000000005</v>
      </c>
    </row>
    <row r="3816" spans="1:5" x14ac:dyDescent="0.25">
      <c r="A3816" s="3">
        <v>41780.695370370369</v>
      </c>
      <c r="B3816" s="2">
        <v>27.6</v>
      </c>
      <c r="C3816" s="2">
        <v>172.2</v>
      </c>
      <c r="D3816" s="2">
        <v>0</v>
      </c>
      <c r="E3816" s="2">
        <v>149.60000000000005</v>
      </c>
    </row>
    <row r="3817" spans="1:5" x14ac:dyDescent="0.25">
      <c r="A3817" s="3">
        <v>41780.696296296293</v>
      </c>
      <c r="B3817" s="2">
        <v>27.5</v>
      </c>
      <c r="C3817" s="2">
        <v>172.4</v>
      </c>
      <c r="D3817" s="2">
        <v>0</v>
      </c>
      <c r="E3817" s="2">
        <v>149.60000000000005</v>
      </c>
    </row>
    <row r="3818" spans="1:5" x14ac:dyDescent="0.25">
      <c r="A3818" s="3">
        <v>41780.69635416667</v>
      </c>
      <c r="B3818" s="2">
        <v>27.5</v>
      </c>
      <c r="C3818" s="2">
        <v>172.2</v>
      </c>
      <c r="D3818" s="2">
        <v>0</v>
      </c>
      <c r="E3818" s="2">
        <v>149.60000000000005</v>
      </c>
    </row>
    <row r="3819" spans="1:5" x14ac:dyDescent="0.25">
      <c r="A3819" s="3">
        <v>41780.710821759261</v>
      </c>
      <c r="B3819" s="2">
        <v>27</v>
      </c>
      <c r="C3819" s="2">
        <v>172</v>
      </c>
      <c r="D3819" s="2">
        <v>0</v>
      </c>
      <c r="E3819" s="2">
        <v>149.60000000000005</v>
      </c>
    </row>
    <row r="3820" spans="1:5" x14ac:dyDescent="0.25">
      <c r="A3820" s="3">
        <v>41780.710879629631</v>
      </c>
      <c r="B3820" s="2">
        <v>27</v>
      </c>
      <c r="C3820" s="2">
        <v>172.2</v>
      </c>
      <c r="D3820" s="2">
        <v>0</v>
      </c>
      <c r="E3820" s="2">
        <v>149.60000000000005</v>
      </c>
    </row>
    <row r="3821" spans="1:5" x14ac:dyDescent="0.25">
      <c r="A3821" s="3">
        <v>41780.712500000001</v>
      </c>
      <c r="B3821" s="2">
        <v>27</v>
      </c>
      <c r="C3821" s="2">
        <v>172</v>
      </c>
      <c r="D3821" s="2">
        <v>0</v>
      </c>
      <c r="E3821" s="2">
        <v>149.60000000000005</v>
      </c>
    </row>
    <row r="3822" spans="1:5" x14ac:dyDescent="0.25">
      <c r="A3822" s="3">
        <v>41780.712673611109</v>
      </c>
      <c r="B3822" s="2">
        <v>27</v>
      </c>
      <c r="C3822" s="2">
        <v>172.2</v>
      </c>
      <c r="D3822" s="2">
        <v>0</v>
      </c>
      <c r="E3822" s="2">
        <v>149.60000000000005</v>
      </c>
    </row>
    <row r="3823" spans="1:5" x14ac:dyDescent="0.25">
      <c r="A3823" s="3">
        <v>41780.712731481479</v>
      </c>
      <c r="B3823" s="2">
        <v>27</v>
      </c>
      <c r="C3823" s="2">
        <v>172</v>
      </c>
      <c r="D3823" s="2">
        <v>0</v>
      </c>
      <c r="E3823" s="2">
        <v>149.60000000000005</v>
      </c>
    </row>
    <row r="3824" spans="1:5" x14ac:dyDescent="0.25">
      <c r="A3824" s="3">
        <v>41780.712962962964</v>
      </c>
      <c r="B3824" s="2">
        <v>27</v>
      </c>
      <c r="C3824" s="2">
        <v>172.2</v>
      </c>
      <c r="D3824" s="2">
        <v>0</v>
      </c>
      <c r="E3824" s="2">
        <v>149.60000000000005</v>
      </c>
    </row>
    <row r="3825" spans="1:5" x14ac:dyDescent="0.25">
      <c r="A3825" s="3">
        <v>41780.713136574072</v>
      </c>
      <c r="B3825" s="2">
        <v>27</v>
      </c>
      <c r="C3825" s="2">
        <v>172</v>
      </c>
      <c r="D3825" s="2">
        <v>0</v>
      </c>
      <c r="E3825" s="2">
        <v>149.60000000000005</v>
      </c>
    </row>
    <row r="3826" spans="1:5" x14ac:dyDescent="0.25">
      <c r="A3826" s="3">
        <v>41780.713368055556</v>
      </c>
      <c r="B3826" s="2">
        <v>27</v>
      </c>
      <c r="C3826" s="2">
        <v>172.2</v>
      </c>
      <c r="D3826" s="2">
        <v>0</v>
      </c>
      <c r="E3826" s="2">
        <v>149.60000000000005</v>
      </c>
    </row>
    <row r="3827" spans="1:5" x14ac:dyDescent="0.25">
      <c r="A3827" s="3">
        <v>41780.713483796295</v>
      </c>
      <c r="B3827" s="2">
        <v>27</v>
      </c>
      <c r="C3827" s="2">
        <v>172</v>
      </c>
      <c r="D3827" s="2">
        <v>0</v>
      </c>
      <c r="E3827" s="2">
        <v>149.60000000000005</v>
      </c>
    </row>
    <row r="3828" spans="1:5" x14ac:dyDescent="0.25">
      <c r="A3828" s="3">
        <v>41780.713773148149</v>
      </c>
      <c r="B3828" s="2">
        <v>26.9</v>
      </c>
      <c r="C3828" s="2">
        <v>172.2</v>
      </c>
      <c r="D3828" s="2">
        <v>0</v>
      </c>
      <c r="E3828" s="2">
        <v>149.60000000000005</v>
      </c>
    </row>
    <row r="3829" spans="1:5" x14ac:dyDescent="0.25">
      <c r="A3829" s="3">
        <v>41780.713946759257</v>
      </c>
      <c r="B3829" s="2">
        <v>26.9</v>
      </c>
      <c r="C3829" s="2">
        <v>172</v>
      </c>
      <c r="D3829" s="2">
        <v>0</v>
      </c>
      <c r="E3829" s="2">
        <v>149.60000000000005</v>
      </c>
    </row>
    <row r="3830" spans="1:5" x14ac:dyDescent="0.25">
      <c r="A3830" s="3">
        <v>41780.714236111111</v>
      </c>
      <c r="B3830" s="2">
        <v>26.9</v>
      </c>
      <c r="C3830" s="2">
        <v>172.2</v>
      </c>
      <c r="D3830" s="2">
        <v>0</v>
      </c>
      <c r="E3830" s="2">
        <v>149.60000000000005</v>
      </c>
    </row>
    <row r="3831" spans="1:5" x14ac:dyDescent="0.25">
      <c r="A3831" s="3">
        <v>41780.71435185185</v>
      </c>
      <c r="B3831" s="2">
        <v>26.9</v>
      </c>
      <c r="C3831" s="2">
        <v>172</v>
      </c>
      <c r="D3831" s="2">
        <v>0</v>
      </c>
      <c r="E3831" s="2">
        <v>149.60000000000005</v>
      </c>
    </row>
    <row r="3832" spans="1:5" x14ac:dyDescent="0.25">
      <c r="A3832" s="3">
        <v>41780.734317129631</v>
      </c>
      <c r="B3832" s="2">
        <v>26.4</v>
      </c>
      <c r="C3832" s="2">
        <v>171.8</v>
      </c>
      <c r="D3832" s="2">
        <v>0</v>
      </c>
      <c r="E3832" s="2">
        <v>149.60000000000005</v>
      </c>
    </row>
    <row r="3833" spans="1:5" x14ac:dyDescent="0.25">
      <c r="A3833" s="3">
        <v>41780.734432870369</v>
      </c>
      <c r="B3833" s="2">
        <v>26.4</v>
      </c>
      <c r="C3833" s="2">
        <v>172</v>
      </c>
      <c r="D3833" s="2">
        <v>0</v>
      </c>
      <c r="E3833" s="2">
        <v>149.60000000000005</v>
      </c>
    </row>
    <row r="3834" spans="1:5" x14ac:dyDescent="0.25">
      <c r="A3834" s="3">
        <v>41780.734895833331</v>
      </c>
      <c r="B3834" s="2">
        <v>26.4</v>
      </c>
      <c r="C3834" s="2">
        <v>171.8</v>
      </c>
      <c r="D3834" s="2">
        <v>0</v>
      </c>
      <c r="E3834" s="2">
        <v>149.60000000000005</v>
      </c>
    </row>
    <row r="3835" spans="1:5" x14ac:dyDescent="0.25">
      <c r="A3835" s="3">
        <v>41780.734953703701</v>
      </c>
      <c r="B3835" s="2">
        <v>26.4</v>
      </c>
      <c r="C3835" s="2">
        <v>172</v>
      </c>
      <c r="D3835" s="2">
        <v>0</v>
      </c>
      <c r="E3835" s="2">
        <v>149.60000000000005</v>
      </c>
    </row>
    <row r="3836" spans="1:5" x14ac:dyDescent="0.25">
      <c r="A3836" s="3">
        <v>41780.735243055555</v>
      </c>
      <c r="B3836" s="2">
        <v>26.4</v>
      </c>
      <c r="C3836" s="2">
        <v>171.8</v>
      </c>
      <c r="D3836" s="2">
        <v>0</v>
      </c>
      <c r="E3836" s="2">
        <v>149.60000000000005</v>
      </c>
    </row>
    <row r="3837" spans="1:5" x14ac:dyDescent="0.25">
      <c r="A3837" s="3">
        <v>41780.747048611112</v>
      </c>
      <c r="B3837" s="2">
        <v>26.3</v>
      </c>
      <c r="C3837" s="2">
        <v>171.6</v>
      </c>
      <c r="D3837" s="2">
        <v>0</v>
      </c>
      <c r="E3837" s="2">
        <v>149.60000000000005</v>
      </c>
    </row>
    <row r="3838" spans="1:5" x14ac:dyDescent="0.25">
      <c r="A3838" s="3">
        <v>41780.747106481482</v>
      </c>
      <c r="B3838" s="2">
        <v>26.3</v>
      </c>
      <c r="C3838" s="2">
        <v>171.8</v>
      </c>
      <c r="D3838" s="2">
        <v>0</v>
      </c>
      <c r="E3838" s="2">
        <v>149.60000000000005</v>
      </c>
    </row>
    <row r="3839" spans="1:5" x14ac:dyDescent="0.25">
      <c r="A3839" s="3">
        <v>41780.748263888891</v>
      </c>
      <c r="B3839" s="2">
        <v>26.2</v>
      </c>
      <c r="C3839" s="2">
        <v>171.6</v>
      </c>
      <c r="D3839" s="2">
        <v>0</v>
      </c>
      <c r="E3839" s="2">
        <v>149.60000000000005</v>
      </c>
    </row>
    <row r="3840" spans="1:5" x14ac:dyDescent="0.25">
      <c r="A3840" s="3">
        <v>41780.748437499999</v>
      </c>
      <c r="B3840" s="2">
        <v>26.2</v>
      </c>
      <c r="C3840" s="2">
        <v>171.8</v>
      </c>
      <c r="D3840" s="2">
        <v>0</v>
      </c>
      <c r="E3840" s="2">
        <v>149.60000000000005</v>
      </c>
    </row>
    <row r="3841" spans="1:5" x14ac:dyDescent="0.25">
      <c r="A3841" s="3">
        <v>41780.748553240737</v>
      </c>
      <c r="B3841" s="2">
        <v>26.2</v>
      </c>
      <c r="C3841" s="2">
        <v>171.6</v>
      </c>
      <c r="D3841" s="2">
        <v>0</v>
      </c>
      <c r="E3841" s="2">
        <v>149.60000000000005</v>
      </c>
    </row>
    <row r="3842" spans="1:5" x14ac:dyDescent="0.25">
      <c r="A3842" s="3">
        <v>41780.748726851853</v>
      </c>
      <c r="B3842" s="2">
        <v>26.2</v>
      </c>
      <c r="C3842" s="2">
        <v>171.8</v>
      </c>
      <c r="D3842" s="2">
        <v>0</v>
      </c>
      <c r="E3842" s="2">
        <v>149.60000000000005</v>
      </c>
    </row>
    <row r="3843" spans="1:5" x14ac:dyDescent="0.25">
      <c r="A3843" s="3">
        <v>41780.748900462961</v>
      </c>
      <c r="B3843" s="2">
        <v>26.2</v>
      </c>
      <c r="C3843" s="2">
        <v>171.6</v>
      </c>
      <c r="D3843" s="2">
        <v>0</v>
      </c>
      <c r="E3843" s="2">
        <v>149.60000000000005</v>
      </c>
    </row>
    <row r="3844" spans="1:5" x14ac:dyDescent="0.25">
      <c r="A3844" s="3">
        <v>41780.749942129631</v>
      </c>
      <c r="B3844" s="2">
        <v>26.2</v>
      </c>
      <c r="C3844" s="2">
        <v>171.8</v>
      </c>
      <c r="D3844" s="2">
        <v>0</v>
      </c>
      <c r="E3844" s="2">
        <v>149.60000000000005</v>
      </c>
    </row>
    <row r="3845" spans="1:5" x14ac:dyDescent="0.25">
      <c r="A3845" s="3">
        <v>41780.750057870369</v>
      </c>
      <c r="B3845" s="2">
        <v>26.2</v>
      </c>
      <c r="C3845" s="2">
        <v>171.6</v>
      </c>
      <c r="D3845" s="2">
        <v>0</v>
      </c>
      <c r="E3845" s="2">
        <v>149.60000000000005</v>
      </c>
    </row>
    <row r="3846" spans="1:5" x14ac:dyDescent="0.25">
      <c r="A3846" s="3">
        <v>41780.750173611108</v>
      </c>
      <c r="B3846" s="2">
        <v>26.2</v>
      </c>
      <c r="C3846" s="2">
        <v>171.8</v>
      </c>
      <c r="D3846" s="2">
        <v>0</v>
      </c>
      <c r="E3846" s="2">
        <v>149.60000000000005</v>
      </c>
    </row>
    <row r="3847" spans="1:5" x14ac:dyDescent="0.25">
      <c r="A3847" s="3">
        <v>41780.750405092593</v>
      </c>
      <c r="B3847" s="2">
        <v>26.2</v>
      </c>
      <c r="C3847" s="2">
        <v>171.6</v>
      </c>
      <c r="D3847" s="2">
        <v>0</v>
      </c>
      <c r="E3847" s="2">
        <v>149.60000000000005</v>
      </c>
    </row>
    <row r="3848" spans="1:5" x14ac:dyDescent="0.25">
      <c r="A3848" s="3">
        <v>41780.750868055555</v>
      </c>
      <c r="B3848" s="2">
        <v>26.2</v>
      </c>
      <c r="C3848" s="2">
        <v>171.8</v>
      </c>
      <c r="D3848" s="2">
        <v>0</v>
      </c>
      <c r="E3848" s="2">
        <v>149.60000000000005</v>
      </c>
    </row>
    <row r="3849" spans="1:5" x14ac:dyDescent="0.25">
      <c r="A3849" s="3">
        <v>41780.750983796293</v>
      </c>
      <c r="B3849" s="2">
        <v>26.2</v>
      </c>
      <c r="C3849" s="2">
        <v>171.6</v>
      </c>
      <c r="D3849" s="2">
        <v>0</v>
      </c>
      <c r="E3849" s="2">
        <v>149.60000000000005</v>
      </c>
    </row>
    <row r="3850" spans="1:5" x14ac:dyDescent="0.25">
      <c r="A3850" s="3">
        <v>41780.759664351855</v>
      </c>
      <c r="B3850" s="2">
        <v>26.1</v>
      </c>
      <c r="C3850" s="2">
        <v>171.4</v>
      </c>
      <c r="D3850" s="2">
        <v>0</v>
      </c>
      <c r="E3850" s="2">
        <v>149.60000000000005</v>
      </c>
    </row>
    <row r="3851" spans="1:5" x14ac:dyDescent="0.25">
      <c r="A3851" s="3">
        <v>41780.759780092594</v>
      </c>
      <c r="B3851" s="2">
        <v>26.1</v>
      </c>
      <c r="C3851" s="2">
        <v>171.6</v>
      </c>
      <c r="D3851" s="2">
        <v>0</v>
      </c>
      <c r="E3851" s="2">
        <v>149.60000000000005</v>
      </c>
    </row>
    <row r="3852" spans="1:5" x14ac:dyDescent="0.25">
      <c r="A3852" s="3">
        <v>41780.759837962964</v>
      </c>
      <c r="B3852" s="2">
        <v>26.1</v>
      </c>
      <c r="C3852" s="2">
        <v>171.4</v>
      </c>
      <c r="D3852" s="2">
        <v>0</v>
      </c>
      <c r="E3852" s="2">
        <v>149.60000000000005</v>
      </c>
    </row>
    <row r="3853" spans="1:5" x14ac:dyDescent="0.25">
      <c r="A3853" s="3">
        <v>41780.759953703702</v>
      </c>
      <c r="B3853" s="2">
        <v>26.1</v>
      </c>
      <c r="C3853" s="2">
        <v>171.6</v>
      </c>
      <c r="D3853" s="2">
        <v>0</v>
      </c>
      <c r="E3853" s="2">
        <v>149.60000000000005</v>
      </c>
    </row>
    <row r="3854" spans="1:5" x14ac:dyDescent="0.25">
      <c r="A3854" s="3">
        <v>41780.761458333334</v>
      </c>
      <c r="B3854" s="2">
        <v>26</v>
      </c>
      <c r="C3854" s="2">
        <v>171.4</v>
      </c>
      <c r="D3854" s="2">
        <v>0</v>
      </c>
      <c r="E3854" s="2">
        <v>149.60000000000005</v>
      </c>
    </row>
    <row r="3855" spans="1:5" x14ac:dyDescent="0.25">
      <c r="A3855" s="3">
        <v>41780.761574074073</v>
      </c>
      <c r="B3855" s="2">
        <v>26</v>
      </c>
      <c r="C3855" s="2">
        <v>171.6</v>
      </c>
      <c r="D3855" s="2">
        <v>0</v>
      </c>
      <c r="E3855" s="2">
        <v>149.60000000000005</v>
      </c>
    </row>
    <row r="3856" spans="1:5" x14ac:dyDescent="0.25">
      <c r="A3856" s="3">
        <v>41780.77002314815</v>
      </c>
      <c r="B3856" s="2">
        <v>25.8</v>
      </c>
      <c r="C3856" s="2">
        <v>171.4</v>
      </c>
      <c r="D3856" s="2">
        <v>0</v>
      </c>
      <c r="E3856" s="2">
        <v>149.60000000000005</v>
      </c>
    </row>
    <row r="3857" spans="1:5" x14ac:dyDescent="0.25">
      <c r="A3857" s="3">
        <v>41780.820138888892</v>
      </c>
      <c r="B3857" s="2">
        <v>24.3</v>
      </c>
      <c r="C3857" s="2">
        <v>171.2</v>
      </c>
      <c r="D3857" s="2">
        <v>0</v>
      </c>
      <c r="E3857" s="2">
        <v>149.60000000000005</v>
      </c>
    </row>
    <row r="3858" spans="1:5" x14ac:dyDescent="0.25">
      <c r="A3858" s="3">
        <v>41780.872337962966</v>
      </c>
      <c r="B3858" s="2">
        <v>22.8</v>
      </c>
      <c r="C3858" s="2">
        <v>171</v>
      </c>
      <c r="D3858" s="2">
        <v>0</v>
      </c>
      <c r="E3858" s="2">
        <v>149.60000000000005</v>
      </c>
    </row>
    <row r="3859" spans="1:5" x14ac:dyDescent="0.25">
      <c r="A3859" s="3">
        <v>41780.916550925926</v>
      </c>
      <c r="B3859" s="2">
        <v>21.7</v>
      </c>
      <c r="C3859" s="2">
        <v>170.8</v>
      </c>
      <c r="D3859" s="2">
        <v>0</v>
      </c>
      <c r="E3859" s="2">
        <v>149.60000000000005</v>
      </c>
    </row>
    <row r="3860" spans="1:5" x14ac:dyDescent="0.25">
      <c r="A3860" s="3">
        <v>41781.007581018515</v>
      </c>
      <c r="B3860" s="2">
        <v>19.8</v>
      </c>
      <c r="C3860" s="2">
        <v>170.6</v>
      </c>
      <c r="D3860" s="2">
        <v>0</v>
      </c>
      <c r="E3860" s="2">
        <v>149.60000000000005</v>
      </c>
    </row>
    <row r="3861" spans="1:5" x14ac:dyDescent="0.25">
      <c r="A3861" s="3">
        <v>41781.148379629631</v>
      </c>
      <c r="B3861" s="2">
        <v>17.2</v>
      </c>
      <c r="C3861" s="2">
        <v>170.4</v>
      </c>
      <c r="D3861" s="2">
        <v>0</v>
      </c>
      <c r="E3861" s="2">
        <v>149.60000000000005</v>
      </c>
    </row>
    <row r="3862" spans="1:5" x14ac:dyDescent="0.25">
      <c r="A3862" s="3">
        <v>41781.278414351851</v>
      </c>
      <c r="B3862" s="2">
        <v>15.4</v>
      </c>
      <c r="C3862" s="2">
        <v>170.2</v>
      </c>
      <c r="D3862" s="2">
        <v>0</v>
      </c>
      <c r="E3862" s="2">
        <v>149.60000000000005</v>
      </c>
    </row>
    <row r="3863" spans="1:5" x14ac:dyDescent="0.25">
      <c r="A3863" s="3">
        <v>41781.335185185184</v>
      </c>
      <c r="B3863" s="2">
        <v>15.4</v>
      </c>
      <c r="C3863" s="2">
        <v>170</v>
      </c>
      <c r="D3863" s="2">
        <v>0</v>
      </c>
      <c r="E3863" s="2">
        <v>149.60000000000005</v>
      </c>
    </row>
    <row r="3864" spans="1:5" x14ac:dyDescent="0.25">
      <c r="A3864" s="3">
        <v>41781.360995370371</v>
      </c>
      <c r="B3864" s="2">
        <v>15.9</v>
      </c>
      <c r="C3864" s="2">
        <v>169.8</v>
      </c>
      <c r="D3864" s="2">
        <v>0</v>
      </c>
      <c r="E3864" s="2">
        <v>149.60000000000005</v>
      </c>
    </row>
    <row r="3865" spans="1:5" x14ac:dyDescent="0.25">
      <c r="A3865" s="3">
        <v>41781.389525462961</v>
      </c>
      <c r="B3865" s="2">
        <v>17</v>
      </c>
      <c r="C3865" s="2">
        <v>170</v>
      </c>
      <c r="D3865" s="2">
        <v>0</v>
      </c>
      <c r="E3865" s="2">
        <v>149.60000000000005</v>
      </c>
    </row>
    <row r="3866" spans="1:5" x14ac:dyDescent="0.25">
      <c r="A3866" s="3">
        <v>41781.389814814815</v>
      </c>
      <c r="B3866" s="2">
        <v>17</v>
      </c>
      <c r="C3866" s="2">
        <v>169.8</v>
      </c>
      <c r="D3866" s="2">
        <v>0</v>
      </c>
      <c r="E3866" s="2">
        <v>149.60000000000005</v>
      </c>
    </row>
    <row r="3867" spans="1:5" x14ac:dyDescent="0.25">
      <c r="A3867" s="3">
        <v>41781.403703703705</v>
      </c>
      <c r="B3867" s="2">
        <v>17.7</v>
      </c>
      <c r="C3867" s="2">
        <v>170</v>
      </c>
      <c r="D3867" s="2">
        <v>0</v>
      </c>
      <c r="E3867" s="2">
        <v>149.60000000000005</v>
      </c>
    </row>
    <row r="3868" spans="1:5" x14ac:dyDescent="0.25">
      <c r="A3868" s="3">
        <v>41781.403877314813</v>
      </c>
      <c r="B3868" s="2">
        <v>17.7</v>
      </c>
      <c r="C3868" s="2">
        <v>169.8</v>
      </c>
      <c r="D3868" s="2">
        <v>0</v>
      </c>
      <c r="E3868" s="2">
        <v>149.60000000000005</v>
      </c>
    </row>
    <row r="3869" spans="1:5" x14ac:dyDescent="0.25">
      <c r="A3869" s="3">
        <v>41781.431423611109</v>
      </c>
      <c r="B3869" s="2">
        <v>19.3</v>
      </c>
      <c r="C3869" s="2">
        <v>170</v>
      </c>
      <c r="D3869" s="2">
        <v>0</v>
      </c>
      <c r="E3869" s="2">
        <v>149.60000000000005</v>
      </c>
    </row>
    <row r="3870" spans="1:5" x14ac:dyDescent="0.25">
      <c r="A3870" s="3">
        <v>41781.431597222225</v>
      </c>
      <c r="B3870" s="2">
        <v>19.3</v>
      </c>
      <c r="C3870" s="2">
        <v>169.8</v>
      </c>
      <c r="D3870" s="2">
        <v>0</v>
      </c>
      <c r="E3870" s="2">
        <v>149.60000000000005</v>
      </c>
    </row>
    <row r="3871" spans="1:5" x14ac:dyDescent="0.25">
      <c r="A3871" s="3">
        <v>41781.431770833333</v>
      </c>
      <c r="B3871" s="2">
        <v>19.3</v>
      </c>
      <c r="C3871" s="2">
        <v>170</v>
      </c>
      <c r="D3871" s="2">
        <v>0</v>
      </c>
      <c r="E3871" s="2">
        <v>149.60000000000005</v>
      </c>
    </row>
    <row r="3872" spans="1:5" x14ac:dyDescent="0.25">
      <c r="A3872" s="3">
        <v>41781.433564814812</v>
      </c>
      <c r="B3872" s="2">
        <v>19.399999999999999</v>
      </c>
      <c r="C3872" s="2">
        <v>169.8</v>
      </c>
      <c r="D3872" s="2">
        <v>0</v>
      </c>
      <c r="E3872" s="2">
        <v>149.60000000000005</v>
      </c>
    </row>
    <row r="3873" spans="1:5" x14ac:dyDescent="0.25">
      <c r="A3873" s="3">
        <v>41781.434027777781</v>
      </c>
      <c r="B3873" s="2">
        <v>19.399999999999999</v>
      </c>
      <c r="C3873" s="2">
        <v>170</v>
      </c>
      <c r="D3873" s="2">
        <v>0</v>
      </c>
      <c r="E3873" s="2">
        <v>149.60000000000005</v>
      </c>
    </row>
    <row r="3874" spans="1:5" x14ac:dyDescent="0.25">
      <c r="A3874" s="3">
        <v>41781.43408564815</v>
      </c>
      <c r="B3874" s="2">
        <v>19.399999999999999</v>
      </c>
      <c r="C3874" s="2">
        <v>169.8</v>
      </c>
      <c r="D3874" s="2">
        <v>0</v>
      </c>
      <c r="E3874" s="2">
        <v>149.60000000000005</v>
      </c>
    </row>
    <row r="3875" spans="1:5" x14ac:dyDescent="0.25">
      <c r="A3875" s="3">
        <v>41781.434490740743</v>
      </c>
      <c r="B3875" s="2">
        <v>19.5</v>
      </c>
      <c r="C3875" s="2">
        <v>170</v>
      </c>
      <c r="D3875" s="2">
        <v>0</v>
      </c>
      <c r="E3875" s="2">
        <v>149.60000000000005</v>
      </c>
    </row>
    <row r="3876" spans="1:5" x14ac:dyDescent="0.25">
      <c r="A3876" s="3">
        <v>41781.434606481482</v>
      </c>
      <c r="B3876" s="2">
        <v>19.5</v>
      </c>
      <c r="C3876" s="2">
        <v>169.8</v>
      </c>
      <c r="D3876" s="2">
        <v>0</v>
      </c>
      <c r="E3876" s="2">
        <v>149.60000000000005</v>
      </c>
    </row>
    <row r="3877" spans="1:5" x14ac:dyDescent="0.25">
      <c r="A3877" s="3">
        <v>41781.43478009259</v>
      </c>
      <c r="B3877" s="2">
        <v>19.5</v>
      </c>
      <c r="C3877" s="2">
        <v>170</v>
      </c>
      <c r="D3877" s="2">
        <v>0</v>
      </c>
      <c r="E3877" s="2">
        <v>149.60000000000005</v>
      </c>
    </row>
    <row r="3878" spans="1:5" x14ac:dyDescent="0.25">
      <c r="A3878" s="3">
        <v>41781.435127314813</v>
      </c>
      <c r="B3878" s="2">
        <v>19.5</v>
      </c>
      <c r="C3878" s="2">
        <v>169.8</v>
      </c>
      <c r="D3878" s="2">
        <v>0</v>
      </c>
      <c r="E3878" s="2">
        <v>149.60000000000005</v>
      </c>
    </row>
    <row r="3879" spans="1:5" x14ac:dyDescent="0.25">
      <c r="A3879" s="3">
        <v>41781.435706018521</v>
      </c>
      <c r="B3879" s="2">
        <v>19.5</v>
      </c>
      <c r="C3879" s="2">
        <v>170</v>
      </c>
      <c r="D3879" s="2">
        <v>0</v>
      </c>
      <c r="E3879" s="2">
        <v>149.60000000000005</v>
      </c>
    </row>
    <row r="3880" spans="1:5" x14ac:dyDescent="0.25">
      <c r="A3880" s="3">
        <v>41781.435763888891</v>
      </c>
      <c r="B3880" s="2">
        <v>19.600000000000001</v>
      </c>
      <c r="C3880" s="2">
        <v>169.8</v>
      </c>
      <c r="D3880" s="2">
        <v>0</v>
      </c>
      <c r="E3880" s="2">
        <v>149.60000000000005</v>
      </c>
    </row>
    <row r="3881" spans="1:5" x14ac:dyDescent="0.25">
      <c r="A3881" s="3">
        <v>41781.43582175926</v>
      </c>
      <c r="B3881" s="2">
        <v>19.600000000000001</v>
      </c>
      <c r="C3881" s="2">
        <v>170</v>
      </c>
      <c r="D3881" s="2">
        <v>0</v>
      </c>
      <c r="E3881" s="2">
        <v>149.60000000000005</v>
      </c>
    </row>
    <row r="3882" spans="1:5" x14ac:dyDescent="0.25">
      <c r="A3882" s="3">
        <v>41781.437268518515</v>
      </c>
      <c r="B3882" s="2">
        <v>19.7</v>
      </c>
      <c r="C3882" s="2">
        <v>169.8</v>
      </c>
      <c r="D3882" s="2">
        <v>0</v>
      </c>
      <c r="E3882" s="2">
        <v>149.60000000000005</v>
      </c>
    </row>
    <row r="3883" spans="1:5" x14ac:dyDescent="0.25">
      <c r="A3883" s="3">
        <v>41781.437557870369</v>
      </c>
      <c r="B3883" s="2">
        <v>19.7</v>
      </c>
      <c r="C3883" s="2">
        <v>170</v>
      </c>
      <c r="D3883" s="2">
        <v>0</v>
      </c>
      <c r="E3883" s="2">
        <v>149.60000000000005</v>
      </c>
    </row>
    <row r="3884" spans="1:5" x14ac:dyDescent="0.25">
      <c r="A3884" s="3">
        <v>41781.438136574077</v>
      </c>
      <c r="B3884" s="2">
        <v>19.7</v>
      </c>
      <c r="C3884" s="2">
        <v>169.8</v>
      </c>
      <c r="D3884" s="2">
        <v>0</v>
      </c>
      <c r="E3884" s="2">
        <v>149.60000000000005</v>
      </c>
    </row>
    <row r="3885" spans="1:5" x14ac:dyDescent="0.25">
      <c r="A3885" s="3">
        <v>41781.438310185185</v>
      </c>
      <c r="B3885" s="2">
        <v>19.7</v>
      </c>
      <c r="C3885" s="2">
        <v>170</v>
      </c>
      <c r="D3885" s="2">
        <v>0</v>
      </c>
      <c r="E3885" s="2">
        <v>149.60000000000005</v>
      </c>
    </row>
    <row r="3886" spans="1:5" x14ac:dyDescent="0.25">
      <c r="A3886" s="3">
        <v>41781.438946759263</v>
      </c>
      <c r="B3886" s="2">
        <v>19.8</v>
      </c>
      <c r="C3886" s="2">
        <v>169.8</v>
      </c>
      <c r="D3886" s="2">
        <v>0</v>
      </c>
      <c r="E3886" s="2">
        <v>149.60000000000005</v>
      </c>
    </row>
    <row r="3887" spans="1:5" x14ac:dyDescent="0.25">
      <c r="A3887" s="3">
        <v>41781.440162037034</v>
      </c>
      <c r="B3887" s="2">
        <v>19.8</v>
      </c>
      <c r="C3887" s="2">
        <v>170</v>
      </c>
      <c r="D3887" s="2">
        <v>0</v>
      </c>
      <c r="E3887" s="2">
        <v>149.60000000000005</v>
      </c>
    </row>
    <row r="3888" spans="1:5" x14ac:dyDescent="0.25">
      <c r="A3888" s="3">
        <v>41781.44027777778</v>
      </c>
      <c r="B3888" s="2">
        <v>19.8</v>
      </c>
      <c r="C3888" s="2">
        <v>169.8</v>
      </c>
      <c r="D3888" s="2">
        <v>0</v>
      </c>
      <c r="E3888" s="2">
        <v>149.60000000000005</v>
      </c>
    </row>
    <row r="3889" spans="1:5" x14ac:dyDescent="0.25">
      <c r="A3889" s="3">
        <v>41781.440682870372</v>
      </c>
      <c r="B3889" s="2">
        <v>19.8</v>
      </c>
      <c r="C3889" s="2">
        <v>170</v>
      </c>
      <c r="D3889" s="2">
        <v>0</v>
      </c>
      <c r="E3889" s="2">
        <v>149.60000000000005</v>
      </c>
    </row>
    <row r="3890" spans="1:5" x14ac:dyDescent="0.25">
      <c r="A3890" s="3">
        <v>41781.440798611111</v>
      </c>
      <c r="B3890" s="2">
        <v>19.899999999999999</v>
      </c>
      <c r="C3890" s="2">
        <v>169.8</v>
      </c>
      <c r="D3890" s="2">
        <v>0</v>
      </c>
      <c r="E3890" s="2">
        <v>149.60000000000005</v>
      </c>
    </row>
    <row r="3891" spans="1:5" x14ac:dyDescent="0.25">
      <c r="A3891" s="3">
        <v>41781.441435185188</v>
      </c>
      <c r="B3891" s="2">
        <v>19.899999999999999</v>
      </c>
      <c r="C3891" s="2">
        <v>170</v>
      </c>
      <c r="D3891" s="2">
        <v>0</v>
      </c>
      <c r="E3891" s="2">
        <v>149.60000000000005</v>
      </c>
    </row>
    <row r="3892" spans="1:5" x14ac:dyDescent="0.25">
      <c r="A3892" s="3">
        <v>41781.441666666666</v>
      </c>
      <c r="B3892" s="2">
        <v>19.899999999999999</v>
      </c>
      <c r="C3892" s="2">
        <v>169.8</v>
      </c>
      <c r="D3892" s="2">
        <v>0</v>
      </c>
      <c r="E3892" s="2">
        <v>149.60000000000005</v>
      </c>
    </row>
    <row r="3893" spans="1:5" x14ac:dyDescent="0.25">
      <c r="A3893" s="3">
        <v>41781.44189814815</v>
      </c>
      <c r="B3893" s="2">
        <v>19.899999999999999</v>
      </c>
      <c r="C3893" s="2">
        <v>170</v>
      </c>
      <c r="D3893" s="2">
        <v>0</v>
      </c>
      <c r="E3893" s="2">
        <v>149.60000000000005</v>
      </c>
    </row>
    <row r="3894" spans="1:5" x14ac:dyDescent="0.25">
      <c r="A3894" s="3">
        <v>41781.442013888889</v>
      </c>
      <c r="B3894" s="2">
        <v>19.899999999999999</v>
      </c>
      <c r="C3894" s="2">
        <v>169.8</v>
      </c>
      <c r="D3894" s="2">
        <v>0</v>
      </c>
      <c r="E3894" s="2">
        <v>149.60000000000005</v>
      </c>
    </row>
    <row r="3895" spans="1:5" x14ac:dyDescent="0.25">
      <c r="A3895" s="3">
        <v>41781.44259259259</v>
      </c>
      <c r="B3895" s="2">
        <v>20</v>
      </c>
      <c r="C3895" s="2">
        <v>170</v>
      </c>
      <c r="D3895" s="2">
        <v>0</v>
      </c>
      <c r="E3895" s="2">
        <v>149.60000000000005</v>
      </c>
    </row>
    <row r="3896" spans="1:5" x14ac:dyDescent="0.25">
      <c r="A3896" s="3">
        <v>41781.442881944444</v>
      </c>
      <c r="B3896" s="2">
        <v>20</v>
      </c>
      <c r="C3896" s="2">
        <v>169.8</v>
      </c>
      <c r="D3896" s="2">
        <v>0</v>
      </c>
      <c r="E3896" s="2">
        <v>149.60000000000005</v>
      </c>
    </row>
    <row r="3897" spans="1:5" x14ac:dyDescent="0.25">
      <c r="A3897" s="3">
        <v>41781.442997685182</v>
      </c>
      <c r="B3897" s="2">
        <v>20</v>
      </c>
      <c r="C3897" s="2">
        <v>170</v>
      </c>
      <c r="D3897" s="2">
        <v>0</v>
      </c>
      <c r="E3897" s="2">
        <v>149.60000000000005</v>
      </c>
    </row>
    <row r="3898" spans="1:5" x14ac:dyDescent="0.25">
      <c r="A3898" s="3">
        <v>41781.443055555559</v>
      </c>
      <c r="B3898" s="2">
        <v>20</v>
      </c>
      <c r="C3898" s="2">
        <v>169.8</v>
      </c>
      <c r="D3898" s="2">
        <v>0</v>
      </c>
      <c r="E3898" s="2">
        <v>149.60000000000005</v>
      </c>
    </row>
    <row r="3899" spans="1:5" x14ac:dyDescent="0.25">
      <c r="A3899" s="3">
        <v>41781.443807870368</v>
      </c>
      <c r="B3899" s="2">
        <v>20.100000000000001</v>
      </c>
      <c r="C3899" s="2">
        <v>170</v>
      </c>
      <c r="D3899" s="2">
        <v>0</v>
      </c>
      <c r="E3899" s="2">
        <v>149.60000000000005</v>
      </c>
    </row>
    <row r="3900" spans="1:5" x14ac:dyDescent="0.25">
      <c r="A3900" s="3">
        <v>41781.444212962961</v>
      </c>
      <c r="B3900" s="2">
        <v>20.100000000000001</v>
      </c>
      <c r="C3900" s="2">
        <v>169.8</v>
      </c>
      <c r="D3900" s="2">
        <v>0</v>
      </c>
      <c r="E3900" s="2">
        <v>149.60000000000005</v>
      </c>
    </row>
    <row r="3901" spans="1:5" x14ac:dyDescent="0.25">
      <c r="A3901" s="3">
        <v>41781.44427083333</v>
      </c>
      <c r="B3901" s="2">
        <v>20.100000000000001</v>
      </c>
      <c r="C3901" s="2">
        <v>170</v>
      </c>
      <c r="D3901" s="2">
        <v>0</v>
      </c>
      <c r="E3901" s="2">
        <v>149.60000000000005</v>
      </c>
    </row>
    <row r="3902" spans="1:5" x14ac:dyDescent="0.25">
      <c r="A3902" s="3">
        <v>41781.444502314815</v>
      </c>
      <c r="B3902" s="2">
        <v>20.100000000000001</v>
      </c>
      <c r="C3902" s="2">
        <v>169.8</v>
      </c>
      <c r="D3902" s="2">
        <v>0</v>
      </c>
      <c r="E3902" s="2">
        <v>149.60000000000005</v>
      </c>
    </row>
    <row r="3903" spans="1:5" x14ac:dyDescent="0.25">
      <c r="A3903" s="3">
        <v>41781.444965277777</v>
      </c>
      <c r="B3903" s="2">
        <v>20.2</v>
      </c>
      <c r="C3903" s="2">
        <v>170</v>
      </c>
      <c r="D3903" s="2">
        <v>0</v>
      </c>
      <c r="E3903" s="2">
        <v>149.60000000000005</v>
      </c>
    </row>
    <row r="3904" spans="1:5" x14ac:dyDescent="0.25">
      <c r="A3904" s="3">
        <v>41781.445081018515</v>
      </c>
      <c r="B3904" s="2">
        <v>20.2</v>
      </c>
      <c r="C3904" s="2">
        <v>169.8</v>
      </c>
      <c r="D3904" s="2">
        <v>0</v>
      </c>
      <c r="E3904" s="2">
        <v>149.60000000000005</v>
      </c>
    </row>
    <row r="3905" spans="1:5" x14ac:dyDescent="0.25">
      <c r="A3905" s="3">
        <v>41781.445428240739</v>
      </c>
      <c r="B3905" s="2">
        <v>20.2</v>
      </c>
      <c r="C3905" s="2">
        <v>170</v>
      </c>
      <c r="D3905" s="2">
        <v>0</v>
      </c>
      <c r="E3905" s="2">
        <v>149.60000000000005</v>
      </c>
    </row>
    <row r="3906" spans="1:5" x14ac:dyDescent="0.25">
      <c r="A3906" s="3">
        <v>41781.445486111108</v>
      </c>
      <c r="B3906" s="2">
        <v>20.2</v>
      </c>
      <c r="C3906" s="2">
        <v>169.8</v>
      </c>
      <c r="D3906" s="2">
        <v>0</v>
      </c>
      <c r="E3906" s="2">
        <v>149.60000000000005</v>
      </c>
    </row>
    <row r="3907" spans="1:5" x14ac:dyDescent="0.25">
      <c r="A3907" s="3">
        <v>41781.447164351855</v>
      </c>
      <c r="B3907" s="2">
        <v>20.3</v>
      </c>
      <c r="C3907" s="2">
        <v>170</v>
      </c>
      <c r="D3907" s="2">
        <v>0</v>
      </c>
      <c r="E3907" s="2">
        <v>149.60000000000005</v>
      </c>
    </row>
    <row r="3908" spans="1:5" x14ac:dyDescent="0.25">
      <c r="A3908" s="3">
        <v>41781.447280092594</v>
      </c>
      <c r="B3908" s="2">
        <v>20.3</v>
      </c>
      <c r="C3908" s="2">
        <v>169.8</v>
      </c>
      <c r="D3908" s="2">
        <v>0</v>
      </c>
      <c r="E3908" s="2">
        <v>149.60000000000005</v>
      </c>
    </row>
    <row r="3909" spans="1:5" x14ac:dyDescent="0.25">
      <c r="A3909" s="3">
        <v>41781.454745370371</v>
      </c>
      <c r="B3909" s="2">
        <v>20.8</v>
      </c>
      <c r="C3909" s="2">
        <v>170</v>
      </c>
      <c r="D3909" s="2">
        <v>0</v>
      </c>
      <c r="E3909" s="2">
        <v>149.60000000000005</v>
      </c>
    </row>
    <row r="3910" spans="1:5" x14ac:dyDescent="0.25">
      <c r="A3910" s="3">
        <v>41781.454918981479</v>
      </c>
      <c r="B3910" s="2">
        <v>20.8</v>
      </c>
      <c r="C3910" s="2">
        <v>169.8</v>
      </c>
      <c r="D3910" s="2">
        <v>0</v>
      </c>
      <c r="E3910" s="2">
        <v>149.60000000000005</v>
      </c>
    </row>
    <row r="3911" spans="1:5" x14ac:dyDescent="0.25">
      <c r="A3911" s="3">
        <v>41781.455960648149</v>
      </c>
      <c r="B3911" s="2">
        <v>20.9</v>
      </c>
      <c r="C3911" s="2">
        <v>170</v>
      </c>
      <c r="D3911" s="2">
        <v>0</v>
      </c>
      <c r="E3911" s="2">
        <v>149.60000000000005</v>
      </c>
    </row>
    <row r="3912" spans="1:5" x14ac:dyDescent="0.25">
      <c r="A3912" s="3">
        <v>41781.456134259257</v>
      </c>
      <c r="B3912" s="2">
        <v>20.9</v>
      </c>
      <c r="C3912" s="2">
        <v>169.8</v>
      </c>
      <c r="D3912" s="2">
        <v>0</v>
      </c>
      <c r="E3912" s="2">
        <v>149.60000000000005</v>
      </c>
    </row>
    <row r="3913" spans="1:5" x14ac:dyDescent="0.25">
      <c r="A3913" s="3">
        <v>41781.459374999999</v>
      </c>
      <c r="B3913" s="2">
        <v>21.2</v>
      </c>
      <c r="C3913" s="2">
        <v>170</v>
      </c>
      <c r="D3913" s="2">
        <v>0</v>
      </c>
      <c r="E3913" s="2">
        <v>149.60000000000005</v>
      </c>
    </row>
    <row r="3914" spans="1:5" x14ac:dyDescent="0.25">
      <c r="A3914" s="3">
        <v>41781.459432870368</v>
      </c>
      <c r="B3914" s="2">
        <v>21.2</v>
      </c>
      <c r="C3914" s="2">
        <v>169.8</v>
      </c>
      <c r="D3914" s="2">
        <v>0</v>
      </c>
      <c r="E3914" s="2">
        <v>149.60000000000005</v>
      </c>
    </row>
    <row r="3915" spans="1:5" x14ac:dyDescent="0.25">
      <c r="A3915" s="3">
        <v>41781.463888888888</v>
      </c>
      <c r="B3915" s="2">
        <v>21.5</v>
      </c>
      <c r="C3915" s="2">
        <v>170</v>
      </c>
      <c r="D3915" s="2">
        <v>0</v>
      </c>
      <c r="E3915" s="2">
        <v>149.60000000000005</v>
      </c>
    </row>
    <row r="3916" spans="1:5" x14ac:dyDescent="0.25">
      <c r="A3916" s="3">
        <v>41781.464062500003</v>
      </c>
      <c r="B3916" s="2">
        <v>21.5</v>
      </c>
      <c r="C3916" s="2">
        <v>169.8</v>
      </c>
      <c r="D3916" s="2">
        <v>0</v>
      </c>
      <c r="E3916" s="2">
        <v>149.60000000000005</v>
      </c>
    </row>
    <row r="3917" spans="1:5" x14ac:dyDescent="0.25">
      <c r="A3917" s="3">
        <v>41781.46435185185</v>
      </c>
      <c r="B3917" s="2">
        <v>21.7</v>
      </c>
      <c r="C3917" s="2">
        <v>170</v>
      </c>
      <c r="D3917" s="2">
        <v>0</v>
      </c>
      <c r="E3917" s="2">
        <v>149.60000000000005</v>
      </c>
    </row>
    <row r="3918" spans="1:5" x14ac:dyDescent="0.25">
      <c r="A3918" s="3">
        <v>41781.464467592596</v>
      </c>
      <c r="B3918" s="2">
        <v>21.7</v>
      </c>
      <c r="C3918" s="2">
        <v>169.8</v>
      </c>
      <c r="D3918" s="2">
        <v>0</v>
      </c>
      <c r="E3918" s="2">
        <v>149.60000000000005</v>
      </c>
    </row>
    <row r="3919" spans="1:5" x14ac:dyDescent="0.25">
      <c r="A3919" s="3">
        <v>41781.472916666666</v>
      </c>
      <c r="B3919" s="2">
        <v>22.2</v>
      </c>
      <c r="C3919" s="2">
        <v>170</v>
      </c>
      <c r="D3919" s="2">
        <v>0</v>
      </c>
      <c r="E3919" s="2">
        <v>149.60000000000005</v>
      </c>
    </row>
    <row r="3920" spans="1:5" x14ac:dyDescent="0.25">
      <c r="A3920" s="3">
        <v>41781.473090277781</v>
      </c>
      <c r="B3920" s="2">
        <v>22.2</v>
      </c>
      <c r="C3920" s="2">
        <v>169.8</v>
      </c>
      <c r="D3920" s="2">
        <v>0</v>
      </c>
      <c r="E3920" s="2">
        <v>149.60000000000005</v>
      </c>
    </row>
    <row r="3921" spans="1:5" x14ac:dyDescent="0.25">
      <c r="A3921" s="3">
        <v>41781.473726851851</v>
      </c>
      <c r="B3921" s="2">
        <v>22.3</v>
      </c>
      <c r="C3921" s="2">
        <v>170</v>
      </c>
      <c r="D3921" s="2">
        <v>0</v>
      </c>
      <c r="E3921" s="2">
        <v>149.60000000000005</v>
      </c>
    </row>
    <row r="3922" spans="1:5" x14ac:dyDescent="0.25">
      <c r="A3922" s="3">
        <v>41781.47378472222</v>
      </c>
      <c r="B3922" s="2">
        <v>22.3</v>
      </c>
      <c r="C3922" s="2">
        <v>169.8</v>
      </c>
      <c r="D3922" s="2">
        <v>0</v>
      </c>
      <c r="E3922" s="2">
        <v>149.60000000000005</v>
      </c>
    </row>
    <row r="3923" spans="1:5" x14ac:dyDescent="0.25">
      <c r="A3923" s="3">
        <v>41781.475983796299</v>
      </c>
      <c r="B3923" s="2">
        <v>22.5</v>
      </c>
      <c r="C3923" s="2">
        <v>170</v>
      </c>
      <c r="D3923" s="2">
        <v>0</v>
      </c>
      <c r="E3923" s="2">
        <v>149.60000000000005</v>
      </c>
    </row>
    <row r="3924" spans="1:5" x14ac:dyDescent="0.25">
      <c r="A3924" s="3">
        <v>41781.476099537038</v>
      </c>
      <c r="B3924" s="2">
        <v>22.5</v>
      </c>
      <c r="C3924" s="2">
        <v>169.8</v>
      </c>
      <c r="D3924" s="2">
        <v>0</v>
      </c>
      <c r="E3924" s="2">
        <v>149.60000000000005</v>
      </c>
    </row>
    <row r="3925" spans="1:5" x14ac:dyDescent="0.25">
      <c r="A3925" s="3">
        <v>41781.486516203702</v>
      </c>
      <c r="B3925" s="2">
        <v>23.3</v>
      </c>
      <c r="C3925" s="2">
        <v>170</v>
      </c>
      <c r="D3925" s="2">
        <v>0</v>
      </c>
      <c r="E3925" s="2">
        <v>149.60000000000005</v>
      </c>
    </row>
    <row r="3926" spans="1:5" x14ac:dyDescent="0.25">
      <c r="A3926" s="3">
        <v>41781.486574074072</v>
      </c>
      <c r="B3926" s="2">
        <v>23.3</v>
      </c>
      <c r="C3926" s="2">
        <v>169.8</v>
      </c>
      <c r="D3926" s="2">
        <v>0</v>
      </c>
      <c r="E3926" s="2">
        <v>149.60000000000005</v>
      </c>
    </row>
    <row r="3927" spans="1:5" x14ac:dyDescent="0.25">
      <c r="A3927" s="3">
        <v>41781.488252314812</v>
      </c>
      <c r="B3927" s="2">
        <v>23.3</v>
      </c>
      <c r="C3927" s="2">
        <v>170</v>
      </c>
      <c r="D3927" s="2">
        <v>0</v>
      </c>
      <c r="E3927" s="2">
        <v>149.60000000000005</v>
      </c>
    </row>
    <row r="3928" spans="1:5" x14ac:dyDescent="0.25">
      <c r="A3928" s="3">
        <v>41781.488368055558</v>
      </c>
      <c r="B3928" s="2">
        <v>23.3</v>
      </c>
      <c r="C3928" s="2">
        <v>169.8</v>
      </c>
      <c r="D3928" s="2">
        <v>0</v>
      </c>
      <c r="E3928" s="2">
        <v>149.60000000000005</v>
      </c>
    </row>
    <row r="3929" spans="1:5" x14ac:dyDescent="0.25">
      <c r="A3929" s="3">
        <v>41781.491261574076</v>
      </c>
      <c r="B3929" s="2">
        <v>23.6</v>
      </c>
      <c r="C3929" s="2">
        <v>170</v>
      </c>
      <c r="D3929" s="2">
        <v>0</v>
      </c>
      <c r="E3929" s="2">
        <v>149.60000000000005</v>
      </c>
    </row>
    <row r="3930" spans="1:5" x14ac:dyDescent="0.25">
      <c r="A3930" s="3">
        <v>41781.491377314815</v>
      </c>
      <c r="B3930" s="2">
        <v>23.6</v>
      </c>
      <c r="C3930" s="2">
        <v>169.8</v>
      </c>
      <c r="D3930" s="2">
        <v>0</v>
      </c>
      <c r="E3930" s="2">
        <v>149.60000000000005</v>
      </c>
    </row>
    <row r="3931" spans="1:5" x14ac:dyDescent="0.25">
      <c r="A3931" s="3">
        <v>41781.491724537038</v>
      </c>
      <c r="B3931" s="2">
        <v>23.6</v>
      </c>
      <c r="C3931" s="2">
        <v>170</v>
      </c>
      <c r="D3931" s="2">
        <v>0</v>
      </c>
      <c r="E3931" s="2">
        <v>149.60000000000005</v>
      </c>
    </row>
    <row r="3932" spans="1:5" x14ac:dyDescent="0.25">
      <c r="A3932" s="3">
        <v>41781.491782407407</v>
      </c>
      <c r="B3932" s="2">
        <v>23.6</v>
      </c>
      <c r="C3932" s="2">
        <v>169.8</v>
      </c>
      <c r="D3932" s="2">
        <v>0</v>
      </c>
      <c r="E3932" s="2">
        <v>149.60000000000005</v>
      </c>
    </row>
    <row r="3933" spans="1:5" x14ac:dyDescent="0.25">
      <c r="A3933" s="3">
        <v>41781.534953703704</v>
      </c>
      <c r="B3933" s="2">
        <v>26.5</v>
      </c>
      <c r="C3933" s="2">
        <v>169.6</v>
      </c>
      <c r="D3933" s="2">
        <v>0</v>
      </c>
      <c r="E3933" s="2">
        <v>149.60000000000005</v>
      </c>
    </row>
    <row r="3934" spans="1:5" x14ac:dyDescent="0.25">
      <c r="A3934" s="3">
        <v>41781.535011574073</v>
      </c>
      <c r="B3934" s="2">
        <v>26.5</v>
      </c>
      <c r="C3934" s="2">
        <v>169.8</v>
      </c>
      <c r="D3934" s="2">
        <v>0</v>
      </c>
      <c r="E3934" s="2">
        <v>149.60000000000005</v>
      </c>
    </row>
    <row r="3935" spans="1:5" x14ac:dyDescent="0.25">
      <c r="A3935" s="3">
        <v>41781.535069444442</v>
      </c>
      <c r="B3935" s="2">
        <v>26.5</v>
      </c>
      <c r="C3935" s="2">
        <v>169.6</v>
      </c>
      <c r="D3935" s="2">
        <v>0</v>
      </c>
      <c r="E3935" s="2">
        <v>149.60000000000005</v>
      </c>
    </row>
    <row r="3936" spans="1:5" x14ac:dyDescent="0.25">
      <c r="A3936" s="3">
        <v>41781.537847222222</v>
      </c>
      <c r="B3936" s="2">
        <v>26.8</v>
      </c>
      <c r="C3936" s="2">
        <v>169.8</v>
      </c>
      <c r="D3936" s="2">
        <v>0</v>
      </c>
      <c r="E3936" s="2">
        <v>149.60000000000005</v>
      </c>
    </row>
    <row r="3937" spans="1:5" x14ac:dyDescent="0.25">
      <c r="A3937" s="3">
        <v>41781.538078703707</v>
      </c>
      <c r="B3937" s="2">
        <v>26.8</v>
      </c>
      <c r="C3937" s="2">
        <v>169.6</v>
      </c>
      <c r="D3937" s="2">
        <v>0</v>
      </c>
      <c r="E3937" s="2">
        <v>149.60000000000005</v>
      </c>
    </row>
    <row r="3938" spans="1:5" x14ac:dyDescent="0.25">
      <c r="A3938" s="3">
        <v>41781.539525462962</v>
      </c>
      <c r="B3938" s="2">
        <v>26.9</v>
      </c>
      <c r="C3938" s="2">
        <v>169.8</v>
      </c>
      <c r="D3938" s="2">
        <v>0</v>
      </c>
      <c r="E3938" s="2">
        <v>149.60000000000005</v>
      </c>
    </row>
    <row r="3939" spans="1:5" x14ac:dyDescent="0.25">
      <c r="A3939" s="3">
        <v>41781.539641203701</v>
      </c>
      <c r="B3939" s="2">
        <v>26.8</v>
      </c>
      <c r="C3939" s="2">
        <v>169.6</v>
      </c>
      <c r="D3939" s="2">
        <v>0</v>
      </c>
      <c r="E3939" s="2">
        <v>149.60000000000005</v>
      </c>
    </row>
    <row r="3940" spans="1:5" x14ac:dyDescent="0.25">
      <c r="A3940" s="3">
        <v>41781.571701388886</v>
      </c>
      <c r="B3940" s="2">
        <v>28.7</v>
      </c>
      <c r="C3940" s="2">
        <v>169.4</v>
      </c>
      <c r="D3940" s="2">
        <v>0</v>
      </c>
      <c r="E3940" s="2">
        <v>149.60000000000005</v>
      </c>
    </row>
    <row r="3941" spans="1:5" x14ac:dyDescent="0.25">
      <c r="A3941" s="3">
        <v>41781.571817129632</v>
      </c>
      <c r="B3941" s="2">
        <v>28.6</v>
      </c>
      <c r="C3941" s="2">
        <v>169.6</v>
      </c>
      <c r="D3941" s="2">
        <v>0</v>
      </c>
      <c r="E3941" s="2">
        <v>149.60000000000005</v>
      </c>
    </row>
    <row r="3942" spans="1:5" x14ac:dyDescent="0.25">
      <c r="A3942" s="3">
        <v>41781.572164351855</v>
      </c>
      <c r="B3942" s="2">
        <v>28.5</v>
      </c>
      <c r="C3942" s="2">
        <v>169.4</v>
      </c>
      <c r="D3942" s="2">
        <v>0</v>
      </c>
      <c r="E3942" s="2">
        <v>149.60000000000005</v>
      </c>
    </row>
    <row r="3943" spans="1:5" x14ac:dyDescent="0.25">
      <c r="A3943" s="3">
        <v>41781.573958333334</v>
      </c>
      <c r="B3943" s="2">
        <v>28.7</v>
      </c>
      <c r="C3943" s="2">
        <v>169.6</v>
      </c>
      <c r="D3943" s="2">
        <v>0</v>
      </c>
      <c r="E3943" s="2">
        <v>149.60000000000005</v>
      </c>
    </row>
    <row r="3944" spans="1:5" x14ac:dyDescent="0.25">
      <c r="A3944" s="3">
        <v>41781.574074074073</v>
      </c>
      <c r="B3944" s="2">
        <v>28.7</v>
      </c>
      <c r="C3944" s="2">
        <v>169.4</v>
      </c>
      <c r="D3944" s="2">
        <v>0</v>
      </c>
      <c r="E3944" s="2">
        <v>149.60000000000005</v>
      </c>
    </row>
    <row r="3945" spans="1:5" x14ac:dyDescent="0.25">
      <c r="A3945" s="3">
        <v>41781.574652777781</v>
      </c>
      <c r="B3945" s="2">
        <v>28.7</v>
      </c>
      <c r="C3945" s="2">
        <v>169.6</v>
      </c>
      <c r="D3945" s="2">
        <v>0</v>
      </c>
      <c r="E3945" s="2">
        <v>149.60000000000005</v>
      </c>
    </row>
    <row r="3946" spans="1:5" x14ac:dyDescent="0.25">
      <c r="A3946" s="3">
        <v>41781.57471064815</v>
      </c>
      <c r="B3946" s="2">
        <v>28.7</v>
      </c>
      <c r="C3946" s="2">
        <v>169.4</v>
      </c>
      <c r="D3946" s="2">
        <v>0</v>
      </c>
      <c r="E3946" s="2">
        <v>149.60000000000005</v>
      </c>
    </row>
    <row r="3947" spans="1:5" x14ac:dyDescent="0.25">
      <c r="A3947" s="3">
        <v>41781.581365740742</v>
      </c>
      <c r="B3947" s="2">
        <v>28.9</v>
      </c>
      <c r="C3947" s="2">
        <v>169.6</v>
      </c>
      <c r="D3947" s="2">
        <v>0</v>
      </c>
      <c r="E3947" s="2">
        <v>149.60000000000005</v>
      </c>
    </row>
    <row r="3948" spans="1:5" x14ac:dyDescent="0.25">
      <c r="A3948" s="3">
        <v>41781.581423611111</v>
      </c>
      <c r="B3948" s="2">
        <v>29</v>
      </c>
      <c r="C3948" s="2">
        <v>169.4</v>
      </c>
      <c r="D3948" s="2">
        <v>0</v>
      </c>
      <c r="E3948" s="2">
        <v>149.60000000000005</v>
      </c>
    </row>
    <row r="3949" spans="1:5" x14ac:dyDescent="0.25">
      <c r="A3949" s="3">
        <v>41781.595081018517</v>
      </c>
      <c r="B3949" s="2">
        <v>29.5</v>
      </c>
      <c r="C3949" s="2">
        <v>169.2</v>
      </c>
      <c r="D3949" s="2">
        <v>0</v>
      </c>
      <c r="E3949" s="2">
        <v>149.60000000000005</v>
      </c>
    </row>
    <row r="3950" spans="1:5" x14ac:dyDescent="0.25">
      <c r="A3950" s="3">
        <v>41781.595601851855</v>
      </c>
      <c r="B3950" s="2">
        <v>29.5</v>
      </c>
      <c r="C3950" s="2">
        <v>169.4</v>
      </c>
      <c r="D3950" s="2">
        <v>0</v>
      </c>
      <c r="E3950" s="2">
        <v>149.60000000000005</v>
      </c>
    </row>
    <row r="3951" spans="1:5" x14ac:dyDescent="0.25">
      <c r="A3951" s="3">
        <v>41781.595659722225</v>
      </c>
      <c r="B3951" s="2">
        <v>29.5</v>
      </c>
      <c r="C3951" s="2">
        <v>169.2</v>
      </c>
      <c r="D3951" s="2">
        <v>0</v>
      </c>
      <c r="E3951" s="2">
        <v>149.60000000000005</v>
      </c>
    </row>
    <row r="3952" spans="1:5" x14ac:dyDescent="0.25">
      <c r="A3952" s="3">
        <v>41781.597222222219</v>
      </c>
      <c r="B3952" s="2">
        <v>29.6</v>
      </c>
      <c r="C3952" s="2">
        <v>169.4</v>
      </c>
      <c r="D3952" s="2">
        <v>0</v>
      </c>
      <c r="E3952" s="2">
        <v>149.60000000000005</v>
      </c>
    </row>
    <row r="3953" spans="1:5" x14ac:dyDescent="0.25">
      <c r="A3953" s="3">
        <v>41781.597395833334</v>
      </c>
      <c r="B3953" s="2">
        <v>29.6</v>
      </c>
      <c r="C3953" s="2">
        <v>169.2</v>
      </c>
      <c r="D3953" s="2">
        <v>0</v>
      </c>
      <c r="E3953" s="2">
        <v>149.60000000000005</v>
      </c>
    </row>
    <row r="3954" spans="1:5" x14ac:dyDescent="0.25">
      <c r="A3954" s="3">
        <v>41781.597569444442</v>
      </c>
      <c r="B3954" s="2">
        <v>29.6</v>
      </c>
      <c r="C3954" s="2">
        <v>169.4</v>
      </c>
      <c r="D3954" s="2">
        <v>0</v>
      </c>
      <c r="E3954" s="2">
        <v>149.60000000000005</v>
      </c>
    </row>
    <row r="3955" spans="1:5" x14ac:dyDescent="0.25">
      <c r="A3955" s="3">
        <v>41781.597743055558</v>
      </c>
      <c r="B3955" s="2">
        <v>29.6</v>
      </c>
      <c r="C3955" s="2">
        <v>169.2</v>
      </c>
      <c r="D3955" s="2">
        <v>0</v>
      </c>
      <c r="E3955" s="2">
        <v>149.60000000000005</v>
      </c>
    </row>
    <row r="3956" spans="1:5" x14ac:dyDescent="0.25">
      <c r="A3956" s="3">
        <v>41781.620949074073</v>
      </c>
      <c r="B3956" s="2">
        <v>30.4</v>
      </c>
      <c r="C3956" s="2">
        <v>169</v>
      </c>
      <c r="D3956" s="2">
        <v>0</v>
      </c>
      <c r="E3956" s="2">
        <v>149.60000000000005</v>
      </c>
    </row>
    <row r="3957" spans="1:5" x14ac:dyDescent="0.25">
      <c r="A3957" s="3">
        <v>41781.621006944442</v>
      </c>
      <c r="B3957" s="2">
        <v>30.4</v>
      </c>
      <c r="C3957" s="2">
        <v>169.2</v>
      </c>
      <c r="D3957" s="2">
        <v>0</v>
      </c>
      <c r="E3957" s="2">
        <v>149.60000000000005</v>
      </c>
    </row>
    <row r="3958" spans="1:5" x14ac:dyDescent="0.25">
      <c r="A3958" s="3">
        <v>41781.62158564815</v>
      </c>
      <c r="B3958" s="2">
        <v>30.4</v>
      </c>
      <c r="C3958" s="2">
        <v>169</v>
      </c>
      <c r="D3958" s="2">
        <v>0</v>
      </c>
      <c r="E3958" s="2">
        <v>149.60000000000005</v>
      </c>
    </row>
    <row r="3959" spans="1:5" x14ac:dyDescent="0.25">
      <c r="A3959" s="3">
        <v>41781.62164351852</v>
      </c>
      <c r="B3959" s="2">
        <v>30.4</v>
      </c>
      <c r="C3959" s="2">
        <v>169.2</v>
      </c>
      <c r="D3959" s="2">
        <v>0</v>
      </c>
      <c r="E3959" s="2">
        <v>149.60000000000005</v>
      </c>
    </row>
    <row r="3960" spans="1:5" x14ac:dyDescent="0.25">
      <c r="A3960" s="3">
        <v>41781.621759259258</v>
      </c>
      <c r="B3960" s="2">
        <v>30.4</v>
      </c>
      <c r="C3960" s="2">
        <v>169</v>
      </c>
      <c r="D3960" s="2">
        <v>0</v>
      </c>
      <c r="E3960" s="2">
        <v>149.60000000000005</v>
      </c>
    </row>
    <row r="3961" spans="1:5" x14ac:dyDescent="0.25">
      <c r="A3961" s="3">
        <v>41781.626504629632</v>
      </c>
      <c r="B3961" s="2">
        <v>30.7</v>
      </c>
      <c r="C3961" s="2">
        <v>169.2</v>
      </c>
      <c r="D3961" s="2">
        <v>0</v>
      </c>
      <c r="E3961" s="2">
        <v>149.60000000000005</v>
      </c>
    </row>
    <row r="3962" spans="1:5" x14ac:dyDescent="0.25">
      <c r="A3962" s="3">
        <v>41781.626620370371</v>
      </c>
      <c r="B3962" s="2">
        <v>30.7</v>
      </c>
      <c r="C3962" s="2">
        <v>169</v>
      </c>
      <c r="D3962" s="2">
        <v>0</v>
      </c>
      <c r="E3962" s="2">
        <v>149.60000000000005</v>
      </c>
    </row>
    <row r="3963" spans="1:5" x14ac:dyDescent="0.25">
      <c r="A3963" s="3">
        <v>41781.65353009259</v>
      </c>
      <c r="B3963" s="2">
        <v>30.3</v>
      </c>
      <c r="C3963" s="2">
        <v>168.8</v>
      </c>
      <c r="D3963" s="2">
        <v>0</v>
      </c>
      <c r="E3963" s="2">
        <v>149.60000000000005</v>
      </c>
    </row>
    <row r="3964" spans="1:5" x14ac:dyDescent="0.25">
      <c r="A3964" s="3">
        <v>41781.653645833336</v>
      </c>
      <c r="B3964" s="2">
        <v>30.3</v>
      </c>
      <c r="C3964" s="2">
        <v>169</v>
      </c>
      <c r="D3964" s="2">
        <v>0</v>
      </c>
      <c r="E3964" s="2">
        <v>149.60000000000005</v>
      </c>
    </row>
    <row r="3965" spans="1:5" x14ac:dyDescent="0.25">
      <c r="A3965" s="3">
        <v>41781.653761574074</v>
      </c>
      <c r="B3965" s="2">
        <v>30.3</v>
      </c>
      <c r="C3965" s="2">
        <v>168.8</v>
      </c>
      <c r="D3965" s="2">
        <v>0</v>
      </c>
      <c r="E3965" s="2">
        <v>149.60000000000005</v>
      </c>
    </row>
    <row r="3966" spans="1:5" x14ac:dyDescent="0.25">
      <c r="A3966" s="3">
        <v>41781.653935185182</v>
      </c>
      <c r="B3966" s="2">
        <v>30.3</v>
      </c>
      <c r="C3966" s="2">
        <v>169</v>
      </c>
      <c r="D3966" s="2">
        <v>0</v>
      </c>
      <c r="E3966" s="2">
        <v>149.60000000000005</v>
      </c>
    </row>
    <row r="3967" spans="1:5" x14ac:dyDescent="0.25">
      <c r="A3967" s="3">
        <v>41781.654456018521</v>
      </c>
      <c r="B3967" s="2">
        <v>30.3</v>
      </c>
      <c r="C3967" s="2">
        <v>168.8</v>
      </c>
      <c r="D3967" s="2">
        <v>0</v>
      </c>
      <c r="E3967" s="2">
        <v>149.60000000000005</v>
      </c>
    </row>
    <row r="3968" spans="1:5" x14ac:dyDescent="0.25">
      <c r="A3968" s="3">
        <v>41781.654513888891</v>
      </c>
      <c r="B3968" s="2">
        <v>30.3</v>
      </c>
      <c r="C3968" s="2">
        <v>169</v>
      </c>
      <c r="D3968" s="2">
        <v>0</v>
      </c>
      <c r="E3968" s="2">
        <v>149.60000000000005</v>
      </c>
    </row>
    <row r="3969" spans="1:5" x14ac:dyDescent="0.25">
      <c r="A3969" s="3">
        <v>41781.65457175926</v>
      </c>
      <c r="B3969" s="2">
        <v>30.3</v>
      </c>
      <c r="C3969" s="2">
        <v>168.8</v>
      </c>
      <c r="D3969" s="2">
        <v>0</v>
      </c>
      <c r="E3969" s="2">
        <v>149.60000000000005</v>
      </c>
    </row>
    <row r="3970" spans="1:5" x14ac:dyDescent="0.25">
      <c r="A3970" s="3">
        <v>41781.654629629629</v>
      </c>
      <c r="B3970" s="2">
        <v>30.3</v>
      </c>
      <c r="C3970" s="2">
        <v>169</v>
      </c>
      <c r="D3970" s="2">
        <v>0</v>
      </c>
      <c r="E3970" s="2">
        <v>149.60000000000005</v>
      </c>
    </row>
    <row r="3971" spans="1:5" x14ac:dyDescent="0.25">
      <c r="A3971" s="3">
        <v>41781.654918981483</v>
      </c>
      <c r="B3971" s="2">
        <v>30.3</v>
      </c>
      <c r="C3971" s="2">
        <v>168.8</v>
      </c>
      <c r="D3971" s="2">
        <v>0</v>
      </c>
      <c r="E3971" s="2">
        <v>149.60000000000005</v>
      </c>
    </row>
    <row r="3972" spans="1:5" x14ac:dyDescent="0.25">
      <c r="A3972" s="3">
        <v>41781.671296296299</v>
      </c>
      <c r="B3972" s="2">
        <v>29.7</v>
      </c>
      <c r="C3972" s="2">
        <v>168.6</v>
      </c>
      <c r="D3972" s="2">
        <v>0</v>
      </c>
      <c r="E3972" s="2">
        <v>149.60000000000005</v>
      </c>
    </row>
    <row r="3973" spans="1:5" x14ac:dyDescent="0.25">
      <c r="A3973" s="3">
        <v>41781.672048611108</v>
      </c>
      <c r="B3973" s="2">
        <v>29.7</v>
      </c>
      <c r="C3973" s="2">
        <v>168.8</v>
      </c>
      <c r="D3973" s="2">
        <v>0</v>
      </c>
      <c r="E3973" s="2">
        <v>149.60000000000005</v>
      </c>
    </row>
    <row r="3974" spans="1:5" x14ac:dyDescent="0.25">
      <c r="A3974" s="3">
        <v>41781.672106481485</v>
      </c>
      <c r="B3974" s="2">
        <v>29.7</v>
      </c>
      <c r="C3974" s="2">
        <v>168.6</v>
      </c>
      <c r="D3974" s="2">
        <v>0</v>
      </c>
      <c r="E3974" s="2">
        <v>149.60000000000005</v>
      </c>
    </row>
    <row r="3975" spans="1:5" x14ac:dyDescent="0.25">
      <c r="A3975" s="3">
        <v>41781.672164351854</v>
      </c>
      <c r="B3975" s="2">
        <v>29.7</v>
      </c>
      <c r="C3975" s="2">
        <v>168.8</v>
      </c>
      <c r="D3975" s="2">
        <v>0</v>
      </c>
      <c r="E3975" s="2">
        <v>149.60000000000005</v>
      </c>
    </row>
    <row r="3976" spans="1:5" x14ac:dyDescent="0.25">
      <c r="A3976" s="3">
        <v>41781.672280092593</v>
      </c>
      <c r="B3976" s="2">
        <v>29.7</v>
      </c>
      <c r="C3976" s="2">
        <v>168.6</v>
      </c>
      <c r="D3976" s="2">
        <v>0</v>
      </c>
      <c r="E3976" s="2">
        <v>149.60000000000005</v>
      </c>
    </row>
    <row r="3977" spans="1:5" x14ac:dyDescent="0.25">
      <c r="A3977" s="3">
        <v>41781.687905092593</v>
      </c>
      <c r="B3977" s="2">
        <v>29.3</v>
      </c>
      <c r="C3977" s="2">
        <v>168.4</v>
      </c>
      <c r="D3977" s="2">
        <v>0</v>
      </c>
      <c r="E3977" s="2">
        <v>149.60000000000005</v>
      </c>
    </row>
    <row r="3978" spans="1:5" x14ac:dyDescent="0.25">
      <c r="A3978" s="3">
        <v>41781.687962962962</v>
      </c>
      <c r="B3978" s="2">
        <v>29.3</v>
      </c>
      <c r="C3978" s="2">
        <v>168.6</v>
      </c>
      <c r="D3978" s="2">
        <v>0</v>
      </c>
      <c r="E3978" s="2">
        <v>149.60000000000005</v>
      </c>
    </row>
    <row r="3979" spans="1:5" x14ac:dyDescent="0.25">
      <c r="A3979" s="3">
        <v>41781.688136574077</v>
      </c>
      <c r="B3979" s="2">
        <v>29.3</v>
      </c>
      <c r="C3979" s="2">
        <v>168.4</v>
      </c>
      <c r="D3979" s="2">
        <v>0</v>
      </c>
      <c r="E3979" s="2">
        <v>149.60000000000005</v>
      </c>
    </row>
    <row r="3980" spans="1:5" x14ac:dyDescent="0.25">
      <c r="A3980" s="3">
        <v>41781.688310185185</v>
      </c>
      <c r="B3980" s="2">
        <v>29.1</v>
      </c>
      <c r="C3980" s="2">
        <v>168.6</v>
      </c>
      <c r="D3980" s="2">
        <v>0</v>
      </c>
      <c r="E3980" s="2">
        <v>149.60000000000005</v>
      </c>
    </row>
    <row r="3981" spans="1:5" x14ac:dyDescent="0.25">
      <c r="A3981" s="3">
        <v>41781.688599537039</v>
      </c>
      <c r="B3981" s="2">
        <v>29.1</v>
      </c>
      <c r="C3981" s="2">
        <v>168.4</v>
      </c>
      <c r="D3981" s="2">
        <v>0</v>
      </c>
      <c r="E3981" s="2">
        <v>149.60000000000005</v>
      </c>
    </row>
    <row r="3982" spans="1:5" x14ac:dyDescent="0.25">
      <c r="A3982" s="3">
        <v>41781.689467592594</v>
      </c>
      <c r="B3982" s="2">
        <v>29.1</v>
      </c>
      <c r="C3982" s="2">
        <v>168.6</v>
      </c>
      <c r="D3982" s="2">
        <v>0</v>
      </c>
      <c r="E3982" s="2">
        <v>149.60000000000005</v>
      </c>
    </row>
    <row r="3983" spans="1:5" x14ac:dyDescent="0.25">
      <c r="A3983" s="3">
        <v>41781.689525462964</v>
      </c>
      <c r="B3983" s="2">
        <v>29.1</v>
      </c>
      <c r="C3983" s="2">
        <v>168.4</v>
      </c>
      <c r="D3983" s="2">
        <v>0</v>
      </c>
      <c r="E3983" s="2">
        <v>149.60000000000005</v>
      </c>
    </row>
    <row r="3984" spans="1:5" x14ac:dyDescent="0.25">
      <c r="A3984" s="3">
        <v>41781.708043981482</v>
      </c>
      <c r="B3984" s="2">
        <v>28.5</v>
      </c>
      <c r="C3984" s="2">
        <v>168.2</v>
      </c>
      <c r="D3984" s="2">
        <v>0</v>
      </c>
      <c r="E3984" s="2">
        <v>149.60000000000005</v>
      </c>
    </row>
    <row r="3985" spans="1:5" x14ac:dyDescent="0.25">
      <c r="A3985" s="3">
        <v>41781.723668981482</v>
      </c>
      <c r="B3985" s="2">
        <v>28</v>
      </c>
      <c r="C3985" s="2">
        <v>168</v>
      </c>
      <c r="D3985" s="2">
        <v>0</v>
      </c>
      <c r="E3985" s="2">
        <v>149.60000000000005</v>
      </c>
    </row>
    <row r="3986" spans="1:5" x14ac:dyDescent="0.25">
      <c r="A3986" s="3">
        <v>41781.723900462966</v>
      </c>
      <c r="B3986" s="2">
        <v>28</v>
      </c>
      <c r="C3986" s="2">
        <v>168.2</v>
      </c>
      <c r="D3986" s="2">
        <v>0</v>
      </c>
      <c r="E3986" s="2">
        <v>149.60000000000005</v>
      </c>
    </row>
    <row r="3987" spans="1:5" x14ac:dyDescent="0.25">
      <c r="A3987" s="3">
        <v>41781.723958333336</v>
      </c>
      <c r="B3987" s="2">
        <v>28</v>
      </c>
      <c r="C3987" s="2">
        <v>168</v>
      </c>
      <c r="D3987" s="2">
        <v>0</v>
      </c>
      <c r="E3987" s="2">
        <v>149.60000000000005</v>
      </c>
    </row>
    <row r="3988" spans="1:5" x14ac:dyDescent="0.25">
      <c r="A3988" s="3">
        <v>41781.725694444445</v>
      </c>
      <c r="B3988" s="2">
        <v>28</v>
      </c>
      <c r="C3988" s="2">
        <v>168.2</v>
      </c>
      <c r="D3988" s="2">
        <v>0</v>
      </c>
      <c r="E3988" s="2">
        <v>149.60000000000005</v>
      </c>
    </row>
    <row r="3989" spans="1:5" x14ac:dyDescent="0.25">
      <c r="A3989" s="3">
        <v>41781.725983796299</v>
      </c>
      <c r="B3989" s="2">
        <v>28</v>
      </c>
      <c r="C3989" s="2">
        <v>168</v>
      </c>
      <c r="D3989" s="2">
        <v>0</v>
      </c>
      <c r="E3989" s="2">
        <v>149.60000000000005</v>
      </c>
    </row>
    <row r="3990" spans="1:5" x14ac:dyDescent="0.25">
      <c r="A3990" s="3">
        <v>41781.740335648145</v>
      </c>
      <c r="B3990" s="2">
        <v>27.7</v>
      </c>
      <c r="C3990" s="2">
        <v>167.8</v>
      </c>
      <c r="D3990" s="2">
        <v>0</v>
      </c>
      <c r="E3990" s="2">
        <v>149.60000000000005</v>
      </c>
    </row>
    <row r="3991" spans="1:5" x14ac:dyDescent="0.25">
      <c r="A3991" s="3">
        <v>41781.743287037039</v>
      </c>
      <c r="B3991" s="2">
        <v>27.7</v>
      </c>
      <c r="C3991" s="2">
        <v>168</v>
      </c>
      <c r="D3991" s="2">
        <v>0</v>
      </c>
      <c r="E3991" s="2">
        <v>149.60000000000005</v>
      </c>
    </row>
    <row r="3992" spans="1:5" x14ac:dyDescent="0.25">
      <c r="A3992" s="3">
        <v>41781.743344907409</v>
      </c>
      <c r="B3992" s="2">
        <v>27.7</v>
      </c>
      <c r="C3992" s="2">
        <v>167.8</v>
      </c>
      <c r="D3992" s="2">
        <v>0</v>
      </c>
      <c r="E3992" s="2">
        <v>149.60000000000005</v>
      </c>
    </row>
    <row r="3993" spans="1:5" x14ac:dyDescent="0.25">
      <c r="A3993" s="3">
        <v>41781.758275462962</v>
      </c>
      <c r="B3993" s="2">
        <v>27.4</v>
      </c>
      <c r="C3993" s="2">
        <v>167.6</v>
      </c>
      <c r="D3993" s="2">
        <v>0</v>
      </c>
      <c r="E3993" s="2">
        <v>149.60000000000005</v>
      </c>
    </row>
    <row r="3994" spans="1:5" x14ac:dyDescent="0.25">
      <c r="A3994" s="3">
        <v>41781.758333333331</v>
      </c>
      <c r="B3994" s="2">
        <v>27.4</v>
      </c>
      <c r="C3994" s="2">
        <v>167.8</v>
      </c>
      <c r="D3994" s="2">
        <v>0</v>
      </c>
      <c r="E3994" s="2">
        <v>149.60000000000005</v>
      </c>
    </row>
    <row r="3995" spans="1:5" x14ac:dyDescent="0.25">
      <c r="A3995" s="3">
        <v>41781.759027777778</v>
      </c>
      <c r="B3995" s="2">
        <v>27.4</v>
      </c>
      <c r="C3995" s="2">
        <v>167.6</v>
      </c>
      <c r="D3995" s="2">
        <v>0</v>
      </c>
      <c r="E3995" s="2">
        <v>149.60000000000005</v>
      </c>
    </row>
    <row r="3996" spans="1:5" x14ac:dyDescent="0.25">
      <c r="A3996" s="3">
        <v>41781.759143518517</v>
      </c>
      <c r="B3996" s="2">
        <v>27.4</v>
      </c>
      <c r="C3996" s="2">
        <v>167.8</v>
      </c>
      <c r="D3996" s="2">
        <v>0</v>
      </c>
      <c r="E3996" s="2">
        <v>149.60000000000005</v>
      </c>
    </row>
    <row r="3997" spans="1:5" x14ac:dyDescent="0.25">
      <c r="A3997" s="3">
        <v>41781.759895833333</v>
      </c>
      <c r="B3997" s="2">
        <v>27.4</v>
      </c>
      <c r="C3997" s="2">
        <v>167.6</v>
      </c>
      <c r="D3997" s="2">
        <v>0</v>
      </c>
      <c r="E3997" s="2">
        <v>149.60000000000005</v>
      </c>
    </row>
    <row r="3998" spans="1:5" x14ac:dyDescent="0.25">
      <c r="A3998" s="3">
        <v>41781.760011574072</v>
      </c>
      <c r="B3998" s="2">
        <v>27.4</v>
      </c>
      <c r="C3998" s="2">
        <v>167.8</v>
      </c>
      <c r="D3998" s="2">
        <v>0</v>
      </c>
      <c r="E3998" s="2">
        <v>149.60000000000005</v>
      </c>
    </row>
    <row r="3999" spans="1:5" x14ac:dyDescent="0.25">
      <c r="A3999" s="3">
        <v>41781.76053240741</v>
      </c>
      <c r="B3999" s="2">
        <v>27.4</v>
      </c>
      <c r="C3999" s="2">
        <v>167.6</v>
      </c>
      <c r="D3999" s="2">
        <v>0</v>
      </c>
      <c r="E3999" s="2">
        <v>149.60000000000005</v>
      </c>
    </row>
    <row r="4000" spans="1:5" x14ac:dyDescent="0.25">
      <c r="A4000" s="3">
        <v>41781.76059027778</v>
      </c>
      <c r="B4000" s="2">
        <v>27.4</v>
      </c>
      <c r="C4000" s="2">
        <v>167.8</v>
      </c>
      <c r="D4000" s="2">
        <v>0</v>
      </c>
      <c r="E4000" s="2">
        <v>149.60000000000005</v>
      </c>
    </row>
    <row r="4001" spans="1:5" x14ac:dyDescent="0.25">
      <c r="A4001" s="3">
        <v>41781.760995370372</v>
      </c>
      <c r="B4001" s="2">
        <v>27.4</v>
      </c>
      <c r="C4001" s="2">
        <v>167.6</v>
      </c>
      <c r="D4001" s="2">
        <v>0</v>
      </c>
      <c r="E4001" s="2">
        <v>149.60000000000005</v>
      </c>
    </row>
    <row r="4002" spans="1:5" x14ac:dyDescent="0.25">
      <c r="A4002" s="3">
        <v>41781.761342592596</v>
      </c>
      <c r="B4002" s="2">
        <v>27.4</v>
      </c>
      <c r="C4002" s="2">
        <v>167.8</v>
      </c>
      <c r="D4002" s="2">
        <v>0</v>
      </c>
      <c r="E4002" s="2">
        <v>149.60000000000005</v>
      </c>
    </row>
    <row r="4003" spans="1:5" x14ac:dyDescent="0.25">
      <c r="A4003" s="3">
        <v>41781.761574074073</v>
      </c>
      <c r="B4003" s="2">
        <v>27.4</v>
      </c>
      <c r="C4003" s="2">
        <v>167.6</v>
      </c>
      <c r="D4003" s="2">
        <v>0</v>
      </c>
      <c r="E4003" s="2">
        <v>149.60000000000005</v>
      </c>
    </row>
    <row r="4004" spans="1:5" x14ac:dyDescent="0.25">
      <c r="A4004" s="3">
        <v>41781.797627314816</v>
      </c>
      <c r="B4004" s="2">
        <v>26.3</v>
      </c>
      <c r="C4004" s="2">
        <v>167.4</v>
      </c>
      <c r="D4004" s="2">
        <v>0</v>
      </c>
      <c r="E4004" s="2">
        <v>149.60000000000005</v>
      </c>
    </row>
    <row r="4005" spans="1:5" x14ac:dyDescent="0.25">
      <c r="A4005" s="3">
        <v>41781.798263888886</v>
      </c>
      <c r="B4005" s="2">
        <v>26.2</v>
      </c>
      <c r="C4005" s="2">
        <v>167.6</v>
      </c>
      <c r="D4005" s="2">
        <v>0</v>
      </c>
      <c r="E4005" s="2">
        <v>149.60000000000005</v>
      </c>
    </row>
    <row r="4006" spans="1:5" x14ac:dyDescent="0.25">
      <c r="A4006" s="3">
        <v>41781.798321759263</v>
      </c>
      <c r="B4006" s="2">
        <v>26.2</v>
      </c>
      <c r="C4006" s="2">
        <v>167.4</v>
      </c>
      <c r="D4006" s="2">
        <v>0</v>
      </c>
      <c r="E4006" s="2">
        <v>149.60000000000005</v>
      </c>
    </row>
    <row r="4007" spans="1:5" x14ac:dyDescent="0.25">
      <c r="A4007" s="3">
        <v>41781.798611111109</v>
      </c>
      <c r="B4007" s="2">
        <v>26.2</v>
      </c>
      <c r="C4007" s="2">
        <v>167.6</v>
      </c>
      <c r="D4007" s="2">
        <v>0</v>
      </c>
      <c r="E4007" s="2">
        <v>149.60000000000005</v>
      </c>
    </row>
    <row r="4008" spans="1:5" x14ac:dyDescent="0.25">
      <c r="A4008" s="3">
        <v>41781.798726851855</v>
      </c>
      <c r="B4008" s="2">
        <v>26.2</v>
      </c>
      <c r="C4008" s="2">
        <v>167.4</v>
      </c>
      <c r="D4008" s="2">
        <v>0</v>
      </c>
      <c r="E4008" s="2">
        <v>149.60000000000005</v>
      </c>
    </row>
    <row r="4009" spans="1:5" x14ac:dyDescent="0.25">
      <c r="A4009" s="3">
        <v>41781.798842592594</v>
      </c>
      <c r="B4009" s="2">
        <v>26.2</v>
      </c>
      <c r="C4009" s="2">
        <v>167.6</v>
      </c>
      <c r="D4009" s="2">
        <v>0</v>
      </c>
      <c r="E4009" s="2">
        <v>149.60000000000005</v>
      </c>
    </row>
    <row r="4010" spans="1:5" x14ac:dyDescent="0.25">
      <c r="A4010" s="3">
        <v>41781.799016203702</v>
      </c>
      <c r="B4010" s="2">
        <v>26.2</v>
      </c>
      <c r="C4010" s="2">
        <v>167.4</v>
      </c>
      <c r="D4010" s="2">
        <v>0</v>
      </c>
      <c r="E4010" s="2">
        <v>149.60000000000005</v>
      </c>
    </row>
    <row r="4011" spans="1:5" x14ac:dyDescent="0.25">
      <c r="A4011" s="3">
        <v>41781.835706018515</v>
      </c>
      <c r="B4011" s="2">
        <v>25.1</v>
      </c>
      <c r="C4011" s="2">
        <v>167.2</v>
      </c>
      <c r="D4011" s="2">
        <v>0</v>
      </c>
      <c r="E4011" s="2">
        <v>149.60000000000005</v>
      </c>
    </row>
    <row r="4012" spans="1:5" x14ac:dyDescent="0.25">
      <c r="A4012" s="3">
        <v>41781.836689814816</v>
      </c>
      <c r="B4012" s="2">
        <v>25</v>
      </c>
      <c r="C4012" s="2">
        <v>167.4</v>
      </c>
      <c r="D4012" s="2">
        <v>0</v>
      </c>
      <c r="E4012" s="2">
        <v>149.60000000000005</v>
      </c>
    </row>
    <row r="4013" spans="1:5" x14ac:dyDescent="0.25">
      <c r="A4013" s="3">
        <v>41781.836863425924</v>
      </c>
      <c r="B4013" s="2">
        <v>25</v>
      </c>
      <c r="C4013" s="2">
        <v>167.2</v>
      </c>
      <c r="D4013" s="2">
        <v>0</v>
      </c>
      <c r="E4013" s="2">
        <v>149.60000000000005</v>
      </c>
    </row>
    <row r="4014" spans="1:5" x14ac:dyDescent="0.25">
      <c r="A4014" s="3">
        <v>41781.876620370371</v>
      </c>
      <c r="B4014" s="2">
        <v>23.8</v>
      </c>
      <c r="C4014" s="2">
        <v>167</v>
      </c>
      <c r="D4014" s="2">
        <v>0</v>
      </c>
      <c r="E4014" s="2">
        <v>149.60000000000005</v>
      </c>
    </row>
    <row r="4015" spans="1:5" x14ac:dyDescent="0.25">
      <c r="A4015" s="3">
        <v>41781.924942129626</v>
      </c>
      <c r="B4015" s="2">
        <v>22.6</v>
      </c>
      <c r="C4015" s="2">
        <v>166.8</v>
      </c>
      <c r="D4015" s="2">
        <v>0</v>
      </c>
      <c r="E4015" s="2">
        <v>149.60000000000005</v>
      </c>
    </row>
    <row r="4016" spans="1:5" x14ac:dyDescent="0.25">
      <c r="A4016" s="3">
        <v>41782.015914351854</v>
      </c>
      <c r="B4016" s="2">
        <v>20.7</v>
      </c>
      <c r="C4016" s="2">
        <v>166.6</v>
      </c>
      <c r="D4016" s="2">
        <v>0</v>
      </c>
      <c r="E4016" s="2">
        <v>149.60000000000005</v>
      </c>
    </row>
    <row r="4017" spans="1:5" x14ac:dyDescent="0.25">
      <c r="A4017" s="3">
        <v>41782.135011574072</v>
      </c>
      <c r="B4017" s="2">
        <v>18.600000000000001</v>
      </c>
      <c r="C4017" s="2">
        <v>166.4</v>
      </c>
      <c r="D4017" s="2">
        <v>0</v>
      </c>
      <c r="E4017" s="2">
        <v>149.60000000000005</v>
      </c>
    </row>
    <row r="4018" spans="1:5" x14ac:dyDescent="0.25">
      <c r="A4018" s="3">
        <v>41782.273148148146</v>
      </c>
      <c r="B4018" s="2">
        <v>16.7</v>
      </c>
      <c r="C4018" s="2">
        <v>166.2</v>
      </c>
      <c r="D4018" s="2">
        <v>0</v>
      </c>
      <c r="E4018" s="2">
        <v>149.60000000000005</v>
      </c>
    </row>
    <row r="4019" spans="1:5" x14ac:dyDescent="0.25">
      <c r="A4019" s="3">
        <v>41782.31354166667</v>
      </c>
      <c r="B4019" s="2">
        <v>16.600000000000001</v>
      </c>
      <c r="C4019" s="2">
        <v>166</v>
      </c>
      <c r="D4019" s="2">
        <v>0</v>
      </c>
      <c r="E4019" s="2">
        <v>149.60000000000005</v>
      </c>
    </row>
    <row r="4020" spans="1:5" x14ac:dyDescent="0.25">
      <c r="A4020" s="3">
        <v>41782.350405092591</v>
      </c>
      <c r="B4020" s="2">
        <v>16.8</v>
      </c>
      <c r="C4020" s="2">
        <v>165.8</v>
      </c>
      <c r="D4020" s="2">
        <v>0</v>
      </c>
      <c r="E4020" s="2">
        <v>149.60000000000005</v>
      </c>
    </row>
    <row r="4021" spans="1:5" x14ac:dyDescent="0.25">
      <c r="A4021" s="3">
        <v>41782.3515625</v>
      </c>
      <c r="B4021" s="2">
        <v>16.899999999999999</v>
      </c>
      <c r="C4021" s="2">
        <v>166</v>
      </c>
      <c r="D4021" s="2">
        <v>0</v>
      </c>
      <c r="E4021" s="2">
        <v>149.60000000000005</v>
      </c>
    </row>
    <row r="4022" spans="1:5" x14ac:dyDescent="0.25">
      <c r="A4022" s="3">
        <v>41782.351678240739</v>
      </c>
      <c r="B4022" s="2">
        <v>16.899999999999999</v>
      </c>
      <c r="C4022" s="2">
        <v>165.8</v>
      </c>
      <c r="D4022" s="2">
        <v>0</v>
      </c>
      <c r="E4022" s="2">
        <v>149.60000000000005</v>
      </c>
    </row>
    <row r="4023" spans="1:5" x14ac:dyDescent="0.25">
      <c r="A4023" s="3">
        <v>41782.352025462962</v>
      </c>
      <c r="B4023" s="2">
        <v>16.899999999999999</v>
      </c>
      <c r="C4023" s="2">
        <v>166</v>
      </c>
      <c r="D4023" s="2">
        <v>0</v>
      </c>
      <c r="E4023" s="2">
        <v>149.60000000000005</v>
      </c>
    </row>
    <row r="4024" spans="1:5" x14ac:dyDescent="0.25">
      <c r="A4024" s="3">
        <v>41782.352314814816</v>
      </c>
      <c r="B4024" s="2">
        <v>16.899999999999999</v>
      </c>
      <c r="C4024" s="2">
        <v>165.8</v>
      </c>
      <c r="D4024" s="2">
        <v>0</v>
      </c>
      <c r="E4024" s="2">
        <v>149.60000000000005</v>
      </c>
    </row>
    <row r="4025" spans="1:5" x14ac:dyDescent="0.25">
      <c r="A4025" s="3">
        <v>41782.352488425924</v>
      </c>
      <c r="B4025" s="2">
        <v>16.899999999999999</v>
      </c>
      <c r="C4025" s="2">
        <v>166</v>
      </c>
      <c r="D4025" s="2">
        <v>0</v>
      </c>
      <c r="E4025" s="2">
        <v>149.60000000000005</v>
      </c>
    </row>
    <row r="4026" spans="1:5" x14ac:dyDescent="0.25">
      <c r="A4026" s="3">
        <v>41782.355208333334</v>
      </c>
      <c r="B4026" s="2">
        <v>16.899999999999999</v>
      </c>
      <c r="C4026" s="2">
        <v>165.8</v>
      </c>
      <c r="D4026" s="2">
        <v>0</v>
      </c>
      <c r="E4026" s="2">
        <v>149.60000000000005</v>
      </c>
    </row>
    <row r="4027" spans="1:5" x14ac:dyDescent="0.25">
      <c r="A4027" s="3">
        <v>41782.393113425926</v>
      </c>
      <c r="B4027" s="2">
        <v>18.5</v>
      </c>
      <c r="C4027" s="2">
        <v>166</v>
      </c>
      <c r="D4027" s="2">
        <v>0</v>
      </c>
      <c r="E4027" s="2">
        <v>149.60000000000005</v>
      </c>
    </row>
    <row r="4028" spans="1:5" x14ac:dyDescent="0.25">
      <c r="A4028" s="3">
        <v>41782.39340277778</v>
      </c>
      <c r="B4028" s="2">
        <v>18.5</v>
      </c>
      <c r="C4028" s="2">
        <v>165.8</v>
      </c>
      <c r="D4028" s="2">
        <v>0</v>
      </c>
      <c r="E4028" s="2">
        <v>149.60000000000005</v>
      </c>
    </row>
    <row r="4029" spans="1:5" x14ac:dyDescent="0.25">
      <c r="A4029" s="3">
        <v>41782.423784722225</v>
      </c>
      <c r="B4029" s="2">
        <v>20.2</v>
      </c>
      <c r="C4029" s="2">
        <v>166</v>
      </c>
      <c r="D4029" s="2">
        <v>0</v>
      </c>
      <c r="E4029" s="2">
        <v>149.60000000000005</v>
      </c>
    </row>
    <row r="4030" spans="1:5" x14ac:dyDescent="0.25">
      <c r="A4030" s="3">
        <v>41782.423842592594</v>
      </c>
      <c r="B4030" s="2">
        <v>20.2</v>
      </c>
      <c r="C4030" s="2">
        <v>165.8</v>
      </c>
      <c r="D4030" s="2">
        <v>0</v>
      </c>
      <c r="E4030" s="2">
        <v>149.60000000000005</v>
      </c>
    </row>
    <row r="4031" spans="1:5" x14ac:dyDescent="0.25">
      <c r="A4031" s="3">
        <v>41782.433969907404</v>
      </c>
      <c r="B4031" s="2">
        <v>20.9</v>
      </c>
      <c r="C4031" s="2">
        <v>166</v>
      </c>
      <c r="D4031" s="2">
        <v>0</v>
      </c>
      <c r="E4031" s="2">
        <v>149.60000000000005</v>
      </c>
    </row>
    <row r="4032" spans="1:5" x14ac:dyDescent="0.25">
      <c r="A4032" s="3">
        <v>41782.434490740743</v>
      </c>
      <c r="B4032" s="2">
        <v>20.9</v>
      </c>
      <c r="C4032" s="2">
        <v>165.8</v>
      </c>
      <c r="D4032" s="2">
        <v>0</v>
      </c>
      <c r="E4032" s="2">
        <v>149.60000000000005</v>
      </c>
    </row>
    <row r="4033" spans="1:5" x14ac:dyDescent="0.25">
      <c r="A4033" s="3">
        <v>41782.434606481482</v>
      </c>
      <c r="B4033" s="2">
        <v>20.9</v>
      </c>
      <c r="C4033" s="2">
        <v>166</v>
      </c>
      <c r="D4033" s="2">
        <v>0</v>
      </c>
      <c r="E4033" s="2">
        <v>149.60000000000005</v>
      </c>
    </row>
    <row r="4034" spans="1:5" x14ac:dyDescent="0.25">
      <c r="A4034" s="3">
        <v>41782.446469907409</v>
      </c>
      <c r="B4034" s="2">
        <v>21.4</v>
      </c>
      <c r="C4034" s="2">
        <v>165.8</v>
      </c>
      <c r="D4034" s="2">
        <v>0</v>
      </c>
      <c r="E4034" s="2">
        <v>149.60000000000005</v>
      </c>
    </row>
    <row r="4035" spans="1:5" x14ac:dyDescent="0.25">
      <c r="A4035" s="3">
        <v>41782.448148148149</v>
      </c>
      <c r="B4035" s="2">
        <v>21.6</v>
      </c>
      <c r="C4035" s="2">
        <v>166</v>
      </c>
      <c r="D4035" s="2">
        <v>0</v>
      </c>
      <c r="E4035" s="2">
        <v>149.60000000000005</v>
      </c>
    </row>
    <row r="4036" spans="1:5" x14ac:dyDescent="0.25">
      <c r="A4036" s="3">
        <v>41782.448495370372</v>
      </c>
      <c r="B4036" s="2">
        <v>21.5</v>
      </c>
      <c r="C4036" s="2">
        <v>165.8</v>
      </c>
      <c r="D4036" s="2">
        <v>0</v>
      </c>
      <c r="E4036" s="2">
        <v>149.60000000000005</v>
      </c>
    </row>
    <row r="4037" spans="1:5" x14ac:dyDescent="0.25">
      <c r="A4037" s="3">
        <v>41782.452662037038</v>
      </c>
      <c r="B4037" s="2">
        <v>21.9</v>
      </c>
      <c r="C4037" s="2">
        <v>166</v>
      </c>
      <c r="D4037" s="2">
        <v>0</v>
      </c>
      <c r="E4037" s="2">
        <v>149.60000000000005</v>
      </c>
    </row>
    <row r="4038" spans="1:5" x14ac:dyDescent="0.25">
      <c r="A4038" s="3">
        <v>41782.452777777777</v>
      </c>
      <c r="B4038" s="2">
        <v>21.9</v>
      </c>
      <c r="C4038" s="2">
        <v>165.8</v>
      </c>
      <c r="D4038" s="2">
        <v>0</v>
      </c>
      <c r="E4038" s="2">
        <v>149.60000000000005</v>
      </c>
    </row>
    <row r="4039" spans="1:5" x14ac:dyDescent="0.25">
      <c r="A4039" s="3">
        <v>41782.453993055555</v>
      </c>
      <c r="B4039" s="2">
        <v>21.9</v>
      </c>
      <c r="C4039" s="2">
        <v>166</v>
      </c>
      <c r="D4039" s="2">
        <v>0</v>
      </c>
      <c r="E4039" s="2">
        <v>149.60000000000005</v>
      </c>
    </row>
    <row r="4040" spans="1:5" x14ac:dyDescent="0.25">
      <c r="A4040" s="3">
        <v>41782.486458333333</v>
      </c>
      <c r="B4040" s="2">
        <v>22.8</v>
      </c>
      <c r="C4040" s="2">
        <v>165.8</v>
      </c>
      <c r="D4040" s="2">
        <v>0</v>
      </c>
      <c r="E4040" s="2">
        <v>149.60000000000005</v>
      </c>
    </row>
    <row r="4041" spans="1:5" x14ac:dyDescent="0.25">
      <c r="A4041" s="3">
        <v>41782.486574074072</v>
      </c>
      <c r="B4041" s="2">
        <v>22.8</v>
      </c>
      <c r="C4041" s="2">
        <v>166</v>
      </c>
      <c r="D4041" s="2">
        <v>0</v>
      </c>
      <c r="E4041" s="2">
        <v>149.60000000000005</v>
      </c>
    </row>
    <row r="4042" spans="1:5" x14ac:dyDescent="0.25">
      <c r="A4042" s="3">
        <v>41782.486689814818</v>
      </c>
      <c r="B4042" s="2">
        <v>22.8</v>
      </c>
      <c r="C4042" s="2">
        <v>165.8</v>
      </c>
      <c r="D4042" s="2">
        <v>0</v>
      </c>
      <c r="E4042" s="2">
        <v>149.60000000000005</v>
      </c>
    </row>
    <row r="4043" spans="1:5" x14ac:dyDescent="0.25">
      <c r="A4043" s="3">
        <v>41782.48709490741</v>
      </c>
      <c r="B4043" s="2">
        <v>22.8</v>
      </c>
      <c r="C4043" s="2">
        <v>166</v>
      </c>
      <c r="D4043" s="2">
        <v>0</v>
      </c>
      <c r="E4043" s="2">
        <v>149.60000000000005</v>
      </c>
    </row>
    <row r="4044" spans="1:5" x14ac:dyDescent="0.25">
      <c r="A4044" s="3">
        <v>41782.487442129626</v>
      </c>
      <c r="B4044" s="2">
        <v>22.8</v>
      </c>
      <c r="C4044" s="2">
        <v>165.8</v>
      </c>
      <c r="D4044" s="2">
        <v>0</v>
      </c>
      <c r="E4044" s="2">
        <v>149.60000000000005</v>
      </c>
    </row>
    <row r="4045" spans="1:5" x14ac:dyDescent="0.25">
      <c r="A4045" s="3">
        <v>41782.487673611111</v>
      </c>
      <c r="B4045" s="2">
        <v>22.8</v>
      </c>
      <c r="C4045" s="2">
        <v>166</v>
      </c>
      <c r="D4045" s="2">
        <v>0</v>
      </c>
      <c r="E4045" s="2">
        <v>149.60000000000005</v>
      </c>
    </row>
    <row r="4046" spans="1:5" x14ac:dyDescent="0.25">
      <c r="A4046" s="3">
        <v>41782.487962962965</v>
      </c>
      <c r="B4046" s="2">
        <v>22.8</v>
      </c>
      <c r="C4046" s="2">
        <v>165.8</v>
      </c>
      <c r="D4046" s="2">
        <v>0</v>
      </c>
      <c r="E4046" s="2">
        <v>149.60000000000005</v>
      </c>
    </row>
    <row r="4047" spans="1:5" x14ac:dyDescent="0.25">
      <c r="A4047" s="3">
        <v>41782.488310185188</v>
      </c>
      <c r="B4047" s="2">
        <v>22.8</v>
      </c>
      <c r="C4047" s="2">
        <v>166</v>
      </c>
      <c r="D4047" s="2">
        <v>0</v>
      </c>
      <c r="E4047" s="2">
        <v>149.60000000000005</v>
      </c>
    </row>
    <row r="4048" spans="1:5" x14ac:dyDescent="0.25">
      <c r="A4048" s="3">
        <v>41782.489062499997</v>
      </c>
      <c r="B4048" s="2">
        <v>22.8</v>
      </c>
      <c r="C4048" s="2">
        <v>165.8</v>
      </c>
      <c r="D4048" s="2">
        <v>0</v>
      </c>
      <c r="E4048" s="2">
        <v>149.60000000000005</v>
      </c>
    </row>
    <row r="4049" spans="1:5" x14ac:dyDescent="0.25">
      <c r="A4049" s="3">
        <v>41782.490162037036</v>
      </c>
      <c r="B4049" s="2">
        <v>22.8</v>
      </c>
      <c r="C4049" s="2">
        <v>166</v>
      </c>
      <c r="D4049" s="2">
        <v>0</v>
      </c>
      <c r="E4049" s="2">
        <v>149.60000000000005</v>
      </c>
    </row>
    <row r="4050" spans="1:5" x14ac:dyDescent="0.25">
      <c r="A4050" s="3">
        <v>41782.491319444445</v>
      </c>
      <c r="B4050" s="2">
        <v>22.8</v>
      </c>
      <c r="C4050" s="2">
        <v>165.8</v>
      </c>
      <c r="D4050" s="2">
        <v>0</v>
      </c>
      <c r="E4050" s="2">
        <v>149.60000000000005</v>
      </c>
    </row>
    <row r="4051" spans="1:5" x14ac:dyDescent="0.25">
      <c r="A4051" s="3">
        <v>41782.491377314815</v>
      </c>
      <c r="B4051" s="2">
        <v>22.8</v>
      </c>
      <c r="C4051" s="2">
        <v>166</v>
      </c>
      <c r="D4051" s="2">
        <v>0</v>
      </c>
      <c r="E4051" s="2">
        <v>149.60000000000005</v>
      </c>
    </row>
    <row r="4052" spans="1:5" x14ac:dyDescent="0.25">
      <c r="A4052" s="3">
        <v>41782.492939814816</v>
      </c>
      <c r="B4052" s="2">
        <v>22.9</v>
      </c>
      <c r="C4052" s="2">
        <v>165.8</v>
      </c>
      <c r="D4052" s="2">
        <v>0</v>
      </c>
      <c r="E4052" s="2">
        <v>149.60000000000005</v>
      </c>
    </row>
    <row r="4053" spans="1:5" x14ac:dyDescent="0.25">
      <c r="A4053" s="3">
        <v>41782.495717592596</v>
      </c>
      <c r="B4053" s="2">
        <v>23</v>
      </c>
      <c r="C4053" s="2">
        <v>166</v>
      </c>
      <c r="D4053" s="2">
        <v>0</v>
      </c>
      <c r="E4053" s="2">
        <v>149.60000000000005</v>
      </c>
    </row>
    <row r="4054" spans="1:5" x14ac:dyDescent="0.25">
      <c r="A4054" s="3">
        <v>41782.496180555558</v>
      </c>
      <c r="B4054" s="2">
        <v>23</v>
      </c>
      <c r="C4054" s="2">
        <v>165.8</v>
      </c>
      <c r="D4054" s="2">
        <v>0</v>
      </c>
      <c r="E4054" s="2">
        <v>149.60000000000005</v>
      </c>
    </row>
    <row r="4055" spans="1:5" x14ac:dyDescent="0.25">
      <c r="A4055" s="3">
        <v>41782.497164351851</v>
      </c>
      <c r="B4055" s="2">
        <v>23</v>
      </c>
      <c r="C4055" s="2">
        <v>166</v>
      </c>
      <c r="D4055" s="2">
        <v>0</v>
      </c>
      <c r="E4055" s="2">
        <v>149.60000000000005</v>
      </c>
    </row>
    <row r="4056" spans="1:5" x14ac:dyDescent="0.25">
      <c r="A4056" s="3">
        <v>41782.497337962966</v>
      </c>
      <c r="B4056" s="2">
        <v>23</v>
      </c>
      <c r="C4056" s="2">
        <v>165.8</v>
      </c>
      <c r="D4056" s="2">
        <v>0</v>
      </c>
      <c r="E4056" s="2">
        <v>149.60000000000005</v>
      </c>
    </row>
    <row r="4057" spans="1:5" x14ac:dyDescent="0.25">
      <c r="A4057" s="3">
        <v>41782.498900462961</v>
      </c>
      <c r="B4057" s="2">
        <v>23</v>
      </c>
      <c r="C4057" s="2">
        <v>166</v>
      </c>
      <c r="D4057" s="2">
        <v>0</v>
      </c>
      <c r="E4057" s="2">
        <v>149.60000000000005</v>
      </c>
    </row>
    <row r="4058" spans="1:5" x14ac:dyDescent="0.25">
      <c r="A4058" s="3">
        <v>41782.499131944445</v>
      </c>
      <c r="B4058" s="2">
        <v>23</v>
      </c>
      <c r="C4058" s="2">
        <v>165.8</v>
      </c>
      <c r="D4058" s="2">
        <v>0</v>
      </c>
      <c r="E4058" s="2">
        <v>149.60000000000005</v>
      </c>
    </row>
    <row r="4059" spans="1:5" x14ac:dyDescent="0.25">
      <c r="A4059" s="3">
        <v>41782.519212962965</v>
      </c>
      <c r="B4059" s="2">
        <v>24.7</v>
      </c>
      <c r="C4059" s="2">
        <v>165.6</v>
      </c>
      <c r="D4059" s="2">
        <v>0</v>
      </c>
      <c r="E4059" s="2">
        <v>149.60000000000005</v>
      </c>
    </row>
    <row r="4060" spans="1:5" x14ac:dyDescent="0.25">
      <c r="A4060" s="3">
        <v>41782.519386574073</v>
      </c>
      <c r="B4060" s="2">
        <v>24.7</v>
      </c>
      <c r="C4060" s="2">
        <v>165.8</v>
      </c>
      <c r="D4060" s="2">
        <v>0</v>
      </c>
      <c r="E4060" s="2">
        <v>149.60000000000005</v>
      </c>
    </row>
    <row r="4061" spans="1:5" x14ac:dyDescent="0.25">
      <c r="A4061" s="3">
        <v>41782.524016203701</v>
      </c>
      <c r="B4061" s="2">
        <v>24.9</v>
      </c>
      <c r="C4061" s="2">
        <v>165.6</v>
      </c>
      <c r="D4061" s="2">
        <v>0</v>
      </c>
      <c r="E4061" s="2">
        <v>149.60000000000005</v>
      </c>
    </row>
    <row r="4062" spans="1:5" x14ac:dyDescent="0.25">
      <c r="A4062" s="3">
        <v>41782.524189814816</v>
      </c>
      <c r="B4062" s="2">
        <v>24.9</v>
      </c>
      <c r="C4062" s="2">
        <v>165.8</v>
      </c>
      <c r="D4062" s="2">
        <v>0</v>
      </c>
      <c r="E4062" s="2">
        <v>149.60000000000005</v>
      </c>
    </row>
    <row r="4063" spans="1:5" x14ac:dyDescent="0.25">
      <c r="A4063" s="3">
        <v>41782.525462962964</v>
      </c>
      <c r="B4063" s="2">
        <v>25</v>
      </c>
      <c r="C4063" s="2">
        <v>165.6</v>
      </c>
      <c r="D4063" s="2">
        <v>0</v>
      </c>
      <c r="E4063" s="2">
        <v>149.60000000000005</v>
      </c>
    </row>
    <row r="4064" spans="1:5" x14ac:dyDescent="0.25">
      <c r="A4064" s="3">
        <v>41782.525520833333</v>
      </c>
      <c r="B4064" s="2">
        <v>25</v>
      </c>
      <c r="C4064" s="2">
        <v>165.8</v>
      </c>
      <c r="D4064" s="2">
        <v>0</v>
      </c>
      <c r="E4064" s="2">
        <v>149.60000000000005</v>
      </c>
    </row>
    <row r="4065" spans="1:5" x14ac:dyDescent="0.25">
      <c r="A4065" s="3">
        <v>41782.525578703702</v>
      </c>
      <c r="B4065" s="2">
        <v>25</v>
      </c>
      <c r="C4065" s="2">
        <v>165.6</v>
      </c>
      <c r="D4065" s="2">
        <v>0</v>
      </c>
      <c r="E4065" s="2">
        <v>149.60000000000005</v>
      </c>
    </row>
    <row r="4066" spans="1:5" x14ac:dyDescent="0.25">
      <c r="A4066" s="3">
        <v>41782.525694444441</v>
      </c>
      <c r="B4066" s="2">
        <v>25</v>
      </c>
      <c r="C4066" s="2">
        <v>165.8</v>
      </c>
      <c r="D4066" s="2">
        <v>0</v>
      </c>
      <c r="E4066" s="2">
        <v>149.60000000000005</v>
      </c>
    </row>
    <row r="4067" spans="1:5" x14ac:dyDescent="0.25">
      <c r="A4067" s="3">
        <v>41782.529918981483</v>
      </c>
      <c r="B4067" s="2">
        <v>25.2</v>
      </c>
      <c r="C4067" s="2">
        <v>165.6</v>
      </c>
      <c r="D4067" s="2">
        <v>0</v>
      </c>
      <c r="E4067" s="2">
        <v>149.60000000000005</v>
      </c>
    </row>
    <row r="4068" spans="1:5" x14ac:dyDescent="0.25">
      <c r="A4068" s="3">
        <v>41782.530034722222</v>
      </c>
      <c r="B4068" s="2">
        <v>25.2</v>
      </c>
      <c r="C4068" s="2">
        <v>165.8</v>
      </c>
      <c r="D4068" s="2">
        <v>0</v>
      </c>
      <c r="E4068" s="2">
        <v>149.60000000000005</v>
      </c>
    </row>
    <row r="4069" spans="1:5" x14ac:dyDescent="0.25">
      <c r="A4069" s="3">
        <v>41782.53020833333</v>
      </c>
      <c r="B4069" s="2">
        <v>25.3</v>
      </c>
      <c r="C4069" s="2">
        <v>165.6</v>
      </c>
      <c r="D4069" s="2">
        <v>0</v>
      </c>
      <c r="E4069" s="2">
        <v>149.60000000000005</v>
      </c>
    </row>
    <row r="4070" spans="1:5" x14ac:dyDescent="0.25">
      <c r="A4070" s="3">
        <v>41782.530439814815</v>
      </c>
      <c r="B4070" s="2">
        <v>25.4</v>
      </c>
      <c r="C4070" s="2">
        <v>165.8</v>
      </c>
      <c r="D4070" s="2">
        <v>0</v>
      </c>
      <c r="E4070" s="2">
        <v>149.60000000000005</v>
      </c>
    </row>
    <row r="4071" spans="1:5" x14ac:dyDescent="0.25">
      <c r="A4071" s="3">
        <v>41782.530497685184</v>
      </c>
      <c r="B4071" s="2">
        <v>25.4</v>
      </c>
      <c r="C4071" s="2">
        <v>165.6</v>
      </c>
      <c r="D4071" s="2">
        <v>0</v>
      </c>
      <c r="E4071" s="2">
        <v>149.60000000000005</v>
      </c>
    </row>
    <row r="4072" spans="1:5" x14ac:dyDescent="0.25">
      <c r="A4072" s="3">
        <v>41782.535416666666</v>
      </c>
      <c r="B4072" s="2">
        <v>25.5</v>
      </c>
      <c r="C4072" s="2">
        <v>165.8</v>
      </c>
      <c r="D4072" s="2">
        <v>0</v>
      </c>
      <c r="E4072" s="2">
        <v>149.60000000000005</v>
      </c>
    </row>
    <row r="4073" spans="1:5" x14ac:dyDescent="0.25">
      <c r="A4073" s="3">
        <v>41782.53564814815</v>
      </c>
      <c r="B4073" s="2">
        <v>25.5</v>
      </c>
      <c r="C4073" s="2">
        <v>165.6</v>
      </c>
      <c r="D4073" s="2">
        <v>0</v>
      </c>
      <c r="E4073" s="2">
        <v>149.60000000000005</v>
      </c>
    </row>
    <row r="4074" spans="1:5" x14ac:dyDescent="0.25">
      <c r="A4074" s="3">
        <v>41782.536111111112</v>
      </c>
      <c r="B4074" s="2">
        <v>25.6</v>
      </c>
      <c r="C4074" s="2">
        <v>165.8</v>
      </c>
      <c r="D4074" s="2">
        <v>0</v>
      </c>
      <c r="E4074" s="2">
        <v>149.60000000000005</v>
      </c>
    </row>
    <row r="4075" spans="1:5" x14ac:dyDescent="0.25">
      <c r="A4075" s="3">
        <v>41782.536458333336</v>
      </c>
      <c r="B4075" s="2">
        <v>25.6</v>
      </c>
      <c r="C4075" s="2">
        <v>165.6</v>
      </c>
      <c r="D4075" s="2">
        <v>0</v>
      </c>
      <c r="E4075" s="2">
        <v>149.60000000000005</v>
      </c>
    </row>
    <row r="4076" spans="1:5" x14ac:dyDescent="0.25">
      <c r="A4076" s="3">
        <v>41782.536574074074</v>
      </c>
      <c r="B4076" s="2">
        <v>25.6</v>
      </c>
      <c r="C4076" s="2">
        <v>165.8</v>
      </c>
      <c r="D4076" s="2">
        <v>0</v>
      </c>
      <c r="E4076" s="2">
        <v>149.60000000000005</v>
      </c>
    </row>
    <row r="4077" spans="1:5" x14ac:dyDescent="0.25">
      <c r="A4077" s="3">
        <v>41782.536631944444</v>
      </c>
      <c r="B4077" s="2">
        <v>25.6</v>
      </c>
      <c r="C4077" s="2">
        <v>165.6</v>
      </c>
      <c r="D4077" s="2">
        <v>0</v>
      </c>
      <c r="E4077" s="2">
        <v>149.60000000000005</v>
      </c>
    </row>
    <row r="4078" spans="1:5" x14ac:dyDescent="0.25">
      <c r="A4078" s="3">
        <v>41782.536689814813</v>
      </c>
      <c r="B4078" s="2">
        <v>25.6</v>
      </c>
      <c r="C4078" s="2">
        <v>165.8</v>
      </c>
      <c r="D4078" s="2">
        <v>0</v>
      </c>
      <c r="E4078" s="2">
        <v>149.60000000000005</v>
      </c>
    </row>
    <row r="4079" spans="1:5" x14ac:dyDescent="0.25">
      <c r="A4079" s="3">
        <v>41782.539988425924</v>
      </c>
      <c r="B4079" s="2">
        <v>25.6</v>
      </c>
      <c r="C4079" s="2">
        <v>165.6</v>
      </c>
      <c r="D4079" s="2">
        <v>0</v>
      </c>
      <c r="E4079" s="2">
        <v>149.60000000000005</v>
      </c>
    </row>
    <row r="4080" spans="1:5" x14ac:dyDescent="0.25">
      <c r="A4080" s="3">
        <v>41782.541203703702</v>
      </c>
      <c r="B4080" s="2">
        <v>25.7</v>
      </c>
      <c r="C4080" s="2">
        <v>165.8</v>
      </c>
      <c r="D4080" s="2">
        <v>0</v>
      </c>
      <c r="E4080" s="2">
        <v>149.60000000000005</v>
      </c>
    </row>
    <row r="4081" spans="1:5" x14ac:dyDescent="0.25">
      <c r="A4081" s="3">
        <v>41782.541261574072</v>
      </c>
      <c r="B4081" s="2">
        <v>25.7</v>
      </c>
      <c r="C4081" s="2">
        <v>165.6</v>
      </c>
      <c r="D4081" s="2">
        <v>0</v>
      </c>
      <c r="E4081" s="2">
        <v>149.60000000000005</v>
      </c>
    </row>
    <row r="4082" spans="1:5" x14ac:dyDescent="0.25">
      <c r="A4082" s="3">
        <v>41782.541435185187</v>
      </c>
      <c r="B4082" s="2">
        <v>25.8</v>
      </c>
      <c r="C4082" s="2">
        <v>165.8</v>
      </c>
      <c r="D4082" s="2">
        <v>0</v>
      </c>
      <c r="E4082" s="2">
        <v>149.60000000000005</v>
      </c>
    </row>
    <row r="4083" spans="1:5" x14ac:dyDescent="0.25">
      <c r="A4083" s="3">
        <v>41782.541898148149</v>
      </c>
      <c r="B4083" s="2">
        <v>25.8</v>
      </c>
      <c r="C4083" s="2">
        <v>165.6</v>
      </c>
      <c r="D4083" s="2">
        <v>0</v>
      </c>
      <c r="E4083" s="2">
        <v>149.60000000000005</v>
      </c>
    </row>
    <row r="4084" spans="1:5" x14ac:dyDescent="0.25">
      <c r="A4084" s="3">
        <v>41782.542129629626</v>
      </c>
      <c r="B4084" s="2">
        <v>25.8</v>
      </c>
      <c r="C4084" s="2">
        <v>165.8</v>
      </c>
      <c r="D4084" s="2">
        <v>0</v>
      </c>
      <c r="E4084" s="2">
        <v>149.60000000000005</v>
      </c>
    </row>
    <row r="4085" spans="1:5" x14ac:dyDescent="0.25">
      <c r="A4085" s="3">
        <v>41782.543229166666</v>
      </c>
      <c r="B4085" s="2">
        <v>25.8</v>
      </c>
      <c r="C4085" s="2">
        <v>165.6</v>
      </c>
      <c r="D4085" s="2">
        <v>0</v>
      </c>
      <c r="E4085" s="2">
        <v>149.60000000000005</v>
      </c>
    </row>
    <row r="4086" spans="1:5" x14ac:dyDescent="0.25">
      <c r="A4086" s="3">
        <v>41782.543402777781</v>
      </c>
      <c r="B4086" s="2">
        <v>25.8</v>
      </c>
      <c r="C4086" s="2">
        <v>165.8</v>
      </c>
      <c r="D4086" s="2">
        <v>0</v>
      </c>
      <c r="E4086" s="2">
        <v>149.60000000000005</v>
      </c>
    </row>
    <row r="4087" spans="1:5" x14ac:dyDescent="0.25">
      <c r="A4087" s="3">
        <v>41782.543692129628</v>
      </c>
      <c r="B4087" s="2">
        <v>25.8</v>
      </c>
      <c r="C4087" s="2">
        <v>165.6</v>
      </c>
      <c r="D4087" s="2">
        <v>0</v>
      </c>
      <c r="E4087" s="2">
        <v>149.60000000000005</v>
      </c>
    </row>
    <row r="4088" spans="1:5" x14ac:dyDescent="0.25">
      <c r="A4088" s="3">
        <v>41782.543923611112</v>
      </c>
      <c r="B4088" s="2">
        <v>25.8</v>
      </c>
      <c r="C4088" s="2">
        <v>165.8</v>
      </c>
      <c r="D4088" s="2">
        <v>0</v>
      </c>
      <c r="E4088" s="2">
        <v>149.60000000000005</v>
      </c>
    </row>
    <row r="4089" spans="1:5" x14ac:dyDescent="0.25">
      <c r="A4089" s="3">
        <v>41782.544444444444</v>
      </c>
      <c r="B4089" s="2">
        <v>25.8</v>
      </c>
      <c r="C4089" s="2">
        <v>165.6</v>
      </c>
      <c r="D4089" s="2">
        <v>0</v>
      </c>
      <c r="E4089" s="2">
        <v>149.60000000000005</v>
      </c>
    </row>
    <row r="4090" spans="1:5" x14ac:dyDescent="0.25">
      <c r="A4090" s="3">
        <v>41782.544502314813</v>
      </c>
      <c r="B4090" s="2">
        <v>25.8</v>
      </c>
      <c r="C4090" s="2">
        <v>165.8</v>
      </c>
      <c r="D4090" s="2">
        <v>0</v>
      </c>
      <c r="E4090" s="2">
        <v>149.60000000000005</v>
      </c>
    </row>
    <row r="4091" spans="1:5" x14ac:dyDescent="0.25">
      <c r="A4091" s="3">
        <v>41782.544560185182</v>
      </c>
      <c r="B4091" s="2">
        <v>25.8</v>
      </c>
      <c r="C4091" s="2">
        <v>165.6</v>
      </c>
      <c r="D4091" s="2">
        <v>0</v>
      </c>
      <c r="E4091" s="2">
        <v>149.60000000000005</v>
      </c>
    </row>
    <row r="4092" spans="1:5" x14ac:dyDescent="0.25">
      <c r="A4092" s="3">
        <v>41782.544675925928</v>
      </c>
      <c r="B4092" s="2">
        <v>25.8</v>
      </c>
      <c r="C4092" s="2">
        <v>165.8</v>
      </c>
      <c r="D4092" s="2">
        <v>0</v>
      </c>
      <c r="E4092" s="2">
        <v>149.60000000000005</v>
      </c>
    </row>
    <row r="4093" spans="1:5" x14ac:dyDescent="0.25">
      <c r="A4093" s="3">
        <v>41782.545254629629</v>
      </c>
      <c r="B4093" s="2">
        <v>25.8</v>
      </c>
      <c r="C4093" s="2">
        <v>165.6</v>
      </c>
      <c r="D4093" s="2">
        <v>0</v>
      </c>
      <c r="E4093" s="2">
        <v>149.60000000000005</v>
      </c>
    </row>
    <row r="4094" spans="1:5" x14ac:dyDescent="0.25">
      <c r="A4094" s="3">
        <v>41782.545312499999</v>
      </c>
      <c r="B4094" s="2">
        <v>25.8</v>
      </c>
      <c r="C4094" s="2">
        <v>165.8</v>
      </c>
      <c r="D4094" s="2">
        <v>0</v>
      </c>
      <c r="E4094" s="2">
        <v>149.60000000000005</v>
      </c>
    </row>
    <row r="4095" spans="1:5" x14ac:dyDescent="0.25">
      <c r="A4095" s="3">
        <v>41782.546354166669</v>
      </c>
      <c r="B4095" s="2">
        <v>25.9</v>
      </c>
      <c r="C4095" s="2">
        <v>165.6</v>
      </c>
      <c r="D4095" s="2">
        <v>0</v>
      </c>
      <c r="E4095" s="2">
        <v>149.60000000000005</v>
      </c>
    </row>
    <row r="4096" spans="1:5" x14ac:dyDescent="0.25">
      <c r="A4096" s="3">
        <v>41782.546817129631</v>
      </c>
      <c r="B4096" s="2">
        <v>25.8</v>
      </c>
      <c r="C4096" s="2">
        <v>165.8</v>
      </c>
      <c r="D4096" s="2">
        <v>0</v>
      </c>
      <c r="E4096" s="2">
        <v>149.60000000000005</v>
      </c>
    </row>
    <row r="4097" spans="1:5" x14ac:dyDescent="0.25">
      <c r="A4097" s="3">
        <v>41782.547164351854</v>
      </c>
      <c r="B4097" s="2">
        <v>25.8</v>
      </c>
      <c r="C4097" s="2">
        <v>165.6</v>
      </c>
      <c r="D4097" s="2">
        <v>0</v>
      </c>
      <c r="E4097" s="2">
        <v>149.60000000000005</v>
      </c>
    </row>
    <row r="4098" spans="1:5" x14ac:dyDescent="0.25">
      <c r="A4098" s="3">
        <v>41782.547337962962</v>
      </c>
      <c r="B4098" s="2">
        <v>25.8</v>
      </c>
      <c r="C4098" s="2">
        <v>165.8</v>
      </c>
      <c r="D4098" s="2">
        <v>0</v>
      </c>
      <c r="E4098" s="2">
        <v>149.60000000000005</v>
      </c>
    </row>
    <row r="4099" spans="1:5" x14ac:dyDescent="0.25">
      <c r="A4099" s="3">
        <v>41782.547569444447</v>
      </c>
      <c r="B4099" s="2">
        <v>25.8</v>
      </c>
      <c r="C4099" s="2">
        <v>165.6</v>
      </c>
      <c r="D4099" s="2">
        <v>0</v>
      </c>
      <c r="E4099" s="2">
        <v>149.60000000000005</v>
      </c>
    </row>
    <row r="4100" spans="1:5" x14ac:dyDescent="0.25">
      <c r="A4100" s="3">
        <v>41782.549247685187</v>
      </c>
      <c r="B4100" s="2">
        <v>25.8</v>
      </c>
      <c r="C4100" s="2">
        <v>165.8</v>
      </c>
      <c r="D4100" s="2">
        <v>0</v>
      </c>
      <c r="E4100" s="2">
        <v>149.60000000000005</v>
      </c>
    </row>
    <row r="4101" spans="1:5" x14ac:dyDescent="0.25">
      <c r="A4101" s="3">
        <v>41782.549305555556</v>
      </c>
      <c r="B4101" s="2">
        <v>25.8</v>
      </c>
      <c r="C4101" s="2">
        <v>165.6</v>
      </c>
      <c r="D4101" s="2">
        <v>0</v>
      </c>
      <c r="E4101" s="2">
        <v>149.60000000000005</v>
      </c>
    </row>
    <row r="4102" spans="1:5" x14ac:dyDescent="0.25">
      <c r="A4102" s="3">
        <v>41782.549537037034</v>
      </c>
      <c r="B4102" s="2">
        <v>25.8</v>
      </c>
      <c r="C4102" s="2">
        <v>165.8</v>
      </c>
      <c r="D4102" s="2">
        <v>0</v>
      </c>
      <c r="E4102" s="2">
        <v>149.60000000000005</v>
      </c>
    </row>
    <row r="4103" spans="1:5" x14ac:dyDescent="0.25">
      <c r="A4103" s="3">
        <v>41782.549826388888</v>
      </c>
      <c r="B4103" s="2">
        <v>25.8</v>
      </c>
      <c r="C4103" s="2">
        <v>165.6</v>
      </c>
      <c r="D4103" s="2">
        <v>0</v>
      </c>
      <c r="E4103" s="2">
        <v>149.60000000000005</v>
      </c>
    </row>
    <row r="4104" spans="1:5" x14ac:dyDescent="0.25">
      <c r="A4104" s="3">
        <v>41782.550057870372</v>
      </c>
      <c r="B4104" s="2">
        <v>25.8</v>
      </c>
      <c r="C4104" s="2">
        <v>165.8</v>
      </c>
      <c r="D4104" s="2">
        <v>0</v>
      </c>
      <c r="E4104" s="2">
        <v>149.60000000000005</v>
      </c>
    </row>
    <row r="4105" spans="1:5" x14ac:dyDescent="0.25">
      <c r="A4105" s="3">
        <v>41782.550115740742</v>
      </c>
      <c r="B4105" s="2">
        <v>25.8</v>
      </c>
      <c r="C4105" s="2">
        <v>165.6</v>
      </c>
      <c r="D4105" s="2">
        <v>0</v>
      </c>
      <c r="E4105" s="2">
        <v>149.60000000000005</v>
      </c>
    </row>
    <row r="4106" spans="1:5" x14ac:dyDescent="0.25">
      <c r="A4106" s="3">
        <v>41782.550347222219</v>
      </c>
      <c r="B4106" s="2">
        <v>25.8</v>
      </c>
      <c r="C4106" s="2">
        <v>165.8</v>
      </c>
      <c r="D4106" s="2">
        <v>0</v>
      </c>
      <c r="E4106" s="2">
        <v>149.60000000000005</v>
      </c>
    </row>
    <row r="4107" spans="1:5" x14ac:dyDescent="0.25">
      <c r="A4107" s="3">
        <v>41782.550752314812</v>
      </c>
      <c r="B4107" s="2">
        <v>25.8</v>
      </c>
      <c r="C4107" s="2">
        <v>165.6</v>
      </c>
      <c r="D4107" s="2">
        <v>0</v>
      </c>
      <c r="E4107" s="2">
        <v>149.60000000000005</v>
      </c>
    </row>
    <row r="4108" spans="1:5" x14ac:dyDescent="0.25">
      <c r="A4108" s="3">
        <v>41782.550983796296</v>
      </c>
      <c r="B4108" s="2">
        <v>25.8</v>
      </c>
      <c r="C4108" s="2">
        <v>165.8</v>
      </c>
      <c r="D4108" s="2">
        <v>0</v>
      </c>
      <c r="E4108" s="2">
        <v>149.60000000000005</v>
      </c>
    </row>
    <row r="4109" spans="1:5" x14ac:dyDescent="0.25">
      <c r="A4109" s="3">
        <v>41782.551099537035</v>
      </c>
      <c r="B4109" s="2">
        <v>25.9</v>
      </c>
      <c r="C4109" s="2">
        <v>165.6</v>
      </c>
      <c r="D4109" s="2">
        <v>0</v>
      </c>
      <c r="E4109" s="2">
        <v>149.60000000000005</v>
      </c>
    </row>
    <row r="4110" spans="1:5" x14ac:dyDescent="0.25">
      <c r="A4110" s="3">
        <v>41782.551215277781</v>
      </c>
      <c r="B4110" s="2">
        <v>25.9</v>
      </c>
      <c r="C4110" s="2">
        <v>165.8</v>
      </c>
      <c r="D4110" s="2">
        <v>0</v>
      </c>
      <c r="E4110" s="2">
        <v>149.60000000000005</v>
      </c>
    </row>
    <row r="4111" spans="1:5" x14ac:dyDescent="0.25">
      <c r="A4111" s="3">
        <v>41782.551678240743</v>
      </c>
      <c r="B4111" s="2">
        <v>25.8</v>
      </c>
      <c r="C4111" s="2">
        <v>165.6</v>
      </c>
      <c r="D4111" s="2">
        <v>0</v>
      </c>
      <c r="E4111" s="2">
        <v>149.60000000000005</v>
      </c>
    </row>
    <row r="4112" spans="1:5" x14ac:dyDescent="0.25">
      <c r="A4112" s="3">
        <v>41782.552604166667</v>
      </c>
      <c r="B4112" s="2">
        <v>25.8</v>
      </c>
      <c r="C4112" s="2">
        <v>165.8</v>
      </c>
      <c r="D4112" s="2">
        <v>0</v>
      </c>
      <c r="E4112" s="2">
        <v>149.60000000000005</v>
      </c>
    </row>
    <row r="4113" spans="1:5" x14ac:dyDescent="0.25">
      <c r="A4113" s="3">
        <v>41782.553124999999</v>
      </c>
      <c r="B4113" s="2">
        <v>25.8</v>
      </c>
      <c r="C4113" s="2">
        <v>165.6</v>
      </c>
      <c r="D4113" s="2">
        <v>0</v>
      </c>
      <c r="E4113" s="2">
        <v>149.60000000000005</v>
      </c>
    </row>
    <row r="4114" spans="1:5" x14ac:dyDescent="0.25">
      <c r="A4114" s="3">
        <v>41782.553877314815</v>
      </c>
      <c r="B4114" s="2">
        <v>25.8</v>
      </c>
      <c r="C4114" s="2">
        <v>165.8</v>
      </c>
      <c r="D4114" s="2">
        <v>0</v>
      </c>
      <c r="E4114" s="2">
        <v>149.60000000000005</v>
      </c>
    </row>
    <row r="4115" spans="1:5" x14ac:dyDescent="0.25">
      <c r="A4115" s="3">
        <v>41782.553935185184</v>
      </c>
      <c r="B4115" s="2">
        <v>25.9</v>
      </c>
      <c r="C4115" s="2">
        <v>165.6</v>
      </c>
      <c r="D4115" s="2">
        <v>0</v>
      </c>
      <c r="E4115" s="2">
        <v>149.60000000000005</v>
      </c>
    </row>
    <row r="4116" spans="1:5" x14ac:dyDescent="0.25">
      <c r="A4116" s="3">
        <v>41782.554456018515</v>
      </c>
      <c r="B4116" s="2">
        <v>25.8</v>
      </c>
      <c r="C4116" s="2">
        <v>165.8</v>
      </c>
      <c r="D4116" s="2">
        <v>0</v>
      </c>
      <c r="E4116" s="2">
        <v>149.60000000000005</v>
      </c>
    </row>
    <row r="4117" spans="1:5" x14ac:dyDescent="0.25">
      <c r="A4117" s="3">
        <v>41782.554513888892</v>
      </c>
      <c r="B4117" s="2">
        <v>25.8</v>
      </c>
      <c r="C4117" s="2">
        <v>165.6</v>
      </c>
      <c r="D4117" s="2">
        <v>0</v>
      </c>
      <c r="E4117" s="2">
        <v>149.60000000000005</v>
      </c>
    </row>
    <row r="4118" spans="1:5" x14ac:dyDescent="0.25">
      <c r="A4118" s="3">
        <v>41782.554918981485</v>
      </c>
      <c r="B4118" s="2">
        <v>25.8</v>
      </c>
      <c r="C4118" s="2">
        <v>165.8</v>
      </c>
      <c r="D4118" s="2">
        <v>0</v>
      </c>
      <c r="E4118" s="2">
        <v>149.60000000000005</v>
      </c>
    </row>
    <row r="4119" spans="1:5" x14ac:dyDescent="0.25">
      <c r="A4119" s="3">
        <v>41782.555092592593</v>
      </c>
      <c r="B4119" s="2">
        <v>25.8</v>
      </c>
      <c r="C4119" s="2">
        <v>165.6</v>
      </c>
      <c r="D4119" s="2">
        <v>0</v>
      </c>
      <c r="E4119" s="2">
        <v>149.60000000000005</v>
      </c>
    </row>
    <row r="4120" spans="1:5" x14ac:dyDescent="0.25">
      <c r="A4120" s="3">
        <v>41782.556134259263</v>
      </c>
      <c r="B4120" s="2">
        <v>25.8</v>
      </c>
      <c r="C4120" s="2">
        <v>165.8</v>
      </c>
      <c r="D4120" s="2">
        <v>0</v>
      </c>
      <c r="E4120" s="2">
        <v>149.60000000000005</v>
      </c>
    </row>
    <row r="4121" spans="1:5" x14ac:dyDescent="0.25">
      <c r="A4121" s="3">
        <v>41782.556423611109</v>
      </c>
      <c r="B4121" s="2">
        <v>25.8</v>
      </c>
      <c r="C4121" s="2">
        <v>165.6</v>
      </c>
      <c r="D4121" s="2">
        <v>0</v>
      </c>
      <c r="E4121" s="2">
        <v>149.60000000000005</v>
      </c>
    </row>
    <row r="4122" spans="1:5" x14ac:dyDescent="0.25">
      <c r="A4122" s="3">
        <v>41782.556539351855</v>
      </c>
      <c r="B4122" s="2">
        <v>25.8</v>
      </c>
      <c r="C4122" s="2">
        <v>165.8</v>
      </c>
      <c r="D4122" s="2">
        <v>0</v>
      </c>
      <c r="E4122" s="2">
        <v>149.60000000000005</v>
      </c>
    </row>
    <row r="4123" spans="1:5" x14ac:dyDescent="0.25">
      <c r="A4123" s="3">
        <v>41782.556828703702</v>
      </c>
      <c r="B4123" s="2">
        <v>25.8</v>
      </c>
      <c r="C4123" s="2">
        <v>165.6</v>
      </c>
      <c r="D4123" s="2">
        <v>0</v>
      </c>
      <c r="E4123" s="2">
        <v>149.60000000000005</v>
      </c>
    </row>
    <row r="4124" spans="1:5" x14ac:dyDescent="0.25">
      <c r="A4124" s="3">
        <v>41782.557118055556</v>
      </c>
      <c r="B4124" s="2">
        <v>25.8</v>
      </c>
      <c r="C4124" s="2">
        <v>165.8</v>
      </c>
      <c r="D4124" s="2">
        <v>0</v>
      </c>
      <c r="E4124" s="2">
        <v>149.60000000000005</v>
      </c>
    </row>
    <row r="4125" spans="1:5" x14ac:dyDescent="0.25">
      <c r="A4125" s="3">
        <v>41782.557291666664</v>
      </c>
      <c r="B4125" s="2">
        <v>25.8</v>
      </c>
      <c r="C4125" s="2">
        <v>165.6</v>
      </c>
      <c r="D4125" s="2">
        <v>0</v>
      </c>
      <c r="E4125" s="2">
        <v>149.60000000000005</v>
      </c>
    </row>
    <row r="4126" spans="1:5" x14ac:dyDescent="0.25">
      <c r="A4126" s="3">
        <v>41782.560069444444</v>
      </c>
      <c r="B4126" s="2">
        <v>25.8</v>
      </c>
      <c r="C4126" s="2">
        <v>165.8</v>
      </c>
      <c r="D4126" s="2">
        <v>0</v>
      </c>
      <c r="E4126" s="2">
        <v>149.60000000000005</v>
      </c>
    </row>
    <row r="4127" spans="1:5" x14ac:dyDescent="0.25">
      <c r="A4127" s="3">
        <v>41782.560300925928</v>
      </c>
      <c r="B4127" s="2">
        <v>25.8</v>
      </c>
      <c r="C4127" s="2">
        <v>165.6</v>
      </c>
      <c r="D4127" s="2">
        <v>0</v>
      </c>
      <c r="E4127" s="2">
        <v>149.60000000000005</v>
      </c>
    </row>
    <row r="4128" spans="1:5" x14ac:dyDescent="0.25">
      <c r="A4128" s="3">
        <v>41782.560763888891</v>
      </c>
      <c r="B4128" s="2">
        <v>25.8</v>
      </c>
      <c r="C4128" s="2">
        <v>165.8</v>
      </c>
      <c r="D4128" s="2">
        <v>0</v>
      </c>
      <c r="E4128" s="2">
        <v>149.60000000000005</v>
      </c>
    </row>
    <row r="4129" spans="1:5" x14ac:dyDescent="0.25">
      <c r="A4129" s="3">
        <v>41782.561168981483</v>
      </c>
      <c r="B4129" s="2">
        <v>25.8</v>
      </c>
      <c r="C4129" s="2">
        <v>165.6</v>
      </c>
      <c r="D4129" s="2">
        <v>0</v>
      </c>
      <c r="E4129" s="2">
        <v>149.60000000000005</v>
      </c>
    </row>
    <row r="4130" spans="1:5" x14ac:dyDescent="0.25">
      <c r="A4130" s="3">
        <v>41782.562731481485</v>
      </c>
      <c r="B4130" s="2">
        <v>25.8</v>
      </c>
      <c r="C4130" s="2">
        <v>165.8</v>
      </c>
      <c r="D4130" s="2">
        <v>0</v>
      </c>
      <c r="E4130" s="2">
        <v>149.60000000000005</v>
      </c>
    </row>
    <row r="4131" spans="1:5" x14ac:dyDescent="0.25">
      <c r="A4131" s="3">
        <v>41782.562905092593</v>
      </c>
      <c r="B4131" s="2">
        <v>25.8</v>
      </c>
      <c r="C4131" s="2">
        <v>165.6</v>
      </c>
      <c r="D4131" s="2">
        <v>0</v>
      </c>
      <c r="E4131" s="2">
        <v>149.60000000000005</v>
      </c>
    </row>
    <row r="4132" spans="1:5" x14ac:dyDescent="0.25">
      <c r="A4132" s="3">
        <v>41782.588136574072</v>
      </c>
      <c r="B4132" s="2">
        <v>25.8</v>
      </c>
      <c r="C4132" s="2">
        <v>165.4</v>
      </c>
      <c r="D4132" s="2">
        <v>0</v>
      </c>
      <c r="E4132" s="2">
        <v>149.60000000000005</v>
      </c>
    </row>
    <row r="4133" spans="1:5" x14ac:dyDescent="0.25">
      <c r="A4133" s="3">
        <v>41782.588310185187</v>
      </c>
      <c r="B4133" s="2">
        <v>25.8</v>
      </c>
      <c r="C4133" s="2">
        <v>165.6</v>
      </c>
      <c r="D4133" s="2">
        <v>0</v>
      </c>
      <c r="E4133" s="2">
        <v>149.60000000000005</v>
      </c>
    </row>
    <row r="4134" spans="1:5" x14ac:dyDescent="0.25">
      <c r="A4134" s="3">
        <v>41782.588599537034</v>
      </c>
      <c r="B4134" s="2">
        <v>25.8</v>
      </c>
      <c r="C4134" s="2">
        <v>165.4</v>
      </c>
      <c r="D4134" s="2">
        <v>0</v>
      </c>
      <c r="E4134" s="2">
        <v>149.60000000000005</v>
      </c>
    </row>
    <row r="4135" spans="1:5" x14ac:dyDescent="0.25">
      <c r="A4135" s="3">
        <v>41782.58865740741</v>
      </c>
      <c r="B4135" s="2">
        <v>25.8</v>
      </c>
      <c r="C4135" s="2">
        <v>165.6</v>
      </c>
      <c r="D4135" s="2">
        <v>0</v>
      </c>
      <c r="E4135" s="2">
        <v>149.60000000000005</v>
      </c>
    </row>
    <row r="4136" spans="1:5" x14ac:dyDescent="0.25">
      <c r="A4136" s="3">
        <v>41782.589120370372</v>
      </c>
      <c r="B4136" s="2">
        <v>25.8</v>
      </c>
      <c r="C4136" s="2">
        <v>165.4</v>
      </c>
      <c r="D4136" s="2">
        <v>0</v>
      </c>
      <c r="E4136" s="2">
        <v>149.60000000000005</v>
      </c>
    </row>
    <row r="4137" spans="1:5" x14ac:dyDescent="0.25">
      <c r="A4137" s="3">
        <v>41782.589467592596</v>
      </c>
      <c r="B4137" s="2">
        <v>25.8</v>
      </c>
      <c r="C4137" s="2">
        <v>165.6</v>
      </c>
      <c r="D4137" s="2">
        <v>0</v>
      </c>
      <c r="E4137" s="2">
        <v>149.60000000000005</v>
      </c>
    </row>
    <row r="4138" spans="1:5" x14ac:dyDescent="0.25">
      <c r="A4138" s="3">
        <v>41782.589583333334</v>
      </c>
      <c r="B4138" s="2">
        <v>25.8</v>
      </c>
      <c r="C4138" s="2">
        <v>165.4</v>
      </c>
      <c r="D4138" s="2">
        <v>0</v>
      </c>
      <c r="E4138" s="2">
        <v>149.60000000000005</v>
      </c>
    </row>
    <row r="4139" spans="1:5" x14ac:dyDescent="0.25">
      <c r="A4139" s="3">
        <v>41782.589699074073</v>
      </c>
      <c r="B4139" s="2">
        <v>25.8</v>
      </c>
      <c r="C4139" s="2">
        <v>165.6</v>
      </c>
      <c r="D4139" s="2">
        <v>0</v>
      </c>
      <c r="E4139" s="2">
        <v>149.60000000000005</v>
      </c>
    </row>
    <row r="4140" spans="1:5" x14ac:dyDescent="0.25">
      <c r="A4140" s="3">
        <v>41782.589756944442</v>
      </c>
      <c r="B4140" s="2">
        <v>25.8</v>
      </c>
      <c r="C4140" s="2">
        <v>165.4</v>
      </c>
      <c r="D4140" s="2">
        <v>0</v>
      </c>
      <c r="E4140" s="2">
        <v>149.60000000000005</v>
      </c>
    </row>
    <row r="4141" spans="1:5" x14ac:dyDescent="0.25">
      <c r="A4141" s="3">
        <v>41782.589872685188</v>
      </c>
      <c r="B4141" s="2">
        <v>25.8</v>
      </c>
      <c r="C4141" s="2">
        <v>165.6</v>
      </c>
      <c r="D4141" s="2">
        <v>0</v>
      </c>
      <c r="E4141" s="2">
        <v>149.60000000000005</v>
      </c>
    </row>
    <row r="4142" spans="1:5" x14ac:dyDescent="0.25">
      <c r="A4142" s="3">
        <v>41782.590046296296</v>
      </c>
      <c r="B4142" s="2">
        <v>25.8</v>
      </c>
      <c r="C4142" s="2">
        <v>165.4</v>
      </c>
      <c r="D4142" s="2">
        <v>0</v>
      </c>
      <c r="E4142" s="2">
        <v>149.60000000000005</v>
      </c>
    </row>
    <row r="4143" spans="1:5" x14ac:dyDescent="0.25">
      <c r="A4143" s="3">
        <v>41782.591666666667</v>
      </c>
      <c r="B4143" s="2">
        <v>25.8</v>
      </c>
      <c r="C4143" s="2">
        <v>165.6</v>
      </c>
      <c r="D4143" s="2">
        <v>0</v>
      </c>
      <c r="E4143" s="2">
        <v>149.60000000000005</v>
      </c>
    </row>
    <row r="4144" spans="1:5" x14ac:dyDescent="0.25">
      <c r="A4144" s="3">
        <v>41782.591724537036</v>
      </c>
      <c r="B4144" s="2">
        <v>25.8</v>
      </c>
      <c r="C4144" s="2">
        <v>165.4</v>
      </c>
      <c r="D4144" s="2">
        <v>0</v>
      </c>
      <c r="E4144" s="2">
        <v>149.60000000000005</v>
      </c>
    </row>
    <row r="4145" spans="1:5" x14ac:dyDescent="0.25">
      <c r="A4145" s="3">
        <v>41782.616030092591</v>
      </c>
      <c r="B4145" s="2">
        <v>25.9</v>
      </c>
      <c r="C4145" s="2">
        <v>165.2</v>
      </c>
      <c r="D4145" s="2">
        <v>0</v>
      </c>
      <c r="E4145" s="2">
        <v>149.60000000000005</v>
      </c>
    </row>
    <row r="4146" spans="1:5" x14ac:dyDescent="0.25">
      <c r="A4146" s="3">
        <v>41782.61614583333</v>
      </c>
      <c r="B4146" s="2">
        <v>26</v>
      </c>
      <c r="C4146" s="2">
        <v>165.4</v>
      </c>
      <c r="D4146" s="2">
        <v>0</v>
      </c>
      <c r="E4146" s="2">
        <v>149.60000000000005</v>
      </c>
    </row>
    <row r="4147" spans="1:5" x14ac:dyDescent="0.25">
      <c r="A4147" s="3">
        <v>41782.616319444445</v>
      </c>
      <c r="B4147" s="2">
        <v>25.9</v>
      </c>
      <c r="C4147" s="2">
        <v>165.2</v>
      </c>
      <c r="D4147" s="2">
        <v>0</v>
      </c>
      <c r="E4147" s="2">
        <v>149.60000000000005</v>
      </c>
    </row>
    <row r="4148" spans="1:5" x14ac:dyDescent="0.25">
      <c r="A4148" s="3">
        <v>41782.628645833334</v>
      </c>
      <c r="B4148" s="2">
        <v>26.1</v>
      </c>
      <c r="C4148" s="2">
        <v>165</v>
      </c>
      <c r="D4148" s="2">
        <v>0</v>
      </c>
      <c r="E4148" s="2">
        <v>149.60000000000005</v>
      </c>
    </row>
    <row r="4149" spans="1:5" x14ac:dyDescent="0.25">
      <c r="A4149" s="3">
        <v>41782.628703703704</v>
      </c>
      <c r="B4149" s="2">
        <v>26.1</v>
      </c>
      <c r="C4149" s="2">
        <v>165.2</v>
      </c>
      <c r="D4149" s="2">
        <v>0</v>
      </c>
      <c r="E4149" s="2">
        <v>149.60000000000005</v>
      </c>
    </row>
    <row r="4150" spans="1:5" x14ac:dyDescent="0.25">
      <c r="A4150" s="3">
        <v>41782.647685185184</v>
      </c>
      <c r="B4150" s="2">
        <v>25.8</v>
      </c>
      <c r="C4150" s="2">
        <v>165</v>
      </c>
      <c r="D4150" s="2">
        <v>0</v>
      </c>
      <c r="E4150" s="2">
        <v>149.60000000000005</v>
      </c>
    </row>
    <row r="4151" spans="1:5" x14ac:dyDescent="0.25">
      <c r="A4151" s="3">
        <v>41782.647743055553</v>
      </c>
      <c r="B4151" s="2">
        <v>25.8</v>
      </c>
      <c r="C4151" s="2">
        <v>165.2</v>
      </c>
      <c r="D4151" s="2">
        <v>0</v>
      </c>
      <c r="E4151" s="2">
        <v>149.60000000000005</v>
      </c>
    </row>
    <row r="4152" spans="1:5" x14ac:dyDescent="0.25">
      <c r="A4152" s="3">
        <v>41782.651041666664</v>
      </c>
      <c r="B4152" s="2">
        <v>25.8</v>
      </c>
      <c r="C4152" s="2">
        <v>165</v>
      </c>
      <c r="D4152" s="2">
        <v>0</v>
      </c>
      <c r="E4152" s="2">
        <v>149.60000000000005</v>
      </c>
    </row>
    <row r="4153" spans="1:5" x14ac:dyDescent="0.25">
      <c r="A4153" s="3">
        <v>41782.651388888888</v>
      </c>
      <c r="B4153" s="2">
        <v>25.8</v>
      </c>
      <c r="C4153" s="2">
        <v>165.2</v>
      </c>
      <c r="D4153" s="2">
        <v>0</v>
      </c>
      <c r="E4153" s="2">
        <v>149.60000000000005</v>
      </c>
    </row>
    <row r="4154" spans="1:5" x14ac:dyDescent="0.25">
      <c r="A4154" s="3">
        <v>41782.651562500003</v>
      </c>
      <c r="B4154" s="2">
        <v>25.8</v>
      </c>
      <c r="C4154" s="2">
        <v>165</v>
      </c>
      <c r="D4154" s="2">
        <v>0</v>
      </c>
      <c r="E4154" s="2">
        <v>149.60000000000005</v>
      </c>
    </row>
    <row r="4155" spans="1:5" x14ac:dyDescent="0.25">
      <c r="A4155" s="3">
        <v>41782.651678240742</v>
      </c>
      <c r="B4155" s="2">
        <v>25.8</v>
      </c>
      <c r="C4155" s="2">
        <v>165.2</v>
      </c>
      <c r="D4155" s="2">
        <v>0</v>
      </c>
      <c r="E4155" s="2">
        <v>149.60000000000005</v>
      </c>
    </row>
    <row r="4156" spans="1:5" x14ac:dyDescent="0.25">
      <c r="A4156" s="3">
        <v>41782.652256944442</v>
      </c>
      <c r="B4156" s="2">
        <v>25.8</v>
      </c>
      <c r="C4156" s="2">
        <v>165</v>
      </c>
      <c r="D4156" s="2">
        <v>0</v>
      </c>
      <c r="E4156" s="2">
        <v>149.60000000000005</v>
      </c>
    </row>
    <row r="4157" spans="1:5" x14ac:dyDescent="0.25">
      <c r="A4157" s="3">
        <v>41782.652314814812</v>
      </c>
      <c r="B4157" s="2">
        <v>25.8</v>
      </c>
      <c r="C4157" s="2">
        <v>165.2</v>
      </c>
      <c r="D4157" s="2">
        <v>0</v>
      </c>
      <c r="E4157" s="2">
        <v>149.60000000000005</v>
      </c>
    </row>
    <row r="4158" spans="1:5" x14ac:dyDescent="0.25">
      <c r="A4158" s="3">
        <v>41782.652719907404</v>
      </c>
      <c r="B4158" s="2">
        <v>25.7</v>
      </c>
      <c r="C4158" s="2">
        <v>165</v>
      </c>
      <c r="D4158" s="2">
        <v>0</v>
      </c>
      <c r="E4158" s="2">
        <v>149.60000000000005</v>
      </c>
    </row>
    <row r="4159" spans="1:5" x14ac:dyDescent="0.25">
      <c r="A4159" s="3">
        <v>41782.653240740743</v>
      </c>
      <c r="B4159" s="2">
        <v>25.7</v>
      </c>
      <c r="C4159" s="2">
        <v>165.2</v>
      </c>
      <c r="D4159" s="2">
        <v>0</v>
      </c>
      <c r="E4159" s="2">
        <v>149.60000000000005</v>
      </c>
    </row>
    <row r="4160" spans="1:5" x14ac:dyDescent="0.25">
      <c r="A4160" s="3">
        <v>41782.653298611112</v>
      </c>
      <c r="B4160" s="2">
        <v>25.7</v>
      </c>
      <c r="C4160" s="2">
        <v>165</v>
      </c>
      <c r="D4160" s="2">
        <v>0</v>
      </c>
      <c r="E4160" s="2">
        <v>149.60000000000005</v>
      </c>
    </row>
    <row r="4161" spans="1:5" x14ac:dyDescent="0.25">
      <c r="A4161" s="3">
        <v>41782.653877314813</v>
      </c>
      <c r="B4161" s="2">
        <v>25.7</v>
      </c>
      <c r="C4161" s="2">
        <v>165.2</v>
      </c>
      <c r="D4161" s="2">
        <v>0</v>
      </c>
      <c r="E4161" s="2">
        <v>149.60000000000005</v>
      </c>
    </row>
    <row r="4162" spans="1:5" x14ac:dyDescent="0.25">
      <c r="A4162" s="3">
        <v>41782.653935185182</v>
      </c>
      <c r="B4162" s="2">
        <v>25.7</v>
      </c>
      <c r="C4162" s="2">
        <v>165</v>
      </c>
      <c r="D4162" s="2">
        <v>0</v>
      </c>
      <c r="E4162" s="2">
        <v>149.60000000000005</v>
      </c>
    </row>
    <row r="4163" spans="1:5" x14ac:dyDescent="0.25">
      <c r="A4163" s="3">
        <v>41782.736747685187</v>
      </c>
      <c r="B4163" s="2">
        <v>24.1</v>
      </c>
      <c r="C4163" s="2">
        <v>164.8</v>
      </c>
      <c r="D4163" s="2">
        <v>0</v>
      </c>
      <c r="E4163" s="2">
        <v>149.60000000000005</v>
      </c>
    </row>
    <row r="4164" spans="1:5" x14ac:dyDescent="0.25">
      <c r="A4164" s="3">
        <v>41782.783564814818</v>
      </c>
      <c r="B4164" s="2">
        <v>23.4</v>
      </c>
      <c r="C4164" s="2">
        <v>164.6</v>
      </c>
      <c r="D4164" s="2">
        <v>0</v>
      </c>
      <c r="E4164" s="2">
        <v>149.60000000000005</v>
      </c>
    </row>
    <row r="4165" spans="1:5" x14ac:dyDescent="0.25">
      <c r="A4165" s="3">
        <v>41782.871064814812</v>
      </c>
      <c r="B4165" s="2">
        <v>22.1</v>
      </c>
      <c r="C4165" s="2">
        <v>164.4</v>
      </c>
      <c r="D4165" s="2">
        <v>0</v>
      </c>
      <c r="E4165" s="2">
        <v>149.60000000000005</v>
      </c>
    </row>
    <row r="4166" spans="1:5" x14ac:dyDescent="0.25">
      <c r="A4166" s="3">
        <v>41783.001388888886</v>
      </c>
      <c r="B4166" s="2">
        <v>20.2</v>
      </c>
      <c r="C4166" s="2">
        <v>164.2</v>
      </c>
      <c r="D4166" s="2">
        <v>0</v>
      </c>
      <c r="E4166" s="2">
        <v>149.60000000000005</v>
      </c>
    </row>
    <row r="4167" spans="1:5" x14ac:dyDescent="0.25">
      <c r="A4167" s="3">
        <v>41783.138599537036</v>
      </c>
      <c r="B4167" s="2">
        <v>18.100000000000001</v>
      </c>
      <c r="C4167" s="2">
        <v>164</v>
      </c>
      <c r="D4167" s="2">
        <v>0</v>
      </c>
      <c r="E4167" s="2">
        <v>149.60000000000005</v>
      </c>
    </row>
    <row r="4168" spans="1:5" x14ac:dyDescent="0.25">
      <c r="A4168" s="3">
        <v>41783.304629629631</v>
      </c>
      <c r="B4168" s="2">
        <v>16.3</v>
      </c>
      <c r="C4168" s="2">
        <v>163.80000000000001</v>
      </c>
      <c r="D4168" s="2">
        <v>0</v>
      </c>
      <c r="E4168" s="2">
        <v>149.60000000000005</v>
      </c>
    </row>
    <row r="4169" spans="1:5" x14ac:dyDescent="0.25">
      <c r="A4169" s="3">
        <v>41783.344212962962</v>
      </c>
      <c r="B4169" s="2">
        <v>16.399999999999999</v>
      </c>
      <c r="C4169" s="2">
        <v>163.6</v>
      </c>
      <c r="D4169" s="2">
        <v>0</v>
      </c>
      <c r="E4169" s="2">
        <v>149.60000000000005</v>
      </c>
    </row>
    <row r="4170" spans="1:5" x14ac:dyDescent="0.25">
      <c r="A4170" s="3">
        <v>41783.416724537034</v>
      </c>
      <c r="B4170" s="2">
        <v>20</v>
      </c>
      <c r="C4170" s="2">
        <v>163.80000000000001</v>
      </c>
      <c r="D4170" s="2">
        <v>0</v>
      </c>
      <c r="E4170" s="2">
        <v>149.60000000000005</v>
      </c>
    </row>
    <row r="4171" spans="1:5" x14ac:dyDescent="0.25">
      <c r="A4171" s="3">
        <v>41783.41684027778</v>
      </c>
      <c r="B4171" s="2">
        <v>20.100000000000001</v>
      </c>
      <c r="C4171" s="2">
        <v>163.6</v>
      </c>
      <c r="D4171" s="2">
        <v>0</v>
      </c>
      <c r="E4171" s="2">
        <v>149.60000000000005</v>
      </c>
    </row>
    <row r="4172" spans="1:5" x14ac:dyDescent="0.25">
      <c r="A4172" s="3">
        <v>41783.494039351855</v>
      </c>
      <c r="B4172" s="2">
        <v>25.7</v>
      </c>
      <c r="C4172" s="2">
        <v>163.4</v>
      </c>
      <c r="D4172" s="2">
        <v>0</v>
      </c>
      <c r="E4172" s="2">
        <v>149.60000000000005</v>
      </c>
    </row>
    <row r="4173" spans="1:5" x14ac:dyDescent="0.25">
      <c r="A4173" s="3">
        <v>41783.494097222225</v>
      </c>
      <c r="B4173" s="2">
        <v>25.7</v>
      </c>
      <c r="C4173" s="2">
        <v>163.6</v>
      </c>
      <c r="D4173" s="2">
        <v>0</v>
      </c>
      <c r="E4173" s="2">
        <v>149.60000000000005</v>
      </c>
    </row>
    <row r="4174" spans="1:5" x14ac:dyDescent="0.25">
      <c r="A4174" s="3">
        <v>41783.494675925926</v>
      </c>
      <c r="B4174" s="2">
        <v>25.8</v>
      </c>
      <c r="C4174" s="2">
        <v>163.4</v>
      </c>
      <c r="D4174" s="2">
        <v>0</v>
      </c>
      <c r="E4174" s="2">
        <v>149.60000000000005</v>
      </c>
    </row>
    <row r="4175" spans="1:5" x14ac:dyDescent="0.25">
      <c r="A4175" s="3">
        <v>41783.495370370372</v>
      </c>
      <c r="B4175" s="2">
        <v>25.8</v>
      </c>
      <c r="C4175" s="2">
        <v>163.6</v>
      </c>
      <c r="D4175" s="2">
        <v>0</v>
      </c>
      <c r="E4175" s="2">
        <v>149.60000000000005</v>
      </c>
    </row>
    <row r="4176" spans="1:5" x14ac:dyDescent="0.25">
      <c r="A4176" s="3">
        <v>41783.495486111111</v>
      </c>
      <c r="B4176" s="2">
        <v>25.9</v>
      </c>
      <c r="C4176" s="2">
        <v>163.4</v>
      </c>
      <c r="D4176" s="2">
        <v>0</v>
      </c>
      <c r="E4176" s="2">
        <v>149.60000000000005</v>
      </c>
    </row>
    <row r="4177" spans="1:5" x14ac:dyDescent="0.25">
      <c r="A4177" s="3">
        <v>41783.496064814812</v>
      </c>
      <c r="B4177" s="2">
        <v>25.8</v>
      </c>
      <c r="C4177" s="2">
        <v>163.6</v>
      </c>
      <c r="D4177" s="2">
        <v>0</v>
      </c>
      <c r="E4177" s="2">
        <v>149.60000000000005</v>
      </c>
    </row>
    <row r="4178" spans="1:5" x14ac:dyDescent="0.25">
      <c r="A4178" s="3">
        <v>41783.496180555558</v>
      </c>
      <c r="B4178" s="2">
        <v>25.8</v>
      </c>
      <c r="C4178" s="2">
        <v>163.4</v>
      </c>
      <c r="D4178" s="2">
        <v>0</v>
      </c>
      <c r="E4178" s="2">
        <v>149.60000000000005</v>
      </c>
    </row>
    <row r="4179" spans="1:5" x14ac:dyDescent="0.25">
      <c r="A4179" s="3">
        <v>41783.496238425927</v>
      </c>
      <c r="B4179" s="2">
        <v>25.8</v>
      </c>
      <c r="C4179" s="2">
        <v>163.6</v>
      </c>
      <c r="D4179" s="2">
        <v>0</v>
      </c>
      <c r="E4179" s="2">
        <v>149.60000000000005</v>
      </c>
    </row>
    <row r="4180" spans="1:5" x14ac:dyDescent="0.25">
      <c r="A4180" s="3">
        <v>41783.496412037035</v>
      </c>
      <c r="B4180" s="2">
        <v>25.9</v>
      </c>
      <c r="C4180" s="2">
        <v>163.4</v>
      </c>
      <c r="D4180" s="2">
        <v>0</v>
      </c>
      <c r="E4180" s="2">
        <v>149.60000000000005</v>
      </c>
    </row>
    <row r="4181" spans="1:5" x14ac:dyDescent="0.25">
      <c r="A4181" s="3">
        <v>41783.497453703705</v>
      </c>
      <c r="B4181" s="2">
        <v>26</v>
      </c>
      <c r="C4181" s="2">
        <v>163.6</v>
      </c>
      <c r="D4181" s="2">
        <v>0</v>
      </c>
      <c r="E4181" s="2">
        <v>149.60000000000005</v>
      </c>
    </row>
    <row r="4182" spans="1:5" x14ac:dyDescent="0.25">
      <c r="A4182" s="3">
        <v>41783.497685185182</v>
      </c>
      <c r="B4182" s="2">
        <v>26</v>
      </c>
      <c r="C4182" s="2">
        <v>163.4</v>
      </c>
      <c r="D4182" s="2">
        <v>0</v>
      </c>
      <c r="E4182" s="2">
        <v>149.60000000000005</v>
      </c>
    </row>
    <row r="4183" spans="1:5" x14ac:dyDescent="0.25">
      <c r="A4183" s="3">
        <v>41783.499131944445</v>
      </c>
      <c r="B4183" s="2">
        <v>26.2</v>
      </c>
      <c r="C4183" s="2">
        <v>163.6</v>
      </c>
      <c r="D4183" s="2">
        <v>0</v>
      </c>
      <c r="E4183" s="2">
        <v>149.60000000000005</v>
      </c>
    </row>
    <row r="4184" spans="1:5" x14ac:dyDescent="0.25">
      <c r="A4184" s="3">
        <v>41783.499189814815</v>
      </c>
      <c r="B4184" s="2">
        <v>26.2</v>
      </c>
      <c r="C4184" s="2">
        <v>163.4</v>
      </c>
      <c r="D4184" s="2">
        <v>0</v>
      </c>
      <c r="E4184" s="2">
        <v>149.60000000000005</v>
      </c>
    </row>
    <row r="4185" spans="1:5" x14ac:dyDescent="0.25">
      <c r="A4185" s="3">
        <v>41783.510011574072</v>
      </c>
      <c r="B4185" s="2">
        <v>27</v>
      </c>
      <c r="C4185" s="2">
        <v>163.6</v>
      </c>
      <c r="D4185" s="2">
        <v>0</v>
      </c>
      <c r="E4185" s="2">
        <v>149.60000000000005</v>
      </c>
    </row>
    <row r="4186" spans="1:5" x14ac:dyDescent="0.25">
      <c r="A4186" s="3">
        <v>41783.510069444441</v>
      </c>
      <c r="B4186" s="2">
        <v>27</v>
      </c>
      <c r="C4186" s="2">
        <v>163.4</v>
      </c>
      <c r="D4186" s="2">
        <v>0</v>
      </c>
      <c r="E4186" s="2">
        <v>149.60000000000005</v>
      </c>
    </row>
    <row r="4187" spans="1:5" x14ac:dyDescent="0.25">
      <c r="A4187" s="3">
        <v>41783.51284722222</v>
      </c>
      <c r="B4187" s="2">
        <v>27.1</v>
      </c>
      <c r="C4187" s="2">
        <v>163.6</v>
      </c>
      <c r="D4187" s="2">
        <v>0</v>
      </c>
      <c r="E4187" s="2">
        <v>149.60000000000005</v>
      </c>
    </row>
    <row r="4188" spans="1:5" x14ac:dyDescent="0.25">
      <c r="A4188" s="3">
        <v>41783.51290509259</v>
      </c>
      <c r="B4188" s="2">
        <v>27.1</v>
      </c>
      <c r="C4188" s="2">
        <v>163.4</v>
      </c>
      <c r="D4188" s="2">
        <v>0</v>
      </c>
      <c r="E4188" s="2">
        <v>149.60000000000005</v>
      </c>
    </row>
    <row r="4189" spans="1:5" x14ac:dyDescent="0.25">
      <c r="A4189" s="3">
        <v>41783.539120370369</v>
      </c>
      <c r="B4189" s="2">
        <v>28.6</v>
      </c>
      <c r="C4189" s="2">
        <v>163.19999999999999</v>
      </c>
      <c r="D4189" s="2">
        <v>0</v>
      </c>
      <c r="E4189" s="2">
        <v>149.60000000000005</v>
      </c>
    </row>
    <row r="4190" spans="1:5" x14ac:dyDescent="0.25">
      <c r="A4190" s="3">
        <v>41783.539641203701</v>
      </c>
      <c r="B4190" s="2">
        <v>28.6</v>
      </c>
      <c r="C4190" s="2">
        <v>163.4</v>
      </c>
      <c r="D4190" s="2">
        <v>0</v>
      </c>
      <c r="E4190" s="2">
        <v>149.60000000000005</v>
      </c>
    </row>
    <row r="4191" spans="1:5" x14ac:dyDescent="0.25">
      <c r="A4191" s="3">
        <v>41783.539814814816</v>
      </c>
      <c r="B4191" s="2">
        <v>28.7</v>
      </c>
      <c r="C4191" s="2">
        <v>163.19999999999999</v>
      </c>
      <c r="D4191" s="2">
        <v>0</v>
      </c>
      <c r="E4191" s="2">
        <v>149.60000000000005</v>
      </c>
    </row>
    <row r="4192" spans="1:5" x14ac:dyDescent="0.25">
      <c r="A4192" s="3">
        <v>41783.560358796298</v>
      </c>
      <c r="B4192" s="2">
        <v>29.8</v>
      </c>
      <c r="C4192" s="2">
        <v>163</v>
      </c>
      <c r="D4192" s="2">
        <v>0</v>
      </c>
      <c r="E4192" s="2">
        <v>149.60000000000005</v>
      </c>
    </row>
    <row r="4193" spans="1:5" x14ac:dyDescent="0.25">
      <c r="A4193" s="3">
        <v>41783.560474537036</v>
      </c>
      <c r="B4193" s="2">
        <v>29.8</v>
      </c>
      <c r="C4193" s="2">
        <v>163.19999999999999</v>
      </c>
      <c r="D4193" s="2">
        <v>0</v>
      </c>
      <c r="E4193" s="2">
        <v>149.60000000000005</v>
      </c>
    </row>
    <row r="4194" spans="1:5" x14ac:dyDescent="0.25">
      <c r="A4194" s="3">
        <v>41783.560706018521</v>
      </c>
      <c r="B4194" s="2">
        <v>29.8</v>
      </c>
      <c r="C4194" s="2">
        <v>163</v>
      </c>
      <c r="D4194" s="2">
        <v>0</v>
      </c>
      <c r="E4194" s="2">
        <v>149.60000000000005</v>
      </c>
    </row>
    <row r="4195" spans="1:5" x14ac:dyDescent="0.25">
      <c r="A4195" s="3">
        <v>41783.561574074076</v>
      </c>
      <c r="B4195" s="2">
        <v>29.8</v>
      </c>
      <c r="C4195" s="2">
        <v>163.19999999999999</v>
      </c>
      <c r="D4195" s="2">
        <v>0</v>
      </c>
      <c r="E4195" s="2">
        <v>149.60000000000005</v>
      </c>
    </row>
    <row r="4196" spans="1:5" x14ac:dyDescent="0.25">
      <c r="A4196" s="3">
        <v>41783.561631944445</v>
      </c>
      <c r="B4196" s="2">
        <v>29.8</v>
      </c>
      <c r="C4196" s="2">
        <v>163</v>
      </c>
      <c r="D4196" s="2">
        <v>0</v>
      </c>
      <c r="E4196" s="2">
        <v>149.60000000000005</v>
      </c>
    </row>
    <row r="4197" spans="1:5" x14ac:dyDescent="0.25">
      <c r="A4197" s="3">
        <v>41783.561805555553</v>
      </c>
      <c r="B4197" s="2">
        <v>30</v>
      </c>
      <c r="C4197" s="2">
        <v>163.19999999999999</v>
      </c>
      <c r="D4197" s="2">
        <v>0</v>
      </c>
      <c r="E4197" s="2">
        <v>149.60000000000005</v>
      </c>
    </row>
    <row r="4198" spans="1:5" x14ac:dyDescent="0.25">
      <c r="A4198" s="3">
        <v>41783.561921296299</v>
      </c>
      <c r="B4198" s="2">
        <v>30</v>
      </c>
      <c r="C4198" s="2">
        <v>163</v>
      </c>
      <c r="D4198" s="2">
        <v>0</v>
      </c>
      <c r="E4198" s="2">
        <v>149.60000000000005</v>
      </c>
    </row>
    <row r="4199" spans="1:5" x14ac:dyDescent="0.25">
      <c r="A4199" s="3">
        <v>41783.562615740739</v>
      </c>
      <c r="B4199" s="2">
        <v>29.8</v>
      </c>
      <c r="C4199" s="2">
        <v>163.19999999999999</v>
      </c>
      <c r="D4199" s="2">
        <v>0</v>
      </c>
      <c r="E4199" s="2">
        <v>149.60000000000005</v>
      </c>
    </row>
    <row r="4200" spans="1:5" x14ac:dyDescent="0.25">
      <c r="A4200" s="3">
        <v>41783.562731481485</v>
      </c>
      <c r="B4200" s="2">
        <v>30</v>
      </c>
      <c r="C4200" s="2">
        <v>163</v>
      </c>
      <c r="D4200" s="2">
        <v>0</v>
      </c>
      <c r="E4200" s="2">
        <v>149.60000000000005</v>
      </c>
    </row>
    <row r="4201" spans="1:5" x14ac:dyDescent="0.25">
      <c r="A4201" s="3">
        <v>41783.563831018517</v>
      </c>
      <c r="B4201" s="2">
        <v>30.1</v>
      </c>
      <c r="C4201" s="2">
        <v>163.19999999999999</v>
      </c>
      <c r="D4201" s="2">
        <v>0</v>
      </c>
      <c r="E4201" s="2">
        <v>149.60000000000005</v>
      </c>
    </row>
    <row r="4202" spans="1:5" x14ac:dyDescent="0.25">
      <c r="A4202" s="3">
        <v>41783.563946759263</v>
      </c>
      <c r="B4202" s="2">
        <v>30</v>
      </c>
      <c r="C4202" s="2">
        <v>163</v>
      </c>
      <c r="D4202" s="2">
        <v>0</v>
      </c>
      <c r="E4202" s="2">
        <v>149.60000000000005</v>
      </c>
    </row>
    <row r="4203" spans="1:5" x14ac:dyDescent="0.25">
      <c r="A4203" s="3">
        <v>41783.568807870368</v>
      </c>
      <c r="B4203" s="2">
        <v>30.1</v>
      </c>
      <c r="C4203" s="2">
        <v>163.19999999999999</v>
      </c>
      <c r="D4203" s="2">
        <v>0</v>
      </c>
      <c r="E4203" s="2">
        <v>149.60000000000005</v>
      </c>
    </row>
    <row r="4204" spans="1:5" x14ac:dyDescent="0.25">
      <c r="A4204" s="3">
        <v>41783.569039351853</v>
      </c>
      <c r="B4204" s="2">
        <v>30.1</v>
      </c>
      <c r="C4204" s="2">
        <v>163</v>
      </c>
      <c r="D4204" s="2">
        <v>0</v>
      </c>
      <c r="E4204" s="2">
        <v>149.60000000000005</v>
      </c>
    </row>
    <row r="4205" spans="1:5" x14ac:dyDescent="0.25">
      <c r="A4205" s="3">
        <v>41783.573842592596</v>
      </c>
      <c r="B4205" s="2">
        <v>30.5</v>
      </c>
      <c r="C4205" s="2">
        <v>162.80000000000001</v>
      </c>
      <c r="D4205" s="2">
        <v>0</v>
      </c>
      <c r="E4205" s="2">
        <v>149.60000000000005</v>
      </c>
    </row>
    <row r="4206" spans="1:5" x14ac:dyDescent="0.25">
      <c r="A4206" s="3">
        <v>41783.576157407406</v>
      </c>
      <c r="B4206" s="2">
        <v>30.6</v>
      </c>
      <c r="C4206" s="2">
        <v>163</v>
      </c>
      <c r="D4206" s="2">
        <v>0</v>
      </c>
      <c r="E4206" s="2">
        <v>149.60000000000005</v>
      </c>
    </row>
    <row r="4207" spans="1:5" x14ac:dyDescent="0.25">
      <c r="A4207" s="3">
        <v>41783.576273148145</v>
      </c>
      <c r="B4207" s="2">
        <v>30.5</v>
      </c>
      <c r="C4207" s="2">
        <v>162.80000000000001</v>
      </c>
      <c r="D4207" s="2">
        <v>0</v>
      </c>
      <c r="E4207" s="2">
        <v>149.60000000000005</v>
      </c>
    </row>
    <row r="4208" spans="1:5" x14ac:dyDescent="0.25">
      <c r="A4208" s="3">
        <v>41783.594097222223</v>
      </c>
      <c r="B4208" s="2">
        <v>31.3</v>
      </c>
      <c r="C4208" s="2">
        <v>162.6</v>
      </c>
      <c r="D4208" s="2">
        <v>0</v>
      </c>
      <c r="E4208" s="2">
        <v>149.60000000000005</v>
      </c>
    </row>
    <row r="4209" spans="1:5" x14ac:dyDescent="0.25">
      <c r="A4209" s="3">
        <v>41783.594560185185</v>
      </c>
      <c r="B4209" s="2">
        <v>31.1</v>
      </c>
      <c r="C4209" s="2">
        <v>162.80000000000001</v>
      </c>
      <c r="D4209" s="2">
        <v>0</v>
      </c>
      <c r="E4209" s="2">
        <v>149.60000000000005</v>
      </c>
    </row>
    <row r="4210" spans="1:5" x14ac:dyDescent="0.25">
      <c r="A4210" s="3">
        <v>41783.594618055555</v>
      </c>
      <c r="B4210" s="2">
        <v>31.1</v>
      </c>
      <c r="C4210" s="2">
        <v>162.6</v>
      </c>
      <c r="D4210" s="2">
        <v>0</v>
      </c>
      <c r="E4210" s="2">
        <v>149.60000000000005</v>
      </c>
    </row>
    <row r="4211" spans="1:5" x14ac:dyDescent="0.25">
      <c r="A4211" s="3">
        <v>41783.594849537039</v>
      </c>
      <c r="B4211" s="2">
        <v>31.1</v>
      </c>
      <c r="C4211" s="2">
        <v>162.80000000000001</v>
      </c>
      <c r="D4211" s="2">
        <v>0</v>
      </c>
      <c r="E4211" s="2">
        <v>149.60000000000005</v>
      </c>
    </row>
    <row r="4212" spans="1:5" x14ac:dyDescent="0.25">
      <c r="A4212" s="3">
        <v>41783.594965277778</v>
      </c>
      <c r="B4212" s="2">
        <v>31.1</v>
      </c>
      <c r="C4212" s="2">
        <v>162.6</v>
      </c>
      <c r="D4212" s="2">
        <v>0</v>
      </c>
      <c r="E4212" s="2">
        <v>149.60000000000005</v>
      </c>
    </row>
    <row r="4213" spans="1:5" x14ac:dyDescent="0.25">
      <c r="A4213" s="3">
        <v>41783.596296296295</v>
      </c>
      <c r="B4213" s="2">
        <v>31.2</v>
      </c>
      <c r="C4213" s="2">
        <v>162.80000000000001</v>
      </c>
      <c r="D4213" s="2">
        <v>0</v>
      </c>
      <c r="E4213" s="2">
        <v>149.60000000000005</v>
      </c>
    </row>
    <row r="4214" spans="1:5" x14ac:dyDescent="0.25">
      <c r="A4214" s="3">
        <v>41783.596585648149</v>
      </c>
      <c r="B4214" s="2">
        <v>31.2</v>
      </c>
      <c r="C4214" s="2">
        <v>162.6</v>
      </c>
      <c r="D4214" s="2">
        <v>0</v>
      </c>
      <c r="E4214" s="2">
        <v>149.60000000000005</v>
      </c>
    </row>
    <row r="4215" spans="1:5" x14ac:dyDescent="0.25">
      <c r="A4215" s="3">
        <v>41783.596990740742</v>
      </c>
      <c r="B4215" s="2">
        <v>31.2</v>
      </c>
      <c r="C4215" s="2">
        <v>162.80000000000001</v>
      </c>
      <c r="D4215" s="2">
        <v>0</v>
      </c>
      <c r="E4215" s="2">
        <v>149.60000000000005</v>
      </c>
    </row>
    <row r="4216" spans="1:5" x14ac:dyDescent="0.25">
      <c r="A4216" s="3">
        <v>41783.597048611111</v>
      </c>
      <c r="B4216" s="2">
        <v>31.2</v>
      </c>
      <c r="C4216" s="2">
        <v>162.6</v>
      </c>
      <c r="D4216" s="2">
        <v>0</v>
      </c>
      <c r="E4216" s="2">
        <v>149.60000000000005</v>
      </c>
    </row>
    <row r="4217" spans="1:5" x14ac:dyDescent="0.25">
      <c r="A4217" s="3">
        <v>41783.603298611109</v>
      </c>
      <c r="B4217" s="2">
        <v>31.4</v>
      </c>
      <c r="C4217" s="2">
        <v>162.80000000000001</v>
      </c>
      <c r="D4217" s="2">
        <v>0</v>
      </c>
      <c r="E4217" s="2">
        <v>149.60000000000005</v>
      </c>
    </row>
    <row r="4218" spans="1:5" x14ac:dyDescent="0.25">
      <c r="A4218" s="3">
        <v>41783.603356481479</v>
      </c>
      <c r="B4218" s="2">
        <v>31.4</v>
      </c>
      <c r="C4218" s="2">
        <v>162.6</v>
      </c>
      <c r="D4218" s="2">
        <v>0</v>
      </c>
      <c r="E4218" s="2">
        <v>149.60000000000005</v>
      </c>
    </row>
    <row r="4219" spans="1:5" x14ac:dyDescent="0.25">
      <c r="A4219" s="3">
        <v>41783.609780092593</v>
      </c>
      <c r="B4219" s="2">
        <v>31.5</v>
      </c>
      <c r="C4219" s="2">
        <v>162.4</v>
      </c>
      <c r="D4219" s="2">
        <v>0</v>
      </c>
      <c r="E4219" s="2">
        <v>149.60000000000005</v>
      </c>
    </row>
    <row r="4220" spans="1:5" x14ac:dyDescent="0.25">
      <c r="A4220" s="3">
        <v>41783.609837962962</v>
      </c>
      <c r="B4220" s="2">
        <v>31.5</v>
      </c>
      <c r="C4220" s="2">
        <v>162.6</v>
      </c>
      <c r="D4220" s="2">
        <v>0</v>
      </c>
      <c r="E4220" s="2">
        <v>149.60000000000005</v>
      </c>
    </row>
    <row r="4221" spans="1:5" x14ac:dyDescent="0.25">
      <c r="A4221" s="3">
        <v>41783.610127314816</v>
      </c>
      <c r="B4221" s="2">
        <v>31.6</v>
      </c>
      <c r="C4221" s="2">
        <v>162.4</v>
      </c>
      <c r="D4221" s="2">
        <v>0</v>
      </c>
      <c r="E4221" s="2">
        <v>149.60000000000005</v>
      </c>
    </row>
    <row r="4222" spans="1:5" x14ac:dyDescent="0.25">
      <c r="A4222" s="3">
        <v>41783.612847222219</v>
      </c>
      <c r="B4222" s="2">
        <v>31.7</v>
      </c>
      <c r="C4222" s="2">
        <v>162.6</v>
      </c>
      <c r="D4222" s="2">
        <v>0</v>
      </c>
      <c r="E4222" s="2">
        <v>149.60000000000005</v>
      </c>
    </row>
    <row r="4223" spans="1:5" x14ac:dyDescent="0.25">
      <c r="A4223" s="3">
        <v>41783.612905092596</v>
      </c>
      <c r="B4223" s="2">
        <v>31.7</v>
      </c>
      <c r="C4223" s="2">
        <v>162.4</v>
      </c>
      <c r="D4223" s="2">
        <v>0</v>
      </c>
      <c r="E4223" s="2">
        <v>149.60000000000005</v>
      </c>
    </row>
    <row r="4224" spans="1:5" x14ac:dyDescent="0.25">
      <c r="A4224" s="3">
        <v>41783.61440972222</v>
      </c>
      <c r="B4224" s="2">
        <v>31.6</v>
      </c>
      <c r="C4224" s="2">
        <v>162.6</v>
      </c>
      <c r="D4224" s="2">
        <v>0</v>
      </c>
      <c r="E4224" s="2">
        <v>149.60000000000005</v>
      </c>
    </row>
    <row r="4225" spans="1:5" x14ac:dyDescent="0.25">
      <c r="A4225" s="3">
        <v>41783.614525462966</v>
      </c>
      <c r="B4225" s="2">
        <v>31.6</v>
      </c>
      <c r="C4225" s="2">
        <v>162.4</v>
      </c>
      <c r="D4225" s="2">
        <v>0</v>
      </c>
      <c r="E4225" s="2">
        <v>149.60000000000005</v>
      </c>
    </row>
    <row r="4226" spans="1:5" x14ac:dyDescent="0.25">
      <c r="A4226" s="3">
        <v>41783.627025462964</v>
      </c>
      <c r="B4226" s="2">
        <v>31.9</v>
      </c>
      <c r="C4226" s="2">
        <v>162.19999999999999</v>
      </c>
      <c r="D4226" s="2">
        <v>0</v>
      </c>
      <c r="E4226" s="2">
        <v>149.60000000000005</v>
      </c>
    </row>
    <row r="4227" spans="1:5" x14ac:dyDescent="0.25">
      <c r="A4227" s="3">
        <v>41783.627141203702</v>
      </c>
      <c r="B4227" s="2">
        <v>31.9</v>
      </c>
      <c r="C4227" s="2">
        <v>162.4</v>
      </c>
      <c r="D4227" s="2">
        <v>0</v>
      </c>
      <c r="E4227" s="2">
        <v>149.60000000000005</v>
      </c>
    </row>
    <row r="4228" spans="1:5" x14ac:dyDescent="0.25">
      <c r="A4228" s="3">
        <v>41783.627199074072</v>
      </c>
      <c r="B4228" s="2">
        <v>31.9</v>
      </c>
      <c r="C4228" s="2">
        <v>162.19999999999999</v>
      </c>
      <c r="D4228" s="2">
        <v>0</v>
      </c>
      <c r="E4228" s="2">
        <v>149.60000000000005</v>
      </c>
    </row>
    <row r="4229" spans="1:5" x14ac:dyDescent="0.25">
      <c r="A4229" s="3">
        <v>41783.627662037034</v>
      </c>
      <c r="B4229" s="2">
        <v>31.9</v>
      </c>
      <c r="C4229" s="2">
        <v>162.4</v>
      </c>
      <c r="D4229" s="2">
        <v>0</v>
      </c>
      <c r="E4229" s="2">
        <v>149.60000000000005</v>
      </c>
    </row>
    <row r="4230" spans="1:5" x14ac:dyDescent="0.25">
      <c r="A4230" s="3">
        <v>41783.627893518518</v>
      </c>
      <c r="B4230" s="2">
        <v>31.8</v>
      </c>
      <c r="C4230" s="2">
        <v>162.19999999999999</v>
      </c>
      <c r="D4230" s="2">
        <v>0</v>
      </c>
      <c r="E4230" s="2">
        <v>149.60000000000005</v>
      </c>
    </row>
    <row r="4231" spans="1:5" x14ac:dyDescent="0.25">
      <c r="A4231" s="3">
        <v>41783.628009259257</v>
      </c>
      <c r="B4231" s="2">
        <v>31.8</v>
      </c>
      <c r="C4231" s="2">
        <v>162.4</v>
      </c>
      <c r="D4231" s="2">
        <v>0</v>
      </c>
      <c r="E4231" s="2">
        <v>149.60000000000005</v>
      </c>
    </row>
    <row r="4232" spans="1:5" x14ac:dyDescent="0.25">
      <c r="A4232" s="3">
        <v>41783.628125000003</v>
      </c>
      <c r="B4232" s="2">
        <v>31.8</v>
      </c>
      <c r="C4232" s="2">
        <v>162.19999999999999</v>
      </c>
      <c r="D4232" s="2">
        <v>0</v>
      </c>
      <c r="E4232" s="2">
        <v>149.60000000000005</v>
      </c>
    </row>
    <row r="4233" spans="1:5" x14ac:dyDescent="0.25">
      <c r="A4233" s="3">
        <v>41783.628298611111</v>
      </c>
      <c r="B4233" s="2">
        <v>31.9</v>
      </c>
      <c r="C4233" s="2">
        <v>162.4</v>
      </c>
      <c r="D4233" s="2">
        <v>0</v>
      </c>
      <c r="E4233" s="2">
        <v>149.60000000000005</v>
      </c>
    </row>
    <row r="4234" spans="1:5" x14ac:dyDescent="0.25">
      <c r="A4234" s="3">
        <v>41783.62835648148</v>
      </c>
      <c r="B4234" s="2">
        <v>31.9</v>
      </c>
      <c r="C4234" s="2">
        <v>162.19999999999999</v>
      </c>
      <c r="D4234" s="2">
        <v>0</v>
      </c>
      <c r="E4234" s="2">
        <v>149.60000000000005</v>
      </c>
    </row>
    <row r="4235" spans="1:5" x14ac:dyDescent="0.25">
      <c r="A4235" s="3">
        <v>41783.628935185188</v>
      </c>
      <c r="B4235" s="2">
        <v>32</v>
      </c>
      <c r="C4235" s="2">
        <v>162.4</v>
      </c>
      <c r="D4235" s="2">
        <v>0</v>
      </c>
      <c r="E4235" s="2">
        <v>149.60000000000005</v>
      </c>
    </row>
    <row r="4236" spans="1:5" x14ac:dyDescent="0.25">
      <c r="A4236" s="3">
        <v>41783.629050925927</v>
      </c>
      <c r="B4236" s="2">
        <v>32</v>
      </c>
      <c r="C4236" s="2">
        <v>162.19999999999999</v>
      </c>
      <c r="D4236" s="2">
        <v>0</v>
      </c>
      <c r="E4236" s="2">
        <v>149.60000000000005</v>
      </c>
    </row>
    <row r="4237" spans="1:5" x14ac:dyDescent="0.25">
      <c r="A4237" s="3">
        <v>41783.631249999999</v>
      </c>
      <c r="B4237" s="2">
        <v>31.9</v>
      </c>
      <c r="C4237" s="2">
        <v>162.4</v>
      </c>
      <c r="D4237" s="2">
        <v>0</v>
      </c>
      <c r="E4237" s="2">
        <v>149.60000000000005</v>
      </c>
    </row>
    <row r="4238" spans="1:5" x14ac:dyDescent="0.25">
      <c r="A4238" s="3">
        <v>41783.631423611114</v>
      </c>
      <c r="B4238" s="2">
        <v>31.9</v>
      </c>
      <c r="C4238" s="2">
        <v>162.19999999999999</v>
      </c>
      <c r="D4238" s="2">
        <v>0</v>
      </c>
      <c r="E4238" s="2">
        <v>149.60000000000005</v>
      </c>
    </row>
    <row r="4239" spans="1:5" x14ac:dyDescent="0.25">
      <c r="A4239" s="3">
        <v>41783.641550925924</v>
      </c>
      <c r="B4239" s="2">
        <v>31.9</v>
      </c>
      <c r="C4239" s="2">
        <v>162.4</v>
      </c>
      <c r="D4239" s="2">
        <v>0</v>
      </c>
      <c r="E4239" s="2">
        <v>149.60000000000005</v>
      </c>
    </row>
    <row r="4240" spans="1:5" x14ac:dyDescent="0.25">
      <c r="A4240" s="3">
        <v>41783.641608796293</v>
      </c>
      <c r="B4240" s="2">
        <v>31.9</v>
      </c>
      <c r="C4240" s="2">
        <v>162.19999999999999</v>
      </c>
      <c r="D4240" s="2">
        <v>0</v>
      </c>
      <c r="E4240" s="2">
        <v>149.60000000000005</v>
      </c>
    </row>
    <row r="4241" spans="1:5" x14ac:dyDescent="0.25">
      <c r="A4241" s="3">
        <v>41783.646701388891</v>
      </c>
      <c r="B4241" s="2">
        <v>31.6</v>
      </c>
      <c r="C4241" s="2">
        <v>162.4</v>
      </c>
      <c r="D4241" s="2">
        <v>0</v>
      </c>
      <c r="E4241" s="2">
        <v>149.60000000000005</v>
      </c>
    </row>
    <row r="4242" spans="1:5" x14ac:dyDescent="0.25">
      <c r="A4242" s="3">
        <v>41783.646817129629</v>
      </c>
      <c r="B4242" s="2">
        <v>31.6</v>
      </c>
      <c r="C4242" s="2">
        <v>162.19999999999999</v>
      </c>
      <c r="D4242" s="2">
        <v>0</v>
      </c>
      <c r="E4242" s="2">
        <v>149.60000000000005</v>
      </c>
    </row>
    <row r="4243" spans="1:5" x14ac:dyDescent="0.25">
      <c r="A4243" s="3">
        <v>41783.654976851853</v>
      </c>
      <c r="B4243" s="2">
        <v>31.3</v>
      </c>
      <c r="C4243" s="2">
        <v>162</v>
      </c>
      <c r="D4243" s="2">
        <v>0</v>
      </c>
      <c r="E4243" s="2">
        <v>149.60000000000005</v>
      </c>
    </row>
    <row r="4244" spans="1:5" x14ac:dyDescent="0.25">
      <c r="A4244" s="3">
        <v>41783.66684027778</v>
      </c>
      <c r="B4244" s="2">
        <v>30.6</v>
      </c>
      <c r="C4244" s="2">
        <v>161.80000000000001</v>
      </c>
      <c r="D4244" s="2">
        <v>0</v>
      </c>
      <c r="E4244" s="2">
        <v>149.60000000000005</v>
      </c>
    </row>
    <row r="4245" spans="1:5" x14ac:dyDescent="0.25">
      <c r="A4245" s="3">
        <v>41783.667245370372</v>
      </c>
      <c r="B4245" s="2">
        <v>30.6</v>
      </c>
      <c r="C4245" s="2">
        <v>162</v>
      </c>
      <c r="D4245" s="2">
        <v>0</v>
      </c>
      <c r="E4245" s="2">
        <v>149.60000000000005</v>
      </c>
    </row>
    <row r="4246" spans="1:5" x14ac:dyDescent="0.25">
      <c r="A4246" s="3">
        <v>41783.667361111111</v>
      </c>
      <c r="B4246" s="2">
        <v>30.6</v>
      </c>
      <c r="C4246" s="2">
        <v>161.80000000000001</v>
      </c>
      <c r="D4246" s="2">
        <v>0</v>
      </c>
      <c r="E4246" s="2">
        <v>149.60000000000005</v>
      </c>
    </row>
    <row r="4247" spans="1:5" x14ac:dyDescent="0.25">
      <c r="A4247" s="3">
        <v>41783.683622685188</v>
      </c>
      <c r="B4247" s="2">
        <v>29.8</v>
      </c>
      <c r="C4247" s="2">
        <v>161.6</v>
      </c>
      <c r="D4247" s="2">
        <v>0</v>
      </c>
      <c r="E4247" s="2">
        <v>149.60000000000005</v>
      </c>
    </row>
    <row r="4248" spans="1:5" x14ac:dyDescent="0.25">
      <c r="A4248" s="3">
        <v>41783.68472222222</v>
      </c>
      <c r="B4248" s="2">
        <v>29.8</v>
      </c>
      <c r="C4248" s="2">
        <v>161.80000000000001</v>
      </c>
      <c r="D4248" s="2">
        <v>0</v>
      </c>
      <c r="E4248" s="2">
        <v>149.60000000000005</v>
      </c>
    </row>
    <row r="4249" spans="1:5" x14ac:dyDescent="0.25">
      <c r="A4249" s="3">
        <v>41783.684895833336</v>
      </c>
      <c r="B4249" s="2">
        <v>29.8</v>
      </c>
      <c r="C4249" s="2">
        <v>161.6</v>
      </c>
      <c r="D4249" s="2">
        <v>0</v>
      </c>
      <c r="E4249" s="2">
        <v>149.60000000000005</v>
      </c>
    </row>
    <row r="4250" spans="1:5" x14ac:dyDescent="0.25">
      <c r="A4250" s="3">
        <v>41783.699189814812</v>
      </c>
      <c r="B4250" s="2">
        <v>29.1</v>
      </c>
      <c r="C4250" s="2">
        <v>161.4</v>
      </c>
      <c r="D4250" s="2">
        <v>0</v>
      </c>
      <c r="E4250" s="2">
        <v>149.60000000000005</v>
      </c>
    </row>
    <row r="4251" spans="1:5" x14ac:dyDescent="0.25">
      <c r="A4251" s="3">
        <v>41783.699479166666</v>
      </c>
      <c r="B4251" s="2">
        <v>29.1</v>
      </c>
      <c r="C4251" s="2">
        <v>161.6</v>
      </c>
      <c r="D4251" s="2">
        <v>0</v>
      </c>
      <c r="E4251" s="2">
        <v>149.60000000000005</v>
      </c>
    </row>
    <row r="4252" spans="1:5" x14ac:dyDescent="0.25">
      <c r="A4252" s="3">
        <v>41783.699884259258</v>
      </c>
      <c r="B4252" s="2">
        <v>29.1</v>
      </c>
      <c r="C4252" s="2">
        <v>161.4</v>
      </c>
      <c r="D4252" s="2">
        <v>0</v>
      </c>
      <c r="E4252" s="2">
        <v>149.60000000000005</v>
      </c>
    </row>
    <row r="4253" spans="1:5" x14ac:dyDescent="0.25">
      <c r="A4253" s="3">
        <v>41783.713599537034</v>
      </c>
      <c r="B4253" s="2">
        <v>28.4</v>
      </c>
      <c r="C4253" s="2">
        <v>161.19999999999999</v>
      </c>
      <c r="D4253" s="2">
        <v>0</v>
      </c>
      <c r="E4253" s="2">
        <v>149.60000000000005</v>
      </c>
    </row>
    <row r="4254" spans="1:5" x14ac:dyDescent="0.25">
      <c r="A4254" s="3">
        <v>41783.72991898148</v>
      </c>
      <c r="B4254" s="2">
        <v>28.1</v>
      </c>
      <c r="C4254" s="2">
        <v>161</v>
      </c>
      <c r="D4254" s="2">
        <v>0</v>
      </c>
      <c r="E4254" s="2">
        <v>149.60000000000005</v>
      </c>
    </row>
    <row r="4255" spans="1:5" x14ac:dyDescent="0.25">
      <c r="A4255" s="3">
        <v>41783.744502314818</v>
      </c>
      <c r="B4255" s="2">
        <v>27.9</v>
      </c>
      <c r="C4255" s="2">
        <v>160.80000000000001</v>
      </c>
      <c r="D4255" s="2">
        <v>0</v>
      </c>
      <c r="E4255" s="2">
        <v>149.60000000000005</v>
      </c>
    </row>
    <row r="4256" spans="1:5" x14ac:dyDescent="0.25">
      <c r="A4256" s="3">
        <v>41783.74496527778</v>
      </c>
      <c r="B4256" s="2">
        <v>27.9</v>
      </c>
      <c r="C4256" s="2">
        <v>161</v>
      </c>
      <c r="D4256" s="2">
        <v>0</v>
      </c>
      <c r="E4256" s="2">
        <v>149.60000000000005</v>
      </c>
    </row>
    <row r="4257" spans="1:5" x14ac:dyDescent="0.25">
      <c r="A4257" s="3">
        <v>41783.745023148149</v>
      </c>
      <c r="B4257" s="2">
        <v>27.9</v>
      </c>
      <c r="C4257" s="2">
        <v>160.80000000000001</v>
      </c>
      <c r="D4257" s="2">
        <v>0</v>
      </c>
      <c r="E4257" s="2">
        <v>149.60000000000005</v>
      </c>
    </row>
    <row r="4258" spans="1:5" x14ac:dyDescent="0.25">
      <c r="A4258" s="3">
        <v>41783.757986111108</v>
      </c>
      <c r="B4258" s="2">
        <v>27.7</v>
      </c>
      <c r="C4258" s="2">
        <v>160.6</v>
      </c>
      <c r="D4258" s="2">
        <v>0</v>
      </c>
      <c r="E4258" s="2">
        <v>149.60000000000005</v>
      </c>
    </row>
    <row r="4259" spans="1:5" x14ac:dyDescent="0.25">
      <c r="A4259" s="3">
        <v>41783.758101851854</v>
      </c>
      <c r="B4259" s="2">
        <v>27.7</v>
      </c>
      <c r="C4259" s="2">
        <v>160.80000000000001</v>
      </c>
      <c r="D4259" s="2">
        <v>0</v>
      </c>
      <c r="E4259" s="2">
        <v>149.60000000000005</v>
      </c>
    </row>
    <row r="4260" spans="1:5" x14ac:dyDescent="0.25">
      <c r="A4260" s="3">
        <v>41783.758912037039</v>
      </c>
      <c r="B4260" s="2">
        <v>27.7</v>
      </c>
      <c r="C4260" s="2">
        <v>160.6</v>
      </c>
      <c r="D4260" s="2">
        <v>0</v>
      </c>
      <c r="E4260" s="2">
        <v>149.60000000000005</v>
      </c>
    </row>
    <row r="4261" spans="1:5" x14ac:dyDescent="0.25">
      <c r="A4261" s="3">
        <v>41783.767476851855</v>
      </c>
      <c r="B4261" s="2">
        <v>27.6</v>
      </c>
      <c r="C4261" s="2">
        <v>160.80000000000001</v>
      </c>
      <c r="D4261" s="2">
        <v>0</v>
      </c>
      <c r="E4261" s="2">
        <v>149.60000000000005</v>
      </c>
    </row>
    <row r="4262" spans="1:5" x14ac:dyDescent="0.25">
      <c r="A4262" s="3">
        <v>41783.767534722225</v>
      </c>
      <c r="B4262" s="2">
        <v>27.6</v>
      </c>
      <c r="C4262" s="2">
        <v>160.6</v>
      </c>
      <c r="D4262" s="2">
        <v>0</v>
      </c>
      <c r="E4262" s="2">
        <v>149.60000000000005</v>
      </c>
    </row>
    <row r="4263" spans="1:5" x14ac:dyDescent="0.25">
      <c r="A4263" s="3">
        <v>41783.792129629626</v>
      </c>
      <c r="B4263" s="2">
        <v>26.4</v>
      </c>
      <c r="C4263" s="2">
        <v>160.4</v>
      </c>
      <c r="D4263" s="2">
        <v>0</v>
      </c>
      <c r="E4263" s="2">
        <v>149.60000000000005</v>
      </c>
    </row>
    <row r="4264" spans="1:5" x14ac:dyDescent="0.25">
      <c r="A4264" s="3">
        <v>41783.79241898148</v>
      </c>
      <c r="B4264" s="2">
        <v>26.4</v>
      </c>
      <c r="C4264" s="2">
        <v>160.6</v>
      </c>
      <c r="D4264" s="2">
        <v>0</v>
      </c>
      <c r="E4264" s="2">
        <v>149.60000000000005</v>
      </c>
    </row>
    <row r="4265" spans="1:5" x14ac:dyDescent="0.25">
      <c r="A4265" s="3">
        <v>41783.792708333334</v>
      </c>
      <c r="B4265" s="2">
        <v>26.4</v>
      </c>
      <c r="C4265" s="2">
        <v>160.4</v>
      </c>
      <c r="D4265" s="2">
        <v>0</v>
      </c>
      <c r="E4265" s="2">
        <v>149.60000000000005</v>
      </c>
    </row>
    <row r="4266" spans="1:5" x14ac:dyDescent="0.25">
      <c r="A4266" s="3">
        <v>41783.81585648148</v>
      </c>
      <c r="B4266" s="2">
        <v>25.4</v>
      </c>
      <c r="C4266" s="2">
        <v>160.19999999999999</v>
      </c>
      <c r="D4266" s="2">
        <v>0</v>
      </c>
      <c r="E4266" s="2">
        <v>149.60000000000005</v>
      </c>
    </row>
    <row r="4267" spans="1:5" x14ac:dyDescent="0.25">
      <c r="A4267" s="3">
        <v>41783.81591435185</v>
      </c>
      <c r="B4267" s="2">
        <v>25.4</v>
      </c>
      <c r="C4267" s="2">
        <v>160.4</v>
      </c>
      <c r="D4267" s="2">
        <v>0</v>
      </c>
      <c r="E4267" s="2">
        <v>149.60000000000005</v>
      </c>
    </row>
    <row r="4268" spans="1:5" x14ac:dyDescent="0.25">
      <c r="A4268" s="3">
        <v>41783.816030092596</v>
      </c>
      <c r="B4268" s="2">
        <v>25.4</v>
      </c>
      <c r="C4268" s="2">
        <v>160.19999999999999</v>
      </c>
      <c r="D4268" s="2">
        <v>0</v>
      </c>
      <c r="E4268" s="2">
        <v>149.60000000000005</v>
      </c>
    </row>
    <row r="4269" spans="1:5" x14ac:dyDescent="0.25">
      <c r="A4269" s="3">
        <v>41783.816608796296</v>
      </c>
      <c r="B4269" s="2">
        <v>25.3</v>
      </c>
      <c r="C4269" s="2">
        <v>160.4</v>
      </c>
      <c r="D4269" s="2">
        <v>0</v>
      </c>
      <c r="E4269" s="2">
        <v>149.60000000000005</v>
      </c>
    </row>
    <row r="4270" spans="1:5" x14ac:dyDescent="0.25">
      <c r="A4270" s="3">
        <v>41783.816724537035</v>
      </c>
      <c r="B4270" s="2">
        <v>25.3</v>
      </c>
      <c r="C4270" s="2">
        <v>160.19999999999999</v>
      </c>
      <c r="D4270" s="2">
        <v>0</v>
      </c>
      <c r="E4270" s="2">
        <v>149.60000000000005</v>
      </c>
    </row>
    <row r="4271" spans="1:5" x14ac:dyDescent="0.25">
      <c r="A4271" s="3">
        <v>41783.852430555555</v>
      </c>
      <c r="B4271" s="2">
        <v>24</v>
      </c>
      <c r="C4271" s="2">
        <v>160</v>
      </c>
      <c r="D4271" s="2">
        <v>0</v>
      </c>
      <c r="E4271" s="2">
        <v>149.60000000000005</v>
      </c>
    </row>
    <row r="4272" spans="1:5" x14ac:dyDescent="0.25">
      <c r="A4272" s="3">
        <v>41783.852546296293</v>
      </c>
      <c r="B4272" s="2">
        <v>24</v>
      </c>
      <c r="C4272" s="2">
        <v>160.19999999999999</v>
      </c>
      <c r="D4272" s="2">
        <v>0</v>
      </c>
      <c r="E4272" s="2">
        <v>149.60000000000005</v>
      </c>
    </row>
    <row r="4273" spans="1:5" x14ac:dyDescent="0.25">
      <c r="A4273" s="3">
        <v>41783.852951388886</v>
      </c>
      <c r="B4273" s="2">
        <v>24</v>
      </c>
      <c r="C4273" s="2">
        <v>160</v>
      </c>
      <c r="D4273" s="2">
        <v>0</v>
      </c>
      <c r="E4273" s="2">
        <v>149.60000000000005</v>
      </c>
    </row>
    <row r="4274" spans="1:5" x14ac:dyDescent="0.25">
      <c r="A4274" s="3">
        <v>41783.886458333334</v>
      </c>
      <c r="B4274" s="2">
        <v>22.8</v>
      </c>
      <c r="C4274" s="2">
        <v>159.80000000000001</v>
      </c>
      <c r="D4274" s="2">
        <v>0</v>
      </c>
      <c r="E4274" s="2">
        <v>149.60000000000005</v>
      </c>
    </row>
    <row r="4275" spans="1:5" x14ac:dyDescent="0.25">
      <c r="A4275" s="3">
        <v>41783.934664351851</v>
      </c>
      <c r="B4275" s="2">
        <v>21.5</v>
      </c>
      <c r="C4275" s="2">
        <v>159.6</v>
      </c>
      <c r="D4275" s="2">
        <v>0</v>
      </c>
      <c r="E4275" s="2">
        <v>149.60000000000005</v>
      </c>
    </row>
    <row r="4276" spans="1:5" x14ac:dyDescent="0.25">
      <c r="A4276" s="3">
        <v>41783.999016203707</v>
      </c>
      <c r="B4276" s="2">
        <v>19.899999999999999</v>
      </c>
      <c r="C4276" s="2">
        <v>159.4</v>
      </c>
      <c r="D4276" s="2">
        <v>0</v>
      </c>
      <c r="E4276" s="2">
        <v>149.60000000000005</v>
      </c>
    </row>
    <row r="4277" spans="1:5" x14ac:dyDescent="0.25">
      <c r="A4277" s="3">
        <v>41784.109259259261</v>
      </c>
      <c r="B4277" s="2">
        <v>17.7</v>
      </c>
      <c r="C4277" s="2">
        <v>159.19999999999999</v>
      </c>
      <c r="D4277" s="2">
        <v>0</v>
      </c>
      <c r="E4277" s="2">
        <v>149.60000000000005</v>
      </c>
    </row>
    <row r="4278" spans="1:5" x14ac:dyDescent="0.25">
      <c r="A4278" s="3">
        <v>41784.238368055558</v>
      </c>
      <c r="B4278" s="2">
        <v>15.6</v>
      </c>
      <c r="C4278" s="2">
        <v>159</v>
      </c>
      <c r="D4278" s="2">
        <v>0</v>
      </c>
      <c r="E4278" s="2">
        <v>149.60000000000005</v>
      </c>
    </row>
    <row r="4279" spans="1:5" x14ac:dyDescent="0.25">
      <c r="A4279" s="3">
        <v>41784.347337962965</v>
      </c>
      <c r="B4279" s="2">
        <v>15.4</v>
      </c>
      <c r="C4279" s="2">
        <v>158.80000000000001</v>
      </c>
      <c r="D4279" s="2">
        <v>0</v>
      </c>
      <c r="E4279" s="2">
        <v>149.60000000000005</v>
      </c>
    </row>
    <row r="4280" spans="1:5" x14ac:dyDescent="0.25">
      <c r="A4280" s="3">
        <v>41784.384895833333</v>
      </c>
      <c r="B4280" s="2">
        <v>16.5</v>
      </c>
      <c r="C4280" s="2">
        <v>158.6</v>
      </c>
      <c r="D4280" s="2">
        <v>0</v>
      </c>
      <c r="E4280" s="2">
        <v>149.60000000000005</v>
      </c>
    </row>
    <row r="4281" spans="1:5" x14ac:dyDescent="0.25">
      <c r="A4281" s="3">
        <v>41784.530497685184</v>
      </c>
      <c r="B4281" s="2">
        <v>27</v>
      </c>
      <c r="C4281" s="2">
        <v>158.4</v>
      </c>
      <c r="D4281" s="2">
        <v>0</v>
      </c>
      <c r="E4281" s="2">
        <v>149.60000000000005</v>
      </c>
    </row>
    <row r="4282" spans="1:5" x14ac:dyDescent="0.25">
      <c r="A4282" s="3">
        <v>41784.530844907407</v>
      </c>
      <c r="B4282" s="2">
        <v>27.1</v>
      </c>
      <c r="C4282" s="2">
        <v>158.6</v>
      </c>
      <c r="D4282" s="2">
        <v>0</v>
      </c>
      <c r="E4282" s="2">
        <v>149.60000000000005</v>
      </c>
    </row>
    <row r="4283" spans="1:5" x14ac:dyDescent="0.25">
      <c r="A4283" s="3">
        <v>41784.530902777777</v>
      </c>
      <c r="B4283" s="2">
        <v>27</v>
      </c>
      <c r="C4283" s="2">
        <v>158.4</v>
      </c>
      <c r="D4283" s="2">
        <v>0</v>
      </c>
      <c r="E4283" s="2">
        <v>149.60000000000005</v>
      </c>
    </row>
    <row r="4284" spans="1:5" x14ac:dyDescent="0.25">
      <c r="A4284" s="3">
        <v>41784.531481481485</v>
      </c>
      <c r="B4284" s="2">
        <v>27.1</v>
      </c>
      <c r="C4284" s="2">
        <v>158.6</v>
      </c>
      <c r="D4284" s="2">
        <v>0</v>
      </c>
      <c r="E4284" s="2">
        <v>149.60000000000005</v>
      </c>
    </row>
    <row r="4285" spans="1:5" x14ac:dyDescent="0.25">
      <c r="A4285" s="3">
        <v>41784.531944444447</v>
      </c>
      <c r="B4285" s="2">
        <v>27.2</v>
      </c>
      <c r="C4285" s="2">
        <v>158.4</v>
      </c>
      <c r="D4285" s="2">
        <v>0</v>
      </c>
      <c r="E4285" s="2">
        <v>149.60000000000005</v>
      </c>
    </row>
    <row r="4286" spans="1:5" x14ac:dyDescent="0.25">
      <c r="A4286" s="3">
        <v>41784.537210648145</v>
      </c>
      <c r="B4286" s="2">
        <v>27.5</v>
      </c>
      <c r="C4286" s="2">
        <v>158.6</v>
      </c>
      <c r="D4286" s="2">
        <v>0</v>
      </c>
      <c r="E4286" s="2">
        <v>149.60000000000005</v>
      </c>
    </row>
    <row r="4287" spans="1:5" x14ac:dyDescent="0.25">
      <c r="A4287" s="3">
        <v>41784.53738425926</v>
      </c>
      <c r="B4287" s="2">
        <v>27.6</v>
      </c>
      <c r="C4287" s="2">
        <v>158.4</v>
      </c>
      <c r="D4287" s="2">
        <v>0</v>
      </c>
      <c r="E4287" s="2">
        <v>149.60000000000005</v>
      </c>
    </row>
    <row r="4288" spans="1:5" x14ac:dyDescent="0.25">
      <c r="A4288" s="3">
        <v>41784.571238425924</v>
      </c>
      <c r="B4288" s="2">
        <v>29.6</v>
      </c>
      <c r="C4288" s="2">
        <v>158.19999999999999</v>
      </c>
      <c r="D4288" s="2">
        <v>0</v>
      </c>
      <c r="E4288" s="2">
        <v>149.60000000000005</v>
      </c>
    </row>
    <row r="4289" spans="1:5" x14ac:dyDescent="0.25">
      <c r="A4289" s="3">
        <v>41784.57135416667</v>
      </c>
      <c r="B4289" s="2">
        <v>29.5</v>
      </c>
      <c r="C4289" s="2">
        <v>158.4</v>
      </c>
      <c r="D4289" s="2">
        <v>0</v>
      </c>
      <c r="E4289" s="2">
        <v>149.60000000000005</v>
      </c>
    </row>
    <row r="4290" spans="1:5" x14ac:dyDescent="0.25">
      <c r="A4290" s="3">
        <v>41784.572048611109</v>
      </c>
      <c r="B4290" s="2">
        <v>29.8</v>
      </c>
      <c r="C4290" s="2">
        <v>158.19999999999999</v>
      </c>
      <c r="D4290" s="2">
        <v>0</v>
      </c>
      <c r="E4290" s="2">
        <v>149.60000000000005</v>
      </c>
    </row>
    <row r="4291" spans="1:5" x14ac:dyDescent="0.25">
      <c r="A4291" s="3">
        <v>41784.572453703702</v>
      </c>
      <c r="B4291" s="2">
        <v>29.6</v>
      </c>
      <c r="C4291" s="2">
        <v>158.4</v>
      </c>
      <c r="D4291" s="2">
        <v>0</v>
      </c>
      <c r="E4291" s="2">
        <v>149.60000000000005</v>
      </c>
    </row>
    <row r="4292" spans="1:5" x14ac:dyDescent="0.25">
      <c r="A4292" s="3">
        <v>41784.572627314818</v>
      </c>
      <c r="B4292" s="2">
        <v>29.6</v>
      </c>
      <c r="C4292" s="2">
        <v>158.19999999999999</v>
      </c>
      <c r="D4292" s="2">
        <v>0</v>
      </c>
      <c r="E4292" s="2">
        <v>149.60000000000005</v>
      </c>
    </row>
    <row r="4293" spans="1:5" x14ac:dyDescent="0.25">
      <c r="A4293" s="3">
        <v>41784.574074074073</v>
      </c>
      <c r="B4293" s="2">
        <v>29.7</v>
      </c>
      <c r="C4293" s="2">
        <v>158.4</v>
      </c>
      <c r="D4293" s="2">
        <v>0</v>
      </c>
      <c r="E4293" s="2">
        <v>149.60000000000005</v>
      </c>
    </row>
    <row r="4294" spans="1:5" x14ac:dyDescent="0.25">
      <c r="A4294" s="3">
        <v>41784.574189814812</v>
      </c>
      <c r="B4294" s="2">
        <v>29.8</v>
      </c>
      <c r="C4294" s="2">
        <v>158.19999999999999</v>
      </c>
      <c r="D4294" s="2">
        <v>0</v>
      </c>
      <c r="E4294" s="2">
        <v>149.60000000000005</v>
      </c>
    </row>
    <row r="4295" spans="1:5" x14ac:dyDescent="0.25">
      <c r="A4295" s="3">
        <v>41784.607812499999</v>
      </c>
      <c r="B4295" s="2">
        <v>30.7</v>
      </c>
      <c r="C4295" s="2">
        <v>158</v>
      </c>
      <c r="D4295" s="2">
        <v>0</v>
      </c>
      <c r="E4295" s="2">
        <v>149.60000000000005</v>
      </c>
    </row>
    <row r="4296" spans="1:5" x14ac:dyDescent="0.25">
      <c r="A4296" s="3">
        <v>41784.623032407406</v>
      </c>
      <c r="B4296" s="2">
        <v>31.1</v>
      </c>
      <c r="C4296" s="2">
        <v>157.80000000000001</v>
      </c>
      <c r="D4296" s="2">
        <v>0</v>
      </c>
      <c r="E4296" s="2">
        <v>149.60000000000005</v>
      </c>
    </row>
    <row r="4297" spans="1:5" x14ac:dyDescent="0.25">
      <c r="A4297" s="3">
        <v>41784.623206018521</v>
      </c>
      <c r="B4297" s="2">
        <v>31.1</v>
      </c>
      <c r="C4297" s="2">
        <v>158</v>
      </c>
      <c r="D4297" s="2">
        <v>0</v>
      </c>
      <c r="E4297" s="2">
        <v>149.60000000000005</v>
      </c>
    </row>
    <row r="4298" spans="1:5" x14ac:dyDescent="0.25">
      <c r="A4298" s="3">
        <v>41784.623495370368</v>
      </c>
      <c r="B4298" s="2">
        <v>31.1</v>
      </c>
      <c r="C4298" s="2">
        <v>157.80000000000001</v>
      </c>
      <c r="D4298" s="2">
        <v>0</v>
      </c>
      <c r="E4298" s="2">
        <v>149.60000000000005</v>
      </c>
    </row>
    <row r="4299" spans="1:5" x14ac:dyDescent="0.25">
      <c r="A4299" s="3">
        <v>41784.624074074076</v>
      </c>
      <c r="B4299" s="2">
        <v>31.1</v>
      </c>
      <c r="C4299" s="2">
        <v>158</v>
      </c>
      <c r="D4299" s="2">
        <v>0</v>
      </c>
      <c r="E4299" s="2">
        <v>149.60000000000005</v>
      </c>
    </row>
    <row r="4300" spans="1:5" x14ac:dyDescent="0.25">
      <c r="A4300" s="3">
        <v>41784.624479166669</v>
      </c>
      <c r="B4300" s="2">
        <v>31.1</v>
      </c>
      <c r="C4300" s="2">
        <v>157.80000000000001</v>
      </c>
      <c r="D4300" s="2">
        <v>0</v>
      </c>
      <c r="E4300" s="2">
        <v>149.60000000000005</v>
      </c>
    </row>
    <row r="4301" spans="1:5" x14ac:dyDescent="0.25">
      <c r="A4301" s="3">
        <v>41784.638194444444</v>
      </c>
      <c r="B4301" s="2">
        <v>31.4</v>
      </c>
      <c r="C4301" s="2">
        <v>157.6</v>
      </c>
      <c r="D4301" s="2">
        <v>0</v>
      </c>
      <c r="E4301" s="2">
        <v>149.60000000000005</v>
      </c>
    </row>
    <row r="4302" spans="1:5" x14ac:dyDescent="0.25">
      <c r="A4302" s="3">
        <v>41784.639814814815</v>
      </c>
      <c r="B4302" s="2">
        <v>31.4</v>
      </c>
      <c r="C4302" s="2">
        <v>157.80000000000001</v>
      </c>
      <c r="D4302" s="2">
        <v>0</v>
      </c>
      <c r="E4302" s="2">
        <v>149.60000000000005</v>
      </c>
    </row>
    <row r="4303" spans="1:5" x14ac:dyDescent="0.25">
      <c r="A4303" s="3">
        <v>41784.640277777777</v>
      </c>
      <c r="B4303" s="2">
        <v>31.4</v>
      </c>
      <c r="C4303" s="2">
        <v>157.6</v>
      </c>
      <c r="D4303" s="2">
        <v>0</v>
      </c>
      <c r="E4303" s="2">
        <v>149.60000000000005</v>
      </c>
    </row>
    <row r="4304" spans="1:5" x14ac:dyDescent="0.25">
      <c r="A4304" s="3">
        <v>41784.641030092593</v>
      </c>
      <c r="B4304" s="2">
        <v>31.4</v>
      </c>
      <c r="C4304" s="2">
        <v>157.80000000000001</v>
      </c>
      <c r="D4304" s="2">
        <v>0</v>
      </c>
      <c r="E4304" s="2">
        <v>149.60000000000005</v>
      </c>
    </row>
    <row r="4305" spans="1:5" x14ac:dyDescent="0.25">
      <c r="A4305" s="3">
        <v>41784.641145833331</v>
      </c>
      <c r="B4305" s="2">
        <v>31.4</v>
      </c>
      <c r="C4305" s="2">
        <v>157.6</v>
      </c>
      <c r="D4305" s="2">
        <v>0</v>
      </c>
      <c r="E4305" s="2">
        <v>149.60000000000005</v>
      </c>
    </row>
    <row r="4306" spans="1:5" x14ac:dyDescent="0.25">
      <c r="A4306" s="3">
        <v>41784.646469907406</v>
      </c>
      <c r="B4306" s="2">
        <v>31.1</v>
      </c>
      <c r="C4306" s="2">
        <v>157.80000000000001</v>
      </c>
      <c r="D4306" s="2">
        <v>0</v>
      </c>
      <c r="E4306" s="2">
        <v>149.60000000000005</v>
      </c>
    </row>
    <row r="4307" spans="1:5" x14ac:dyDescent="0.25">
      <c r="A4307" s="3">
        <v>41784.646585648145</v>
      </c>
      <c r="B4307" s="2">
        <v>31.1</v>
      </c>
      <c r="C4307" s="2">
        <v>157.6</v>
      </c>
      <c r="D4307" s="2">
        <v>0</v>
      </c>
      <c r="E4307" s="2">
        <v>149.60000000000005</v>
      </c>
    </row>
    <row r="4308" spans="1:5" x14ac:dyDescent="0.25">
      <c r="A4308" s="3">
        <v>41784.648090277777</v>
      </c>
      <c r="B4308" s="2">
        <v>31.1</v>
      </c>
      <c r="C4308" s="2">
        <v>157.80000000000001</v>
      </c>
      <c r="D4308" s="2">
        <v>0</v>
      </c>
      <c r="E4308" s="2">
        <v>149.60000000000005</v>
      </c>
    </row>
    <row r="4309" spans="1:5" x14ac:dyDescent="0.25">
      <c r="A4309" s="3">
        <v>41784.648263888892</v>
      </c>
      <c r="B4309" s="2">
        <v>31.1</v>
      </c>
      <c r="C4309" s="2">
        <v>157.6</v>
      </c>
      <c r="D4309" s="2">
        <v>0</v>
      </c>
      <c r="E4309" s="2">
        <v>149.60000000000005</v>
      </c>
    </row>
    <row r="4310" spans="1:5" x14ac:dyDescent="0.25">
      <c r="A4310" s="3">
        <v>41784.648321759261</v>
      </c>
      <c r="B4310" s="2">
        <v>31.1</v>
      </c>
      <c r="C4310" s="2">
        <v>157.80000000000001</v>
      </c>
      <c r="D4310" s="2">
        <v>0</v>
      </c>
      <c r="E4310" s="2">
        <v>149.60000000000005</v>
      </c>
    </row>
    <row r="4311" spans="1:5" x14ac:dyDescent="0.25">
      <c r="A4311" s="3">
        <v>41784.6484375</v>
      </c>
      <c r="B4311" s="2">
        <v>31.1</v>
      </c>
      <c r="C4311" s="2">
        <v>157.6</v>
      </c>
      <c r="D4311" s="2">
        <v>0</v>
      </c>
      <c r="E4311" s="2">
        <v>149.60000000000005</v>
      </c>
    </row>
    <row r="4312" spans="1:5" x14ac:dyDescent="0.25">
      <c r="A4312" s="3">
        <v>41784.669675925928</v>
      </c>
      <c r="B4312" s="2">
        <v>30.1</v>
      </c>
      <c r="C4312" s="2">
        <v>157.4</v>
      </c>
      <c r="D4312" s="2">
        <v>0</v>
      </c>
      <c r="E4312" s="2">
        <v>149.60000000000005</v>
      </c>
    </row>
    <row r="4313" spans="1:5" x14ac:dyDescent="0.25">
      <c r="A4313" s="3">
        <v>41784.670138888891</v>
      </c>
      <c r="B4313" s="2">
        <v>30</v>
      </c>
      <c r="C4313" s="2">
        <v>157.6</v>
      </c>
      <c r="D4313" s="2">
        <v>0</v>
      </c>
      <c r="E4313" s="2">
        <v>149.60000000000005</v>
      </c>
    </row>
    <row r="4314" spans="1:5" x14ac:dyDescent="0.25">
      <c r="A4314" s="3">
        <v>41784.67019675926</v>
      </c>
      <c r="B4314" s="2">
        <v>30.1</v>
      </c>
      <c r="C4314" s="2">
        <v>157.4</v>
      </c>
      <c r="D4314" s="2">
        <v>0</v>
      </c>
      <c r="E4314" s="2">
        <v>149.60000000000005</v>
      </c>
    </row>
    <row r="4315" spans="1:5" x14ac:dyDescent="0.25">
      <c r="A4315" s="3">
        <v>41784.686863425923</v>
      </c>
      <c r="B4315" s="2">
        <v>29.4</v>
      </c>
      <c r="C4315" s="2">
        <v>157.19999999999999</v>
      </c>
      <c r="D4315" s="2">
        <v>0</v>
      </c>
      <c r="E4315" s="2">
        <v>149.60000000000005</v>
      </c>
    </row>
    <row r="4316" spans="1:5" x14ac:dyDescent="0.25">
      <c r="A4316" s="3">
        <v>41784.686979166669</v>
      </c>
      <c r="B4316" s="2">
        <v>29.4</v>
      </c>
      <c r="C4316" s="2">
        <v>157.4</v>
      </c>
      <c r="D4316" s="2">
        <v>0</v>
      </c>
      <c r="E4316" s="2">
        <v>149.60000000000005</v>
      </c>
    </row>
    <row r="4317" spans="1:5" x14ac:dyDescent="0.25">
      <c r="A4317" s="3">
        <v>41784.687152777777</v>
      </c>
      <c r="B4317" s="2">
        <v>29.4</v>
      </c>
      <c r="C4317" s="2">
        <v>157.19999999999999</v>
      </c>
      <c r="D4317" s="2">
        <v>0</v>
      </c>
      <c r="E4317" s="2">
        <v>149.60000000000005</v>
      </c>
    </row>
    <row r="4318" spans="1:5" x14ac:dyDescent="0.25">
      <c r="A4318" s="3">
        <v>41784.687268518515</v>
      </c>
      <c r="B4318" s="2">
        <v>29.4</v>
      </c>
      <c r="C4318" s="2">
        <v>157.4</v>
      </c>
      <c r="D4318" s="2">
        <v>0</v>
      </c>
      <c r="E4318" s="2">
        <v>149.60000000000005</v>
      </c>
    </row>
    <row r="4319" spans="1:5" x14ac:dyDescent="0.25">
      <c r="A4319" s="3">
        <v>41784.687673611108</v>
      </c>
      <c r="B4319" s="2">
        <v>29.4</v>
      </c>
      <c r="C4319" s="2">
        <v>157.19999999999999</v>
      </c>
      <c r="D4319" s="2">
        <v>0</v>
      </c>
      <c r="E4319" s="2">
        <v>149.60000000000005</v>
      </c>
    </row>
    <row r="4320" spans="1:5" x14ac:dyDescent="0.25">
      <c r="A4320" s="3">
        <v>41784.703587962962</v>
      </c>
      <c r="B4320" s="2">
        <v>28.7</v>
      </c>
      <c r="C4320" s="2">
        <v>157</v>
      </c>
      <c r="D4320" s="2">
        <v>0</v>
      </c>
      <c r="E4320" s="2">
        <v>149.60000000000005</v>
      </c>
    </row>
    <row r="4321" spans="1:5" x14ac:dyDescent="0.25">
      <c r="A4321" s="3">
        <v>41784.725057870368</v>
      </c>
      <c r="B4321" s="2">
        <v>28.1</v>
      </c>
      <c r="C4321" s="2">
        <v>156.80000000000001</v>
      </c>
      <c r="D4321" s="2">
        <v>0</v>
      </c>
      <c r="E4321" s="2">
        <v>149.60000000000005</v>
      </c>
    </row>
    <row r="4322" spans="1:5" x14ac:dyDescent="0.25">
      <c r="A4322" s="3">
        <v>41784.725925925923</v>
      </c>
      <c r="B4322" s="2">
        <v>28.1</v>
      </c>
      <c r="C4322" s="2">
        <v>157</v>
      </c>
      <c r="D4322" s="2">
        <v>0</v>
      </c>
      <c r="E4322" s="2">
        <v>149.60000000000005</v>
      </c>
    </row>
    <row r="4323" spans="1:5" x14ac:dyDescent="0.25">
      <c r="A4323" s="3">
        <v>41784.726041666669</v>
      </c>
      <c r="B4323" s="2">
        <v>28.1</v>
      </c>
      <c r="C4323" s="2">
        <v>156.80000000000001</v>
      </c>
      <c r="D4323" s="2">
        <v>0</v>
      </c>
      <c r="E4323" s="2">
        <v>149.60000000000005</v>
      </c>
    </row>
    <row r="4324" spans="1:5" x14ac:dyDescent="0.25">
      <c r="A4324" s="3">
        <v>41784.745312500003</v>
      </c>
      <c r="B4324" s="2">
        <v>28</v>
      </c>
      <c r="C4324" s="2">
        <v>156.6</v>
      </c>
      <c r="D4324" s="2">
        <v>0</v>
      </c>
      <c r="E4324" s="2">
        <v>149.60000000000005</v>
      </c>
    </row>
    <row r="4325" spans="1:5" x14ac:dyDescent="0.25">
      <c r="A4325" s="3">
        <v>41784.761400462965</v>
      </c>
      <c r="B4325" s="2">
        <v>28</v>
      </c>
      <c r="C4325" s="2">
        <v>156.4</v>
      </c>
      <c r="D4325" s="2">
        <v>0</v>
      </c>
      <c r="E4325" s="2">
        <v>149.60000000000005</v>
      </c>
    </row>
    <row r="4326" spans="1:5" x14ac:dyDescent="0.25">
      <c r="A4326" s="3">
        <v>41784.809664351851</v>
      </c>
      <c r="B4326" s="2">
        <v>26.5</v>
      </c>
      <c r="C4326" s="2">
        <v>156.19999999999999</v>
      </c>
      <c r="D4326" s="2">
        <v>0</v>
      </c>
      <c r="E4326" s="2">
        <v>149.60000000000005</v>
      </c>
    </row>
    <row r="4327" spans="1:5" x14ac:dyDescent="0.25">
      <c r="A4327" s="3">
        <v>41784.849189814813</v>
      </c>
      <c r="B4327" s="2">
        <v>25.4</v>
      </c>
      <c r="C4327" s="2">
        <v>156</v>
      </c>
      <c r="D4327" s="2">
        <v>0</v>
      </c>
      <c r="E4327" s="2">
        <v>149.60000000000005</v>
      </c>
    </row>
    <row r="4328" spans="1:5" x14ac:dyDescent="0.25">
      <c r="A4328" s="3">
        <v>41784.903414351851</v>
      </c>
      <c r="B4328" s="2">
        <v>23.9</v>
      </c>
      <c r="C4328" s="2">
        <v>155.80000000000001</v>
      </c>
      <c r="D4328" s="2">
        <v>0</v>
      </c>
      <c r="E4328" s="2">
        <v>149.60000000000005</v>
      </c>
    </row>
    <row r="4329" spans="1:5" x14ac:dyDescent="0.25">
      <c r="A4329" s="3">
        <v>41784.980844907404</v>
      </c>
      <c r="B4329" s="2">
        <v>22.3</v>
      </c>
      <c r="C4329" s="2">
        <v>155.6</v>
      </c>
      <c r="D4329" s="2">
        <v>0</v>
      </c>
      <c r="E4329" s="2">
        <v>149.60000000000005</v>
      </c>
    </row>
    <row r="4330" spans="1:5" x14ac:dyDescent="0.25">
      <c r="A4330" s="3">
        <v>41785.095023148147</v>
      </c>
      <c r="B4330" s="2">
        <v>20</v>
      </c>
      <c r="C4330" s="2">
        <v>155.4</v>
      </c>
      <c r="D4330" s="2">
        <v>0</v>
      </c>
      <c r="E4330" s="2">
        <v>149.60000000000005</v>
      </c>
    </row>
    <row r="4331" spans="1:5" x14ac:dyDescent="0.25">
      <c r="A4331" s="3">
        <v>41785.23096064815</v>
      </c>
      <c r="B4331" s="2">
        <v>17.399999999999999</v>
      </c>
      <c r="C4331" s="2">
        <v>155.19999999999999</v>
      </c>
      <c r="D4331" s="2">
        <v>0</v>
      </c>
      <c r="E4331" s="2">
        <v>149.60000000000005</v>
      </c>
    </row>
    <row r="4332" spans="1:5" x14ac:dyDescent="0.25">
      <c r="A4332" s="3">
        <v>41785.294270833336</v>
      </c>
      <c r="B4332" s="2">
        <v>16.8</v>
      </c>
      <c r="C4332" s="2">
        <v>155</v>
      </c>
      <c r="D4332" s="2">
        <v>0</v>
      </c>
      <c r="E4332" s="2">
        <v>149.60000000000005</v>
      </c>
    </row>
    <row r="4333" spans="1:5" x14ac:dyDescent="0.25">
      <c r="A4333" s="3">
        <v>41785.415914351855</v>
      </c>
      <c r="B4333" s="2">
        <v>18.3</v>
      </c>
      <c r="C4333" s="2">
        <v>155</v>
      </c>
      <c r="D4333" s="2">
        <v>0.2</v>
      </c>
      <c r="E4333" s="2">
        <v>149.80000000000004</v>
      </c>
    </row>
    <row r="4334" spans="1:5" x14ac:dyDescent="0.25">
      <c r="A4334" s="3">
        <v>41785.416030092594</v>
      </c>
      <c r="B4334" s="2">
        <v>18.3</v>
      </c>
      <c r="C4334" s="2">
        <v>155.19999999999999</v>
      </c>
      <c r="D4334" s="2">
        <v>0</v>
      </c>
      <c r="E4334" s="2">
        <v>149.80000000000004</v>
      </c>
    </row>
    <row r="4335" spans="1:5" x14ac:dyDescent="0.25">
      <c r="A4335" s="3">
        <v>41785.41846064815</v>
      </c>
      <c r="B4335" s="2">
        <v>18.2</v>
      </c>
      <c r="C4335" s="2">
        <v>155.19999999999999</v>
      </c>
      <c r="D4335" s="2">
        <v>0.2</v>
      </c>
      <c r="E4335" s="2">
        <v>150.00000000000003</v>
      </c>
    </row>
    <row r="4336" spans="1:5" x14ac:dyDescent="0.25">
      <c r="A4336" s="3">
        <v>41785.419791666667</v>
      </c>
      <c r="B4336" s="2">
        <v>18.100000000000001</v>
      </c>
      <c r="C4336" s="2">
        <v>155.4</v>
      </c>
      <c r="D4336" s="2">
        <v>0</v>
      </c>
      <c r="E4336" s="2">
        <v>150.00000000000003</v>
      </c>
    </row>
    <row r="4337" spans="1:5" x14ac:dyDescent="0.25">
      <c r="A4337" s="3">
        <v>41785.421469907407</v>
      </c>
      <c r="B4337" s="2">
        <v>18.100000000000001</v>
      </c>
      <c r="C4337" s="2">
        <v>155.4</v>
      </c>
      <c r="D4337" s="2">
        <v>0.2</v>
      </c>
      <c r="E4337" s="2">
        <v>150.20000000000002</v>
      </c>
    </row>
    <row r="4338" spans="1:5" x14ac:dyDescent="0.25">
      <c r="A4338" s="3">
        <v>41785.422685185185</v>
      </c>
      <c r="B4338" s="2">
        <v>18.100000000000001</v>
      </c>
      <c r="C4338" s="2">
        <v>155.6</v>
      </c>
      <c r="D4338" s="2">
        <v>0</v>
      </c>
      <c r="E4338" s="2">
        <v>150.20000000000002</v>
      </c>
    </row>
    <row r="4339" spans="1:5" x14ac:dyDescent="0.25">
      <c r="A4339" s="3">
        <v>41785.423379629632</v>
      </c>
      <c r="B4339" s="2">
        <v>18.100000000000001</v>
      </c>
      <c r="C4339" s="2">
        <v>155.6</v>
      </c>
      <c r="D4339" s="2">
        <v>0.2</v>
      </c>
      <c r="E4339" s="2">
        <v>150.4</v>
      </c>
    </row>
    <row r="4340" spans="1:5" x14ac:dyDescent="0.25">
      <c r="A4340" s="3">
        <v>41785.424421296295</v>
      </c>
      <c r="B4340" s="2">
        <v>18</v>
      </c>
      <c r="C4340" s="2">
        <v>155.80000000000001</v>
      </c>
      <c r="D4340" s="2">
        <v>0</v>
      </c>
      <c r="E4340" s="2">
        <v>150.4</v>
      </c>
    </row>
    <row r="4341" spans="1:5" x14ac:dyDescent="0.25">
      <c r="A4341" s="3">
        <v>41785.42465277778</v>
      </c>
      <c r="B4341" s="2">
        <v>18</v>
      </c>
      <c r="C4341" s="2">
        <v>155.80000000000001</v>
      </c>
      <c r="D4341" s="2">
        <v>0.2</v>
      </c>
      <c r="E4341" s="2">
        <v>150.6</v>
      </c>
    </row>
    <row r="4342" spans="1:5" x14ac:dyDescent="0.25">
      <c r="A4342" s="3">
        <v>41785.42627314815</v>
      </c>
      <c r="B4342" s="2">
        <v>18</v>
      </c>
      <c r="C4342" s="2">
        <v>156</v>
      </c>
      <c r="D4342" s="2">
        <v>0</v>
      </c>
      <c r="E4342" s="2">
        <v>150.6</v>
      </c>
    </row>
    <row r="4343" spans="1:5" x14ac:dyDescent="0.25">
      <c r="A4343" s="3">
        <v>41785.42696759259</v>
      </c>
      <c r="B4343" s="2">
        <v>18</v>
      </c>
      <c r="C4343" s="2">
        <v>156</v>
      </c>
      <c r="D4343" s="2">
        <v>0.2</v>
      </c>
      <c r="E4343" s="2">
        <v>150.79999999999998</v>
      </c>
    </row>
    <row r="4344" spans="1:5" x14ac:dyDescent="0.25">
      <c r="A4344" s="3">
        <v>41785.430497685185</v>
      </c>
      <c r="B4344" s="2">
        <v>18</v>
      </c>
      <c r="C4344" s="2">
        <v>156.19999999999999</v>
      </c>
      <c r="D4344" s="2">
        <v>0</v>
      </c>
      <c r="E4344" s="2">
        <v>150.79999999999998</v>
      </c>
    </row>
    <row r="4345" spans="1:5" x14ac:dyDescent="0.25">
      <c r="A4345" s="3">
        <v>41785.430787037039</v>
      </c>
      <c r="B4345" s="2">
        <v>18</v>
      </c>
      <c r="C4345" s="2">
        <v>156.19999999999999</v>
      </c>
      <c r="D4345" s="2">
        <v>0.2</v>
      </c>
      <c r="E4345" s="2">
        <v>150.99999999999997</v>
      </c>
    </row>
    <row r="4346" spans="1:5" x14ac:dyDescent="0.25">
      <c r="A4346" s="3">
        <v>41785.433564814812</v>
      </c>
      <c r="B4346" s="2">
        <v>18</v>
      </c>
      <c r="C4346" s="2">
        <v>156.4</v>
      </c>
      <c r="D4346" s="2">
        <v>0</v>
      </c>
      <c r="E4346" s="2">
        <v>150.99999999999997</v>
      </c>
    </row>
    <row r="4347" spans="1:5" x14ac:dyDescent="0.25">
      <c r="A4347" s="3">
        <v>41785.434201388889</v>
      </c>
      <c r="B4347" s="2">
        <v>18</v>
      </c>
      <c r="C4347" s="2">
        <v>156.4</v>
      </c>
      <c r="D4347" s="2">
        <v>0.2</v>
      </c>
      <c r="E4347" s="2">
        <v>151.19999999999996</v>
      </c>
    </row>
    <row r="4348" spans="1:5" x14ac:dyDescent="0.25">
      <c r="A4348" s="3">
        <v>41785.438599537039</v>
      </c>
      <c r="B4348" s="2">
        <v>17.899999999999999</v>
      </c>
      <c r="C4348" s="2">
        <v>156.4</v>
      </c>
      <c r="D4348" s="2">
        <v>0.2</v>
      </c>
      <c r="E4348" s="2">
        <v>151.39999999999995</v>
      </c>
    </row>
    <row r="4349" spans="1:5" x14ac:dyDescent="0.25">
      <c r="A4349" s="3">
        <v>41785.438888888886</v>
      </c>
      <c r="B4349" s="2">
        <v>17.899999999999999</v>
      </c>
      <c r="C4349" s="2">
        <v>156.6</v>
      </c>
      <c r="D4349" s="2">
        <v>0</v>
      </c>
      <c r="E4349" s="2">
        <v>151.39999999999995</v>
      </c>
    </row>
    <row r="4350" spans="1:5" x14ac:dyDescent="0.25">
      <c r="A4350" s="3">
        <v>41785.446817129632</v>
      </c>
      <c r="B4350" s="2">
        <v>17.899999999999999</v>
      </c>
      <c r="C4350" s="2">
        <v>156.80000000000001</v>
      </c>
      <c r="D4350" s="2">
        <v>0</v>
      </c>
      <c r="E4350" s="2">
        <v>151.39999999999995</v>
      </c>
    </row>
    <row r="4351" spans="1:5" x14ac:dyDescent="0.25">
      <c r="A4351" s="3">
        <v>41785.447858796295</v>
      </c>
      <c r="B4351" s="2">
        <v>17.899999999999999</v>
      </c>
      <c r="C4351" s="2">
        <v>156.80000000000001</v>
      </c>
      <c r="D4351" s="2">
        <v>0.2</v>
      </c>
      <c r="E4351" s="2">
        <v>151.59999999999994</v>
      </c>
    </row>
    <row r="4352" spans="1:5" x14ac:dyDescent="0.25">
      <c r="A4352" s="3">
        <v>41785.449305555558</v>
      </c>
      <c r="B4352" s="2">
        <v>17.899999999999999</v>
      </c>
      <c r="C4352" s="2">
        <v>157</v>
      </c>
      <c r="D4352" s="2">
        <v>0</v>
      </c>
      <c r="E4352" s="2">
        <v>151.59999999999994</v>
      </c>
    </row>
    <row r="4353" spans="1:5" x14ac:dyDescent="0.25">
      <c r="A4353" s="3">
        <v>41785.44976851852</v>
      </c>
      <c r="B4353" s="2">
        <v>17.899999999999999</v>
      </c>
      <c r="C4353" s="2">
        <v>157</v>
      </c>
      <c r="D4353" s="2">
        <v>0.2</v>
      </c>
      <c r="E4353" s="2">
        <v>151.79999999999993</v>
      </c>
    </row>
    <row r="4354" spans="1:5" x14ac:dyDescent="0.25">
      <c r="A4354" s="3">
        <v>41785.451793981483</v>
      </c>
      <c r="B4354" s="2">
        <v>17.899999999999999</v>
      </c>
      <c r="C4354" s="2">
        <v>157.19999999999999</v>
      </c>
      <c r="D4354" s="2">
        <v>0</v>
      </c>
      <c r="E4354" s="2">
        <v>151.79999999999993</v>
      </c>
    </row>
    <row r="4355" spans="1:5" x14ac:dyDescent="0.25">
      <c r="A4355" s="3">
        <v>41785.451851851853</v>
      </c>
      <c r="B4355" s="2">
        <v>17.8</v>
      </c>
      <c r="C4355" s="2">
        <v>157.19999999999999</v>
      </c>
      <c r="D4355" s="2">
        <v>0.2</v>
      </c>
      <c r="E4355" s="2">
        <v>151.99999999999991</v>
      </c>
    </row>
    <row r="4356" spans="1:5" x14ac:dyDescent="0.25">
      <c r="A4356" s="3">
        <v>41785.453298611108</v>
      </c>
      <c r="B4356" s="2">
        <v>17.8</v>
      </c>
      <c r="C4356" s="2">
        <v>157.4</v>
      </c>
      <c r="D4356" s="2">
        <v>0.2</v>
      </c>
      <c r="E4356" s="2">
        <v>152.1999999999999</v>
      </c>
    </row>
    <row r="4357" spans="1:5" x14ac:dyDescent="0.25">
      <c r="A4357" s="3">
        <v>41785.454918981479</v>
      </c>
      <c r="B4357" s="2">
        <v>17.8</v>
      </c>
      <c r="C4357" s="2">
        <v>157.6</v>
      </c>
      <c r="D4357" s="2">
        <v>0</v>
      </c>
      <c r="E4357" s="2">
        <v>152.1999999999999</v>
      </c>
    </row>
    <row r="4358" spans="1:5" x14ac:dyDescent="0.25">
      <c r="A4358" s="3">
        <v>41785.455092592594</v>
      </c>
      <c r="B4358" s="2">
        <v>17.8</v>
      </c>
      <c r="C4358" s="2">
        <v>157.6</v>
      </c>
      <c r="D4358" s="2">
        <v>0.2</v>
      </c>
      <c r="E4358" s="2">
        <v>152.39999999999989</v>
      </c>
    </row>
    <row r="4359" spans="1:5" x14ac:dyDescent="0.25">
      <c r="A4359" s="3">
        <v>41785.457465277781</v>
      </c>
      <c r="B4359" s="2">
        <v>17.8</v>
      </c>
      <c r="C4359" s="2">
        <v>157.80000000000001</v>
      </c>
      <c r="D4359" s="2">
        <v>0</v>
      </c>
      <c r="E4359" s="2">
        <v>152.39999999999989</v>
      </c>
    </row>
    <row r="4360" spans="1:5" x14ac:dyDescent="0.25">
      <c r="A4360" s="3">
        <v>41785.458043981482</v>
      </c>
      <c r="B4360" s="2">
        <v>17.7</v>
      </c>
      <c r="C4360" s="2">
        <v>157.80000000000001</v>
      </c>
      <c r="D4360" s="2">
        <v>0.2</v>
      </c>
      <c r="E4360" s="2">
        <v>152.59999999999988</v>
      </c>
    </row>
    <row r="4361" spans="1:5" x14ac:dyDescent="0.25">
      <c r="A4361" s="3">
        <v>41785.462442129632</v>
      </c>
      <c r="B4361" s="2">
        <v>17.7</v>
      </c>
      <c r="C4361" s="2">
        <v>158</v>
      </c>
      <c r="D4361" s="2">
        <v>0</v>
      </c>
      <c r="E4361" s="2">
        <v>152.59999999999988</v>
      </c>
    </row>
    <row r="4362" spans="1:5" x14ac:dyDescent="0.25">
      <c r="A4362" s="3">
        <v>41785.464988425927</v>
      </c>
      <c r="B4362" s="2">
        <v>17.7</v>
      </c>
      <c r="C4362" s="2">
        <v>158</v>
      </c>
      <c r="D4362" s="2">
        <v>0.2</v>
      </c>
      <c r="E4362" s="2">
        <v>152.79999999999987</v>
      </c>
    </row>
    <row r="4363" spans="1:5" x14ac:dyDescent="0.25">
      <c r="A4363" s="3">
        <v>41785.467939814815</v>
      </c>
      <c r="B4363" s="2">
        <v>17.7</v>
      </c>
      <c r="C4363" s="2">
        <v>158.19999999999999</v>
      </c>
      <c r="D4363" s="2">
        <v>0</v>
      </c>
      <c r="E4363" s="2">
        <v>152.79999999999987</v>
      </c>
    </row>
    <row r="4364" spans="1:5" x14ac:dyDescent="0.25">
      <c r="A4364" s="3">
        <v>41785.468634259261</v>
      </c>
      <c r="B4364" s="2">
        <v>17.7</v>
      </c>
      <c r="C4364" s="2">
        <v>158.19999999999999</v>
      </c>
      <c r="D4364" s="2">
        <v>0.2</v>
      </c>
      <c r="E4364" s="2">
        <v>152.99999999999986</v>
      </c>
    </row>
    <row r="4365" spans="1:5" x14ac:dyDescent="0.25">
      <c r="A4365" s="3">
        <v>41785.470543981479</v>
      </c>
      <c r="B4365" s="2">
        <v>17.600000000000001</v>
      </c>
      <c r="C4365" s="2">
        <v>158.4</v>
      </c>
      <c r="D4365" s="2">
        <v>0</v>
      </c>
      <c r="E4365" s="2">
        <v>152.99999999999986</v>
      </c>
    </row>
    <row r="4366" spans="1:5" x14ac:dyDescent="0.25">
      <c r="A4366" s="3">
        <v>41785.471006944441</v>
      </c>
      <c r="B4366" s="2">
        <v>17.600000000000001</v>
      </c>
      <c r="C4366" s="2">
        <v>158.4</v>
      </c>
      <c r="D4366" s="2">
        <v>0.2</v>
      </c>
      <c r="E4366" s="2">
        <v>153.19999999999985</v>
      </c>
    </row>
    <row r="4367" spans="1:5" x14ac:dyDescent="0.25">
      <c r="A4367" s="3">
        <v>41785.472048611111</v>
      </c>
      <c r="B4367" s="2">
        <v>17.5</v>
      </c>
      <c r="C4367" s="2">
        <v>158.6</v>
      </c>
      <c r="D4367" s="2">
        <v>0</v>
      </c>
      <c r="E4367" s="2">
        <v>153.19999999999985</v>
      </c>
    </row>
    <row r="4368" spans="1:5" x14ac:dyDescent="0.25">
      <c r="A4368" s="3">
        <v>41785.472280092596</v>
      </c>
      <c r="B4368" s="2">
        <v>17.5</v>
      </c>
      <c r="C4368" s="2">
        <v>158.6</v>
      </c>
      <c r="D4368" s="2">
        <v>0.2</v>
      </c>
      <c r="E4368" s="2">
        <v>153.39999999999984</v>
      </c>
    </row>
    <row r="4369" spans="1:5" x14ac:dyDescent="0.25">
      <c r="A4369" s="3">
        <v>41785.47320601852</v>
      </c>
      <c r="B4369" s="2">
        <v>17.5</v>
      </c>
      <c r="C4369" s="2">
        <v>158.80000000000001</v>
      </c>
      <c r="D4369" s="2">
        <v>0</v>
      </c>
      <c r="E4369" s="2">
        <v>153.39999999999984</v>
      </c>
    </row>
    <row r="4370" spans="1:5" x14ac:dyDescent="0.25">
      <c r="A4370" s="3">
        <v>41785.474189814813</v>
      </c>
      <c r="B4370" s="2">
        <v>17.5</v>
      </c>
      <c r="C4370" s="2">
        <v>158.80000000000001</v>
      </c>
      <c r="D4370" s="2">
        <v>0.2</v>
      </c>
      <c r="E4370" s="2">
        <v>153.59999999999982</v>
      </c>
    </row>
    <row r="4371" spans="1:5" x14ac:dyDescent="0.25">
      <c r="A4371" s="3">
        <v>41785.475405092591</v>
      </c>
      <c r="B4371" s="2">
        <v>17.600000000000001</v>
      </c>
      <c r="C4371" s="2">
        <v>159</v>
      </c>
      <c r="D4371" s="2">
        <v>0</v>
      </c>
      <c r="E4371" s="2">
        <v>153.59999999999982</v>
      </c>
    </row>
    <row r="4372" spans="1:5" x14ac:dyDescent="0.25">
      <c r="A4372" s="3">
        <v>41785.476099537038</v>
      </c>
      <c r="B4372" s="2">
        <v>17.5</v>
      </c>
      <c r="C4372" s="2">
        <v>159</v>
      </c>
      <c r="D4372" s="2">
        <v>0.2</v>
      </c>
      <c r="E4372" s="2">
        <v>153.79999999999981</v>
      </c>
    </row>
    <row r="4373" spans="1:5" x14ac:dyDescent="0.25">
      <c r="A4373" s="3">
        <v>41785.476851851854</v>
      </c>
      <c r="B4373" s="2">
        <v>17.5</v>
      </c>
      <c r="C4373" s="2">
        <v>159.19999999999999</v>
      </c>
      <c r="D4373" s="2">
        <v>0</v>
      </c>
      <c r="E4373" s="2">
        <v>153.79999999999981</v>
      </c>
    </row>
    <row r="4374" spans="1:5" x14ac:dyDescent="0.25">
      <c r="A4374" s="3">
        <v>41785.477372685185</v>
      </c>
      <c r="B4374" s="2">
        <v>17.5</v>
      </c>
      <c r="C4374" s="2">
        <v>159.19999999999999</v>
      </c>
      <c r="D4374" s="2">
        <v>0.2</v>
      </c>
      <c r="E4374" s="2">
        <v>153.9999999999998</v>
      </c>
    </row>
    <row r="4375" spans="1:5" x14ac:dyDescent="0.25">
      <c r="A4375" s="3">
        <v>41785.478125000001</v>
      </c>
      <c r="B4375" s="2">
        <v>17.5</v>
      </c>
      <c r="C4375" s="2">
        <v>159.4</v>
      </c>
      <c r="D4375" s="2">
        <v>0</v>
      </c>
      <c r="E4375" s="2">
        <v>153.9999999999998</v>
      </c>
    </row>
    <row r="4376" spans="1:5" x14ac:dyDescent="0.25">
      <c r="A4376" s="3">
        <v>41785.478530092594</v>
      </c>
      <c r="B4376" s="2">
        <v>17.5</v>
      </c>
      <c r="C4376" s="2">
        <v>159.4</v>
      </c>
      <c r="D4376" s="2">
        <v>0.2</v>
      </c>
      <c r="E4376" s="2">
        <v>154.19999999999979</v>
      </c>
    </row>
    <row r="4377" spans="1:5" x14ac:dyDescent="0.25">
      <c r="A4377" s="3">
        <v>41785.479513888888</v>
      </c>
      <c r="B4377" s="2">
        <v>17.399999999999999</v>
      </c>
      <c r="C4377" s="2">
        <v>159.6</v>
      </c>
      <c r="D4377" s="2">
        <v>0</v>
      </c>
      <c r="E4377" s="2">
        <v>154.19999999999979</v>
      </c>
    </row>
    <row r="4378" spans="1:5" x14ac:dyDescent="0.25">
      <c r="A4378" s="3">
        <v>41785.480266203704</v>
      </c>
      <c r="B4378" s="2">
        <v>17.399999999999999</v>
      </c>
      <c r="C4378" s="2">
        <v>159.6</v>
      </c>
      <c r="D4378" s="2">
        <v>0.2</v>
      </c>
      <c r="E4378" s="2">
        <v>154.39999999999978</v>
      </c>
    </row>
    <row r="4379" spans="1:5" x14ac:dyDescent="0.25">
      <c r="A4379" s="3">
        <v>41785.48101851852</v>
      </c>
      <c r="B4379" s="2">
        <v>17.399999999999999</v>
      </c>
      <c r="C4379" s="2">
        <v>159.80000000000001</v>
      </c>
      <c r="D4379" s="2">
        <v>0</v>
      </c>
      <c r="E4379" s="2">
        <v>154.39999999999978</v>
      </c>
    </row>
    <row r="4380" spans="1:5" x14ac:dyDescent="0.25">
      <c r="A4380" s="3">
        <v>41785.48165509259</v>
      </c>
      <c r="B4380" s="2">
        <v>17.399999999999999</v>
      </c>
      <c r="C4380" s="2">
        <v>159.80000000000001</v>
      </c>
      <c r="D4380" s="2">
        <v>0.2</v>
      </c>
      <c r="E4380" s="2">
        <v>154.59999999999977</v>
      </c>
    </row>
    <row r="4381" spans="1:5" x14ac:dyDescent="0.25">
      <c r="A4381" s="3">
        <v>41785.482349537036</v>
      </c>
      <c r="B4381" s="2">
        <v>17.399999999999999</v>
      </c>
      <c r="C4381" s="2">
        <v>160</v>
      </c>
      <c r="D4381" s="2">
        <v>0</v>
      </c>
      <c r="E4381" s="2">
        <v>154.59999999999977</v>
      </c>
    </row>
    <row r="4382" spans="1:5" x14ac:dyDescent="0.25">
      <c r="A4382" s="3">
        <v>41785.483043981483</v>
      </c>
      <c r="B4382" s="2">
        <v>17.399999999999999</v>
      </c>
      <c r="C4382" s="2">
        <v>160</v>
      </c>
      <c r="D4382" s="2">
        <v>0.2</v>
      </c>
      <c r="E4382" s="2">
        <v>154.79999999999976</v>
      </c>
    </row>
    <row r="4383" spans="1:5" x14ac:dyDescent="0.25">
      <c r="A4383" s="3">
        <v>41785.483622685184</v>
      </c>
      <c r="B4383" s="2">
        <v>17.399999999999999</v>
      </c>
      <c r="C4383" s="2">
        <v>160.19999999999999</v>
      </c>
      <c r="D4383" s="2">
        <v>0</v>
      </c>
      <c r="E4383" s="2">
        <v>154.79999999999976</v>
      </c>
    </row>
    <row r="4384" spans="1:5" x14ac:dyDescent="0.25">
      <c r="A4384" s="3">
        <v>41785.484375</v>
      </c>
      <c r="B4384" s="2">
        <v>17.399999999999999</v>
      </c>
      <c r="C4384" s="2">
        <v>160.19999999999999</v>
      </c>
      <c r="D4384" s="2">
        <v>0.2</v>
      </c>
      <c r="E4384" s="2">
        <v>154.99999999999974</v>
      </c>
    </row>
    <row r="4385" spans="1:5" x14ac:dyDescent="0.25">
      <c r="A4385" s="3">
        <v>41785.485358796293</v>
      </c>
      <c r="B4385" s="2">
        <v>17.399999999999999</v>
      </c>
      <c r="C4385" s="2">
        <v>160.4</v>
      </c>
      <c r="D4385" s="2">
        <v>0</v>
      </c>
      <c r="E4385" s="2">
        <v>154.99999999999974</v>
      </c>
    </row>
    <row r="4386" spans="1:5" x14ac:dyDescent="0.25">
      <c r="A4386" s="3">
        <v>41785.486921296295</v>
      </c>
      <c r="B4386" s="2">
        <v>17.399999999999999</v>
      </c>
      <c r="C4386" s="2">
        <v>160.4</v>
      </c>
      <c r="D4386" s="2">
        <v>0.2</v>
      </c>
      <c r="E4386" s="2">
        <v>155.19999999999973</v>
      </c>
    </row>
    <row r="4387" spans="1:5" x14ac:dyDescent="0.25">
      <c r="A4387" s="3">
        <v>41785.488252314812</v>
      </c>
      <c r="B4387" s="2">
        <v>17.399999999999999</v>
      </c>
      <c r="C4387" s="2">
        <v>160.6</v>
      </c>
      <c r="D4387" s="2">
        <v>0</v>
      </c>
      <c r="E4387" s="2">
        <v>155.19999999999973</v>
      </c>
    </row>
    <row r="4388" spans="1:5" x14ac:dyDescent="0.25">
      <c r="A4388" s="3">
        <v>41785.489178240743</v>
      </c>
      <c r="B4388" s="2">
        <v>17.3</v>
      </c>
      <c r="C4388" s="2">
        <v>160.6</v>
      </c>
      <c r="D4388" s="2">
        <v>0.2</v>
      </c>
      <c r="E4388" s="2">
        <v>155.39999999999972</v>
      </c>
    </row>
    <row r="4389" spans="1:5" x14ac:dyDescent="0.25">
      <c r="A4389" s="3">
        <v>41785.489814814813</v>
      </c>
      <c r="B4389" s="2">
        <v>17.3</v>
      </c>
      <c r="C4389" s="2">
        <v>160.80000000000001</v>
      </c>
      <c r="D4389" s="2">
        <v>0</v>
      </c>
      <c r="E4389" s="2">
        <v>155.39999999999972</v>
      </c>
    </row>
    <row r="4390" spans="1:5" x14ac:dyDescent="0.25">
      <c r="A4390" s="3">
        <v>41785.490914351853</v>
      </c>
      <c r="B4390" s="2">
        <v>17.3</v>
      </c>
      <c r="C4390" s="2">
        <v>160.80000000000001</v>
      </c>
      <c r="D4390" s="2">
        <v>0.2</v>
      </c>
      <c r="E4390" s="2">
        <v>155.59999999999971</v>
      </c>
    </row>
    <row r="4391" spans="1:5" x14ac:dyDescent="0.25">
      <c r="A4391" s="3">
        <v>41785.491493055553</v>
      </c>
      <c r="B4391" s="2">
        <v>17.3</v>
      </c>
      <c r="C4391" s="2">
        <v>161</v>
      </c>
      <c r="D4391" s="2">
        <v>0</v>
      </c>
      <c r="E4391" s="2">
        <v>155.59999999999971</v>
      </c>
    </row>
    <row r="4392" spans="1:5" x14ac:dyDescent="0.25">
      <c r="A4392" s="3">
        <v>41785.492476851854</v>
      </c>
      <c r="B4392" s="2">
        <v>17.3</v>
      </c>
      <c r="C4392" s="2">
        <v>161</v>
      </c>
      <c r="D4392" s="2">
        <v>0.2</v>
      </c>
      <c r="E4392" s="2">
        <v>155.7999999999997</v>
      </c>
    </row>
    <row r="4393" spans="1:5" x14ac:dyDescent="0.25">
      <c r="A4393" s="3">
        <v>41785.492997685185</v>
      </c>
      <c r="B4393" s="2">
        <v>17.3</v>
      </c>
      <c r="C4393" s="2">
        <v>161.19999999999999</v>
      </c>
      <c r="D4393" s="2">
        <v>0</v>
      </c>
      <c r="E4393" s="2">
        <v>155.7999999999997</v>
      </c>
    </row>
    <row r="4394" spans="1:5" x14ac:dyDescent="0.25">
      <c r="A4394" s="3">
        <v>41785.493981481479</v>
      </c>
      <c r="B4394" s="2">
        <v>17.3</v>
      </c>
      <c r="C4394" s="2">
        <v>161.19999999999999</v>
      </c>
      <c r="D4394" s="2">
        <v>0.2</v>
      </c>
      <c r="E4394" s="2">
        <v>155.99999999999969</v>
      </c>
    </row>
    <row r="4395" spans="1:5" x14ac:dyDescent="0.25">
      <c r="A4395" s="3">
        <v>41785.494328703702</v>
      </c>
      <c r="B4395" s="2">
        <v>17.3</v>
      </c>
      <c r="C4395" s="2">
        <v>161.4</v>
      </c>
      <c r="D4395" s="2">
        <v>0</v>
      </c>
      <c r="E4395" s="2">
        <v>155.99999999999969</v>
      </c>
    </row>
    <row r="4396" spans="1:5" x14ac:dyDescent="0.25">
      <c r="A4396" s="3">
        <v>41785.49554398148</v>
      </c>
      <c r="B4396" s="2">
        <v>17.3</v>
      </c>
      <c r="C4396" s="2">
        <v>161.4</v>
      </c>
      <c r="D4396" s="2">
        <v>0.2</v>
      </c>
      <c r="E4396" s="2">
        <v>156.19999999999968</v>
      </c>
    </row>
    <row r="4397" spans="1:5" x14ac:dyDescent="0.25">
      <c r="A4397" s="3">
        <v>41785.495949074073</v>
      </c>
      <c r="B4397" s="2">
        <v>17.3</v>
      </c>
      <c r="C4397" s="2">
        <v>161.6</v>
      </c>
      <c r="D4397" s="2">
        <v>0</v>
      </c>
      <c r="E4397" s="2">
        <v>156.19999999999968</v>
      </c>
    </row>
    <row r="4398" spans="1:5" x14ac:dyDescent="0.25">
      <c r="A4398" s="3">
        <v>41785.497453703705</v>
      </c>
      <c r="B4398" s="2">
        <v>17.3</v>
      </c>
      <c r="C4398" s="2">
        <v>161.6</v>
      </c>
      <c r="D4398" s="2">
        <v>0.2</v>
      </c>
      <c r="E4398" s="2">
        <v>156.39999999999966</v>
      </c>
    </row>
    <row r="4399" spans="1:5" x14ac:dyDescent="0.25">
      <c r="A4399" s="3">
        <v>41785.497685185182</v>
      </c>
      <c r="B4399" s="2">
        <v>17.3</v>
      </c>
      <c r="C4399" s="2">
        <v>161.80000000000001</v>
      </c>
      <c r="D4399" s="2">
        <v>0</v>
      </c>
      <c r="E4399" s="2">
        <v>156.39999999999966</v>
      </c>
    </row>
    <row r="4400" spans="1:5" x14ac:dyDescent="0.25">
      <c r="A4400" s="3">
        <v>41785.499363425923</v>
      </c>
      <c r="B4400" s="2">
        <v>17.3</v>
      </c>
      <c r="C4400" s="2">
        <v>161.80000000000001</v>
      </c>
      <c r="D4400" s="2">
        <v>0.2</v>
      </c>
      <c r="E4400" s="2">
        <v>156.59999999999965</v>
      </c>
    </row>
    <row r="4401" spans="1:5" x14ac:dyDescent="0.25">
      <c r="A4401" s="3">
        <v>41785.499768518515</v>
      </c>
      <c r="B4401" s="2">
        <v>17.3</v>
      </c>
      <c r="C4401" s="2">
        <v>162</v>
      </c>
      <c r="D4401" s="2">
        <v>0</v>
      </c>
      <c r="E4401" s="2">
        <v>156.59999999999965</v>
      </c>
    </row>
    <row r="4402" spans="1:5" x14ac:dyDescent="0.25">
      <c r="A4402" s="3">
        <v>41785.501099537039</v>
      </c>
      <c r="B4402" s="2">
        <v>17.3</v>
      </c>
      <c r="C4402" s="2">
        <v>162</v>
      </c>
      <c r="D4402" s="2">
        <v>0.2</v>
      </c>
      <c r="E4402" s="2">
        <v>156.79999999999964</v>
      </c>
    </row>
    <row r="4403" spans="1:5" x14ac:dyDescent="0.25">
      <c r="A4403" s="3">
        <v>41785.501446759263</v>
      </c>
      <c r="B4403" s="2">
        <v>17.2</v>
      </c>
      <c r="C4403" s="2">
        <v>162.19999999999999</v>
      </c>
      <c r="D4403" s="2">
        <v>0</v>
      </c>
      <c r="E4403" s="2">
        <v>156.79999999999964</v>
      </c>
    </row>
    <row r="4404" spans="1:5" x14ac:dyDescent="0.25">
      <c r="A4404" s="3">
        <v>41785.50335648148</v>
      </c>
      <c r="B4404" s="2">
        <v>17.2</v>
      </c>
      <c r="C4404" s="2">
        <v>162.19999999999999</v>
      </c>
      <c r="D4404" s="2">
        <v>0.2</v>
      </c>
      <c r="E4404" s="2">
        <v>156.99999999999963</v>
      </c>
    </row>
    <row r="4405" spans="1:5" x14ac:dyDescent="0.25">
      <c r="A4405" s="3">
        <v>41785.503819444442</v>
      </c>
      <c r="B4405" s="2">
        <v>17.2</v>
      </c>
      <c r="C4405" s="2">
        <v>162.4</v>
      </c>
      <c r="D4405" s="2">
        <v>0</v>
      </c>
      <c r="E4405" s="2">
        <v>156.99999999999963</v>
      </c>
    </row>
    <row r="4406" spans="1:5" x14ac:dyDescent="0.25">
      <c r="A4406" s="3">
        <v>41785.507291666669</v>
      </c>
      <c r="B4406" s="2">
        <v>17.2</v>
      </c>
      <c r="C4406" s="2">
        <v>162.6</v>
      </c>
      <c r="D4406" s="2">
        <v>0</v>
      </c>
      <c r="E4406" s="2">
        <v>156.99999999999963</v>
      </c>
    </row>
    <row r="4407" spans="1:5" x14ac:dyDescent="0.25">
      <c r="A4407" s="3">
        <v>41785.507696759261</v>
      </c>
      <c r="B4407" s="2">
        <v>17.2</v>
      </c>
      <c r="C4407" s="2">
        <v>162.6</v>
      </c>
      <c r="D4407" s="2">
        <v>0.2</v>
      </c>
      <c r="E4407" s="2">
        <v>157.19999999999962</v>
      </c>
    </row>
    <row r="4408" spans="1:5" x14ac:dyDescent="0.25">
      <c r="A4408" s="3">
        <v>41785.511921296296</v>
      </c>
      <c r="B4408" s="2">
        <v>17.2</v>
      </c>
      <c r="C4408" s="2">
        <v>162.6</v>
      </c>
      <c r="D4408" s="2">
        <v>0.2</v>
      </c>
      <c r="E4408" s="2">
        <v>157.39999999999961</v>
      </c>
    </row>
    <row r="4409" spans="1:5" x14ac:dyDescent="0.25">
      <c r="A4409" s="3">
        <v>41785.512094907404</v>
      </c>
      <c r="B4409" s="2">
        <v>17.2</v>
      </c>
      <c r="C4409" s="2">
        <v>162.80000000000001</v>
      </c>
      <c r="D4409" s="2">
        <v>0</v>
      </c>
      <c r="E4409" s="2">
        <v>157.39999999999961</v>
      </c>
    </row>
    <row r="4410" spans="1:5" x14ac:dyDescent="0.25">
      <c r="A4410" s="3">
        <v>41785.516782407409</v>
      </c>
      <c r="B4410" s="2">
        <v>17.2</v>
      </c>
      <c r="C4410" s="2">
        <v>162.80000000000001</v>
      </c>
      <c r="D4410" s="2">
        <v>0.2</v>
      </c>
      <c r="E4410" s="2">
        <v>157.5999999999996</v>
      </c>
    </row>
    <row r="4411" spans="1:5" x14ac:dyDescent="0.25">
      <c r="A4411" s="3">
        <v>41785.517071759263</v>
      </c>
      <c r="B4411" s="2">
        <v>17.2</v>
      </c>
      <c r="C4411" s="2">
        <v>163</v>
      </c>
      <c r="D4411" s="2">
        <v>0</v>
      </c>
      <c r="E4411" s="2">
        <v>157.5999999999996</v>
      </c>
    </row>
    <row r="4412" spans="1:5" x14ac:dyDescent="0.25">
      <c r="A4412" s="3">
        <v>41785.64508101852</v>
      </c>
      <c r="B4412" s="2">
        <v>21.9</v>
      </c>
      <c r="C4412" s="2">
        <v>163.19999999999999</v>
      </c>
      <c r="D4412" s="2">
        <v>0</v>
      </c>
      <c r="E4412" s="2">
        <v>157.5999999999996</v>
      </c>
    </row>
    <row r="4413" spans="1:5" x14ac:dyDescent="0.25">
      <c r="A4413" s="3">
        <v>41785.645196759258</v>
      </c>
      <c r="B4413" s="2">
        <v>21.9</v>
      </c>
      <c r="C4413" s="2">
        <v>163</v>
      </c>
      <c r="D4413" s="2">
        <v>0</v>
      </c>
      <c r="E4413" s="2">
        <v>157.5999999999996</v>
      </c>
    </row>
    <row r="4414" spans="1:5" x14ac:dyDescent="0.25">
      <c r="A4414" s="3">
        <v>41785.660243055558</v>
      </c>
      <c r="B4414" s="2">
        <v>22</v>
      </c>
      <c r="C4414" s="2">
        <v>163.19999999999999</v>
      </c>
      <c r="D4414" s="2">
        <v>0</v>
      </c>
      <c r="E4414" s="2">
        <v>157.5999999999996</v>
      </c>
    </row>
    <row r="4415" spans="1:5" x14ac:dyDescent="0.25">
      <c r="A4415" s="3">
        <v>41785.660358796296</v>
      </c>
      <c r="B4415" s="2">
        <v>22</v>
      </c>
      <c r="C4415" s="2">
        <v>163</v>
      </c>
      <c r="D4415" s="2">
        <v>0</v>
      </c>
      <c r="E4415" s="2">
        <v>157.5999999999996</v>
      </c>
    </row>
    <row r="4416" spans="1:5" x14ac:dyDescent="0.25">
      <c r="A4416" s="3">
        <v>41785.664236111108</v>
      </c>
      <c r="B4416" s="2">
        <v>22</v>
      </c>
      <c r="C4416" s="2">
        <v>163.19999999999999</v>
      </c>
      <c r="D4416" s="2">
        <v>0</v>
      </c>
      <c r="E4416" s="2">
        <v>157.5999999999996</v>
      </c>
    </row>
    <row r="4417" spans="1:5" x14ac:dyDescent="0.25">
      <c r="A4417" s="3">
        <v>41785.664351851854</v>
      </c>
      <c r="B4417" s="2">
        <v>22</v>
      </c>
      <c r="C4417" s="2">
        <v>163</v>
      </c>
      <c r="D4417" s="2">
        <v>0</v>
      </c>
      <c r="E4417" s="2">
        <v>157.5999999999996</v>
      </c>
    </row>
    <row r="4418" spans="1:5" x14ac:dyDescent="0.25">
      <c r="A4418" s="3">
        <v>41785.670775462961</v>
      </c>
      <c r="B4418" s="2">
        <v>21.9</v>
      </c>
      <c r="C4418" s="2">
        <v>163.19999999999999</v>
      </c>
      <c r="D4418" s="2">
        <v>0</v>
      </c>
      <c r="E4418" s="2">
        <v>157.5999999999996</v>
      </c>
    </row>
    <row r="4419" spans="1:5" x14ac:dyDescent="0.25">
      <c r="A4419" s="3">
        <v>41785.670891203707</v>
      </c>
      <c r="B4419" s="2">
        <v>21.9</v>
      </c>
      <c r="C4419" s="2">
        <v>163</v>
      </c>
      <c r="D4419" s="2">
        <v>0</v>
      </c>
      <c r="E4419" s="2">
        <v>157.5999999999996</v>
      </c>
    </row>
    <row r="4420" spans="1:5" x14ac:dyDescent="0.25">
      <c r="A4420" s="3">
        <v>41785.694849537038</v>
      </c>
      <c r="B4420" s="2">
        <v>21.9</v>
      </c>
      <c r="C4420" s="2">
        <v>163.19999999999999</v>
      </c>
      <c r="D4420" s="2">
        <v>0</v>
      </c>
      <c r="E4420" s="2">
        <v>157.5999999999996</v>
      </c>
    </row>
    <row r="4421" spans="1:5" x14ac:dyDescent="0.25">
      <c r="A4421" s="3">
        <v>41785.694965277777</v>
      </c>
      <c r="B4421" s="2">
        <v>21.9</v>
      </c>
      <c r="C4421" s="2">
        <v>163</v>
      </c>
      <c r="D4421" s="2">
        <v>0</v>
      </c>
      <c r="E4421" s="2">
        <v>157.5999999999996</v>
      </c>
    </row>
    <row r="4422" spans="1:5" x14ac:dyDescent="0.25">
      <c r="A4422" s="3">
        <v>41785.874768518515</v>
      </c>
      <c r="B4422" s="2">
        <v>20.9</v>
      </c>
      <c r="C4422" s="2">
        <v>162.80000000000001</v>
      </c>
      <c r="D4422" s="2">
        <v>0</v>
      </c>
      <c r="E4422" s="2">
        <v>157.5999999999996</v>
      </c>
    </row>
    <row r="4423" spans="1:5" x14ac:dyDescent="0.25">
      <c r="A4423" s="3">
        <v>41786.078935185185</v>
      </c>
      <c r="B4423" s="2">
        <v>17.399999999999999</v>
      </c>
      <c r="C4423" s="2">
        <v>162.6</v>
      </c>
      <c r="D4423" s="2">
        <v>0</v>
      </c>
      <c r="E4423" s="2">
        <v>157.5999999999996</v>
      </c>
    </row>
    <row r="4424" spans="1:5" x14ac:dyDescent="0.25">
      <c r="A4424" s="3">
        <v>41786.312847222223</v>
      </c>
      <c r="B4424" s="2">
        <v>15.6</v>
      </c>
      <c r="C4424" s="2">
        <v>162.4</v>
      </c>
      <c r="D4424" s="2">
        <v>0</v>
      </c>
      <c r="E4424" s="2">
        <v>157.5999999999996</v>
      </c>
    </row>
    <row r="4425" spans="1:5" x14ac:dyDescent="0.25">
      <c r="A4425" s="3">
        <v>41786.381828703707</v>
      </c>
      <c r="B4425" s="2">
        <v>16.8</v>
      </c>
      <c r="C4425" s="2">
        <v>162.19999999999999</v>
      </c>
      <c r="D4425" s="2">
        <v>0</v>
      </c>
      <c r="E4425" s="2">
        <v>157.5999999999996</v>
      </c>
    </row>
    <row r="4426" spans="1:5" x14ac:dyDescent="0.25">
      <c r="A4426" s="3">
        <v>41786.381944444445</v>
      </c>
      <c r="B4426" s="2">
        <v>16.8</v>
      </c>
      <c r="C4426" s="2">
        <v>162.4</v>
      </c>
      <c r="D4426" s="2">
        <v>0</v>
      </c>
      <c r="E4426" s="2">
        <v>157.5999999999996</v>
      </c>
    </row>
    <row r="4427" spans="1:5" x14ac:dyDescent="0.25">
      <c r="A4427" s="3">
        <v>41786.382175925923</v>
      </c>
      <c r="B4427" s="2">
        <v>16.8</v>
      </c>
      <c r="C4427" s="2">
        <v>162.19999999999999</v>
      </c>
      <c r="D4427" s="2">
        <v>0</v>
      </c>
      <c r="E4427" s="2">
        <v>157.5999999999996</v>
      </c>
    </row>
    <row r="4428" spans="1:5" x14ac:dyDescent="0.25">
      <c r="A4428" s="3">
        <v>41786.383043981485</v>
      </c>
      <c r="B4428" s="2">
        <v>16.8</v>
      </c>
      <c r="C4428" s="2">
        <v>162.4</v>
      </c>
      <c r="D4428" s="2">
        <v>0</v>
      </c>
      <c r="E4428" s="2">
        <v>157.5999999999996</v>
      </c>
    </row>
    <row r="4429" spans="1:5" x14ac:dyDescent="0.25">
      <c r="A4429" s="3">
        <v>41786.383159722223</v>
      </c>
      <c r="B4429" s="2">
        <v>16.8</v>
      </c>
      <c r="C4429" s="2">
        <v>162.19999999999999</v>
      </c>
      <c r="D4429" s="2">
        <v>0</v>
      </c>
      <c r="E4429" s="2">
        <v>157.5999999999996</v>
      </c>
    </row>
    <row r="4430" spans="1:5" x14ac:dyDescent="0.25">
      <c r="A4430" s="3">
        <v>41786.447858796295</v>
      </c>
      <c r="B4430" s="2">
        <v>20.3</v>
      </c>
      <c r="C4430" s="2">
        <v>162.4</v>
      </c>
      <c r="D4430" s="2">
        <v>0</v>
      </c>
      <c r="E4430" s="2">
        <v>157.5999999999996</v>
      </c>
    </row>
    <row r="4431" spans="1:5" x14ac:dyDescent="0.25">
      <c r="A4431" s="3">
        <v>41786.447974537034</v>
      </c>
      <c r="B4431" s="2">
        <v>20.3</v>
      </c>
      <c r="C4431" s="2">
        <v>162.19999999999999</v>
      </c>
      <c r="D4431" s="2">
        <v>0</v>
      </c>
      <c r="E4431" s="2">
        <v>157.5999999999996</v>
      </c>
    </row>
    <row r="4432" spans="1:5" x14ac:dyDescent="0.25">
      <c r="A4432" s="3">
        <v>41786.450925925928</v>
      </c>
      <c r="B4432" s="2">
        <v>20.399999999999999</v>
      </c>
      <c r="C4432" s="2">
        <v>162.4</v>
      </c>
      <c r="D4432" s="2">
        <v>0</v>
      </c>
      <c r="E4432" s="2">
        <v>157.5999999999996</v>
      </c>
    </row>
    <row r="4433" spans="1:5" x14ac:dyDescent="0.25">
      <c r="A4433" s="3">
        <v>41786.451388888891</v>
      </c>
      <c r="B4433" s="2">
        <v>20.399999999999999</v>
      </c>
      <c r="C4433" s="2">
        <v>162.19999999999999</v>
      </c>
      <c r="D4433" s="2">
        <v>0</v>
      </c>
      <c r="E4433" s="2">
        <v>157.5999999999996</v>
      </c>
    </row>
    <row r="4434" spans="1:5" x14ac:dyDescent="0.25">
      <c r="A4434" s="3">
        <v>41786.453356481485</v>
      </c>
      <c r="B4434" s="2">
        <v>20.6</v>
      </c>
      <c r="C4434" s="2">
        <v>162.4</v>
      </c>
      <c r="D4434" s="2">
        <v>0</v>
      </c>
      <c r="E4434" s="2">
        <v>157.5999999999996</v>
      </c>
    </row>
    <row r="4435" spans="1:5" x14ac:dyDescent="0.25">
      <c r="A4435" s="3">
        <v>41786.453530092593</v>
      </c>
      <c r="B4435" s="2">
        <v>20.5</v>
      </c>
      <c r="C4435" s="2">
        <v>162.19999999999999</v>
      </c>
      <c r="D4435" s="2">
        <v>0</v>
      </c>
      <c r="E4435" s="2">
        <v>157.5999999999996</v>
      </c>
    </row>
    <row r="4436" spans="1:5" x14ac:dyDescent="0.25">
      <c r="A4436" s="3">
        <v>41786.509085648147</v>
      </c>
      <c r="B4436" s="2">
        <v>22.9</v>
      </c>
      <c r="C4436" s="2">
        <v>162.4</v>
      </c>
      <c r="D4436" s="2">
        <v>0</v>
      </c>
      <c r="E4436" s="2">
        <v>157.5999999999996</v>
      </c>
    </row>
    <row r="4437" spans="1:5" x14ac:dyDescent="0.25">
      <c r="A4437" s="3">
        <v>41786.509201388886</v>
      </c>
      <c r="B4437" s="2">
        <v>22.9</v>
      </c>
      <c r="C4437" s="2">
        <v>162.19999999999999</v>
      </c>
      <c r="D4437" s="2">
        <v>0</v>
      </c>
      <c r="E4437" s="2">
        <v>157.5999999999996</v>
      </c>
    </row>
    <row r="4438" spans="1:5" x14ac:dyDescent="0.25">
      <c r="A4438" s="3">
        <v>41786.513310185182</v>
      </c>
      <c r="B4438" s="2">
        <v>22.8</v>
      </c>
      <c r="C4438" s="2">
        <v>162.4</v>
      </c>
      <c r="D4438" s="2">
        <v>0</v>
      </c>
      <c r="E4438" s="2">
        <v>157.5999999999996</v>
      </c>
    </row>
    <row r="4439" spans="1:5" x14ac:dyDescent="0.25">
      <c r="A4439" s="3">
        <v>41786.513715277775</v>
      </c>
      <c r="B4439" s="2">
        <v>22.8</v>
      </c>
      <c r="C4439" s="2">
        <v>162.19999999999999</v>
      </c>
      <c r="D4439" s="2">
        <v>0</v>
      </c>
      <c r="E4439" s="2">
        <v>157.5999999999996</v>
      </c>
    </row>
    <row r="4440" spans="1:5" x14ac:dyDescent="0.25">
      <c r="A4440" s="3">
        <v>41786.513831018521</v>
      </c>
      <c r="B4440" s="2">
        <v>22.9</v>
      </c>
      <c r="C4440" s="2">
        <v>162.4</v>
      </c>
      <c r="D4440" s="2">
        <v>0</v>
      </c>
      <c r="E4440" s="2">
        <v>157.5999999999996</v>
      </c>
    </row>
    <row r="4441" spans="1:5" x14ac:dyDescent="0.25">
      <c r="A4441" s="3">
        <v>41786.51394675926</v>
      </c>
      <c r="B4441" s="2">
        <v>22.8</v>
      </c>
      <c r="C4441" s="2">
        <v>162.19999999999999</v>
      </c>
      <c r="D4441" s="2">
        <v>0</v>
      </c>
      <c r="E4441" s="2">
        <v>157.5999999999996</v>
      </c>
    </row>
    <row r="4442" spans="1:5" x14ac:dyDescent="0.25">
      <c r="A4442" s="3">
        <v>41786.533564814818</v>
      </c>
      <c r="B4442" s="2">
        <v>22.7</v>
      </c>
      <c r="C4442" s="2">
        <v>162</v>
      </c>
      <c r="D4442" s="2">
        <v>0</v>
      </c>
      <c r="E4442" s="2">
        <v>157.5999999999996</v>
      </c>
    </row>
    <row r="4443" spans="1:5" x14ac:dyDescent="0.25">
      <c r="A4443" s="3">
        <v>41786.533680555556</v>
      </c>
      <c r="B4443" s="2">
        <v>22.7</v>
      </c>
      <c r="C4443" s="2">
        <v>162.19999999999999</v>
      </c>
      <c r="D4443" s="2">
        <v>0</v>
      </c>
      <c r="E4443" s="2">
        <v>157.5999999999996</v>
      </c>
    </row>
    <row r="4444" spans="1:5" x14ac:dyDescent="0.25">
      <c r="A4444" s="3">
        <v>41786.534375000003</v>
      </c>
      <c r="B4444" s="2">
        <v>22.8</v>
      </c>
      <c r="C4444" s="2">
        <v>162</v>
      </c>
      <c r="D4444" s="2">
        <v>0</v>
      </c>
      <c r="E4444" s="2">
        <v>157.5999999999996</v>
      </c>
    </row>
    <row r="4445" spans="1:5" x14ac:dyDescent="0.25">
      <c r="A4445" s="3">
        <v>41786.534432870372</v>
      </c>
      <c r="B4445" s="2">
        <v>22.8</v>
      </c>
      <c r="C4445" s="2">
        <v>162.19999999999999</v>
      </c>
      <c r="D4445" s="2">
        <v>0</v>
      </c>
      <c r="E4445" s="2">
        <v>157.5999999999996</v>
      </c>
    </row>
    <row r="4446" spans="1:5" x14ac:dyDescent="0.25">
      <c r="A4446" s="3">
        <v>41786.535127314812</v>
      </c>
      <c r="B4446" s="2">
        <v>22.8</v>
      </c>
      <c r="C4446" s="2">
        <v>162</v>
      </c>
      <c r="D4446" s="2">
        <v>0</v>
      </c>
      <c r="E4446" s="2">
        <v>157.5999999999996</v>
      </c>
    </row>
    <row r="4447" spans="1:5" x14ac:dyDescent="0.25">
      <c r="A4447" s="3">
        <v>41786.535185185188</v>
      </c>
      <c r="B4447" s="2">
        <v>22.8</v>
      </c>
      <c r="C4447" s="2">
        <v>162.19999999999999</v>
      </c>
      <c r="D4447" s="2">
        <v>0</v>
      </c>
      <c r="E4447" s="2">
        <v>157.5999999999996</v>
      </c>
    </row>
    <row r="4448" spans="1:5" x14ac:dyDescent="0.25">
      <c r="A4448" s="3">
        <v>41786.535879629628</v>
      </c>
      <c r="B4448" s="2">
        <v>22.8</v>
      </c>
      <c r="C4448" s="2">
        <v>162</v>
      </c>
      <c r="D4448" s="2">
        <v>0</v>
      </c>
      <c r="E4448" s="2">
        <v>157.5999999999996</v>
      </c>
    </row>
    <row r="4449" spans="1:5" x14ac:dyDescent="0.25">
      <c r="A4449" s="3">
        <v>41786.535995370374</v>
      </c>
      <c r="B4449" s="2">
        <v>22.8</v>
      </c>
      <c r="C4449" s="2">
        <v>162.19999999999999</v>
      </c>
      <c r="D4449" s="2">
        <v>0</v>
      </c>
      <c r="E4449" s="2">
        <v>157.5999999999996</v>
      </c>
    </row>
    <row r="4450" spans="1:5" x14ac:dyDescent="0.25">
      <c r="A4450" s="3">
        <v>41786.536226851851</v>
      </c>
      <c r="B4450" s="2">
        <v>22.8</v>
      </c>
      <c r="C4450" s="2">
        <v>162</v>
      </c>
      <c r="D4450" s="2">
        <v>0</v>
      </c>
      <c r="E4450" s="2">
        <v>157.5999999999996</v>
      </c>
    </row>
    <row r="4451" spans="1:5" x14ac:dyDescent="0.25">
      <c r="A4451" s="3">
        <v>41786.536400462966</v>
      </c>
      <c r="B4451" s="2">
        <v>22.8</v>
      </c>
      <c r="C4451" s="2">
        <v>162.19999999999999</v>
      </c>
      <c r="D4451" s="2">
        <v>0</v>
      </c>
      <c r="E4451" s="2">
        <v>157.5999999999996</v>
      </c>
    </row>
    <row r="4452" spans="1:5" x14ac:dyDescent="0.25">
      <c r="A4452" s="3">
        <v>41786.536516203705</v>
      </c>
      <c r="B4452" s="2">
        <v>22.8</v>
      </c>
      <c r="C4452" s="2">
        <v>162</v>
      </c>
      <c r="D4452" s="2">
        <v>0</v>
      </c>
      <c r="E4452" s="2">
        <v>157.5999999999996</v>
      </c>
    </row>
    <row r="4453" spans="1:5" x14ac:dyDescent="0.25">
      <c r="A4453" s="3">
        <v>41786.536689814813</v>
      </c>
      <c r="B4453" s="2">
        <v>22.8</v>
      </c>
      <c r="C4453" s="2">
        <v>162.19999999999999</v>
      </c>
      <c r="D4453" s="2">
        <v>0</v>
      </c>
      <c r="E4453" s="2">
        <v>157.5999999999996</v>
      </c>
    </row>
    <row r="4454" spans="1:5" x14ac:dyDescent="0.25">
      <c r="A4454" s="3">
        <v>41786.536805555559</v>
      </c>
      <c r="B4454" s="2">
        <v>22.8</v>
      </c>
      <c r="C4454" s="2">
        <v>162</v>
      </c>
      <c r="D4454" s="2">
        <v>0</v>
      </c>
      <c r="E4454" s="2">
        <v>157.5999999999996</v>
      </c>
    </row>
    <row r="4455" spans="1:5" x14ac:dyDescent="0.25">
      <c r="A4455" s="3">
        <v>41786.53738425926</v>
      </c>
      <c r="B4455" s="2">
        <v>22.8</v>
      </c>
      <c r="C4455" s="2">
        <v>162.19999999999999</v>
      </c>
      <c r="D4455" s="2">
        <v>0</v>
      </c>
      <c r="E4455" s="2">
        <v>157.5999999999996</v>
      </c>
    </row>
    <row r="4456" spans="1:5" x14ac:dyDescent="0.25">
      <c r="A4456" s="3">
        <v>41786.537731481483</v>
      </c>
      <c r="B4456" s="2">
        <v>22.8</v>
      </c>
      <c r="C4456" s="2">
        <v>162</v>
      </c>
      <c r="D4456" s="2">
        <v>0</v>
      </c>
      <c r="E4456" s="2">
        <v>157.5999999999996</v>
      </c>
    </row>
    <row r="4457" spans="1:5" x14ac:dyDescent="0.25">
      <c r="A4457" s="3">
        <v>41786.537962962961</v>
      </c>
      <c r="B4457" s="2">
        <v>22.8</v>
      </c>
      <c r="C4457" s="2">
        <v>162.19999999999999</v>
      </c>
      <c r="D4457" s="2">
        <v>0</v>
      </c>
      <c r="E4457" s="2">
        <v>157.5999999999996</v>
      </c>
    </row>
    <row r="4458" spans="1:5" x14ac:dyDescent="0.25">
      <c r="A4458" s="3">
        <v>41786.53802083333</v>
      </c>
      <c r="B4458" s="2">
        <v>22.8</v>
      </c>
      <c r="C4458" s="2">
        <v>162</v>
      </c>
      <c r="D4458" s="2">
        <v>0</v>
      </c>
      <c r="E4458" s="2">
        <v>157.5999999999996</v>
      </c>
    </row>
    <row r="4459" spans="1:5" x14ac:dyDescent="0.25">
      <c r="A4459" s="3">
        <v>41786.538368055553</v>
      </c>
      <c r="B4459" s="2">
        <v>22.8</v>
      </c>
      <c r="C4459" s="2">
        <v>162.19999999999999</v>
      </c>
      <c r="D4459" s="2">
        <v>0</v>
      </c>
      <c r="E4459" s="2">
        <v>157.5999999999996</v>
      </c>
    </row>
    <row r="4460" spans="1:5" x14ac:dyDescent="0.25">
      <c r="A4460" s="3">
        <v>41786.538425925923</v>
      </c>
      <c r="B4460" s="2">
        <v>22.8</v>
      </c>
      <c r="C4460" s="2">
        <v>162</v>
      </c>
      <c r="D4460" s="2">
        <v>0</v>
      </c>
      <c r="E4460" s="2">
        <v>157.5999999999996</v>
      </c>
    </row>
    <row r="4461" spans="1:5" x14ac:dyDescent="0.25">
      <c r="A4461" s="3">
        <v>41786.538541666669</v>
      </c>
      <c r="B4461" s="2">
        <v>22.8</v>
      </c>
      <c r="C4461" s="2">
        <v>162.19999999999999</v>
      </c>
      <c r="D4461" s="2">
        <v>0</v>
      </c>
      <c r="E4461" s="2">
        <v>157.5999999999996</v>
      </c>
    </row>
    <row r="4462" spans="1:5" x14ac:dyDescent="0.25">
      <c r="A4462" s="3">
        <v>41786.538773148146</v>
      </c>
      <c r="B4462" s="2">
        <v>22.8</v>
      </c>
      <c r="C4462" s="2">
        <v>162</v>
      </c>
      <c r="D4462" s="2">
        <v>0</v>
      </c>
      <c r="E4462" s="2">
        <v>157.5999999999996</v>
      </c>
    </row>
    <row r="4463" spans="1:5" x14ac:dyDescent="0.25">
      <c r="A4463" s="3">
        <v>41786.56527777778</v>
      </c>
      <c r="B4463" s="2">
        <v>23.1</v>
      </c>
      <c r="C4463" s="2">
        <v>161.80000000000001</v>
      </c>
      <c r="D4463" s="2">
        <v>0</v>
      </c>
      <c r="E4463" s="2">
        <v>157.5999999999996</v>
      </c>
    </row>
    <row r="4464" spans="1:5" x14ac:dyDescent="0.25">
      <c r="A4464" s="3">
        <v>41786.565393518518</v>
      </c>
      <c r="B4464" s="2">
        <v>23.1</v>
      </c>
      <c r="C4464" s="2">
        <v>162</v>
      </c>
      <c r="D4464" s="2">
        <v>0</v>
      </c>
      <c r="E4464" s="2">
        <v>157.5999999999996</v>
      </c>
    </row>
    <row r="4465" spans="1:5" x14ac:dyDescent="0.25">
      <c r="A4465" s="3">
        <v>41786.566261574073</v>
      </c>
      <c r="B4465" s="2">
        <v>23.1</v>
      </c>
      <c r="C4465" s="2">
        <v>161.80000000000001</v>
      </c>
      <c r="D4465" s="2">
        <v>0</v>
      </c>
      <c r="E4465" s="2">
        <v>157.5999999999996</v>
      </c>
    </row>
    <row r="4466" spans="1:5" x14ac:dyDescent="0.25">
      <c r="A4466" s="3">
        <v>41786.566435185188</v>
      </c>
      <c r="B4466" s="2">
        <v>23.1</v>
      </c>
      <c r="C4466" s="2">
        <v>162</v>
      </c>
      <c r="D4466" s="2">
        <v>0</v>
      </c>
      <c r="E4466" s="2">
        <v>157.5999999999996</v>
      </c>
    </row>
    <row r="4467" spans="1:5" x14ac:dyDescent="0.25">
      <c r="A4467" s="3">
        <v>41786.566666666666</v>
      </c>
      <c r="B4467" s="2">
        <v>23.1</v>
      </c>
      <c r="C4467" s="2">
        <v>161.80000000000001</v>
      </c>
      <c r="D4467" s="2">
        <v>0</v>
      </c>
      <c r="E4467" s="2">
        <v>157.5999999999996</v>
      </c>
    </row>
    <row r="4468" spans="1:5" x14ac:dyDescent="0.25">
      <c r="A4468" s="3">
        <v>41786.56689814815</v>
      </c>
      <c r="B4468" s="2">
        <v>23.1</v>
      </c>
      <c r="C4468" s="2">
        <v>162</v>
      </c>
      <c r="D4468" s="2">
        <v>0</v>
      </c>
      <c r="E4468" s="2">
        <v>157.5999999999996</v>
      </c>
    </row>
    <row r="4469" spans="1:5" x14ac:dyDescent="0.25">
      <c r="A4469" s="3">
        <v>41786.567245370374</v>
      </c>
      <c r="B4469" s="2">
        <v>23.2</v>
      </c>
      <c r="C4469" s="2">
        <v>161.80000000000001</v>
      </c>
      <c r="D4469" s="2">
        <v>0</v>
      </c>
      <c r="E4469" s="2">
        <v>157.5999999999996</v>
      </c>
    </row>
    <row r="4470" spans="1:5" x14ac:dyDescent="0.25">
      <c r="A4470" s="3">
        <v>41786.567650462966</v>
      </c>
      <c r="B4470" s="2">
        <v>23.3</v>
      </c>
      <c r="C4470" s="2">
        <v>162</v>
      </c>
      <c r="D4470" s="2">
        <v>0</v>
      </c>
      <c r="E4470" s="2">
        <v>157.5999999999996</v>
      </c>
    </row>
    <row r="4471" spans="1:5" x14ac:dyDescent="0.25">
      <c r="A4471" s="3">
        <v>41786.567824074074</v>
      </c>
      <c r="B4471" s="2">
        <v>23.3</v>
      </c>
      <c r="C4471" s="2">
        <v>161.80000000000001</v>
      </c>
      <c r="D4471" s="2">
        <v>0</v>
      </c>
      <c r="E4471" s="2">
        <v>157.5999999999996</v>
      </c>
    </row>
    <row r="4472" spans="1:5" x14ac:dyDescent="0.25">
      <c r="A4472" s="3">
        <v>41786.567939814813</v>
      </c>
      <c r="B4472" s="2">
        <v>23.3</v>
      </c>
      <c r="C4472" s="2">
        <v>162</v>
      </c>
      <c r="D4472" s="2">
        <v>0</v>
      </c>
      <c r="E4472" s="2">
        <v>157.5999999999996</v>
      </c>
    </row>
    <row r="4473" spans="1:5" x14ac:dyDescent="0.25">
      <c r="A4473" s="3">
        <v>41786.56863425926</v>
      </c>
      <c r="B4473" s="2">
        <v>23.2</v>
      </c>
      <c r="C4473" s="2">
        <v>161.80000000000001</v>
      </c>
      <c r="D4473" s="2">
        <v>0</v>
      </c>
      <c r="E4473" s="2">
        <v>157.5999999999996</v>
      </c>
    </row>
    <row r="4474" spans="1:5" x14ac:dyDescent="0.25">
      <c r="A4474" s="3">
        <v>41786.569675925923</v>
      </c>
      <c r="B4474" s="2">
        <v>23.2</v>
      </c>
      <c r="C4474" s="2">
        <v>162</v>
      </c>
      <c r="D4474" s="2">
        <v>0</v>
      </c>
      <c r="E4474" s="2">
        <v>157.5999999999996</v>
      </c>
    </row>
    <row r="4475" spans="1:5" x14ac:dyDescent="0.25">
      <c r="A4475" s="3">
        <v>41786.569733796299</v>
      </c>
      <c r="B4475" s="2">
        <v>23.3</v>
      </c>
      <c r="C4475" s="2">
        <v>161.80000000000001</v>
      </c>
      <c r="D4475" s="2">
        <v>0</v>
      </c>
      <c r="E4475" s="2">
        <v>157.5999999999996</v>
      </c>
    </row>
    <row r="4476" spans="1:5" x14ac:dyDescent="0.25">
      <c r="A4476" s="3">
        <v>41786.571527777778</v>
      </c>
      <c r="B4476" s="2">
        <v>23.3</v>
      </c>
      <c r="C4476" s="2">
        <v>162</v>
      </c>
      <c r="D4476" s="2">
        <v>0</v>
      </c>
      <c r="E4476" s="2">
        <v>157.5999999999996</v>
      </c>
    </row>
    <row r="4477" spans="1:5" x14ac:dyDescent="0.25">
      <c r="A4477" s="3">
        <v>41786.571701388886</v>
      </c>
      <c r="B4477" s="2">
        <v>23.2</v>
      </c>
      <c r="C4477" s="2">
        <v>161.80000000000001</v>
      </c>
      <c r="D4477" s="2">
        <v>0</v>
      </c>
      <c r="E4477" s="2">
        <v>157.5999999999996</v>
      </c>
    </row>
    <row r="4478" spans="1:5" x14ac:dyDescent="0.25">
      <c r="A4478" s="3">
        <v>41786.588136574072</v>
      </c>
      <c r="B4478" s="2">
        <v>23.9</v>
      </c>
      <c r="C4478" s="2">
        <v>161.6</v>
      </c>
      <c r="D4478" s="2">
        <v>0</v>
      </c>
      <c r="E4478" s="2">
        <v>157.5999999999996</v>
      </c>
    </row>
    <row r="4479" spans="1:5" x14ac:dyDescent="0.25">
      <c r="A4479" s="3">
        <v>41786.592245370368</v>
      </c>
      <c r="B4479" s="2">
        <v>24.1</v>
      </c>
      <c r="C4479" s="2">
        <v>161.80000000000001</v>
      </c>
      <c r="D4479" s="2">
        <v>0</v>
      </c>
      <c r="E4479" s="2">
        <v>157.5999999999996</v>
      </c>
    </row>
    <row r="4480" spans="1:5" x14ac:dyDescent="0.25">
      <c r="A4480" s="3">
        <v>41786.592303240737</v>
      </c>
      <c r="B4480" s="2">
        <v>24.2</v>
      </c>
      <c r="C4480" s="2">
        <v>161.6</v>
      </c>
      <c r="D4480" s="2">
        <v>0</v>
      </c>
      <c r="E4480" s="2">
        <v>157.5999999999996</v>
      </c>
    </row>
    <row r="4481" spans="1:5" x14ac:dyDescent="0.25">
      <c r="A4481" s="3">
        <v>41786.620717592596</v>
      </c>
      <c r="B4481" s="2">
        <v>25.2</v>
      </c>
      <c r="C4481" s="2">
        <v>161.4</v>
      </c>
      <c r="D4481" s="2">
        <v>0</v>
      </c>
      <c r="E4481" s="2">
        <v>157.5999999999996</v>
      </c>
    </row>
    <row r="4482" spans="1:5" x14ac:dyDescent="0.25">
      <c r="A4482" s="3">
        <v>41786.620949074073</v>
      </c>
      <c r="B4482" s="2">
        <v>25.3</v>
      </c>
      <c r="C4482" s="2">
        <v>161.6</v>
      </c>
      <c r="D4482" s="2">
        <v>0</v>
      </c>
      <c r="E4482" s="2">
        <v>157.5999999999996</v>
      </c>
    </row>
    <row r="4483" spans="1:5" x14ac:dyDescent="0.25">
      <c r="A4483" s="3">
        <v>41786.621122685188</v>
      </c>
      <c r="B4483" s="2">
        <v>25.3</v>
      </c>
      <c r="C4483" s="2">
        <v>161.4</v>
      </c>
      <c r="D4483" s="2">
        <v>0</v>
      </c>
      <c r="E4483" s="2">
        <v>157.5999999999996</v>
      </c>
    </row>
    <row r="4484" spans="1:5" x14ac:dyDescent="0.25">
      <c r="A4484" s="3">
        <v>41786.621990740743</v>
      </c>
      <c r="B4484" s="2">
        <v>25.3</v>
      </c>
      <c r="C4484" s="2">
        <v>161.6</v>
      </c>
      <c r="D4484" s="2">
        <v>0</v>
      </c>
      <c r="E4484" s="2">
        <v>157.5999999999996</v>
      </c>
    </row>
    <row r="4485" spans="1:5" x14ac:dyDescent="0.25">
      <c r="A4485" s="3">
        <v>41786.622453703705</v>
      </c>
      <c r="B4485" s="2">
        <v>25.4</v>
      </c>
      <c r="C4485" s="2">
        <v>161.4</v>
      </c>
      <c r="D4485" s="2">
        <v>0</v>
      </c>
      <c r="E4485" s="2">
        <v>157.5999999999996</v>
      </c>
    </row>
    <row r="4486" spans="1:5" x14ac:dyDescent="0.25">
      <c r="A4486" s="3">
        <v>41786.625983796293</v>
      </c>
      <c r="B4486" s="2">
        <v>25.4</v>
      </c>
      <c r="C4486" s="2">
        <v>161.6</v>
      </c>
      <c r="D4486" s="2">
        <v>0</v>
      </c>
      <c r="E4486" s="2">
        <v>157.5999999999996</v>
      </c>
    </row>
    <row r="4487" spans="1:5" x14ac:dyDescent="0.25">
      <c r="A4487" s="3">
        <v>41786.626099537039</v>
      </c>
      <c r="B4487" s="2">
        <v>25.4</v>
      </c>
      <c r="C4487" s="2">
        <v>161.4</v>
      </c>
      <c r="D4487" s="2">
        <v>0</v>
      </c>
      <c r="E4487" s="2">
        <v>157.5999999999996</v>
      </c>
    </row>
    <row r="4488" spans="1:5" x14ac:dyDescent="0.25">
      <c r="A4488" s="3">
        <v>41786.627025462964</v>
      </c>
      <c r="B4488" s="2">
        <v>25.4</v>
      </c>
      <c r="C4488" s="2">
        <v>161.6</v>
      </c>
      <c r="D4488" s="2">
        <v>0</v>
      </c>
      <c r="E4488" s="2">
        <v>157.5999999999996</v>
      </c>
    </row>
    <row r="4489" spans="1:5" x14ac:dyDescent="0.25">
      <c r="A4489" s="3">
        <v>41786.627141203702</v>
      </c>
      <c r="B4489" s="2">
        <v>25.4</v>
      </c>
      <c r="C4489" s="2">
        <v>161.4</v>
      </c>
      <c r="D4489" s="2">
        <v>0</v>
      </c>
      <c r="E4489" s="2">
        <v>157.5999999999996</v>
      </c>
    </row>
    <row r="4490" spans="1:5" x14ac:dyDescent="0.25">
      <c r="A4490" s="3">
        <v>41786.627314814818</v>
      </c>
      <c r="B4490" s="2">
        <v>25.4</v>
      </c>
      <c r="C4490" s="2">
        <v>161.6</v>
      </c>
      <c r="D4490" s="2">
        <v>0</v>
      </c>
      <c r="E4490" s="2">
        <v>157.5999999999996</v>
      </c>
    </row>
    <row r="4491" spans="1:5" x14ac:dyDescent="0.25">
      <c r="A4491" s="3">
        <v>41786.627430555556</v>
      </c>
      <c r="B4491" s="2">
        <v>25.4</v>
      </c>
      <c r="C4491" s="2">
        <v>161.4</v>
      </c>
      <c r="D4491" s="2">
        <v>0</v>
      </c>
      <c r="E4491" s="2">
        <v>157.5999999999996</v>
      </c>
    </row>
    <row r="4492" spans="1:5" x14ac:dyDescent="0.25">
      <c r="A4492" s="3">
        <v>41786.627662037034</v>
      </c>
      <c r="B4492" s="2">
        <v>25.4</v>
      </c>
      <c r="C4492" s="2">
        <v>161.6</v>
      </c>
      <c r="D4492" s="2">
        <v>0</v>
      </c>
      <c r="E4492" s="2">
        <v>157.5999999999996</v>
      </c>
    </row>
    <row r="4493" spans="1:5" x14ac:dyDescent="0.25">
      <c r="A4493" s="3">
        <v>41786.627835648149</v>
      </c>
      <c r="B4493" s="2">
        <v>25.4</v>
      </c>
      <c r="C4493" s="2">
        <v>161.4</v>
      </c>
      <c r="D4493" s="2">
        <v>0</v>
      </c>
      <c r="E4493" s="2">
        <v>157.5999999999996</v>
      </c>
    </row>
    <row r="4494" spans="1:5" x14ac:dyDescent="0.25">
      <c r="A4494" s="3">
        <v>41786.628067129626</v>
      </c>
      <c r="B4494" s="2">
        <v>25.4</v>
      </c>
      <c r="C4494" s="2">
        <v>161.6</v>
      </c>
      <c r="D4494" s="2">
        <v>0</v>
      </c>
      <c r="E4494" s="2">
        <v>157.5999999999996</v>
      </c>
    </row>
    <row r="4495" spans="1:5" x14ac:dyDescent="0.25">
      <c r="A4495" s="3">
        <v>41786.62841435185</v>
      </c>
      <c r="B4495" s="2">
        <v>25.4</v>
      </c>
      <c r="C4495" s="2">
        <v>161.4</v>
      </c>
      <c r="D4495" s="2">
        <v>0</v>
      </c>
      <c r="E4495" s="2">
        <v>157.5999999999996</v>
      </c>
    </row>
    <row r="4496" spans="1:5" x14ac:dyDescent="0.25">
      <c r="A4496" s="3">
        <v>41786.628530092596</v>
      </c>
      <c r="B4496" s="2">
        <v>25.4</v>
      </c>
      <c r="C4496" s="2">
        <v>161.6</v>
      </c>
      <c r="D4496" s="2">
        <v>0</v>
      </c>
      <c r="E4496" s="2">
        <v>157.5999999999996</v>
      </c>
    </row>
    <row r="4497" spans="1:5" x14ac:dyDescent="0.25">
      <c r="A4497" s="3">
        <v>41786.629571759258</v>
      </c>
      <c r="B4497" s="2">
        <v>25.4</v>
      </c>
      <c r="C4497" s="2">
        <v>161.4</v>
      </c>
      <c r="D4497" s="2">
        <v>0</v>
      </c>
      <c r="E4497" s="2">
        <v>157.5999999999996</v>
      </c>
    </row>
    <row r="4498" spans="1:5" x14ac:dyDescent="0.25">
      <c r="A4498" s="3">
        <v>41786.629629629628</v>
      </c>
      <c r="B4498" s="2">
        <v>25.4</v>
      </c>
      <c r="C4498" s="2">
        <v>161.6</v>
      </c>
      <c r="D4498" s="2">
        <v>0</v>
      </c>
      <c r="E4498" s="2">
        <v>157.5999999999996</v>
      </c>
    </row>
    <row r="4499" spans="1:5" x14ac:dyDescent="0.25">
      <c r="A4499" s="3">
        <v>41786.630787037036</v>
      </c>
      <c r="B4499" s="2">
        <v>25.4</v>
      </c>
      <c r="C4499" s="2">
        <v>161.4</v>
      </c>
      <c r="D4499" s="2">
        <v>0</v>
      </c>
      <c r="E4499" s="2">
        <v>157.5999999999996</v>
      </c>
    </row>
    <row r="4500" spans="1:5" x14ac:dyDescent="0.25">
      <c r="A4500" s="3">
        <v>41786.630902777775</v>
      </c>
      <c r="B4500" s="2">
        <v>25.4</v>
      </c>
      <c r="C4500" s="2">
        <v>161.6</v>
      </c>
      <c r="D4500" s="2">
        <v>0</v>
      </c>
      <c r="E4500" s="2">
        <v>157.5999999999996</v>
      </c>
    </row>
    <row r="4501" spans="1:5" x14ac:dyDescent="0.25">
      <c r="A4501" s="3">
        <v>41786.631076388891</v>
      </c>
      <c r="B4501" s="2">
        <v>25.4</v>
      </c>
      <c r="C4501" s="2">
        <v>161.4</v>
      </c>
      <c r="D4501" s="2">
        <v>0</v>
      </c>
      <c r="E4501" s="2">
        <v>157.5999999999996</v>
      </c>
    </row>
    <row r="4502" spans="1:5" x14ac:dyDescent="0.25">
      <c r="A4502" s="3">
        <v>41786.635185185187</v>
      </c>
      <c r="B4502" s="2">
        <v>25.4</v>
      </c>
      <c r="C4502" s="2">
        <v>161.6</v>
      </c>
      <c r="D4502" s="2">
        <v>0</v>
      </c>
      <c r="E4502" s="2">
        <v>157.5999999999996</v>
      </c>
    </row>
    <row r="4503" spans="1:5" x14ac:dyDescent="0.25">
      <c r="A4503" s="3">
        <v>41786.635300925926</v>
      </c>
      <c r="B4503" s="2">
        <v>25.4</v>
      </c>
      <c r="C4503" s="2">
        <v>161.4</v>
      </c>
      <c r="D4503" s="2">
        <v>0</v>
      </c>
      <c r="E4503" s="2">
        <v>157.5999999999996</v>
      </c>
    </row>
    <row r="4504" spans="1:5" x14ac:dyDescent="0.25">
      <c r="A4504" s="3">
        <v>41786.63553240741</v>
      </c>
      <c r="B4504" s="2">
        <v>25.4</v>
      </c>
      <c r="C4504" s="2">
        <v>161.6</v>
      </c>
      <c r="D4504" s="2">
        <v>0</v>
      </c>
      <c r="E4504" s="2">
        <v>157.5999999999996</v>
      </c>
    </row>
    <row r="4505" spans="1:5" x14ac:dyDescent="0.25">
      <c r="A4505" s="3">
        <v>41786.635648148149</v>
      </c>
      <c r="B4505" s="2">
        <v>25.4</v>
      </c>
      <c r="C4505" s="2">
        <v>161.4</v>
      </c>
      <c r="D4505" s="2">
        <v>0</v>
      </c>
      <c r="E4505" s="2">
        <v>157.5999999999996</v>
      </c>
    </row>
    <row r="4506" spans="1:5" x14ac:dyDescent="0.25">
      <c r="A4506" s="3">
        <v>41786.635763888888</v>
      </c>
      <c r="B4506" s="2">
        <v>25.4</v>
      </c>
      <c r="C4506" s="2">
        <v>161.6</v>
      </c>
      <c r="D4506" s="2">
        <v>0</v>
      </c>
      <c r="E4506" s="2">
        <v>157.5999999999996</v>
      </c>
    </row>
    <row r="4507" spans="1:5" x14ac:dyDescent="0.25">
      <c r="A4507" s="3">
        <v>41786.635995370372</v>
      </c>
      <c r="B4507" s="2">
        <v>25.4</v>
      </c>
      <c r="C4507" s="2">
        <v>161.4</v>
      </c>
      <c r="D4507" s="2">
        <v>0</v>
      </c>
      <c r="E4507" s="2">
        <v>157.5999999999996</v>
      </c>
    </row>
    <row r="4508" spans="1:5" x14ac:dyDescent="0.25">
      <c r="A4508" s="3">
        <v>41786.636111111111</v>
      </c>
      <c r="B4508" s="2">
        <v>25.4</v>
      </c>
      <c r="C4508" s="2">
        <v>161.6</v>
      </c>
      <c r="D4508" s="2">
        <v>0</v>
      </c>
      <c r="E4508" s="2">
        <v>157.5999999999996</v>
      </c>
    </row>
    <row r="4509" spans="1:5" x14ac:dyDescent="0.25">
      <c r="A4509" s="3">
        <v>41786.636284722219</v>
      </c>
      <c r="B4509" s="2">
        <v>25.4</v>
      </c>
      <c r="C4509" s="2">
        <v>161.4</v>
      </c>
      <c r="D4509" s="2">
        <v>0</v>
      </c>
      <c r="E4509" s="2">
        <v>157.5999999999996</v>
      </c>
    </row>
    <row r="4510" spans="1:5" x14ac:dyDescent="0.25">
      <c r="A4510" s="3">
        <v>41786.639351851853</v>
      </c>
      <c r="B4510" s="2">
        <v>25.4</v>
      </c>
      <c r="C4510" s="2">
        <v>161.19999999999999</v>
      </c>
      <c r="D4510" s="2">
        <v>0</v>
      </c>
      <c r="E4510" s="2">
        <v>157.5999999999996</v>
      </c>
    </row>
    <row r="4511" spans="1:5" x14ac:dyDescent="0.25">
      <c r="A4511" s="3">
        <v>41786.639409722222</v>
      </c>
      <c r="B4511" s="2">
        <v>25.4</v>
      </c>
      <c r="C4511" s="2">
        <v>161.4</v>
      </c>
      <c r="D4511" s="2">
        <v>0</v>
      </c>
      <c r="E4511" s="2">
        <v>157.5999999999996</v>
      </c>
    </row>
    <row r="4512" spans="1:5" x14ac:dyDescent="0.25">
      <c r="A4512" s="3">
        <v>41786.639699074076</v>
      </c>
      <c r="B4512" s="2">
        <v>25.4</v>
      </c>
      <c r="C4512" s="2">
        <v>161.19999999999999</v>
      </c>
      <c r="D4512" s="2">
        <v>0</v>
      </c>
      <c r="E4512" s="2">
        <v>157.5999999999996</v>
      </c>
    </row>
    <row r="4513" spans="1:5" x14ac:dyDescent="0.25">
      <c r="A4513" s="3">
        <v>41786.639814814815</v>
      </c>
      <c r="B4513" s="2">
        <v>25.4</v>
      </c>
      <c r="C4513" s="2">
        <v>161.4</v>
      </c>
      <c r="D4513" s="2">
        <v>0</v>
      </c>
      <c r="E4513" s="2">
        <v>157.5999999999996</v>
      </c>
    </row>
    <row r="4514" spans="1:5" x14ac:dyDescent="0.25">
      <c r="A4514" s="3">
        <v>41786.64403935185</v>
      </c>
      <c r="B4514" s="2">
        <v>25.4</v>
      </c>
      <c r="C4514" s="2">
        <v>161.19999999999999</v>
      </c>
      <c r="D4514" s="2">
        <v>0</v>
      </c>
      <c r="E4514" s="2">
        <v>157.5999999999996</v>
      </c>
    </row>
    <row r="4515" spans="1:5" x14ac:dyDescent="0.25">
      <c r="A4515" s="3">
        <v>41786.644097222219</v>
      </c>
      <c r="B4515" s="2">
        <v>25.4</v>
      </c>
      <c r="C4515" s="2">
        <v>161.4</v>
      </c>
      <c r="D4515" s="2">
        <v>0</v>
      </c>
      <c r="E4515" s="2">
        <v>157.5999999999996</v>
      </c>
    </row>
    <row r="4516" spans="1:5" x14ac:dyDescent="0.25">
      <c r="A4516" s="3">
        <v>41786.649421296293</v>
      </c>
      <c r="B4516" s="2">
        <v>25.2</v>
      </c>
      <c r="C4516" s="2">
        <v>161.19999999999999</v>
      </c>
      <c r="D4516" s="2">
        <v>0</v>
      </c>
      <c r="E4516" s="2">
        <v>157.5999999999996</v>
      </c>
    </row>
    <row r="4517" spans="1:5" x14ac:dyDescent="0.25">
      <c r="A4517" s="3">
        <v>41786.64947916667</v>
      </c>
      <c r="B4517" s="2">
        <v>25.2</v>
      </c>
      <c r="C4517" s="2">
        <v>161.4</v>
      </c>
      <c r="D4517" s="2">
        <v>0</v>
      </c>
      <c r="E4517" s="2">
        <v>157.5999999999996</v>
      </c>
    </row>
    <row r="4518" spans="1:5" x14ac:dyDescent="0.25">
      <c r="A4518" s="3">
        <v>41786.649537037039</v>
      </c>
      <c r="B4518" s="2">
        <v>25.2</v>
      </c>
      <c r="C4518" s="2">
        <v>161.19999999999999</v>
      </c>
      <c r="D4518" s="2">
        <v>0</v>
      </c>
      <c r="E4518" s="2">
        <v>157.5999999999996</v>
      </c>
    </row>
    <row r="4519" spans="1:5" x14ac:dyDescent="0.25">
      <c r="A4519" s="3">
        <v>41786.649594907409</v>
      </c>
      <c r="B4519" s="2">
        <v>25.2</v>
      </c>
      <c r="C4519" s="2">
        <v>161.4</v>
      </c>
      <c r="D4519" s="2">
        <v>0</v>
      </c>
      <c r="E4519" s="2">
        <v>157.5999999999996</v>
      </c>
    </row>
    <row r="4520" spans="1:5" x14ac:dyDescent="0.25">
      <c r="A4520" s="3">
        <v>41786.65729166667</v>
      </c>
      <c r="B4520" s="2">
        <v>24.8</v>
      </c>
      <c r="C4520" s="2">
        <v>161.19999999999999</v>
      </c>
      <c r="D4520" s="2">
        <v>0</v>
      </c>
      <c r="E4520" s="2">
        <v>157.5999999999996</v>
      </c>
    </row>
    <row r="4521" spans="1:5" x14ac:dyDescent="0.25">
      <c r="A4521" s="3">
        <v>41786.657349537039</v>
      </c>
      <c r="B4521" s="2">
        <v>24.8</v>
      </c>
      <c r="C4521" s="2">
        <v>161.4</v>
      </c>
      <c r="D4521" s="2">
        <v>0</v>
      </c>
      <c r="E4521" s="2">
        <v>157.5999999999996</v>
      </c>
    </row>
    <row r="4522" spans="1:5" x14ac:dyDescent="0.25">
      <c r="A4522" s="3">
        <v>41786.657812500001</v>
      </c>
      <c r="B4522" s="2">
        <v>24.8</v>
      </c>
      <c r="C4522" s="2">
        <v>161.19999999999999</v>
      </c>
      <c r="D4522" s="2">
        <v>0</v>
      </c>
      <c r="E4522" s="2">
        <v>157.5999999999996</v>
      </c>
    </row>
    <row r="4523" spans="1:5" x14ac:dyDescent="0.25">
      <c r="A4523" s="3">
        <v>41786.657986111109</v>
      </c>
      <c r="B4523" s="2">
        <v>24.8</v>
      </c>
      <c r="C4523" s="2">
        <v>161.4</v>
      </c>
      <c r="D4523" s="2">
        <v>0</v>
      </c>
      <c r="E4523" s="2">
        <v>157.5999999999996</v>
      </c>
    </row>
    <row r="4524" spans="1:5" x14ac:dyDescent="0.25">
      <c r="A4524" s="3">
        <v>41786.658796296295</v>
      </c>
      <c r="B4524" s="2">
        <v>24.8</v>
      </c>
      <c r="C4524" s="2">
        <v>161.19999999999999</v>
      </c>
      <c r="D4524" s="2">
        <v>0</v>
      </c>
      <c r="E4524" s="2">
        <v>157.5999999999996</v>
      </c>
    </row>
    <row r="4525" spans="1:5" x14ac:dyDescent="0.25">
      <c r="A4525" s="3">
        <v>41786.659085648149</v>
      </c>
      <c r="B4525" s="2">
        <v>24.8</v>
      </c>
      <c r="C4525" s="2">
        <v>161.4</v>
      </c>
      <c r="D4525" s="2">
        <v>0</v>
      </c>
      <c r="E4525" s="2">
        <v>157.5999999999996</v>
      </c>
    </row>
    <row r="4526" spans="1:5" x14ac:dyDescent="0.25">
      <c r="A4526" s="3">
        <v>41786.659432870372</v>
      </c>
      <c r="B4526" s="2">
        <v>24.8</v>
      </c>
      <c r="C4526" s="2">
        <v>161.19999999999999</v>
      </c>
      <c r="D4526" s="2">
        <v>0</v>
      </c>
      <c r="E4526" s="2">
        <v>157.5999999999996</v>
      </c>
    </row>
    <row r="4527" spans="1:5" x14ac:dyDescent="0.25">
      <c r="A4527" s="3">
        <v>41786.659722222219</v>
      </c>
      <c r="B4527" s="2">
        <v>24.8</v>
      </c>
      <c r="C4527" s="2">
        <v>161.4</v>
      </c>
      <c r="D4527" s="2">
        <v>0</v>
      </c>
      <c r="E4527" s="2">
        <v>157.5999999999996</v>
      </c>
    </row>
    <row r="4528" spans="1:5" x14ac:dyDescent="0.25">
      <c r="A4528" s="3">
        <v>41786.659780092596</v>
      </c>
      <c r="B4528" s="2">
        <v>24.8</v>
      </c>
      <c r="C4528" s="2">
        <v>161.19999999999999</v>
      </c>
      <c r="D4528" s="2">
        <v>0</v>
      </c>
      <c r="E4528" s="2">
        <v>157.5999999999996</v>
      </c>
    </row>
    <row r="4529" spans="1:5" x14ac:dyDescent="0.25">
      <c r="A4529" s="3">
        <v>41786.682233796295</v>
      </c>
      <c r="B4529" s="2">
        <v>24.5</v>
      </c>
      <c r="C4529" s="2">
        <v>161</v>
      </c>
      <c r="D4529" s="2">
        <v>0</v>
      </c>
      <c r="E4529" s="2">
        <v>157.5999999999996</v>
      </c>
    </row>
    <row r="4530" spans="1:5" x14ac:dyDescent="0.25">
      <c r="A4530" s="3">
        <v>41786.682349537034</v>
      </c>
      <c r="B4530" s="2">
        <v>24.5</v>
      </c>
      <c r="C4530" s="2">
        <v>161.19999999999999</v>
      </c>
      <c r="D4530" s="2">
        <v>0</v>
      </c>
      <c r="E4530" s="2">
        <v>157.5999999999996</v>
      </c>
    </row>
    <row r="4531" spans="1:5" x14ac:dyDescent="0.25">
      <c r="A4531" s="3">
        <v>41786.682638888888</v>
      </c>
      <c r="B4531" s="2">
        <v>24.4</v>
      </c>
      <c r="C4531" s="2">
        <v>161</v>
      </c>
      <c r="D4531" s="2">
        <v>0</v>
      </c>
      <c r="E4531" s="2">
        <v>157.5999999999996</v>
      </c>
    </row>
    <row r="4532" spans="1:5" x14ac:dyDescent="0.25">
      <c r="A4532" s="3">
        <v>41786.682870370372</v>
      </c>
      <c r="B4532" s="2">
        <v>24.4</v>
      </c>
      <c r="C4532" s="2">
        <v>161.19999999999999</v>
      </c>
      <c r="D4532" s="2">
        <v>0</v>
      </c>
      <c r="E4532" s="2">
        <v>157.5999999999996</v>
      </c>
    </row>
    <row r="4533" spans="1:5" x14ac:dyDescent="0.25">
      <c r="A4533" s="3">
        <v>41786.683217592596</v>
      </c>
      <c r="B4533" s="2">
        <v>24.4</v>
      </c>
      <c r="C4533" s="2">
        <v>161</v>
      </c>
      <c r="D4533" s="2">
        <v>0</v>
      </c>
      <c r="E4533" s="2">
        <v>157.5999999999996</v>
      </c>
    </row>
    <row r="4534" spans="1:5" x14ac:dyDescent="0.25">
      <c r="A4534" s="3">
        <v>41786.685185185182</v>
      </c>
      <c r="B4534" s="2">
        <v>24.4</v>
      </c>
      <c r="C4534" s="2">
        <v>161.19999999999999</v>
      </c>
      <c r="D4534" s="2">
        <v>0</v>
      </c>
      <c r="E4534" s="2">
        <v>157.5999999999996</v>
      </c>
    </row>
    <row r="4535" spans="1:5" x14ac:dyDescent="0.25">
      <c r="A4535" s="3">
        <v>41786.686226851853</v>
      </c>
      <c r="B4535" s="2">
        <v>24.4</v>
      </c>
      <c r="C4535" s="2">
        <v>161</v>
      </c>
      <c r="D4535" s="2">
        <v>0</v>
      </c>
      <c r="E4535" s="2">
        <v>157.5999999999996</v>
      </c>
    </row>
    <row r="4536" spans="1:5" x14ac:dyDescent="0.25">
      <c r="A4536" s="3">
        <v>41786.701273148145</v>
      </c>
      <c r="B4536" s="2">
        <v>24</v>
      </c>
      <c r="C4536" s="2">
        <v>160.80000000000001</v>
      </c>
      <c r="D4536" s="2">
        <v>0</v>
      </c>
      <c r="E4536" s="2">
        <v>157.5999999999996</v>
      </c>
    </row>
    <row r="4537" spans="1:5" x14ac:dyDescent="0.25">
      <c r="A4537" s="3">
        <v>41786.701331018521</v>
      </c>
      <c r="B4537" s="2">
        <v>24</v>
      </c>
      <c r="C4537" s="2">
        <v>161</v>
      </c>
      <c r="D4537" s="2">
        <v>0</v>
      </c>
      <c r="E4537" s="2">
        <v>157.5999999999996</v>
      </c>
    </row>
    <row r="4538" spans="1:5" x14ac:dyDescent="0.25">
      <c r="A4538" s="3">
        <v>41786.702256944445</v>
      </c>
      <c r="B4538" s="2">
        <v>24</v>
      </c>
      <c r="C4538" s="2">
        <v>160.80000000000001</v>
      </c>
      <c r="D4538" s="2">
        <v>0</v>
      </c>
      <c r="E4538" s="2">
        <v>157.5999999999996</v>
      </c>
    </row>
    <row r="4539" spans="1:5" x14ac:dyDescent="0.25">
      <c r="A4539" s="3">
        <v>41786.702430555553</v>
      </c>
      <c r="B4539" s="2">
        <v>24</v>
      </c>
      <c r="C4539" s="2">
        <v>161</v>
      </c>
      <c r="D4539" s="2">
        <v>0</v>
      </c>
      <c r="E4539" s="2">
        <v>157.5999999999996</v>
      </c>
    </row>
    <row r="4540" spans="1:5" x14ac:dyDescent="0.25">
      <c r="A4540" s="3">
        <v>41786.703472222223</v>
      </c>
      <c r="B4540" s="2">
        <v>23.8</v>
      </c>
      <c r="C4540" s="2">
        <v>160.80000000000001</v>
      </c>
      <c r="D4540" s="2">
        <v>0</v>
      </c>
      <c r="E4540" s="2">
        <v>157.5999999999996</v>
      </c>
    </row>
    <row r="4541" spans="1:5" x14ac:dyDescent="0.25">
      <c r="A4541" s="3">
        <v>41786.703587962962</v>
      </c>
      <c r="B4541" s="2">
        <v>23.8</v>
      </c>
      <c r="C4541" s="2">
        <v>161</v>
      </c>
      <c r="D4541" s="2">
        <v>0</v>
      </c>
      <c r="E4541" s="2">
        <v>157.5999999999996</v>
      </c>
    </row>
    <row r="4542" spans="1:5" x14ac:dyDescent="0.25">
      <c r="A4542" s="3">
        <v>41786.703993055555</v>
      </c>
      <c r="B4542" s="2">
        <v>23.8</v>
      </c>
      <c r="C4542" s="2">
        <v>160.80000000000001</v>
      </c>
      <c r="D4542" s="2">
        <v>0</v>
      </c>
      <c r="E4542" s="2">
        <v>157.5999999999996</v>
      </c>
    </row>
    <row r="4543" spans="1:5" x14ac:dyDescent="0.25">
      <c r="A4543" s="3">
        <v>41786.704224537039</v>
      </c>
      <c r="B4543" s="2">
        <v>23.8</v>
      </c>
      <c r="C4543" s="2">
        <v>161</v>
      </c>
      <c r="D4543" s="2">
        <v>0</v>
      </c>
      <c r="E4543" s="2">
        <v>157.5999999999996</v>
      </c>
    </row>
    <row r="4544" spans="1:5" x14ac:dyDescent="0.25">
      <c r="A4544" s="3">
        <v>41786.704398148147</v>
      </c>
      <c r="B4544" s="2">
        <v>23.8</v>
      </c>
      <c r="C4544" s="2">
        <v>160.80000000000001</v>
      </c>
      <c r="D4544" s="2">
        <v>0</v>
      </c>
      <c r="E4544" s="2">
        <v>157.5999999999996</v>
      </c>
    </row>
    <row r="4545" spans="1:5" x14ac:dyDescent="0.25">
      <c r="A4545" s="3">
        <v>41786.704745370371</v>
      </c>
      <c r="B4545" s="2">
        <v>23.8</v>
      </c>
      <c r="C4545" s="2">
        <v>161</v>
      </c>
      <c r="D4545" s="2">
        <v>0</v>
      </c>
      <c r="E4545" s="2">
        <v>157.5999999999996</v>
      </c>
    </row>
    <row r="4546" spans="1:5" x14ac:dyDescent="0.25">
      <c r="A4546" s="3">
        <v>41786.705266203702</v>
      </c>
      <c r="B4546" s="2">
        <v>23.8</v>
      </c>
      <c r="C4546" s="2">
        <v>160.80000000000001</v>
      </c>
      <c r="D4546" s="2">
        <v>0</v>
      </c>
      <c r="E4546" s="2">
        <v>157.5999999999996</v>
      </c>
    </row>
    <row r="4547" spans="1:5" x14ac:dyDescent="0.25">
      <c r="A4547" s="3">
        <v>41786.707465277781</v>
      </c>
      <c r="B4547" s="2">
        <v>23.7</v>
      </c>
      <c r="C4547" s="2">
        <v>161</v>
      </c>
      <c r="D4547" s="2">
        <v>0</v>
      </c>
      <c r="E4547" s="2">
        <v>157.5999999999996</v>
      </c>
    </row>
    <row r="4548" spans="1:5" x14ac:dyDescent="0.25">
      <c r="A4548" s="3">
        <v>41786.707696759258</v>
      </c>
      <c r="B4548" s="2">
        <v>23.7</v>
      </c>
      <c r="C4548" s="2">
        <v>160.80000000000001</v>
      </c>
      <c r="D4548" s="2">
        <v>0</v>
      </c>
      <c r="E4548" s="2">
        <v>157.5999999999996</v>
      </c>
    </row>
    <row r="4549" spans="1:5" x14ac:dyDescent="0.25">
      <c r="A4549" s="3">
        <v>41786.708391203705</v>
      </c>
      <c r="B4549" s="2">
        <v>23.7</v>
      </c>
      <c r="C4549" s="2">
        <v>161</v>
      </c>
      <c r="D4549" s="2">
        <v>0</v>
      </c>
      <c r="E4549" s="2">
        <v>157.5999999999996</v>
      </c>
    </row>
    <row r="4550" spans="1:5" x14ac:dyDescent="0.25">
      <c r="A4550" s="3">
        <v>41786.708449074074</v>
      </c>
      <c r="B4550" s="2">
        <v>23.7</v>
      </c>
      <c r="C4550" s="2">
        <v>160.80000000000001</v>
      </c>
      <c r="D4550" s="2">
        <v>0</v>
      </c>
      <c r="E4550" s="2">
        <v>157.5999999999996</v>
      </c>
    </row>
    <row r="4551" spans="1:5" x14ac:dyDescent="0.25">
      <c r="A4551" s="3">
        <v>41786.72934027778</v>
      </c>
      <c r="B4551" s="2">
        <v>23.5</v>
      </c>
      <c r="C4551" s="2">
        <v>160.6</v>
      </c>
      <c r="D4551" s="2">
        <v>0</v>
      </c>
      <c r="E4551" s="2">
        <v>157.5999999999996</v>
      </c>
    </row>
    <row r="4552" spans="1:5" x14ac:dyDescent="0.25">
      <c r="A4552" s="3">
        <v>41786.732523148145</v>
      </c>
      <c r="B4552" s="2">
        <v>23.5</v>
      </c>
      <c r="C4552" s="2">
        <v>160.80000000000001</v>
      </c>
      <c r="D4552" s="2">
        <v>0</v>
      </c>
      <c r="E4552" s="2">
        <v>157.5999999999996</v>
      </c>
    </row>
    <row r="4553" spans="1:5" x14ac:dyDescent="0.25">
      <c r="A4553" s="3">
        <v>41786.732928240737</v>
      </c>
      <c r="B4553" s="2">
        <v>23.5</v>
      </c>
      <c r="C4553" s="2">
        <v>160.6</v>
      </c>
      <c r="D4553" s="2">
        <v>0</v>
      </c>
      <c r="E4553" s="2">
        <v>157.5999999999996</v>
      </c>
    </row>
    <row r="4554" spans="1:5" x14ac:dyDescent="0.25">
      <c r="A4554" s="3">
        <v>41786.753125000003</v>
      </c>
      <c r="B4554" s="2">
        <v>23.3</v>
      </c>
      <c r="C4554" s="2">
        <v>160.4</v>
      </c>
      <c r="D4554" s="2">
        <v>0</v>
      </c>
      <c r="E4554" s="2">
        <v>157.5999999999996</v>
      </c>
    </row>
    <row r="4555" spans="1:5" x14ac:dyDescent="0.25">
      <c r="A4555" s="3">
        <v>41786.753182870372</v>
      </c>
      <c r="B4555" s="2">
        <v>23.3</v>
      </c>
      <c r="C4555" s="2">
        <v>160.6</v>
      </c>
      <c r="D4555" s="2">
        <v>0</v>
      </c>
      <c r="E4555" s="2">
        <v>157.5999999999996</v>
      </c>
    </row>
    <row r="4556" spans="1:5" x14ac:dyDescent="0.25">
      <c r="A4556" s="3">
        <v>41786.75335648148</v>
      </c>
      <c r="B4556" s="2">
        <v>23.3</v>
      </c>
      <c r="C4556" s="2">
        <v>160.4</v>
      </c>
      <c r="D4556" s="2">
        <v>0</v>
      </c>
      <c r="E4556" s="2">
        <v>157.5999999999996</v>
      </c>
    </row>
    <row r="4557" spans="1:5" x14ac:dyDescent="0.25">
      <c r="A4557" s="3">
        <v>41786.753587962965</v>
      </c>
      <c r="B4557" s="2">
        <v>23.3</v>
      </c>
      <c r="C4557" s="2">
        <v>160.6</v>
      </c>
      <c r="D4557" s="2">
        <v>0</v>
      </c>
      <c r="E4557" s="2">
        <v>157.5999999999996</v>
      </c>
    </row>
    <row r="4558" spans="1:5" x14ac:dyDescent="0.25">
      <c r="A4558" s="3">
        <v>41786.753645833334</v>
      </c>
      <c r="B4558" s="2">
        <v>23.3</v>
      </c>
      <c r="C4558" s="2">
        <v>160.4</v>
      </c>
      <c r="D4558" s="2">
        <v>0</v>
      </c>
      <c r="E4558" s="2">
        <v>157.5999999999996</v>
      </c>
    </row>
    <row r="4559" spans="1:5" x14ac:dyDescent="0.25">
      <c r="A4559" s="3">
        <v>41786.753819444442</v>
      </c>
      <c r="B4559" s="2">
        <v>23.3</v>
      </c>
      <c r="C4559" s="2">
        <v>160.6</v>
      </c>
      <c r="D4559" s="2">
        <v>0</v>
      </c>
      <c r="E4559" s="2">
        <v>157.5999999999996</v>
      </c>
    </row>
    <row r="4560" spans="1:5" x14ac:dyDescent="0.25">
      <c r="A4560" s="3">
        <v>41786.753877314812</v>
      </c>
      <c r="B4560" s="2">
        <v>23.3</v>
      </c>
      <c r="C4560" s="2">
        <v>160.4</v>
      </c>
      <c r="D4560" s="2">
        <v>0</v>
      </c>
      <c r="E4560" s="2">
        <v>157.5999999999996</v>
      </c>
    </row>
    <row r="4561" spans="1:5" x14ac:dyDescent="0.25">
      <c r="A4561" s="3">
        <v>41786.755729166667</v>
      </c>
      <c r="B4561" s="2">
        <v>23.3</v>
      </c>
      <c r="C4561" s="2">
        <v>160.6</v>
      </c>
      <c r="D4561" s="2">
        <v>0</v>
      </c>
      <c r="E4561" s="2">
        <v>157.5999999999996</v>
      </c>
    </row>
    <row r="4562" spans="1:5" x14ac:dyDescent="0.25">
      <c r="A4562" s="3">
        <v>41786.755844907406</v>
      </c>
      <c r="B4562" s="2">
        <v>23.3</v>
      </c>
      <c r="C4562" s="2">
        <v>160.4</v>
      </c>
      <c r="D4562" s="2">
        <v>0</v>
      </c>
      <c r="E4562" s="2">
        <v>157.5999999999996</v>
      </c>
    </row>
    <row r="4563" spans="1:5" x14ac:dyDescent="0.25">
      <c r="A4563" s="3">
        <v>41786.80740740741</v>
      </c>
      <c r="B4563" s="2">
        <v>22.2</v>
      </c>
      <c r="C4563" s="2">
        <v>160.19999999999999</v>
      </c>
      <c r="D4563" s="2">
        <v>0</v>
      </c>
      <c r="E4563" s="2">
        <v>157.5999999999996</v>
      </c>
    </row>
    <row r="4564" spans="1:5" x14ac:dyDescent="0.25">
      <c r="A4564" s="3">
        <v>41786.80810185185</v>
      </c>
      <c r="B4564" s="2">
        <v>22.2</v>
      </c>
      <c r="C4564" s="2">
        <v>160.4</v>
      </c>
      <c r="D4564" s="2">
        <v>0</v>
      </c>
      <c r="E4564" s="2">
        <v>157.5999999999996</v>
      </c>
    </row>
    <row r="4565" spans="1:5" x14ac:dyDescent="0.25">
      <c r="A4565" s="3">
        <v>41786.808333333334</v>
      </c>
      <c r="B4565" s="2">
        <v>22.2</v>
      </c>
      <c r="C4565" s="2">
        <v>160.19999999999999</v>
      </c>
      <c r="D4565" s="2">
        <v>0</v>
      </c>
      <c r="E4565" s="2">
        <v>157.5999999999996</v>
      </c>
    </row>
    <row r="4566" spans="1:5" x14ac:dyDescent="0.25">
      <c r="A4566" s="3">
        <v>41786.811342592591</v>
      </c>
      <c r="B4566" s="2">
        <v>22.1</v>
      </c>
      <c r="C4566" s="2">
        <v>160.4</v>
      </c>
      <c r="D4566" s="2">
        <v>0</v>
      </c>
      <c r="E4566" s="2">
        <v>157.5999999999996</v>
      </c>
    </row>
    <row r="4567" spans="1:5" x14ac:dyDescent="0.25">
      <c r="A4567" s="3">
        <v>41786.811516203707</v>
      </c>
      <c r="B4567" s="2">
        <v>22</v>
      </c>
      <c r="C4567" s="2">
        <v>160.19999999999999</v>
      </c>
      <c r="D4567" s="2">
        <v>0</v>
      </c>
      <c r="E4567" s="2">
        <v>157.5999999999996</v>
      </c>
    </row>
    <row r="4568" spans="1:5" x14ac:dyDescent="0.25">
      <c r="A4568" s="3">
        <v>41786.877025462964</v>
      </c>
      <c r="B4568" s="2">
        <v>20.399999999999999</v>
      </c>
      <c r="C4568" s="2">
        <v>160</v>
      </c>
      <c r="D4568" s="2">
        <v>0</v>
      </c>
      <c r="E4568" s="2">
        <v>157.5999999999996</v>
      </c>
    </row>
    <row r="4569" spans="1:5" x14ac:dyDescent="0.25">
      <c r="A4569" s="3">
        <v>41786.943229166667</v>
      </c>
      <c r="B4569" s="2">
        <v>18.8</v>
      </c>
      <c r="C4569" s="2">
        <v>159.80000000000001</v>
      </c>
      <c r="D4569" s="2">
        <v>0</v>
      </c>
      <c r="E4569" s="2">
        <v>157.5999999999996</v>
      </c>
    </row>
    <row r="4570" spans="1:5" x14ac:dyDescent="0.25">
      <c r="A4570" s="3">
        <v>41787.028877314813</v>
      </c>
      <c r="B4570" s="2">
        <v>16.899999999999999</v>
      </c>
      <c r="C4570" s="2">
        <v>159.6</v>
      </c>
      <c r="D4570" s="2">
        <v>0</v>
      </c>
      <c r="E4570" s="2">
        <v>157.5999999999996</v>
      </c>
    </row>
    <row r="4571" spans="1:5" x14ac:dyDescent="0.25">
      <c r="A4571" s="3">
        <v>41787.178530092591</v>
      </c>
      <c r="B4571" s="2">
        <v>14.9</v>
      </c>
      <c r="C4571" s="2">
        <v>159.4</v>
      </c>
      <c r="D4571" s="2">
        <v>0</v>
      </c>
      <c r="E4571" s="2">
        <v>157.5999999999996</v>
      </c>
    </row>
    <row r="4572" spans="1:5" x14ac:dyDescent="0.25">
      <c r="A4572" s="3">
        <v>41787.312673611108</v>
      </c>
      <c r="B4572" s="2">
        <v>14.3</v>
      </c>
      <c r="C4572" s="2">
        <v>159.19999999999999</v>
      </c>
      <c r="D4572" s="2">
        <v>0</v>
      </c>
      <c r="E4572" s="2">
        <v>157.5999999999996</v>
      </c>
    </row>
    <row r="4573" spans="1:5" x14ac:dyDescent="0.25">
      <c r="A4573" s="3">
        <v>41787.410127314812</v>
      </c>
      <c r="B4573" s="2">
        <v>15.2</v>
      </c>
      <c r="C4573" s="2">
        <v>159.19999999999999</v>
      </c>
      <c r="D4573" s="2">
        <v>0.2</v>
      </c>
      <c r="E4573" s="2">
        <v>157.79999999999959</v>
      </c>
    </row>
    <row r="4574" spans="1:5" x14ac:dyDescent="0.25">
      <c r="A4574" s="3">
        <v>41787.413831018515</v>
      </c>
      <c r="B4574" s="2">
        <v>15.4</v>
      </c>
      <c r="C4574" s="2">
        <v>159.4</v>
      </c>
      <c r="D4574" s="2">
        <v>0</v>
      </c>
      <c r="E4574" s="2">
        <v>157.79999999999959</v>
      </c>
    </row>
    <row r="4575" spans="1:5" x14ac:dyDescent="0.25">
      <c r="A4575" s="3">
        <v>41787.422511574077</v>
      </c>
      <c r="B4575" s="2">
        <v>15.4</v>
      </c>
      <c r="C4575" s="2">
        <v>159.4</v>
      </c>
      <c r="D4575" s="2">
        <v>0.2</v>
      </c>
      <c r="E4575" s="2">
        <v>157.99999999999957</v>
      </c>
    </row>
    <row r="4576" spans="1:5" x14ac:dyDescent="0.25">
      <c r="A4576" s="3">
        <v>41787.425057870372</v>
      </c>
      <c r="B4576" s="2">
        <v>15.5</v>
      </c>
      <c r="C4576" s="2">
        <v>159.6</v>
      </c>
      <c r="D4576" s="2">
        <v>0</v>
      </c>
      <c r="E4576" s="2">
        <v>157.99999999999957</v>
      </c>
    </row>
    <row r="4577" spans="1:5" x14ac:dyDescent="0.25">
      <c r="A4577" s="3">
        <v>41787.427777777775</v>
      </c>
      <c r="B4577" s="2">
        <v>15.5</v>
      </c>
      <c r="C4577" s="2">
        <v>159.6</v>
      </c>
      <c r="D4577" s="2">
        <v>0.2</v>
      </c>
      <c r="E4577" s="2">
        <v>158.19999999999956</v>
      </c>
    </row>
    <row r="4578" spans="1:5" x14ac:dyDescent="0.25">
      <c r="A4578" s="3">
        <v>41787.44189814815</v>
      </c>
      <c r="B4578" s="2">
        <v>15.6</v>
      </c>
      <c r="C4578" s="2">
        <v>159.80000000000001</v>
      </c>
      <c r="D4578" s="2">
        <v>0</v>
      </c>
      <c r="E4578" s="2">
        <v>158.19999999999956</v>
      </c>
    </row>
    <row r="4579" spans="1:5" x14ac:dyDescent="0.25">
      <c r="A4579" s="3">
        <v>41787.509895833333</v>
      </c>
      <c r="B4579" s="2">
        <v>17.8</v>
      </c>
      <c r="C4579" s="2">
        <v>159.6</v>
      </c>
      <c r="D4579" s="2">
        <v>0</v>
      </c>
      <c r="E4579" s="2">
        <v>158.19999999999956</v>
      </c>
    </row>
    <row r="4580" spans="1:5" x14ac:dyDescent="0.25">
      <c r="A4580" s="3">
        <v>41787.517476851855</v>
      </c>
      <c r="B4580" s="2">
        <v>18.399999999999999</v>
      </c>
      <c r="C4580" s="2">
        <v>159.80000000000001</v>
      </c>
      <c r="D4580" s="2">
        <v>0</v>
      </c>
      <c r="E4580" s="2">
        <v>158.19999999999956</v>
      </c>
    </row>
    <row r="4581" spans="1:5" x14ac:dyDescent="0.25">
      <c r="A4581" s="3">
        <v>41787.517592592594</v>
      </c>
      <c r="B4581" s="2">
        <v>18.5</v>
      </c>
      <c r="C4581" s="2">
        <v>159.6</v>
      </c>
      <c r="D4581" s="2">
        <v>0</v>
      </c>
      <c r="E4581" s="2">
        <v>158.19999999999956</v>
      </c>
    </row>
    <row r="4582" spans="1:5" x14ac:dyDescent="0.25">
      <c r="A4582" s="3">
        <v>41787.521874999999</v>
      </c>
      <c r="B4582" s="2">
        <v>18.8</v>
      </c>
      <c r="C4582" s="2">
        <v>159.80000000000001</v>
      </c>
      <c r="D4582" s="2">
        <v>0</v>
      </c>
      <c r="E4582" s="2">
        <v>158.19999999999956</v>
      </c>
    </row>
    <row r="4583" spans="1:5" x14ac:dyDescent="0.25">
      <c r="A4583" s="3">
        <v>41787.525868055556</v>
      </c>
      <c r="B4583" s="2">
        <v>19.100000000000001</v>
      </c>
      <c r="C4583" s="2">
        <v>159.6</v>
      </c>
      <c r="D4583" s="2">
        <v>0</v>
      </c>
      <c r="E4583" s="2">
        <v>158.19999999999956</v>
      </c>
    </row>
    <row r="4584" spans="1:5" x14ac:dyDescent="0.25">
      <c r="A4584" s="3">
        <v>41787.530613425923</v>
      </c>
      <c r="B4584" s="2">
        <v>19.600000000000001</v>
      </c>
      <c r="C4584" s="2">
        <v>159.80000000000001</v>
      </c>
      <c r="D4584" s="2">
        <v>0</v>
      </c>
      <c r="E4584" s="2">
        <v>158.19999999999956</v>
      </c>
    </row>
    <row r="4585" spans="1:5" x14ac:dyDescent="0.25">
      <c r="A4585" s="3">
        <v>41787.531597222223</v>
      </c>
      <c r="B4585" s="2">
        <v>19.5</v>
      </c>
      <c r="C4585" s="2">
        <v>159.6</v>
      </c>
      <c r="D4585" s="2">
        <v>0</v>
      </c>
      <c r="E4585" s="2">
        <v>158.19999999999956</v>
      </c>
    </row>
    <row r="4586" spans="1:5" x14ac:dyDescent="0.25">
      <c r="A4586" s="3">
        <v>41787.531712962962</v>
      </c>
      <c r="B4586" s="2">
        <v>19.600000000000001</v>
      </c>
      <c r="C4586" s="2">
        <v>159.80000000000001</v>
      </c>
      <c r="D4586" s="2">
        <v>0</v>
      </c>
      <c r="E4586" s="2">
        <v>158.19999999999956</v>
      </c>
    </row>
    <row r="4587" spans="1:5" x14ac:dyDescent="0.25">
      <c r="A4587" s="3">
        <v>41787.53229166667</v>
      </c>
      <c r="B4587" s="2">
        <v>19.600000000000001</v>
      </c>
      <c r="C4587" s="2">
        <v>159.6</v>
      </c>
      <c r="D4587" s="2">
        <v>0</v>
      </c>
      <c r="E4587" s="2">
        <v>158.19999999999956</v>
      </c>
    </row>
    <row r="4588" spans="1:5" x14ac:dyDescent="0.25">
      <c r="A4588" s="3">
        <v>41787.533101851855</v>
      </c>
      <c r="B4588" s="2">
        <v>19.7</v>
      </c>
      <c r="C4588" s="2">
        <v>159.80000000000001</v>
      </c>
      <c r="D4588" s="2">
        <v>0</v>
      </c>
      <c r="E4588" s="2">
        <v>158.19999999999956</v>
      </c>
    </row>
    <row r="4589" spans="1:5" x14ac:dyDescent="0.25">
      <c r="A4589" s="3">
        <v>41787.538310185184</v>
      </c>
      <c r="B4589" s="2">
        <v>20.100000000000001</v>
      </c>
      <c r="C4589" s="2">
        <v>159.6</v>
      </c>
      <c r="D4589" s="2">
        <v>0</v>
      </c>
      <c r="E4589" s="2">
        <v>158.19999999999956</v>
      </c>
    </row>
    <row r="4590" spans="1:5" x14ac:dyDescent="0.25">
      <c r="A4590" s="3">
        <v>41787.550810185188</v>
      </c>
      <c r="B4590" s="2">
        <v>21.2</v>
      </c>
      <c r="C4590" s="2">
        <v>159.80000000000001</v>
      </c>
      <c r="D4590" s="2">
        <v>0</v>
      </c>
      <c r="E4590" s="2">
        <v>158.19999999999956</v>
      </c>
    </row>
    <row r="4591" spans="1:5" x14ac:dyDescent="0.25">
      <c r="A4591" s="3">
        <v>41787.556597222225</v>
      </c>
      <c r="B4591" s="2">
        <v>21.5</v>
      </c>
      <c r="C4591" s="2">
        <v>159.6</v>
      </c>
      <c r="D4591" s="2">
        <v>0</v>
      </c>
      <c r="E4591" s="2">
        <v>158.19999999999956</v>
      </c>
    </row>
    <row r="4592" spans="1:5" x14ac:dyDescent="0.25">
      <c r="A4592" s="3">
        <v>41787.557118055556</v>
      </c>
      <c r="B4592" s="2">
        <v>21.6</v>
      </c>
      <c r="C4592" s="2">
        <v>159.80000000000001</v>
      </c>
      <c r="D4592" s="2">
        <v>0</v>
      </c>
      <c r="E4592" s="2">
        <v>158.19999999999956</v>
      </c>
    </row>
    <row r="4593" spans="1:5" x14ac:dyDescent="0.25">
      <c r="A4593" s="3">
        <v>41787.557233796295</v>
      </c>
      <c r="B4593" s="2">
        <v>21.6</v>
      </c>
      <c r="C4593" s="2">
        <v>159.6</v>
      </c>
      <c r="D4593" s="2">
        <v>0</v>
      </c>
      <c r="E4593" s="2">
        <v>158.19999999999956</v>
      </c>
    </row>
    <row r="4594" spans="1:5" x14ac:dyDescent="0.25">
      <c r="A4594" s="3">
        <v>41787.557349537034</v>
      </c>
      <c r="B4594" s="2">
        <v>21.6</v>
      </c>
      <c r="C4594" s="2">
        <v>159.80000000000001</v>
      </c>
      <c r="D4594" s="2">
        <v>0</v>
      </c>
      <c r="E4594" s="2">
        <v>158.19999999999956</v>
      </c>
    </row>
    <row r="4595" spans="1:5" x14ac:dyDescent="0.25">
      <c r="A4595" s="3">
        <v>41787.55746527778</v>
      </c>
      <c r="B4595" s="2">
        <v>21.7</v>
      </c>
      <c r="C4595" s="2">
        <v>159.6</v>
      </c>
      <c r="D4595" s="2">
        <v>0</v>
      </c>
      <c r="E4595" s="2">
        <v>158.19999999999956</v>
      </c>
    </row>
    <row r="4596" spans="1:5" x14ac:dyDescent="0.25">
      <c r="A4596" s="3">
        <v>41787.57309027778</v>
      </c>
      <c r="B4596" s="2">
        <v>22.8</v>
      </c>
      <c r="C4596" s="2">
        <v>159.6</v>
      </c>
      <c r="D4596" s="2">
        <v>0.2</v>
      </c>
      <c r="E4596" s="2">
        <v>158.39999999999955</v>
      </c>
    </row>
    <row r="4597" spans="1:5" x14ac:dyDescent="0.25">
      <c r="A4597" s="3">
        <v>41787.578240740739</v>
      </c>
      <c r="B4597" s="2">
        <v>22.8</v>
      </c>
      <c r="C4597" s="2">
        <v>159.80000000000001</v>
      </c>
      <c r="D4597" s="2">
        <v>0</v>
      </c>
      <c r="E4597" s="2">
        <v>158.39999999999955</v>
      </c>
    </row>
    <row r="4598" spans="1:5" x14ac:dyDescent="0.25">
      <c r="A4598" s="3">
        <v>41787.578414351854</v>
      </c>
      <c r="B4598" s="2">
        <v>22.8</v>
      </c>
      <c r="C4598" s="2">
        <v>159.6</v>
      </c>
      <c r="D4598" s="2">
        <v>0</v>
      </c>
      <c r="E4598" s="2">
        <v>158.39999999999955</v>
      </c>
    </row>
    <row r="4599" spans="1:5" x14ac:dyDescent="0.25">
      <c r="A4599" s="3">
        <v>41787.579282407409</v>
      </c>
      <c r="B4599" s="2">
        <v>22.8</v>
      </c>
      <c r="C4599" s="2">
        <v>159.80000000000001</v>
      </c>
      <c r="D4599" s="2">
        <v>0</v>
      </c>
      <c r="E4599" s="2">
        <v>158.39999999999955</v>
      </c>
    </row>
    <row r="4600" spans="1:5" x14ac:dyDescent="0.25">
      <c r="A4600" s="3">
        <v>41787.579456018517</v>
      </c>
      <c r="B4600" s="2">
        <v>22.8</v>
      </c>
      <c r="C4600" s="2">
        <v>159.6</v>
      </c>
      <c r="D4600" s="2">
        <v>0</v>
      </c>
      <c r="E4600" s="2">
        <v>158.39999999999955</v>
      </c>
    </row>
    <row r="4601" spans="1:5" x14ac:dyDescent="0.25">
      <c r="A4601" s="3">
        <v>41787.579571759263</v>
      </c>
      <c r="B4601" s="2">
        <v>22.8</v>
      </c>
      <c r="C4601" s="2">
        <v>159.80000000000001</v>
      </c>
      <c r="D4601" s="2">
        <v>0</v>
      </c>
      <c r="E4601" s="2">
        <v>158.39999999999955</v>
      </c>
    </row>
    <row r="4602" spans="1:5" x14ac:dyDescent="0.25">
      <c r="A4602" s="3">
        <v>41787.580034722225</v>
      </c>
      <c r="B4602" s="2">
        <v>22.8</v>
      </c>
      <c r="C4602" s="2">
        <v>159.6</v>
      </c>
      <c r="D4602" s="2">
        <v>0</v>
      </c>
      <c r="E4602" s="2">
        <v>158.39999999999955</v>
      </c>
    </row>
    <row r="4603" spans="1:5" x14ac:dyDescent="0.25">
      <c r="A4603" s="3">
        <v>41787.580729166664</v>
      </c>
      <c r="B4603" s="2">
        <v>22.9</v>
      </c>
      <c r="C4603" s="2">
        <v>159.80000000000001</v>
      </c>
      <c r="D4603" s="2">
        <v>0</v>
      </c>
      <c r="E4603" s="2">
        <v>158.39999999999955</v>
      </c>
    </row>
    <row r="4604" spans="1:5" x14ac:dyDescent="0.25">
      <c r="A4604" s="3">
        <v>41787.581192129626</v>
      </c>
      <c r="B4604" s="2">
        <v>22.8</v>
      </c>
      <c r="C4604" s="2">
        <v>159.6</v>
      </c>
      <c r="D4604" s="2">
        <v>0</v>
      </c>
      <c r="E4604" s="2">
        <v>158.39999999999955</v>
      </c>
    </row>
    <row r="4605" spans="1:5" x14ac:dyDescent="0.25">
      <c r="A4605" s="3">
        <v>41787.581655092596</v>
      </c>
      <c r="B4605" s="2">
        <v>22.8</v>
      </c>
      <c r="C4605" s="2">
        <v>159.80000000000001</v>
      </c>
      <c r="D4605" s="2">
        <v>0</v>
      </c>
      <c r="E4605" s="2">
        <v>158.39999999999955</v>
      </c>
    </row>
    <row r="4606" spans="1:5" x14ac:dyDescent="0.25">
      <c r="A4606" s="3">
        <v>41787.582002314812</v>
      </c>
      <c r="B4606" s="2">
        <v>22.9</v>
      </c>
      <c r="C4606" s="2">
        <v>159.6</v>
      </c>
      <c r="D4606" s="2">
        <v>0</v>
      </c>
      <c r="E4606" s="2">
        <v>158.39999999999955</v>
      </c>
    </row>
    <row r="4607" spans="1:5" x14ac:dyDescent="0.25">
      <c r="A4607" s="3">
        <v>41787.582407407404</v>
      </c>
      <c r="B4607" s="2">
        <v>22.9</v>
      </c>
      <c r="C4607" s="2">
        <v>159.80000000000001</v>
      </c>
      <c r="D4607" s="2">
        <v>0</v>
      </c>
      <c r="E4607" s="2">
        <v>158.39999999999955</v>
      </c>
    </row>
    <row r="4608" spans="1:5" x14ac:dyDescent="0.25">
      <c r="A4608" s="3">
        <v>41787.582638888889</v>
      </c>
      <c r="B4608" s="2">
        <v>23</v>
      </c>
      <c r="C4608" s="2">
        <v>159.6</v>
      </c>
      <c r="D4608" s="2">
        <v>0</v>
      </c>
      <c r="E4608" s="2">
        <v>158.39999999999955</v>
      </c>
    </row>
    <row r="4609" spans="1:5" x14ac:dyDescent="0.25">
      <c r="A4609" s="3">
        <v>41787.584027777775</v>
      </c>
      <c r="B4609" s="2">
        <v>23</v>
      </c>
      <c r="C4609" s="2">
        <v>159.80000000000001</v>
      </c>
      <c r="D4609" s="2">
        <v>0</v>
      </c>
      <c r="E4609" s="2">
        <v>158.39999999999955</v>
      </c>
    </row>
    <row r="4610" spans="1:5" x14ac:dyDescent="0.25">
      <c r="A4610" s="3">
        <v>41787.584143518521</v>
      </c>
      <c r="B4610" s="2">
        <v>22.9</v>
      </c>
      <c r="C4610" s="2">
        <v>159.6</v>
      </c>
      <c r="D4610" s="2">
        <v>0</v>
      </c>
      <c r="E4610" s="2">
        <v>158.39999999999955</v>
      </c>
    </row>
    <row r="4611" spans="1:5" x14ac:dyDescent="0.25">
      <c r="A4611" s="3">
        <v>41787.670081018521</v>
      </c>
      <c r="B4611" s="2">
        <v>23.4</v>
      </c>
      <c r="C4611" s="2">
        <v>159.4</v>
      </c>
      <c r="D4611" s="2">
        <v>0</v>
      </c>
      <c r="E4611" s="2">
        <v>158.39999999999955</v>
      </c>
    </row>
    <row r="4612" spans="1:5" x14ac:dyDescent="0.25">
      <c r="A4612" s="3">
        <v>41787.670138888891</v>
      </c>
      <c r="B4612" s="2">
        <v>23.5</v>
      </c>
      <c r="C4612" s="2">
        <v>159.6</v>
      </c>
      <c r="D4612" s="2">
        <v>0</v>
      </c>
      <c r="E4612" s="2">
        <v>158.39999999999955</v>
      </c>
    </row>
    <row r="4613" spans="1:5" x14ac:dyDescent="0.25">
      <c r="A4613" s="3">
        <v>41787.671875</v>
      </c>
      <c r="B4613" s="2">
        <v>23.5</v>
      </c>
      <c r="C4613" s="2">
        <v>159.4</v>
      </c>
      <c r="D4613" s="2">
        <v>0</v>
      </c>
      <c r="E4613" s="2">
        <v>158.39999999999955</v>
      </c>
    </row>
    <row r="4614" spans="1:5" x14ac:dyDescent="0.25">
      <c r="A4614" s="3">
        <v>41787.672164351854</v>
      </c>
      <c r="B4614" s="2">
        <v>23.4</v>
      </c>
      <c r="C4614" s="2">
        <v>159.6</v>
      </c>
      <c r="D4614" s="2">
        <v>0</v>
      </c>
      <c r="E4614" s="2">
        <v>158.39999999999955</v>
      </c>
    </row>
    <row r="4615" spans="1:5" x14ac:dyDescent="0.25">
      <c r="A4615" s="3">
        <v>41787.672280092593</v>
      </c>
      <c r="B4615" s="2">
        <v>23.4</v>
      </c>
      <c r="C4615" s="2">
        <v>159.4</v>
      </c>
      <c r="D4615" s="2">
        <v>0</v>
      </c>
      <c r="E4615" s="2">
        <v>158.39999999999955</v>
      </c>
    </row>
    <row r="4616" spans="1:5" x14ac:dyDescent="0.25">
      <c r="A4616" s="3">
        <v>41787.67291666667</v>
      </c>
      <c r="B4616" s="2">
        <v>23.4</v>
      </c>
      <c r="C4616" s="2">
        <v>159.6</v>
      </c>
      <c r="D4616" s="2">
        <v>0</v>
      </c>
      <c r="E4616" s="2">
        <v>158.39999999999955</v>
      </c>
    </row>
    <row r="4617" spans="1:5" x14ac:dyDescent="0.25">
      <c r="A4617" s="3">
        <v>41787.673148148147</v>
      </c>
      <c r="B4617" s="2">
        <v>23.4</v>
      </c>
      <c r="C4617" s="2">
        <v>159.4</v>
      </c>
      <c r="D4617" s="2">
        <v>0</v>
      </c>
      <c r="E4617" s="2">
        <v>158.39999999999955</v>
      </c>
    </row>
    <row r="4618" spans="1:5" x14ac:dyDescent="0.25">
      <c r="A4618" s="3">
        <v>41787.674826388888</v>
      </c>
      <c r="B4618" s="2">
        <v>23.4</v>
      </c>
      <c r="C4618" s="2">
        <v>159.6</v>
      </c>
      <c r="D4618" s="2">
        <v>0</v>
      </c>
      <c r="E4618" s="2">
        <v>158.39999999999955</v>
      </c>
    </row>
    <row r="4619" spans="1:5" x14ac:dyDescent="0.25">
      <c r="A4619" s="3">
        <v>41787.675115740742</v>
      </c>
      <c r="B4619" s="2">
        <v>23.4</v>
      </c>
      <c r="C4619" s="2">
        <v>159.4</v>
      </c>
      <c r="D4619" s="2">
        <v>0</v>
      </c>
      <c r="E4619" s="2">
        <v>158.39999999999955</v>
      </c>
    </row>
    <row r="4620" spans="1:5" x14ac:dyDescent="0.25">
      <c r="A4620" s="3">
        <v>41787.681076388886</v>
      </c>
      <c r="B4620" s="2">
        <v>23.3</v>
      </c>
      <c r="C4620" s="2">
        <v>159.6</v>
      </c>
      <c r="D4620" s="2">
        <v>0</v>
      </c>
      <c r="E4620" s="2">
        <v>158.39999999999955</v>
      </c>
    </row>
    <row r="4621" spans="1:5" x14ac:dyDescent="0.25">
      <c r="A4621" s="3">
        <v>41787.68136574074</v>
      </c>
      <c r="B4621" s="2">
        <v>23.3</v>
      </c>
      <c r="C4621" s="2">
        <v>159.4</v>
      </c>
      <c r="D4621" s="2">
        <v>0</v>
      </c>
      <c r="E4621" s="2">
        <v>158.39999999999955</v>
      </c>
    </row>
    <row r="4622" spans="1:5" x14ac:dyDescent="0.25">
      <c r="A4622" s="3">
        <v>41787.681539351855</v>
      </c>
      <c r="B4622" s="2">
        <v>23.3</v>
      </c>
      <c r="C4622" s="2">
        <v>159.6</v>
      </c>
      <c r="D4622" s="2">
        <v>0</v>
      </c>
      <c r="E4622" s="2">
        <v>158.39999999999955</v>
      </c>
    </row>
    <row r="4623" spans="1:5" x14ac:dyDescent="0.25">
      <c r="A4623" s="3">
        <v>41787.686689814815</v>
      </c>
      <c r="B4623" s="2">
        <v>23.3</v>
      </c>
      <c r="C4623" s="2">
        <v>159.4</v>
      </c>
      <c r="D4623" s="2">
        <v>0</v>
      </c>
      <c r="E4623" s="2">
        <v>158.39999999999955</v>
      </c>
    </row>
    <row r="4624" spans="1:5" x14ac:dyDescent="0.25">
      <c r="A4624" s="3">
        <v>41787.686747685184</v>
      </c>
      <c r="B4624" s="2">
        <v>23.3</v>
      </c>
      <c r="C4624" s="2">
        <v>159.6</v>
      </c>
      <c r="D4624" s="2">
        <v>0</v>
      </c>
      <c r="E4624" s="2">
        <v>158.39999999999955</v>
      </c>
    </row>
    <row r="4625" spans="1:5" x14ac:dyDescent="0.25">
      <c r="A4625" s="3">
        <v>41787.691319444442</v>
      </c>
      <c r="B4625" s="2">
        <v>23.3</v>
      </c>
      <c r="C4625" s="2">
        <v>159.4</v>
      </c>
      <c r="D4625" s="2">
        <v>0</v>
      </c>
      <c r="E4625" s="2">
        <v>158.39999999999955</v>
      </c>
    </row>
    <row r="4626" spans="1:5" x14ac:dyDescent="0.25">
      <c r="A4626" s="3">
        <v>41787.691608796296</v>
      </c>
      <c r="B4626" s="2">
        <v>23.2</v>
      </c>
      <c r="C4626" s="2">
        <v>159.6</v>
      </c>
      <c r="D4626" s="2">
        <v>0</v>
      </c>
      <c r="E4626" s="2">
        <v>158.39999999999955</v>
      </c>
    </row>
    <row r="4627" spans="1:5" x14ac:dyDescent="0.25">
      <c r="A4627" s="3">
        <v>41787.691724537035</v>
      </c>
      <c r="B4627" s="2">
        <v>23.2</v>
      </c>
      <c r="C4627" s="2">
        <v>159.4</v>
      </c>
      <c r="D4627" s="2">
        <v>0</v>
      </c>
      <c r="E4627" s="2">
        <v>158.39999999999955</v>
      </c>
    </row>
    <row r="4628" spans="1:5" x14ac:dyDescent="0.25">
      <c r="A4628" s="3">
        <v>41787.69195601852</v>
      </c>
      <c r="B4628" s="2">
        <v>23.2</v>
      </c>
      <c r="C4628" s="2">
        <v>159.6</v>
      </c>
      <c r="D4628" s="2">
        <v>0</v>
      </c>
      <c r="E4628" s="2">
        <v>158.39999999999955</v>
      </c>
    </row>
    <row r="4629" spans="1:5" x14ac:dyDescent="0.25">
      <c r="A4629" s="3">
        <v>41787.695081018515</v>
      </c>
      <c r="B4629" s="2">
        <v>23.1</v>
      </c>
      <c r="C4629" s="2">
        <v>159.4</v>
      </c>
      <c r="D4629" s="2">
        <v>0</v>
      </c>
      <c r="E4629" s="2">
        <v>158.39999999999955</v>
      </c>
    </row>
    <row r="4630" spans="1:5" x14ac:dyDescent="0.25">
      <c r="A4630" s="3">
        <v>41787.695833333331</v>
      </c>
      <c r="B4630" s="2">
        <v>23.1</v>
      </c>
      <c r="C4630" s="2">
        <v>159.6</v>
      </c>
      <c r="D4630" s="2">
        <v>0</v>
      </c>
      <c r="E4630" s="2">
        <v>158.39999999999955</v>
      </c>
    </row>
    <row r="4631" spans="1:5" x14ac:dyDescent="0.25">
      <c r="A4631" s="3">
        <v>41787.696412037039</v>
      </c>
      <c r="B4631" s="2">
        <v>23.1</v>
      </c>
      <c r="C4631" s="2">
        <v>159.4</v>
      </c>
      <c r="D4631" s="2">
        <v>0</v>
      </c>
      <c r="E4631" s="2">
        <v>158.39999999999955</v>
      </c>
    </row>
    <row r="4632" spans="1:5" x14ac:dyDescent="0.25">
      <c r="A4632" s="3">
        <v>41787.697800925926</v>
      </c>
      <c r="B4632" s="2">
        <v>23.1</v>
      </c>
      <c r="C4632" s="2">
        <v>159.6</v>
      </c>
      <c r="D4632" s="2">
        <v>0</v>
      </c>
      <c r="E4632" s="2">
        <v>158.39999999999955</v>
      </c>
    </row>
    <row r="4633" spans="1:5" x14ac:dyDescent="0.25">
      <c r="A4633" s="3">
        <v>41787.698495370372</v>
      </c>
      <c r="B4633" s="2">
        <v>23.1</v>
      </c>
      <c r="C4633" s="2">
        <v>159.4</v>
      </c>
      <c r="D4633" s="2">
        <v>0</v>
      </c>
      <c r="E4633" s="2">
        <v>158.39999999999955</v>
      </c>
    </row>
    <row r="4634" spans="1:5" x14ac:dyDescent="0.25">
      <c r="A4634" s="3">
        <v>41787.698900462965</v>
      </c>
      <c r="B4634" s="2">
        <v>23.1</v>
      </c>
      <c r="C4634" s="2">
        <v>159.6</v>
      </c>
      <c r="D4634" s="2">
        <v>0</v>
      </c>
      <c r="E4634" s="2">
        <v>158.39999999999955</v>
      </c>
    </row>
    <row r="4635" spans="1:5" x14ac:dyDescent="0.25">
      <c r="A4635" s="3">
        <v>41787.701331018521</v>
      </c>
      <c r="B4635" s="2">
        <v>23</v>
      </c>
      <c r="C4635" s="2">
        <v>159.6</v>
      </c>
      <c r="D4635" s="2">
        <v>0.2</v>
      </c>
      <c r="E4635" s="2">
        <v>158.59999999999954</v>
      </c>
    </row>
    <row r="4636" spans="1:5" x14ac:dyDescent="0.25">
      <c r="A4636" s="3">
        <v>41787.70208333333</v>
      </c>
      <c r="B4636" s="2">
        <v>22.8</v>
      </c>
      <c r="C4636" s="2">
        <v>159.80000000000001</v>
      </c>
      <c r="D4636" s="2">
        <v>0</v>
      </c>
      <c r="E4636" s="2">
        <v>158.59999999999954</v>
      </c>
    </row>
    <row r="4637" spans="1:5" x14ac:dyDescent="0.25">
      <c r="A4637" s="3">
        <v>41787.702256944445</v>
      </c>
      <c r="B4637" s="2">
        <v>22.8</v>
      </c>
      <c r="C4637" s="2">
        <v>159.80000000000001</v>
      </c>
      <c r="D4637" s="2">
        <v>0.2</v>
      </c>
      <c r="E4637" s="2">
        <v>158.79999999999953</v>
      </c>
    </row>
    <row r="4638" spans="1:5" x14ac:dyDescent="0.25">
      <c r="A4638" s="3">
        <v>41787.710358796299</v>
      </c>
      <c r="B4638" s="2">
        <v>22.7</v>
      </c>
      <c r="C4638" s="2">
        <v>159.80000000000001</v>
      </c>
      <c r="D4638" s="2">
        <v>0.2</v>
      </c>
      <c r="E4638" s="2">
        <v>158.99999999999952</v>
      </c>
    </row>
    <row r="4639" spans="1:5" x14ac:dyDescent="0.25">
      <c r="A4639" s="3">
        <v>41787.7109375</v>
      </c>
      <c r="B4639" s="2">
        <v>22.8</v>
      </c>
      <c r="C4639" s="2">
        <v>160</v>
      </c>
      <c r="D4639" s="2">
        <v>0</v>
      </c>
      <c r="E4639" s="2">
        <v>158.99999999999952</v>
      </c>
    </row>
    <row r="4640" spans="1:5" x14ac:dyDescent="0.25">
      <c r="A4640" s="3">
        <v>41787.712094907409</v>
      </c>
      <c r="B4640" s="2">
        <v>22.6</v>
      </c>
      <c r="C4640" s="2">
        <v>160</v>
      </c>
      <c r="D4640" s="2">
        <v>0.2</v>
      </c>
      <c r="E4640" s="2">
        <v>159.19999999999951</v>
      </c>
    </row>
    <row r="4641" spans="1:5" x14ac:dyDescent="0.25">
      <c r="A4641" s="3">
        <v>41787.712268518517</v>
      </c>
      <c r="B4641" s="2">
        <v>22.6</v>
      </c>
      <c r="C4641" s="2">
        <v>160.19999999999999</v>
      </c>
      <c r="D4641" s="2">
        <v>0</v>
      </c>
      <c r="E4641" s="2">
        <v>159.19999999999951</v>
      </c>
    </row>
    <row r="4642" spans="1:5" x14ac:dyDescent="0.25">
      <c r="A4642" s="3">
        <v>41787.712731481479</v>
      </c>
      <c r="B4642" s="2">
        <v>22.6</v>
      </c>
      <c r="C4642" s="2">
        <v>160.19999999999999</v>
      </c>
      <c r="D4642" s="2">
        <v>0.2</v>
      </c>
      <c r="E4642" s="2">
        <v>159.39999999999949</v>
      </c>
    </row>
    <row r="4643" spans="1:5" x14ac:dyDescent="0.25">
      <c r="A4643" s="3">
        <v>41787.713541666664</v>
      </c>
      <c r="B4643" s="2">
        <v>22.5</v>
      </c>
      <c r="C4643" s="2">
        <v>160.4</v>
      </c>
      <c r="D4643" s="2">
        <v>0</v>
      </c>
      <c r="E4643" s="2">
        <v>159.39999999999949</v>
      </c>
    </row>
    <row r="4644" spans="1:5" x14ac:dyDescent="0.25">
      <c r="A4644" s="3">
        <v>41787.760185185187</v>
      </c>
      <c r="B4644" s="2">
        <v>22</v>
      </c>
      <c r="C4644" s="2">
        <v>160.4</v>
      </c>
      <c r="D4644" s="2">
        <v>0.2</v>
      </c>
      <c r="E4644" s="2">
        <v>159.59999999999948</v>
      </c>
    </row>
    <row r="4645" spans="1:5" x14ac:dyDescent="0.25">
      <c r="A4645" s="3">
        <v>41787.770428240743</v>
      </c>
      <c r="B4645" s="2">
        <v>21.8</v>
      </c>
      <c r="C4645" s="2">
        <v>160.4</v>
      </c>
      <c r="D4645" s="2">
        <v>0.2</v>
      </c>
      <c r="E4645" s="2">
        <v>159.79999999999947</v>
      </c>
    </row>
    <row r="4646" spans="1:5" x14ac:dyDescent="0.25">
      <c r="A4646" s="3">
        <v>41787.771238425928</v>
      </c>
      <c r="B4646" s="2">
        <v>21.8</v>
      </c>
      <c r="C4646" s="2">
        <v>160.6</v>
      </c>
      <c r="D4646" s="2">
        <v>0</v>
      </c>
      <c r="E4646" s="2">
        <v>159.79999999999947</v>
      </c>
    </row>
    <row r="4647" spans="1:5" x14ac:dyDescent="0.25">
      <c r="A4647" s="3">
        <v>41787.774594907409</v>
      </c>
      <c r="B4647" s="2">
        <v>21.7</v>
      </c>
      <c r="C4647" s="2">
        <v>160.6</v>
      </c>
      <c r="D4647" s="2">
        <v>0.2</v>
      </c>
      <c r="E4647" s="2">
        <v>159.99999999999946</v>
      </c>
    </row>
    <row r="4648" spans="1:5" x14ac:dyDescent="0.25">
      <c r="A4648" s="3">
        <v>41787.775462962964</v>
      </c>
      <c r="B4648" s="2">
        <v>21.8</v>
      </c>
      <c r="C4648" s="2">
        <v>160.80000000000001</v>
      </c>
      <c r="D4648" s="2">
        <v>0</v>
      </c>
      <c r="E4648" s="2">
        <v>159.99999999999946</v>
      </c>
    </row>
    <row r="4649" spans="1:5" x14ac:dyDescent="0.25">
      <c r="A4649" s="3">
        <v>41787.779166666667</v>
      </c>
      <c r="B4649" s="2">
        <v>21.7</v>
      </c>
      <c r="C4649" s="2">
        <v>160.80000000000001</v>
      </c>
      <c r="D4649" s="2">
        <v>0.2</v>
      </c>
      <c r="E4649" s="2">
        <v>160.19999999999945</v>
      </c>
    </row>
    <row r="4650" spans="1:5" x14ac:dyDescent="0.25">
      <c r="A4650" s="3">
        <v>41787.780266203707</v>
      </c>
      <c r="B4650" s="2">
        <v>21.6</v>
      </c>
      <c r="C4650" s="2">
        <v>161</v>
      </c>
      <c r="D4650" s="2">
        <v>0</v>
      </c>
      <c r="E4650" s="2">
        <v>160.19999999999945</v>
      </c>
    </row>
    <row r="4651" spans="1:5" x14ac:dyDescent="0.25">
      <c r="A4651" s="3">
        <v>41787.785879629628</v>
      </c>
      <c r="B4651" s="2">
        <v>21.4</v>
      </c>
      <c r="C4651" s="2">
        <v>161</v>
      </c>
      <c r="D4651" s="2">
        <v>0.2</v>
      </c>
      <c r="E4651" s="2">
        <v>160.39999999999944</v>
      </c>
    </row>
    <row r="4652" spans="1:5" x14ac:dyDescent="0.25">
      <c r="A4652" s="3">
        <v>41787.785995370374</v>
      </c>
      <c r="B4652" s="2">
        <v>21.4</v>
      </c>
      <c r="C4652" s="2">
        <v>161.19999999999999</v>
      </c>
      <c r="D4652" s="2">
        <v>0</v>
      </c>
      <c r="E4652" s="2">
        <v>160.39999999999944</v>
      </c>
    </row>
    <row r="4653" spans="1:5" x14ac:dyDescent="0.25">
      <c r="A4653" s="3">
        <v>41787.786689814813</v>
      </c>
      <c r="B4653" s="2">
        <v>21.3</v>
      </c>
      <c r="C4653" s="2">
        <v>161.19999999999999</v>
      </c>
      <c r="D4653" s="2">
        <v>0.2</v>
      </c>
      <c r="E4653" s="2">
        <v>160.59999999999943</v>
      </c>
    </row>
    <row r="4654" spans="1:5" x14ac:dyDescent="0.25">
      <c r="A4654" s="3">
        <v>41787.786805555559</v>
      </c>
      <c r="B4654" s="2">
        <v>21.3</v>
      </c>
      <c r="C4654" s="2">
        <v>161.4</v>
      </c>
      <c r="D4654" s="2">
        <v>0</v>
      </c>
      <c r="E4654" s="2">
        <v>160.59999999999943</v>
      </c>
    </row>
    <row r="4655" spans="1:5" x14ac:dyDescent="0.25">
      <c r="A4655" s="3">
        <v>41787.787094907406</v>
      </c>
      <c r="B4655" s="2">
        <v>21.3</v>
      </c>
      <c r="C4655" s="2">
        <v>161.4</v>
      </c>
      <c r="D4655" s="2">
        <v>0.2</v>
      </c>
      <c r="E4655" s="2">
        <v>160.79999999999941</v>
      </c>
    </row>
    <row r="4656" spans="1:5" x14ac:dyDescent="0.25">
      <c r="A4656" s="3">
        <v>41787.787210648145</v>
      </c>
      <c r="B4656" s="2">
        <v>21.3</v>
      </c>
      <c r="C4656" s="2">
        <v>161.6</v>
      </c>
      <c r="D4656" s="2">
        <v>0</v>
      </c>
      <c r="E4656" s="2">
        <v>160.79999999999941</v>
      </c>
    </row>
    <row r="4657" spans="1:5" x14ac:dyDescent="0.25">
      <c r="A4657" s="3">
        <v>41787.78738425926</v>
      </c>
      <c r="B4657" s="2">
        <v>21.3</v>
      </c>
      <c r="C4657" s="2">
        <v>161.6</v>
      </c>
      <c r="D4657" s="2">
        <v>0.2</v>
      </c>
      <c r="E4657" s="2">
        <v>160.9999999999994</v>
      </c>
    </row>
    <row r="4658" spans="1:5" x14ac:dyDescent="0.25">
      <c r="A4658" s="3">
        <v>41787.787499999999</v>
      </c>
      <c r="B4658" s="2">
        <v>21.3</v>
      </c>
      <c r="C4658" s="2">
        <v>161.80000000000001</v>
      </c>
      <c r="D4658" s="2">
        <v>0</v>
      </c>
      <c r="E4658" s="2">
        <v>160.9999999999994</v>
      </c>
    </row>
    <row r="4659" spans="1:5" x14ac:dyDescent="0.25">
      <c r="A4659" s="3">
        <v>41787.787615740737</v>
      </c>
      <c r="B4659" s="2">
        <v>21.3</v>
      </c>
      <c r="C4659" s="2">
        <v>161.80000000000001</v>
      </c>
      <c r="D4659" s="2">
        <v>0.2</v>
      </c>
      <c r="E4659" s="2">
        <v>161.19999999999939</v>
      </c>
    </row>
    <row r="4660" spans="1:5" x14ac:dyDescent="0.25">
      <c r="A4660" s="3">
        <v>41787.787673611114</v>
      </c>
      <c r="B4660" s="2">
        <v>21.3</v>
      </c>
      <c r="C4660" s="2">
        <v>162</v>
      </c>
      <c r="D4660" s="2">
        <v>0</v>
      </c>
      <c r="E4660" s="2">
        <v>161.19999999999939</v>
      </c>
    </row>
    <row r="4661" spans="1:5" x14ac:dyDescent="0.25">
      <c r="A4661" s="3">
        <v>41787.787789351853</v>
      </c>
      <c r="B4661" s="2">
        <v>21.3</v>
      </c>
      <c r="C4661" s="2">
        <v>162</v>
      </c>
      <c r="D4661" s="2">
        <v>0.2</v>
      </c>
      <c r="E4661" s="2">
        <v>161.39999999999938</v>
      </c>
    </row>
    <row r="4662" spans="1:5" x14ac:dyDescent="0.25">
      <c r="A4662" s="3">
        <v>41787.787905092591</v>
      </c>
      <c r="B4662" s="2">
        <v>21.3</v>
      </c>
      <c r="C4662" s="2">
        <v>162.19999999999999</v>
      </c>
      <c r="D4662" s="2">
        <v>0</v>
      </c>
      <c r="E4662" s="2">
        <v>161.39999999999938</v>
      </c>
    </row>
    <row r="4663" spans="1:5" x14ac:dyDescent="0.25">
      <c r="A4663" s="3">
        <v>41787.787962962961</v>
      </c>
      <c r="B4663" s="2">
        <v>21.3</v>
      </c>
      <c r="C4663" s="2">
        <v>162.19999999999999</v>
      </c>
      <c r="D4663" s="2">
        <v>0.2</v>
      </c>
      <c r="E4663" s="2">
        <v>161.59999999999937</v>
      </c>
    </row>
    <row r="4664" spans="1:5" x14ac:dyDescent="0.25">
      <c r="A4664" s="3">
        <v>41787.788078703707</v>
      </c>
      <c r="B4664" s="2">
        <v>21.3</v>
      </c>
      <c r="C4664" s="2">
        <v>162.4</v>
      </c>
      <c r="D4664" s="2">
        <v>0</v>
      </c>
      <c r="E4664" s="2">
        <v>161.59999999999937</v>
      </c>
    </row>
    <row r="4665" spans="1:5" x14ac:dyDescent="0.25">
      <c r="A4665" s="3">
        <v>41787.788252314815</v>
      </c>
      <c r="B4665" s="2">
        <v>21.3</v>
      </c>
      <c r="C4665" s="2">
        <v>162.4</v>
      </c>
      <c r="D4665" s="2">
        <v>0.2</v>
      </c>
      <c r="E4665" s="2">
        <v>161.79999999999936</v>
      </c>
    </row>
    <row r="4666" spans="1:5" x14ac:dyDescent="0.25">
      <c r="A4666" s="3">
        <v>41787.788310185184</v>
      </c>
      <c r="B4666" s="2">
        <v>21.3</v>
      </c>
      <c r="C4666" s="2">
        <v>162.6</v>
      </c>
      <c r="D4666" s="2">
        <v>0</v>
      </c>
      <c r="E4666" s="2">
        <v>161.79999999999936</v>
      </c>
    </row>
    <row r="4667" spans="1:5" x14ac:dyDescent="0.25">
      <c r="A4667" s="3">
        <v>41787.788541666669</v>
      </c>
      <c r="B4667" s="2">
        <v>21.3</v>
      </c>
      <c r="C4667" s="2">
        <v>162.80000000000001</v>
      </c>
      <c r="D4667" s="2">
        <v>0.2</v>
      </c>
      <c r="E4667" s="2">
        <v>161.99999999999935</v>
      </c>
    </row>
    <row r="4668" spans="1:5" x14ac:dyDescent="0.25">
      <c r="A4668" s="3">
        <v>41787.788773148146</v>
      </c>
      <c r="B4668" s="2">
        <v>21.2</v>
      </c>
      <c r="C4668" s="2">
        <v>163</v>
      </c>
      <c r="D4668" s="2">
        <v>0.2</v>
      </c>
      <c r="E4668" s="2">
        <v>162.19999999999933</v>
      </c>
    </row>
    <row r="4669" spans="1:5" x14ac:dyDescent="0.25">
      <c r="A4669" s="3">
        <v>41787.789004629631</v>
      </c>
      <c r="B4669" s="2">
        <v>21.2</v>
      </c>
      <c r="C4669" s="2">
        <v>163.19999999999999</v>
      </c>
      <c r="D4669" s="2">
        <v>0</v>
      </c>
      <c r="E4669" s="2">
        <v>162.19999999999933</v>
      </c>
    </row>
    <row r="4670" spans="1:5" x14ac:dyDescent="0.25">
      <c r="A4670" s="3">
        <v>41787.7890625</v>
      </c>
      <c r="B4670" s="2">
        <v>21.2</v>
      </c>
      <c r="C4670" s="2">
        <v>163.19999999999999</v>
      </c>
      <c r="D4670" s="2">
        <v>0.2</v>
      </c>
      <c r="E4670" s="2">
        <v>162.39999999999932</v>
      </c>
    </row>
    <row r="4671" spans="1:5" x14ac:dyDescent="0.25">
      <c r="A4671" s="3">
        <v>41787.789236111108</v>
      </c>
      <c r="B4671" s="2">
        <v>21.2</v>
      </c>
      <c r="C4671" s="2">
        <v>163.4</v>
      </c>
      <c r="D4671" s="2">
        <v>0</v>
      </c>
      <c r="E4671" s="2">
        <v>162.39999999999932</v>
      </c>
    </row>
    <row r="4672" spans="1:5" x14ac:dyDescent="0.25">
      <c r="A4672" s="3">
        <v>41787.789293981485</v>
      </c>
      <c r="B4672" s="2">
        <v>21.2</v>
      </c>
      <c r="C4672" s="2">
        <v>163.4</v>
      </c>
      <c r="D4672" s="2">
        <v>0.2</v>
      </c>
      <c r="E4672" s="2">
        <v>162.59999999999931</v>
      </c>
    </row>
    <row r="4673" spans="1:5" x14ac:dyDescent="0.25">
      <c r="A4673" s="3">
        <v>41787.789467592593</v>
      </c>
      <c r="B4673" s="2">
        <v>21.3</v>
      </c>
      <c r="C4673" s="2">
        <v>163.6</v>
      </c>
      <c r="D4673" s="2">
        <v>0</v>
      </c>
      <c r="E4673" s="2">
        <v>162.59999999999931</v>
      </c>
    </row>
    <row r="4674" spans="1:5" x14ac:dyDescent="0.25">
      <c r="A4674" s="3">
        <v>41787.789583333331</v>
      </c>
      <c r="B4674" s="2">
        <v>21.3</v>
      </c>
      <c r="C4674" s="2">
        <v>163.6</v>
      </c>
      <c r="D4674" s="2">
        <v>0.2</v>
      </c>
      <c r="E4674" s="2">
        <v>162.7999999999993</v>
      </c>
    </row>
    <row r="4675" spans="1:5" x14ac:dyDescent="0.25">
      <c r="A4675" s="3">
        <v>41787.789699074077</v>
      </c>
      <c r="B4675" s="2">
        <v>21.3</v>
      </c>
      <c r="C4675" s="2">
        <v>163.80000000000001</v>
      </c>
      <c r="D4675" s="2">
        <v>0</v>
      </c>
      <c r="E4675" s="2">
        <v>162.7999999999993</v>
      </c>
    </row>
    <row r="4676" spans="1:5" x14ac:dyDescent="0.25">
      <c r="A4676" s="3">
        <v>41787.789814814816</v>
      </c>
      <c r="B4676" s="2">
        <v>21.3</v>
      </c>
      <c r="C4676" s="2">
        <v>163.80000000000001</v>
      </c>
      <c r="D4676" s="2">
        <v>0.2</v>
      </c>
      <c r="E4676" s="2">
        <v>162.99999999999929</v>
      </c>
    </row>
    <row r="4677" spans="1:5" x14ac:dyDescent="0.25">
      <c r="A4677" s="3">
        <v>41787.789872685185</v>
      </c>
      <c r="B4677" s="2">
        <v>21.2</v>
      </c>
      <c r="C4677" s="2">
        <v>164</v>
      </c>
      <c r="D4677" s="2">
        <v>0</v>
      </c>
      <c r="E4677" s="2">
        <v>162.99999999999929</v>
      </c>
    </row>
    <row r="4678" spans="1:5" x14ac:dyDescent="0.25">
      <c r="A4678" s="3">
        <v>41787.79010416667</v>
      </c>
      <c r="B4678" s="2">
        <v>21.1</v>
      </c>
      <c r="C4678" s="2">
        <v>164.2</v>
      </c>
      <c r="D4678" s="2">
        <v>0.2</v>
      </c>
      <c r="E4678" s="2">
        <v>163.19999999999928</v>
      </c>
    </row>
    <row r="4679" spans="1:5" x14ac:dyDescent="0.25">
      <c r="A4679" s="3">
        <v>41787.790335648147</v>
      </c>
      <c r="B4679" s="2">
        <v>21.1</v>
      </c>
      <c r="C4679" s="2">
        <v>164.4</v>
      </c>
      <c r="D4679" s="2">
        <v>0</v>
      </c>
      <c r="E4679" s="2">
        <v>163.19999999999928</v>
      </c>
    </row>
    <row r="4680" spans="1:5" x14ac:dyDescent="0.25">
      <c r="A4680" s="3">
        <v>41787.790451388886</v>
      </c>
      <c r="B4680" s="2">
        <v>21.1</v>
      </c>
      <c r="C4680" s="2">
        <v>164.4</v>
      </c>
      <c r="D4680" s="2">
        <v>0.2</v>
      </c>
      <c r="E4680" s="2">
        <v>163.39999999999927</v>
      </c>
    </row>
    <row r="4681" spans="1:5" x14ac:dyDescent="0.25">
      <c r="A4681" s="3">
        <v>41787.79074074074</v>
      </c>
      <c r="B4681" s="2">
        <v>21.1</v>
      </c>
      <c r="C4681" s="2">
        <v>164.6</v>
      </c>
      <c r="D4681" s="2">
        <v>0</v>
      </c>
      <c r="E4681" s="2">
        <v>163.39999999999927</v>
      </c>
    </row>
    <row r="4682" spans="1:5" x14ac:dyDescent="0.25">
      <c r="A4682" s="3">
        <v>41787.790798611109</v>
      </c>
      <c r="B4682" s="2">
        <v>21.1</v>
      </c>
      <c r="C4682" s="2">
        <v>164.6</v>
      </c>
      <c r="D4682" s="2">
        <v>0.2</v>
      </c>
      <c r="E4682" s="2">
        <v>163.59999999999926</v>
      </c>
    </row>
    <row r="4683" spans="1:5" x14ac:dyDescent="0.25">
      <c r="A4683" s="3">
        <v>41787.791030092594</v>
      </c>
      <c r="B4683" s="2">
        <v>21.1</v>
      </c>
      <c r="C4683" s="2">
        <v>164.8</v>
      </c>
      <c r="D4683" s="2">
        <v>0</v>
      </c>
      <c r="E4683" s="2">
        <v>163.59999999999926</v>
      </c>
    </row>
    <row r="4684" spans="1:5" x14ac:dyDescent="0.25">
      <c r="A4684" s="3">
        <v>41787.791145833333</v>
      </c>
      <c r="B4684" s="2">
        <v>21.1</v>
      </c>
      <c r="C4684" s="2">
        <v>164.8</v>
      </c>
      <c r="D4684" s="2">
        <v>0.2</v>
      </c>
      <c r="E4684" s="2">
        <v>163.79999999999924</v>
      </c>
    </row>
    <row r="4685" spans="1:5" x14ac:dyDescent="0.25">
      <c r="A4685" s="3">
        <v>41787.791319444441</v>
      </c>
      <c r="B4685" s="2">
        <v>21.1</v>
      </c>
      <c r="C4685" s="2">
        <v>165</v>
      </c>
      <c r="D4685" s="2">
        <v>0</v>
      </c>
      <c r="E4685" s="2">
        <v>163.79999999999924</v>
      </c>
    </row>
    <row r="4686" spans="1:5" x14ac:dyDescent="0.25">
      <c r="A4686" s="3">
        <v>41787.791377314818</v>
      </c>
      <c r="B4686" s="2">
        <v>21.1</v>
      </c>
      <c r="C4686" s="2">
        <v>165</v>
      </c>
      <c r="D4686" s="2">
        <v>0.2</v>
      </c>
      <c r="E4686" s="2">
        <v>163.99999999999923</v>
      </c>
    </row>
    <row r="4687" spans="1:5" x14ac:dyDescent="0.25">
      <c r="A4687" s="3">
        <v>41787.791550925926</v>
      </c>
      <c r="B4687" s="2">
        <v>21</v>
      </c>
      <c r="C4687" s="2">
        <v>165.2</v>
      </c>
      <c r="D4687" s="2">
        <v>0</v>
      </c>
      <c r="E4687" s="2">
        <v>163.99999999999923</v>
      </c>
    </row>
    <row r="4688" spans="1:5" x14ac:dyDescent="0.25">
      <c r="A4688" s="3">
        <v>41787.791608796295</v>
      </c>
      <c r="B4688" s="2">
        <v>21</v>
      </c>
      <c r="C4688" s="2">
        <v>165.2</v>
      </c>
      <c r="D4688" s="2">
        <v>0.2</v>
      </c>
      <c r="E4688" s="2">
        <v>164.19999999999922</v>
      </c>
    </row>
    <row r="4689" spans="1:5" x14ac:dyDescent="0.25">
      <c r="A4689" s="3">
        <v>41787.79178240741</v>
      </c>
      <c r="B4689" s="2">
        <v>20.9</v>
      </c>
      <c r="C4689" s="2">
        <v>165.4</v>
      </c>
      <c r="D4689" s="2">
        <v>0</v>
      </c>
      <c r="E4689" s="2">
        <v>164.19999999999922</v>
      </c>
    </row>
    <row r="4690" spans="1:5" x14ac:dyDescent="0.25">
      <c r="A4690" s="3">
        <v>41787.791898148149</v>
      </c>
      <c r="B4690" s="2">
        <v>21</v>
      </c>
      <c r="C4690" s="2">
        <v>165.4</v>
      </c>
      <c r="D4690" s="2">
        <v>0.2</v>
      </c>
      <c r="E4690" s="2">
        <v>164.39999999999921</v>
      </c>
    </row>
    <row r="4691" spans="1:5" x14ac:dyDescent="0.25">
      <c r="A4691" s="3">
        <v>41787.792129629626</v>
      </c>
      <c r="B4691" s="2">
        <v>21</v>
      </c>
      <c r="C4691" s="2">
        <v>165.6</v>
      </c>
      <c r="D4691" s="2">
        <v>0</v>
      </c>
      <c r="E4691" s="2">
        <v>164.39999999999921</v>
      </c>
    </row>
    <row r="4692" spans="1:5" x14ac:dyDescent="0.25">
      <c r="A4692" s="3">
        <v>41787.792708333334</v>
      </c>
      <c r="B4692" s="2">
        <v>20.9</v>
      </c>
      <c r="C4692" s="2">
        <v>165.6</v>
      </c>
      <c r="D4692" s="2">
        <v>0.2</v>
      </c>
      <c r="E4692" s="2">
        <v>164.5999999999992</v>
      </c>
    </row>
    <row r="4693" spans="1:5" x14ac:dyDescent="0.25">
      <c r="A4693" s="3">
        <v>41787.793171296296</v>
      </c>
      <c r="B4693" s="2">
        <v>20.9</v>
      </c>
      <c r="C4693" s="2">
        <v>165.8</v>
      </c>
      <c r="D4693" s="2">
        <v>0</v>
      </c>
      <c r="E4693" s="2">
        <v>164.5999999999992</v>
      </c>
    </row>
    <row r="4694" spans="1:5" x14ac:dyDescent="0.25">
      <c r="A4694" s="3">
        <v>41787.793634259258</v>
      </c>
      <c r="B4694" s="2">
        <v>20.9</v>
      </c>
      <c r="C4694" s="2">
        <v>165.8</v>
      </c>
      <c r="D4694" s="2">
        <v>0.2</v>
      </c>
      <c r="E4694" s="2">
        <v>164.79999999999919</v>
      </c>
    </row>
    <row r="4695" spans="1:5" x14ac:dyDescent="0.25">
      <c r="A4695" s="3">
        <v>41787.793865740743</v>
      </c>
      <c r="B4695" s="2">
        <v>21</v>
      </c>
      <c r="C4695" s="2">
        <v>166</v>
      </c>
      <c r="D4695" s="2">
        <v>0</v>
      </c>
      <c r="E4695" s="2">
        <v>164.79999999999919</v>
      </c>
    </row>
    <row r="4696" spans="1:5" x14ac:dyDescent="0.25">
      <c r="A4696" s="3">
        <v>41787.793981481482</v>
      </c>
      <c r="B4696" s="2">
        <v>21</v>
      </c>
      <c r="C4696" s="2">
        <v>166</v>
      </c>
      <c r="D4696" s="2">
        <v>0.2</v>
      </c>
      <c r="E4696" s="2">
        <v>164.99999999999918</v>
      </c>
    </row>
    <row r="4697" spans="1:5" x14ac:dyDescent="0.25">
      <c r="A4697" s="3">
        <v>41787.794212962966</v>
      </c>
      <c r="B4697" s="2">
        <v>20.9</v>
      </c>
      <c r="C4697" s="2">
        <v>166.2</v>
      </c>
      <c r="D4697" s="2">
        <v>0</v>
      </c>
      <c r="E4697" s="2">
        <v>164.99999999999918</v>
      </c>
    </row>
    <row r="4698" spans="1:5" x14ac:dyDescent="0.25">
      <c r="A4698" s="3">
        <v>41787.794270833336</v>
      </c>
      <c r="B4698" s="2">
        <v>21</v>
      </c>
      <c r="C4698" s="2">
        <v>166.2</v>
      </c>
      <c r="D4698" s="2">
        <v>0.2</v>
      </c>
      <c r="E4698" s="2">
        <v>165.19999999999916</v>
      </c>
    </row>
    <row r="4699" spans="1:5" x14ac:dyDescent="0.25">
      <c r="A4699" s="3">
        <v>41787.794444444444</v>
      </c>
      <c r="B4699" s="2">
        <v>21</v>
      </c>
      <c r="C4699" s="2">
        <v>166.4</v>
      </c>
      <c r="D4699" s="2">
        <v>0</v>
      </c>
      <c r="E4699" s="2">
        <v>165.19999999999916</v>
      </c>
    </row>
    <row r="4700" spans="1:5" x14ac:dyDescent="0.25">
      <c r="A4700" s="3">
        <v>41787.794502314813</v>
      </c>
      <c r="B4700" s="2">
        <v>21</v>
      </c>
      <c r="C4700" s="2">
        <v>166.4</v>
      </c>
      <c r="D4700" s="2">
        <v>0.2</v>
      </c>
      <c r="E4700" s="2">
        <v>165.39999999999915</v>
      </c>
    </row>
    <row r="4701" spans="1:5" x14ac:dyDescent="0.25">
      <c r="A4701" s="3">
        <v>41787.794675925928</v>
      </c>
      <c r="B4701" s="2">
        <v>20.9</v>
      </c>
      <c r="C4701" s="2">
        <v>166.6</v>
      </c>
      <c r="D4701" s="2">
        <v>0</v>
      </c>
      <c r="E4701" s="2">
        <v>165.39999999999915</v>
      </c>
    </row>
    <row r="4702" spans="1:5" x14ac:dyDescent="0.25">
      <c r="A4702" s="3">
        <v>41787.794791666667</v>
      </c>
      <c r="B4702" s="2">
        <v>20.9</v>
      </c>
      <c r="C4702" s="2">
        <v>166.6</v>
      </c>
      <c r="D4702" s="2">
        <v>0.2</v>
      </c>
      <c r="E4702" s="2">
        <v>165.59999999999914</v>
      </c>
    </row>
    <row r="4703" spans="1:5" x14ac:dyDescent="0.25">
      <c r="A4703" s="3">
        <v>41787.794907407406</v>
      </c>
      <c r="B4703" s="2">
        <v>20.9</v>
      </c>
      <c r="C4703" s="2">
        <v>166.8</v>
      </c>
      <c r="D4703" s="2">
        <v>0</v>
      </c>
      <c r="E4703" s="2">
        <v>165.59999999999914</v>
      </c>
    </row>
    <row r="4704" spans="1:5" x14ac:dyDescent="0.25">
      <c r="A4704" s="3">
        <v>41787.795023148145</v>
      </c>
      <c r="B4704" s="2">
        <v>20.9</v>
      </c>
      <c r="C4704" s="2">
        <v>166.8</v>
      </c>
      <c r="D4704" s="2">
        <v>0.2</v>
      </c>
      <c r="E4704" s="2">
        <v>165.79999999999913</v>
      </c>
    </row>
    <row r="4705" spans="1:5" x14ac:dyDescent="0.25">
      <c r="A4705" s="3">
        <v>41787.79519675926</v>
      </c>
      <c r="B4705" s="2">
        <v>20.9</v>
      </c>
      <c r="C4705" s="2">
        <v>167</v>
      </c>
      <c r="D4705" s="2">
        <v>0</v>
      </c>
      <c r="E4705" s="2">
        <v>165.79999999999913</v>
      </c>
    </row>
    <row r="4706" spans="1:5" x14ac:dyDescent="0.25">
      <c r="A4706" s="3">
        <v>41787.795428240737</v>
      </c>
      <c r="B4706" s="2">
        <v>20.8</v>
      </c>
      <c r="C4706" s="2">
        <v>167</v>
      </c>
      <c r="D4706" s="2">
        <v>0.2</v>
      </c>
      <c r="E4706" s="2">
        <v>165.99999999999912</v>
      </c>
    </row>
    <row r="4707" spans="1:5" x14ac:dyDescent="0.25">
      <c r="A4707" s="3">
        <v>41787.795543981483</v>
      </c>
      <c r="B4707" s="2">
        <v>20.8</v>
      </c>
      <c r="C4707" s="2">
        <v>167.2</v>
      </c>
      <c r="D4707" s="2">
        <v>0</v>
      </c>
      <c r="E4707" s="2">
        <v>165.99999999999912</v>
      </c>
    </row>
    <row r="4708" spans="1:5" x14ac:dyDescent="0.25">
      <c r="A4708" s="3">
        <v>41787.796006944445</v>
      </c>
      <c r="B4708" s="2">
        <v>20.8</v>
      </c>
      <c r="C4708" s="2">
        <v>167.4</v>
      </c>
      <c r="D4708" s="2">
        <v>0.2</v>
      </c>
      <c r="E4708" s="2">
        <v>166.19999999999911</v>
      </c>
    </row>
    <row r="4709" spans="1:5" x14ac:dyDescent="0.25">
      <c r="A4709" s="3">
        <v>41787.796469907407</v>
      </c>
      <c r="B4709" s="2">
        <v>20.8</v>
      </c>
      <c r="C4709" s="2">
        <v>167.4</v>
      </c>
      <c r="D4709" s="2">
        <v>0.2</v>
      </c>
      <c r="E4709" s="2">
        <v>166.3999999999991</v>
      </c>
    </row>
    <row r="4710" spans="1:5" x14ac:dyDescent="0.25">
      <c r="A4710" s="3">
        <v>41787.796585648146</v>
      </c>
      <c r="B4710" s="2">
        <v>20.8</v>
      </c>
      <c r="C4710" s="2">
        <v>167.6</v>
      </c>
      <c r="D4710" s="2">
        <v>0</v>
      </c>
      <c r="E4710" s="2">
        <v>166.3999999999991</v>
      </c>
    </row>
    <row r="4711" spans="1:5" x14ac:dyDescent="0.25">
      <c r="A4711" s="3">
        <v>41787.796875</v>
      </c>
      <c r="B4711" s="2">
        <v>20.8</v>
      </c>
      <c r="C4711" s="2">
        <v>167.6</v>
      </c>
      <c r="D4711" s="2">
        <v>0.2</v>
      </c>
      <c r="E4711" s="2">
        <v>166.59999999999908</v>
      </c>
    </row>
    <row r="4712" spans="1:5" x14ac:dyDescent="0.25">
      <c r="A4712" s="3">
        <v>41787.797048611108</v>
      </c>
      <c r="B4712" s="2">
        <v>20.8</v>
      </c>
      <c r="C4712" s="2">
        <v>167.8</v>
      </c>
      <c r="D4712" s="2">
        <v>0</v>
      </c>
      <c r="E4712" s="2">
        <v>166.59999999999908</v>
      </c>
    </row>
    <row r="4713" spans="1:5" x14ac:dyDescent="0.25">
      <c r="A4713" s="3">
        <v>41787.797453703701</v>
      </c>
      <c r="B4713" s="2">
        <v>20.7</v>
      </c>
      <c r="C4713" s="2">
        <v>167.8</v>
      </c>
      <c r="D4713" s="2">
        <v>0.2</v>
      </c>
      <c r="E4713" s="2">
        <v>166.79999999999907</v>
      </c>
    </row>
    <row r="4714" spans="1:5" x14ac:dyDescent="0.25">
      <c r="A4714" s="3">
        <v>41787.797685185185</v>
      </c>
      <c r="B4714" s="2">
        <v>20.7</v>
      </c>
      <c r="C4714" s="2">
        <v>168</v>
      </c>
      <c r="D4714" s="2">
        <v>0</v>
      </c>
      <c r="E4714" s="2">
        <v>166.79999999999907</v>
      </c>
    </row>
    <row r="4715" spans="1:5" x14ac:dyDescent="0.25">
      <c r="A4715" s="3">
        <v>41787.797800925924</v>
      </c>
      <c r="B4715" s="2">
        <v>20.7</v>
      </c>
      <c r="C4715" s="2">
        <v>168</v>
      </c>
      <c r="D4715" s="2">
        <v>0.2</v>
      </c>
      <c r="E4715" s="2">
        <v>166.99999999999906</v>
      </c>
    </row>
    <row r="4716" spans="1:5" x14ac:dyDescent="0.25">
      <c r="A4716" s="3">
        <v>41787.797974537039</v>
      </c>
      <c r="B4716" s="2">
        <v>20.7</v>
      </c>
      <c r="C4716" s="2">
        <v>168.2</v>
      </c>
      <c r="D4716" s="2">
        <v>0.2</v>
      </c>
      <c r="E4716" s="2">
        <v>167.19999999999905</v>
      </c>
    </row>
    <row r="4717" spans="1:5" x14ac:dyDescent="0.25">
      <c r="A4717" s="3">
        <v>41787.798206018517</v>
      </c>
      <c r="B4717" s="2">
        <v>20.7</v>
      </c>
      <c r="C4717" s="2">
        <v>168.4</v>
      </c>
      <c r="D4717" s="2">
        <v>0</v>
      </c>
      <c r="E4717" s="2">
        <v>167.19999999999905</v>
      </c>
    </row>
    <row r="4718" spans="1:5" x14ac:dyDescent="0.25">
      <c r="A4718" s="3">
        <v>41787.798263888886</v>
      </c>
      <c r="B4718" s="2">
        <v>20.8</v>
      </c>
      <c r="C4718" s="2">
        <v>168.4</v>
      </c>
      <c r="D4718" s="2">
        <v>0.2</v>
      </c>
      <c r="E4718" s="2">
        <v>167.39999999999904</v>
      </c>
    </row>
    <row r="4719" spans="1:5" x14ac:dyDescent="0.25">
      <c r="A4719" s="3">
        <v>41787.798437500001</v>
      </c>
      <c r="B4719" s="2">
        <v>20.7</v>
      </c>
      <c r="C4719" s="2">
        <v>168.6</v>
      </c>
      <c r="D4719" s="2">
        <v>0</v>
      </c>
      <c r="E4719" s="2">
        <v>167.39999999999904</v>
      </c>
    </row>
    <row r="4720" spans="1:5" x14ac:dyDescent="0.25">
      <c r="A4720" s="3">
        <v>41787.798611111109</v>
      </c>
      <c r="B4720" s="2">
        <v>20.7</v>
      </c>
      <c r="C4720" s="2">
        <v>168.6</v>
      </c>
      <c r="D4720" s="2">
        <v>0.2</v>
      </c>
      <c r="E4720" s="2">
        <v>167.59999999999903</v>
      </c>
    </row>
    <row r="4721" spans="1:5" x14ac:dyDescent="0.25">
      <c r="A4721" s="3">
        <v>41787.798726851855</v>
      </c>
      <c r="B4721" s="2">
        <v>20.7</v>
      </c>
      <c r="C4721" s="2">
        <v>168.8</v>
      </c>
      <c r="D4721" s="2">
        <v>0</v>
      </c>
      <c r="E4721" s="2">
        <v>167.59999999999903</v>
      </c>
    </row>
    <row r="4722" spans="1:5" x14ac:dyDescent="0.25">
      <c r="A4722" s="3">
        <v>41787.798842592594</v>
      </c>
      <c r="B4722" s="2">
        <v>20.6</v>
      </c>
      <c r="C4722" s="2">
        <v>168.8</v>
      </c>
      <c r="D4722" s="2">
        <v>0.2</v>
      </c>
      <c r="E4722" s="2">
        <v>167.79999999999902</v>
      </c>
    </row>
    <row r="4723" spans="1:5" x14ac:dyDescent="0.25">
      <c r="A4723" s="3">
        <v>41787.799016203702</v>
      </c>
      <c r="B4723" s="2">
        <v>20.6</v>
      </c>
      <c r="C4723" s="2">
        <v>169</v>
      </c>
      <c r="D4723" s="2">
        <v>0</v>
      </c>
      <c r="E4723" s="2">
        <v>167.79999999999902</v>
      </c>
    </row>
    <row r="4724" spans="1:5" x14ac:dyDescent="0.25">
      <c r="A4724" s="3">
        <v>41787.799305555556</v>
      </c>
      <c r="B4724" s="2">
        <v>20.7</v>
      </c>
      <c r="C4724" s="2">
        <v>169</v>
      </c>
      <c r="D4724" s="2">
        <v>0.2</v>
      </c>
      <c r="E4724" s="2">
        <v>167.99999999999901</v>
      </c>
    </row>
    <row r="4725" spans="1:5" x14ac:dyDescent="0.25">
      <c r="A4725" s="3">
        <v>41787.799421296295</v>
      </c>
      <c r="B4725" s="2">
        <v>20.7</v>
      </c>
      <c r="C4725" s="2">
        <v>169.2</v>
      </c>
      <c r="D4725" s="2">
        <v>0</v>
      </c>
      <c r="E4725" s="2">
        <v>167.99999999999901</v>
      </c>
    </row>
    <row r="4726" spans="1:5" x14ac:dyDescent="0.25">
      <c r="A4726" s="3">
        <v>41787.799768518518</v>
      </c>
      <c r="B4726" s="2">
        <v>20.6</v>
      </c>
      <c r="C4726" s="2">
        <v>169.2</v>
      </c>
      <c r="D4726" s="2">
        <v>0.2</v>
      </c>
      <c r="E4726" s="2">
        <v>168.19999999999899</v>
      </c>
    </row>
    <row r="4727" spans="1:5" x14ac:dyDescent="0.25">
      <c r="A4727" s="3">
        <v>41787.799942129626</v>
      </c>
      <c r="B4727" s="2">
        <v>20.6</v>
      </c>
      <c r="C4727" s="2">
        <v>169.4</v>
      </c>
      <c r="D4727" s="2">
        <v>0</v>
      </c>
      <c r="E4727" s="2">
        <v>168.19999999999899</v>
      </c>
    </row>
    <row r="4728" spans="1:5" x14ac:dyDescent="0.25">
      <c r="A4728" s="3">
        <v>41787.800405092596</v>
      </c>
      <c r="B4728" s="2">
        <v>20.6</v>
      </c>
      <c r="C4728" s="2">
        <v>169.4</v>
      </c>
      <c r="D4728" s="2">
        <v>0.2</v>
      </c>
      <c r="E4728" s="2">
        <v>168.39999999999898</v>
      </c>
    </row>
    <row r="4729" spans="1:5" x14ac:dyDescent="0.25">
      <c r="A4729" s="3">
        <v>41787.800520833334</v>
      </c>
      <c r="B4729" s="2">
        <v>20.6</v>
      </c>
      <c r="C4729" s="2">
        <v>169.6</v>
      </c>
      <c r="D4729" s="2">
        <v>0</v>
      </c>
      <c r="E4729" s="2">
        <v>168.39999999999898</v>
      </c>
    </row>
    <row r="4730" spans="1:5" x14ac:dyDescent="0.25">
      <c r="A4730" s="3">
        <v>41787.80133101852</v>
      </c>
      <c r="B4730" s="2">
        <v>20.5</v>
      </c>
      <c r="C4730" s="2">
        <v>169.6</v>
      </c>
      <c r="D4730" s="2">
        <v>0.2</v>
      </c>
      <c r="E4730" s="2">
        <v>168.59999999999897</v>
      </c>
    </row>
    <row r="4731" spans="1:5" x14ac:dyDescent="0.25">
      <c r="A4731" s="3">
        <v>41787.801504629628</v>
      </c>
      <c r="B4731" s="2">
        <v>20.5</v>
      </c>
      <c r="C4731" s="2">
        <v>169.8</v>
      </c>
      <c r="D4731" s="2">
        <v>0</v>
      </c>
      <c r="E4731" s="2">
        <v>168.59999999999897</v>
      </c>
    </row>
    <row r="4732" spans="1:5" x14ac:dyDescent="0.25">
      <c r="A4732" s="3">
        <v>41787.802083333336</v>
      </c>
      <c r="B4732" s="2">
        <v>20.6</v>
      </c>
      <c r="C4732" s="2">
        <v>169.8</v>
      </c>
      <c r="D4732" s="2">
        <v>0.2</v>
      </c>
      <c r="E4732" s="2">
        <v>168.79999999999896</v>
      </c>
    </row>
    <row r="4733" spans="1:5" x14ac:dyDescent="0.25">
      <c r="A4733" s="3">
        <v>41787.802314814813</v>
      </c>
      <c r="B4733" s="2">
        <v>20.6</v>
      </c>
      <c r="C4733" s="2">
        <v>170</v>
      </c>
      <c r="D4733" s="2">
        <v>0</v>
      </c>
      <c r="E4733" s="2">
        <v>168.79999999999896</v>
      </c>
    </row>
    <row r="4734" spans="1:5" x14ac:dyDescent="0.25">
      <c r="A4734" s="3">
        <v>41787.802604166667</v>
      </c>
      <c r="B4734" s="2">
        <v>20.5</v>
      </c>
      <c r="C4734" s="2">
        <v>170</v>
      </c>
      <c r="D4734" s="2">
        <v>0.2</v>
      </c>
      <c r="E4734" s="2">
        <v>168.99999999999895</v>
      </c>
    </row>
    <row r="4735" spans="1:5" x14ac:dyDescent="0.25">
      <c r="A4735" s="3">
        <v>41787.802835648145</v>
      </c>
      <c r="B4735" s="2">
        <v>20.5</v>
      </c>
      <c r="C4735" s="2">
        <v>170.2</v>
      </c>
      <c r="D4735" s="2">
        <v>0</v>
      </c>
      <c r="E4735" s="2">
        <v>168.99999999999895</v>
      </c>
    </row>
    <row r="4736" spans="1:5" x14ac:dyDescent="0.25">
      <c r="A4736" s="3">
        <v>41787.802951388891</v>
      </c>
      <c r="B4736" s="2">
        <v>20.399999999999999</v>
      </c>
      <c r="C4736" s="2">
        <v>170.2</v>
      </c>
      <c r="D4736" s="2">
        <v>0.2</v>
      </c>
      <c r="E4736" s="2">
        <v>169.19999999999894</v>
      </c>
    </row>
    <row r="4737" spans="1:5" x14ac:dyDescent="0.25">
      <c r="A4737" s="3">
        <v>41787.803124999999</v>
      </c>
      <c r="B4737" s="2">
        <v>20.6</v>
      </c>
      <c r="C4737" s="2">
        <v>170.4</v>
      </c>
      <c r="D4737" s="2">
        <v>0</v>
      </c>
      <c r="E4737" s="2">
        <v>169.19999999999894</v>
      </c>
    </row>
    <row r="4738" spans="1:5" x14ac:dyDescent="0.25">
      <c r="A4738" s="3">
        <v>41787.803240740737</v>
      </c>
      <c r="B4738" s="2">
        <v>20.5</v>
      </c>
      <c r="C4738" s="2">
        <v>170.4</v>
      </c>
      <c r="D4738" s="2">
        <v>0.2</v>
      </c>
      <c r="E4738" s="2">
        <v>169.39999999999893</v>
      </c>
    </row>
    <row r="4739" spans="1:5" x14ac:dyDescent="0.25">
      <c r="A4739" s="3">
        <v>41787.803356481483</v>
      </c>
      <c r="B4739" s="2">
        <v>20.5</v>
      </c>
      <c r="C4739" s="2">
        <v>170.6</v>
      </c>
      <c r="D4739" s="2">
        <v>0</v>
      </c>
      <c r="E4739" s="2">
        <v>169.39999999999893</v>
      </c>
    </row>
    <row r="4740" spans="1:5" x14ac:dyDescent="0.25">
      <c r="A4740" s="3">
        <v>41787.803530092591</v>
      </c>
      <c r="B4740" s="2">
        <v>20.399999999999999</v>
      </c>
      <c r="C4740" s="2">
        <v>170.6</v>
      </c>
      <c r="D4740" s="2">
        <v>0.2</v>
      </c>
      <c r="E4740" s="2">
        <v>169.59999999999891</v>
      </c>
    </row>
    <row r="4741" spans="1:5" x14ac:dyDescent="0.25">
      <c r="A4741" s="3">
        <v>41787.803703703707</v>
      </c>
      <c r="B4741" s="2">
        <v>20.399999999999999</v>
      </c>
      <c r="C4741" s="2">
        <v>170.8</v>
      </c>
      <c r="D4741" s="2">
        <v>0</v>
      </c>
      <c r="E4741" s="2">
        <v>169.59999999999891</v>
      </c>
    </row>
    <row r="4742" spans="1:5" x14ac:dyDescent="0.25">
      <c r="A4742" s="3">
        <v>41787.803819444445</v>
      </c>
      <c r="B4742" s="2">
        <v>20.399999999999999</v>
      </c>
      <c r="C4742" s="2">
        <v>170.8</v>
      </c>
      <c r="D4742" s="2">
        <v>0.2</v>
      </c>
      <c r="E4742" s="2">
        <v>169.7999999999989</v>
      </c>
    </row>
    <row r="4743" spans="1:5" x14ac:dyDescent="0.25">
      <c r="A4743" s="3">
        <v>41787.804050925923</v>
      </c>
      <c r="B4743" s="2">
        <v>20.399999999999999</v>
      </c>
      <c r="C4743" s="2">
        <v>171</v>
      </c>
      <c r="D4743" s="2">
        <v>0</v>
      </c>
      <c r="E4743" s="2">
        <v>169.7999999999989</v>
      </c>
    </row>
    <row r="4744" spans="1:5" x14ac:dyDescent="0.25">
      <c r="A4744" s="3">
        <v>41787.804571759261</v>
      </c>
      <c r="B4744" s="2">
        <v>20.399999999999999</v>
      </c>
      <c r="C4744" s="2">
        <v>171</v>
      </c>
      <c r="D4744" s="2">
        <v>0.2</v>
      </c>
      <c r="E4744" s="2">
        <v>169.99999999999889</v>
      </c>
    </row>
    <row r="4745" spans="1:5" x14ac:dyDescent="0.25">
      <c r="A4745" s="3">
        <v>41787.804629629631</v>
      </c>
      <c r="B4745" s="2">
        <v>20.399999999999999</v>
      </c>
      <c r="C4745" s="2">
        <v>171.2</v>
      </c>
      <c r="D4745" s="2">
        <v>0</v>
      </c>
      <c r="E4745" s="2">
        <v>169.99999999999889</v>
      </c>
    </row>
    <row r="4746" spans="1:5" x14ac:dyDescent="0.25">
      <c r="A4746" s="3">
        <v>41787.805092592593</v>
      </c>
      <c r="B4746" s="2">
        <v>20.399999999999999</v>
      </c>
      <c r="C4746" s="2">
        <v>171.2</v>
      </c>
      <c r="D4746" s="2">
        <v>0.2</v>
      </c>
      <c r="E4746" s="2">
        <v>170.19999999999888</v>
      </c>
    </row>
    <row r="4747" spans="1:5" x14ac:dyDescent="0.25">
      <c r="A4747" s="3">
        <v>41787.805208333331</v>
      </c>
      <c r="B4747" s="2">
        <v>20.399999999999999</v>
      </c>
      <c r="C4747" s="2">
        <v>171.4</v>
      </c>
      <c r="D4747" s="2">
        <v>0</v>
      </c>
      <c r="E4747" s="2">
        <v>170.19999999999888</v>
      </c>
    </row>
    <row r="4748" spans="1:5" x14ac:dyDescent="0.25">
      <c r="A4748" s="3">
        <v>41787.805960648147</v>
      </c>
      <c r="B4748" s="2">
        <v>20.3</v>
      </c>
      <c r="C4748" s="2">
        <v>171.4</v>
      </c>
      <c r="D4748" s="2">
        <v>0.2</v>
      </c>
      <c r="E4748" s="2">
        <v>170.39999999999887</v>
      </c>
    </row>
    <row r="4749" spans="1:5" x14ac:dyDescent="0.25">
      <c r="A4749" s="3">
        <v>41787.806307870371</v>
      </c>
      <c r="B4749" s="2">
        <v>20.399999999999999</v>
      </c>
      <c r="C4749" s="2">
        <v>171.6</v>
      </c>
      <c r="D4749" s="2">
        <v>0</v>
      </c>
      <c r="E4749" s="2">
        <v>170.39999999999887</v>
      </c>
    </row>
    <row r="4750" spans="1:5" x14ac:dyDescent="0.25">
      <c r="A4750" s="3">
        <v>41787.807349537034</v>
      </c>
      <c r="B4750" s="2">
        <v>20.3</v>
      </c>
      <c r="C4750" s="2">
        <v>171.6</v>
      </c>
      <c r="D4750" s="2">
        <v>0.2</v>
      </c>
      <c r="E4750" s="2">
        <v>170.59999999999886</v>
      </c>
    </row>
    <row r="4751" spans="1:5" x14ac:dyDescent="0.25">
      <c r="A4751" s="3">
        <v>41787.807638888888</v>
      </c>
      <c r="B4751" s="2">
        <v>20.3</v>
      </c>
      <c r="C4751" s="2">
        <v>171.8</v>
      </c>
      <c r="D4751" s="2">
        <v>0</v>
      </c>
      <c r="E4751" s="2">
        <v>170.59999999999886</v>
      </c>
    </row>
    <row r="4752" spans="1:5" x14ac:dyDescent="0.25">
      <c r="A4752" s="3">
        <v>41787.808912037035</v>
      </c>
      <c r="B4752" s="2">
        <v>20.3</v>
      </c>
      <c r="C4752" s="2">
        <v>171.8</v>
      </c>
      <c r="D4752" s="2">
        <v>0.2</v>
      </c>
      <c r="E4752" s="2">
        <v>170.79999999999885</v>
      </c>
    </row>
    <row r="4753" spans="1:5" x14ac:dyDescent="0.25">
      <c r="A4753" s="3">
        <v>41787.809027777781</v>
      </c>
      <c r="B4753" s="2">
        <v>20.3</v>
      </c>
      <c r="C4753" s="2">
        <v>172</v>
      </c>
      <c r="D4753" s="2">
        <v>0</v>
      </c>
      <c r="E4753" s="2">
        <v>170.79999999999885</v>
      </c>
    </row>
    <row r="4754" spans="1:5" x14ac:dyDescent="0.25">
      <c r="A4754" s="3">
        <v>41787.812442129631</v>
      </c>
      <c r="B4754" s="2">
        <v>20.2</v>
      </c>
      <c r="C4754" s="2">
        <v>172</v>
      </c>
      <c r="D4754" s="2">
        <v>0.2</v>
      </c>
      <c r="E4754" s="2">
        <v>170.99999999999883</v>
      </c>
    </row>
    <row r="4755" spans="1:5" x14ac:dyDescent="0.25">
      <c r="A4755" s="3">
        <v>41787.81354166667</v>
      </c>
      <c r="B4755" s="2">
        <v>20.2</v>
      </c>
      <c r="C4755" s="2">
        <v>172.2</v>
      </c>
      <c r="D4755" s="2">
        <v>0</v>
      </c>
      <c r="E4755" s="2">
        <v>170.99999999999883</v>
      </c>
    </row>
    <row r="4756" spans="1:5" x14ac:dyDescent="0.25">
      <c r="A4756" s="3">
        <v>41787.90185185185</v>
      </c>
      <c r="B4756" s="2">
        <v>18.8</v>
      </c>
      <c r="C4756" s="2">
        <v>172.2</v>
      </c>
      <c r="D4756" s="2">
        <v>0.2</v>
      </c>
      <c r="E4756" s="2">
        <v>171.19999999999882</v>
      </c>
    </row>
    <row r="4757" spans="1:5" x14ac:dyDescent="0.25">
      <c r="A4757" s="3">
        <v>41787.920081018521</v>
      </c>
      <c r="B4757" s="2">
        <v>18.600000000000001</v>
      </c>
      <c r="C4757" s="2">
        <v>172.2</v>
      </c>
      <c r="D4757" s="2">
        <v>0.2</v>
      </c>
      <c r="E4757" s="2">
        <v>171.39999999999881</v>
      </c>
    </row>
    <row r="4758" spans="1:5" x14ac:dyDescent="0.25">
      <c r="A4758" s="3">
        <v>41787.925578703704</v>
      </c>
      <c r="B4758" s="2">
        <v>18.5</v>
      </c>
      <c r="C4758" s="2">
        <v>172.4</v>
      </c>
      <c r="D4758" s="2">
        <v>0</v>
      </c>
      <c r="E4758" s="2">
        <v>171.39999999999881</v>
      </c>
    </row>
    <row r="4759" spans="1:5" x14ac:dyDescent="0.25">
      <c r="A4759" s="3">
        <v>41787.928414351853</v>
      </c>
      <c r="B4759" s="2">
        <v>18.399999999999999</v>
      </c>
      <c r="C4759" s="2">
        <v>172.4</v>
      </c>
      <c r="D4759" s="2">
        <v>0.2</v>
      </c>
      <c r="E4759" s="2">
        <v>171.5999999999988</v>
      </c>
    </row>
    <row r="4760" spans="1:5" x14ac:dyDescent="0.25">
      <c r="A4760" s="3">
        <v>41787.930555555555</v>
      </c>
      <c r="B4760" s="2">
        <v>18.3</v>
      </c>
      <c r="C4760" s="2">
        <v>172.6</v>
      </c>
      <c r="D4760" s="2">
        <v>0</v>
      </c>
      <c r="E4760" s="2">
        <v>171.5999999999988</v>
      </c>
    </row>
    <row r="4761" spans="1:5" x14ac:dyDescent="0.25">
      <c r="A4761" s="3">
        <v>41787.930902777778</v>
      </c>
      <c r="B4761" s="2">
        <v>18.3</v>
      </c>
      <c r="C4761" s="2">
        <v>172.6</v>
      </c>
      <c r="D4761" s="2">
        <v>0.2</v>
      </c>
      <c r="E4761" s="2">
        <v>171.79999999999879</v>
      </c>
    </row>
    <row r="4762" spans="1:5" x14ac:dyDescent="0.25">
      <c r="A4762" s="3">
        <v>41787.932233796295</v>
      </c>
      <c r="B4762" s="2">
        <v>18.3</v>
      </c>
      <c r="C4762" s="2">
        <v>172.8</v>
      </c>
      <c r="D4762" s="2">
        <v>0</v>
      </c>
      <c r="E4762" s="2">
        <v>171.79999999999879</v>
      </c>
    </row>
    <row r="4763" spans="1:5" x14ac:dyDescent="0.25">
      <c r="A4763" s="3">
        <v>41787.934490740743</v>
      </c>
      <c r="B4763" s="2">
        <v>18.2</v>
      </c>
      <c r="C4763" s="2">
        <v>172.8</v>
      </c>
      <c r="D4763" s="2">
        <v>0.2</v>
      </c>
      <c r="E4763" s="2">
        <v>171.99999999999878</v>
      </c>
    </row>
    <row r="4764" spans="1:5" x14ac:dyDescent="0.25">
      <c r="A4764" s="3">
        <v>41788.297511574077</v>
      </c>
      <c r="B4764" s="2">
        <v>15.4</v>
      </c>
      <c r="C4764" s="2">
        <v>172.6</v>
      </c>
      <c r="D4764" s="2">
        <v>0</v>
      </c>
      <c r="E4764" s="2">
        <v>171.99999999999878</v>
      </c>
    </row>
    <row r="4765" spans="1:5" x14ac:dyDescent="0.25">
      <c r="A4765" s="3">
        <v>41788.515682870369</v>
      </c>
      <c r="B4765" s="2">
        <v>21.6</v>
      </c>
      <c r="C4765" s="2">
        <v>172.4</v>
      </c>
      <c r="D4765" s="2">
        <v>0</v>
      </c>
      <c r="E4765" s="2">
        <v>171.99999999999878</v>
      </c>
    </row>
    <row r="4766" spans="1:5" x14ac:dyDescent="0.25">
      <c r="A4766" s="3">
        <v>41788.516145833331</v>
      </c>
      <c r="B4766" s="2">
        <v>21.7</v>
      </c>
      <c r="C4766" s="2">
        <v>172.6</v>
      </c>
      <c r="D4766" s="2">
        <v>0</v>
      </c>
      <c r="E4766" s="2">
        <v>171.99999999999878</v>
      </c>
    </row>
    <row r="4767" spans="1:5" x14ac:dyDescent="0.25">
      <c r="A4767" s="3">
        <v>41788.516203703701</v>
      </c>
      <c r="B4767" s="2">
        <v>21.7</v>
      </c>
      <c r="C4767" s="2">
        <v>172.4</v>
      </c>
      <c r="D4767" s="2">
        <v>0</v>
      </c>
      <c r="E4767" s="2">
        <v>171.99999999999878</v>
      </c>
    </row>
    <row r="4768" spans="1:5" x14ac:dyDescent="0.25">
      <c r="A4768" s="3">
        <v>41788.516377314816</v>
      </c>
      <c r="B4768" s="2">
        <v>21.7</v>
      </c>
      <c r="C4768" s="2">
        <v>172.6</v>
      </c>
      <c r="D4768" s="2">
        <v>0</v>
      </c>
      <c r="E4768" s="2">
        <v>171.99999999999878</v>
      </c>
    </row>
    <row r="4769" spans="1:5" x14ac:dyDescent="0.25">
      <c r="A4769" s="3">
        <v>41788.516608796293</v>
      </c>
      <c r="B4769" s="2">
        <v>21.7</v>
      </c>
      <c r="C4769" s="2">
        <v>172.4</v>
      </c>
      <c r="D4769" s="2">
        <v>0</v>
      </c>
      <c r="E4769" s="2">
        <v>171.99999999999878</v>
      </c>
    </row>
    <row r="4770" spans="1:5" x14ac:dyDescent="0.25">
      <c r="A4770" s="3">
        <v>41788.517361111109</v>
      </c>
      <c r="B4770" s="2">
        <v>21.8</v>
      </c>
      <c r="C4770" s="2">
        <v>172.6</v>
      </c>
      <c r="D4770" s="2">
        <v>0</v>
      </c>
      <c r="E4770" s="2">
        <v>171.99999999999878</v>
      </c>
    </row>
    <row r="4771" spans="1:5" x14ac:dyDescent="0.25">
      <c r="A4771" s="3">
        <v>41788.517534722225</v>
      </c>
      <c r="B4771" s="2">
        <v>21.8</v>
      </c>
      <c r="C4771" s="2">
        <v>172.4</v>
      </c>
      <c r="D4771" s="2">
        <v>0</v>
      </c>
      <c r="E4771" s="2">
        <v>171.99999999999878</v>
      </c>
    </row>
    <row r="4772" spans="1:5" x14ac:dyDescent="0.25">
      <c r="A4772" s="3">
        <v>41788.524189814816</v>
      </c>
      <c r="B4772" s="2">
        <v>22.6</v>
      </c>
      <c r="C4772" s="2">
        <v>172.6</v>
      </c>
      <c r="D4772" s="2">
        <v>0</v>
      </c>
      <c r="E4772" s="2">
        <v>171.99999999999878</v>
      </c>
    </row>
    <row r="4773" spans="1:5" x14ac:dyDescent="0.25">
      <c r="A4773" s="3">
        <v>41788.524942129632</v>
      </c>
      <c r="B4773" s="2">
        <v>22.5</v>
      </c>
      <c r="C4773" s="2">
        <v>172.4</v>
      </c>
      <c r="D4773" s="2">
        <v>0</v>
      </c>
      <c r="E4773" s="2">
        <v>171.99999999999878</v>
      </c>
    </row>
    <row r="4774" spans="1:5" x14ac:dyDescent="0.25">
      <c r="A4774" s="3">
        <v>41788.525173611109</v>
      </c>
      <c r="B4774" s="2">
        <v>22.5</v>
      </c>
      <c r="C4774" s="2">
        <v>172.6</v>
      </c>
      <c r="D4774" s="2">
        <v>0</v>
      </c>
      <c r="E4774" s="2">
        <v>171.99999999999878</v>
      </c>
    </row>
    <row r="4775" spans="1:5" x14ac:dyDescent="0.25">
      <c r="A4775" s="3">
        <v>41788.525752314818</v>
      </c>
      <c r="B4775" s="2">
        <v>22.6</v>
      </c>
      <c r="C4775" s="2">
        <v>172.4</v>
      </c>
      <c r="D4775" s="2">
        <v>0</v>
      </c>
      <c r="E4775" s="2">
        <v>171.99999999999878</v>
      </c>
    </row>
    <row r="4776" spans="1:5" x14ac:dyDescent="0.25">
      <c r="A4776" s="3">
        <v>41788.525983796295</v>
      </c>
      <c r="B4776" s="2">
        <v>22.7</v>
      </c>
      <c r="C4776" s="2">
        <v>172.6</v>
      </c>
      <c r="D4776" s="2">
        <v>0</v>
      </c>
      <c r="E4776" s="2">
        <v>171.99999999999878</v>
      </c>
    </row>
    <row r="4777" spans="1:5" x14ac:dyDescent="0.25">
      <c r="A4777" s="3">
        <v>41788.526273148149</v>
      </c>
      <c r="B4777" s="2">
        <v>22.7</v>
      </c>
      <c r="C4777" s="2">
        <v>172.4</v>
      </c>
      <c r="D4777" s="2">
        <v>0</v>
      </c>
      <c r="E4777" s="2">
        <v>171.99999999999878</v>
      </c>
    </row>
    <row r="4778" spans="1:5" x14ac:dyDescent="0.25">
      <c r="A4778" s="3">
        <v>41788.526620370372</v>
      </c>
      <c r="B4778" s="2">
        <v>22.7</v>
      </c>
      <c r="C4778" s="2">
        <v>172.6</v>
      </c>
      <c r="D4778" s="2">
        <v>0</v>
      </c>
      <c r="E4778" s="2">
        <v>171.99999999999878</v>
      </c>
    </row>
    <row r="4779" spans="1:5" x14ac:dyDescent="0.25">
      <c r="A4779" s="3">
        <v>41788.526678240742</v>
      </c>
      <c r="B4779" s="2">
        <v>22.7</v>
      </c>
      <c r="C4779" s="2">
        <v>172.4</v>
      </c>
      <c r="D4779" s="2">
        <v>0</v>
      </c>
      <c r="E4779" s="2">
        <v>171.99999999999878</v>
      </c>
    </row>
    <row r="4780" spans="1:5" x14ac:dyDescent="0.25">
      <c r="A4780" s="3">
        <v>41788.526736111111</v>
      </c>
      <c r="B4780" s="2">
        <v>22.7</v>
      </c>
      <c r="C4780" s="2">
        <v>172.6</v>
      </c>
      <c r="D4780" s="2">
        <v>0</v>
      </c>
      <c r="E4780" s="2">
        <v>171.99999999999878</v>
      </c>
    </row>
    <row r="4781" spans="1:5" x14ac:dyDescent="0.25">
      <c r="A4781" s="3">
        <v>41788.527372685188</v>
      </c>
      <c r="B4781" s="2">
        <v>22.7</v>
      </c>
      <c r="C4781" s="2">
        <v>172.4</v>
      </c>
      <c r="D4781" s="2">
        <v>0</v>
      </c>
      <c r="E4781" s="2">
        <v>171.99999999999878</v>
      </c>
    </row>
    <row r="4782" spans="1:5" x14ac:dyDescent="0.25">
      <c r="A4782" s="3">
        <v>41788.527546296296</v>
      </c>
      <c r="B4782" s="2">
        <v>22.7</v>
      </c>
      <c r="C4782" s="2">
        <v>172.6</v>
      </c>
      <c r="D4782" s="2">
        <v>0</v>
      </c>
      <c r="E4782" s="2">
        <v>171.99999999999878</v>
      </c>
    </row>
    <row r="4783" spans="1:5" x14ac:dyDescent="0.25">
      <c r="A4783" s="3">
        <v>41788.537789351853</v>
      </c>
      <c r="B4783" s="2">
        <v>23.3</v>
      </c>
      <c r="C4783" s="2">
        <v>172.4</v>
      </c>
      <c r="D4783" s="2">
        <v>0</v>
      </c>
      <c r="E4783" s="2">
        <v>171.99999999999878</v>
      </c>
    </row>
    <row r="4784" spans="1:5" x14ac:dyDescent="0.25">
      <c r="A4784" s="3">
        <v>41788.538483796299</v>
      </c>
      <c r="B4784" s="2">
        <v>23.3</v>
      </c>
      <c r="C4784" s="2">
        <v>172.6</v>
      </c>
      <c r="D4784" s="2">
        <v>0</v>
      </c>
      <c r="E4784" s="2">
        <v>171.99999999999878</v>
      </c>
    </row>
    <row r="4785" spans="1:5" x14ac:dyDescent="0.25">
      <c r="A4785" s="3">
        <v>41788.538657407407</v>
      </c>
      <c r="B4785" s="2">
        <v>23.4</v>
      </c>
      <c r="C4785" s="2">
        <v>172.4</v>
      </c>
      <c r="D4785" s="2">
        <v>0</v>
      </c>
      <c r="E4785" s="2">
        <v>171.99999999999878</v>
      </c>
    </row>
    <row r="4786" spans="1:5" x14ac:dyDescent="0.25">
      <c r="A4786" s="3">
        <v>41788.543692129628</v>
      </c>
      <c r="B4786" s="2">
        <v>23.6</v>
      </c>
      <c r="C4786" s="2">
        <v>172.6</v>
      </c>
      <c r="D4786" s="2">
        <v>0</v>
      </c>
      <c r="E4786" s="2">
        <v>171.99999999999878</v>
      </c>
    </row>
    <row r="4787" spans="1:5" x14ac:dyDescent="0.25">
      <c r="A4787" s="3">
        <v>41788.543923611112</v>
      </c>
      <c r="B4787" s="2">
        <v>23.7</v>
      </c>
      <c r="C4787" s="2">
        <v>172.4</v>
      </c>
      <c r="D4787" s="2">
        <v>0</v>
      </c>
      <c r="E4787" s="2">
        <v>171.99999999999878</v>
      </c>
    </row>
    <row r="4788" spans="1:5" x14ac:dyDescent="0.25">
      <c r="A4788" s="3">
        <v>41788.54409722222</v>
      </c>
      <c r="B4788" s="2">
        <v>23.8</v>
      </c>
      <c r="C4788" s="2">
        <v>172.6</v>
      </c>
      <c r="D4788" s="2">
        <v>0</v>
      </c>
      <c r="E4788" s="2">
        <v>171.99999999999878</v>
      </c>
    </row>
    <row r="4789" spans="1:5" x14ac:dyDescent="0.25">
      <c r="A4789" s="3">
        <v>41788.544618055559</v>
      </c>
      <c r="B4789" s="2">
        <v>23.7</v>
      </c>
      <c r="C4789" s="2">
        <v>172.4</v>
      </c>
      <c r="D4789" s="2">
        <v>0</v>
      </c>
      <c r="E4789" s="2">
        <v>171.99999999999878</v>
      </c>
    </row>
    <row r="4790" spans="1:5" x14ac:dyDescent="0.25">
      <c r="A4790" s="3">
        <v>41788.544791666667</v>
      </c>
      <c r="B4790" s="2">
        <v>23.7</v>
      </c>
      <c r="C4790" s="2">
        <v>172.6</v>
      </c>
      <c r="D4790" s="2">
        <v>0</v>
      </c>
      <c r="E4790" s="2">
        <v>171.99999999999878</v>
      </c>
    </row>
    <row r="4791" spans="1:5" x14ac:dyDescent="0.25">
      <c r="A4791" s="3">
        <v>41788.544965277775</v>
      </c>
      <c r="B4791" s="2">
        <v>23.7</v>
      </c>
      <c r="C4791" s="2">
        <v>172.4</v>
      </c>
      <c r="D4791" s="2">
        <v>0</v>
      </c>
      <c r="E4791" s="2">
        <v>171.99999999999878</v>
      </c>
    </row>
    <row r="4792" spans="1:5" x14ac:dyDescent="0.25">
      <c r="A4792" s="3">
        <v>41788.547511574077</v>
      </c>
      <c r="B4792" s="2">
        <v>23.9</v>
      </c>
      <c r="C4792" s="2">
        <v>172.6</v>
      </c>
      <c r="D4792" s="2">
        <v>0</v>
      </c>
      <c r="E4792" s="2">
        <v>171.99999999999878</v>
      </c>
    </row>
    <row r="4793" spans="1:5" x14ac:dyDescent="0.25">
      <c r="A4793" s="3">
        <v>41788.55190972222</v>
      </c>
      <c r="B4793" s="2">
        <v>24.1</v>
      </c>
      <c r="C4793" s="2">
        <v>172.4</v>
      </c>
      <c r="D4793" s="2">
        <v>0</v>
      </c>
      <c r="E4793" s="2">
        <v>171.99999999999878</v>
      </c>
    </row>
    <row r="4794" spans="1:5" x14ac:dyDescent="0.25">
      <c r="A4794" s="3">
        <v>41788.552083333336</v>
      </c>
      <c r="B4794" s="2">
        <v>24</v>
      </c>
      <c r="C4794" s="2">
        <v>172.6</v>
      </c>
      <c r="D4794" s="2">
        <v>0</v>
      </c>
      <c r="E4794" s="2">
        <v>171.99999999999878</v>
      </c>
    </row>
    <row r="4795" spans="1:5" x14ac:dyDescent="0.25">
      <c r="A4795" s="3">
        <v>41788.552719907406</v>
      </c>
      <c r="B4795" s="2">
        <v>24</v>
      </c>
      <c r="C4795" s="2">
        <v>172.4</v>
      </c>
      <c r="D4795" s="2">
        <v>0</v>
      </c>
      <c r="E4795" s="2">
        <v>171.99999999999878</v>
      </c>
    </row>
    <row r="4796" spans="1:5" x14ac:dyDescent="0.25">
      <c r="A4796" s="3">
        <v>41788.590046296296</v>
      </c>
      <c r="B4796" s="2">
        <v>26.3</v>
      </c>
      <c r="C4796" s="2">
        <v>172.2</v>
      </c>
      <c r="D4796" s="2">
        <v>0</v>
      </c>
      <c r="E4796" s="2">
        <v>171.99999999999878</v>
      </c>
    </row>
    <row r="4797" spans="1:5" x14ac:dyDescent="0.25">
      <c r="A4797" s="3">
        <v>41788.590104166666</v>
      </c>
      <c r="B4797" s="2">
        <v>26.2</v>
      </c>
      <c r="C4797" s="2">
        <v>172.4</v>
      </c>
      <c r="D4797" s="2">
        <v>0</v>
      </c>
      <c r="E4797" s="2">
        <v>171.99999999999878</v>
      </c>
    </row>
    <row r="4798" spans="1:5" x14ac:dyDescent="0.25">
      <c r="A4798" s="3">
        <v>41788.590624999997</v>
      </c>
      <c r="B4798" s="2">
        <v>26.2</v>
      </c>
      <c r="C4798" s="2">
        <v>172.2</v>
      </c>
      <c r="D4798" s="2">
        <v>0</v>
      </c>
      <c r="E4798" s="2">
        <v>171.99999999999878</v>
      </c>
    </row>
    <row r="4799" spans="1:5" x14ac:dyDescent="0.25">
      <c r="A4799" s="3">
        <v>41788.627662037034</v>
      </c>
      <c r="B4799" s="2">
        <v>27.8</v>
      </c>
      <c r="C4799" s="2">
        <v>172</v>
      </c>
      <c r="D4799" s="2">
        <v>0</v>
      </c>
      <c r="E4799" s="2">
        <v>171.99999999999878</v>
      </c>
    </row>
    <row r="4800" spans="1:5" x14ac:dyDescent="0.25">
      <c r="A4800" s="3">
        <v>41788.62777777778</v>
      </c>
      <c r="B4800" s="2">
        <v>27.8</v>
      </c>
      <c r="C4800" s="2">
        <v>172.2</v>
      </c>
      <c r="D4800" s="2">
        <v>0</v>
      </c>
      <c r="E4800" s="2">
        <v>171.99999999999878</v>
      </c>
    </row>
    <row r="4801" spans="1:5" x14ac:dyDescent="0.25">
      <c r="A4801" s="3">
        <v>41788.628067129626</v>
      </c>
      <c r="B4801" s="2">
        <v>27.9</v>
      </c>
      <c r="C4801" s="2">
        <v>172</v>
      </c>
      <c r="D4801" s="2">
        <v>0</v>
      </c>
      <c r="E4801" s="2">
        <v>171.99999999999878</v>
      </c>
    </row>
    <row r="4802" spans="1:5" x14ac:dyDescent="0.25">
      <c r="A4802" s="3">
        <v>41788.628298611111</v>
      </c>
      <c r="B4802" s="2">
        <v>27.9</v>
      </c>
      <c r="C4802" s="2">
        <v>172.2</v>
      </c>
      <c r="D4802" s="2">
        <v>0</v>
      </c>
      <c r="E4802" s="2">
        <v>171.99999999999878</v>
      </c>
    </row>
    <row r="4803" spans="1:5" x14ac:dyDescent="0.25">
      <c r="A4803" s="3">
        <v>41788.628472222219</v>
      </c>
      <c r="B4803" s="2">
        <v>28</v>
      </c>
      <c r="C4803" s="2">
        <v>172</v>
      </c>
      <c r="D4803" s="2">
        <v>0</v>
      </c>
      <c r="E4803" s="2">
        <v>171.99999999999878</v>
      </c>
    </row>
    <row r="4804" spans="1:5" x14ac:dyDescent="0.25">
      <c r="A4804" s="3">
        <v>41788.629050925927</v>
      </c>
      <c r="B4804" s="2">
        <v>28</v>
      </c>
      <c r="C4804" s="2">
        <v>172.2</v>
      </c>
      <c r="D4804" s="2">
        <v>0</v>
      </c>
      <c r="E4804" s="2">
        <v>171.99999999999878</v>
      </c>
    </row>
    <row r="4805" spans="1:5" x14ac:dyDescent="0.25">
      <c r="A4805" s="3">
        <v>41788.629224537035</v>
      </c>
      <c r="B4805" s="2">
        <v>28</v>
      </c>
      <c r="C4805" s="2">
        <v>172</v>
      </c>
      <c r="D4805" s="2">
        <v>0</v>
      </c>
      <c r="E4805" s="2">
        <v>171.99999999999878</v>
      </c>
    </row>
    <row r="4806" spans="1:5" x14ac:dyDescent="0.25">
      <c r="A4806" s="3">
        <v>41788.629629629628</v>
      </c>
      <c r="B4806" s="2">
        <v>28</v>
      </c>
      <c r="C4806" s="2">
        <v>172.2</v>
      </c>
      <c r="D4806" s="2">
        <v>0</v>
      </c>
      <c r="E4806" s="2">
        <v>171.99999999999878</v>
      </c>
    </row>
    <row r="4807" spans="1:5" x14ac:dyDescent="0.25">
      <c r="A4807" s="3">
        <v>41788.629803240743</v>
      </c>
      <c r="B4807" s="2">
        <v>28</v>
      </c>
      <c r="C4807" s="2">
        <v>172</v>
      </c>
      <c r="D4807" s="2">
        <v>0</v>
      </c>
      <c r="E4807" s="2">
        <v>171.99999999999878</v>
      </c>
    </row>
    <row r="4808" spans="1:5" x14ac:dyDescent="0.25">
      <c r="A4808" s="3">
        <v>41788.631539351853</v>
      </c>
      <c r="B4808" s="2">
        <v>28</v>
      </c>
      <c r="C4808" s="2">
        <v>172.2</v>
      </c>
      <c r="D4808" s="2">
        <v>0</v>
      </c>
      <c r="E4808" s="2">
        <v>171.99999999999878</v>
      </c>
    </row>
    <row r="4809" spans="1:5" x14ac:dyDescent="0.25">
      <c r="A4809" s="3">
        <v>41788.642129629632</v>
      </c>
      <c r="B4809" s="2">
        <v>27.8</v>
      </c>
      <c r="C4809" s="2">
        <v>172</v>
      </c>
      <c r="D4809" s="2">
        <v>0</v>
      </c>
      <c r="E4809" s="2">
        <v>171.99999999999878</v>
      </c>
    </row>
    <row r="4810" spans="1:5" x14ac:dyDescent="0.25">
      <c r="A4810" s="3">
        <v>41788.647569444445</v>
      </c>
      <c r="B4810" s="2">
        <v>27.7</v>
      </c>
      <c r="C4810" s="2">
        <v>172.2</v>
      </c>
      <c r="D4810" s="2">
        <v>0</v>
      </c>
      <c r="E4810" s="2">
        <v>171.99999999999878</v>
      </c>
    </row>
    <row r="4811" spans="1:5" x14ac:dyDescent="0.25">
      <c r="A4811" s="3">
        <v>41788.647685185184</v>
      </c>
      <c r="B4811" s="2">
        <v>27.7</v>
      </c>
      <c r="C4811" s="2">
        <v>172</v>
      </c>
      <c r="D4811" s="2">
        <v>0</v>
      </c>
      <c r="E4811" s="2">
        <v>171.99999999999878</v>
      </c>
    </row>
    <row r="4812" spans="1:5" x14ac:dyDescent="0.25">
      <c r="A4812" s="3">
        <v>41788.647800925923</v>
      </c>
      <c r="B4812" s="2">
        <v>27.8</v>
      </c>
      <c r="C4812" s="2">
        <v>172.2</v>
      </c>
      <c r="D4812" s="2">
        <v>0</v>
      </c>
      <c r="E4812" s="2">
        <v>171.99999999999878</v>
      </c>
    </row>
    <row r="4813" spans="1:5" x14ac:dyDescent="0.25">
      <c r="A4813" s="3">
        <v>41788.648090277777</v>
      </c>
      <c r="B4813" s="2">
        <v>27.7</v>
      </c>
      <c r="C4813" s="2">
        <v>172</v>
      </c>
      <c r="D4813" s="2">
        <v>0</v>
      </c>
      <c r="E4813" s="2">
        <v>171.99999999999878</v>
      </c>
    </row>
    <row r="4814" spans="1:5" x14ac:dyDescent="0.25">
      <c r="A4814" s="3">
        <v>41788.648321759261</v>
      </c>
      <c r="B4814" s="2">
        <v>27.7</v>
      </c>
      <c r="C4814" s="2">
        <v>172.2</v>
      </c>
      <c r="D4814" s="2">
        <v>0</v>
      </c>
      <c r="E4814" s="2">
        <v>171.99999999999878</v>
      </c>
    </row>
    <row r="4815" spans="1:5" x14ac:dyDescent="0.25">
      <c r="A4815" s="3">
        <v>41788.6484375</v>
      </c>
      <c r="B4815" s="2">
        <v>27.7</v>
      </c>
      <c r="C4815" s="2">
        <v>172</v>
      </c>
      <c r="D4815" s="2">
        <v>0</v>
      </c>
      <c r="E4815" s="2">
        <v>171.99999999999878</v>
      </c>
    </row>
    <row r="4816" spans="1:5" x14ac:dyDescent="0.25">
      <c r="A4816" s="3">
        <v>41788.678414351853</v>
      </c>
      <c r="B4816" s="2">
        <v>26.9</v>
      </c>
      <c r="C4816" s="2">
        <v>171.8</v>
      </c>
      <c r="D4816" s="2">
        <v>0</v>
      </c>
      <c r="E4816" s="2">
        <v>171.99999999999878</v>
      </c>
    </row>
    <row r="4817" spans="1:5" x14ac:dyDescent="0.25">
      <c r="A4817" s="3">
        <v>41788.678761574076</v>
      </c>
      <c r="B4817" s="2">
        <v>26.9</v>
      </c>
      <c r="C4817" s="2">
        <v>172</v>
      </c>
      <c r="D4817" s="2">
        <v>0</v>
      </c>
      <c r="E4817" s="2">
        <v>171.99999999999878</v>
      </c>
    </row>
    <row r="4818" spans="1:5" x14ac:dyDescent="0.25">
      <c r="A4818" s="3">
        <v>41788.679513888892</v>
      </c>
      <c r="B4818" s="2">
        <v>26.9</v>
      </c>
      <c r="C4818" s="2">
        <v>171.8</v>
      </c>
      <c r="D4818" s="2">
        <v>0</v>
      </c>
      <c r="E4818" s="2">
        <v>171.99999999999878</v>
      </c>
    </row>
    <row r="4819" spans="1:5" x14ac:dyDescent="0.25">
      <c r="A4819" s="3">
        <v>41788.723437499997</v>
      </c>
      <c r="B4819" s="2">
        <v>25.6</v>
      </c>
      <c r="C4819" s="2">
        <v>171.8</v>
      </c>
      <c r="D4819" s="2">
        <v>0.2</v>
      </c>
      <c r="E4819" s="2">
        <v>172.19999999999877</v>
      </c>
    </row>
    <row r="4820" spans="1:5" x14ac:dyDescent="0.25">
      <c r="A4820" s="3">
        <v>41788.729861111111</v>
      </c>
      <c r="B4820" s="2">
        <v>25.3</v>
      </c>
      <c r="C4820" s="2">
        <v>171.8</v>
      </c>
      <c r="D4820" s="2">
        <v>0.2</v>
      </c>
      <c r="E4820" s="2">
        <v>172.39999999999876</v>
      </c>
    </row>
    <row r="4821" spans="1:5" x14ac:dyDescent="0.25">
      <c r="A4821" s="3">
        <v>41788.730671296296</v>
      </c>
      <c r="B4821" s="2">
        <v>25.3</v>
      </c>
      <c r="C4821" s="2">
        <v>172</v>
      </c>
      <c r="D4821" s="2">
        <v>0</v>
      </c>
      <c r="E4821" s="2">
        <v>172.39999999999876</v>
      </c>
    </row>
    <row r="4822" spans="1:5" x14ac:dyDescent="0.25">
      <c r="A4822" s="3">
        <v>41788.731944444444</v>
      </c>
      <c r="B4822" s="2">
        <v>25.2</v>
      </c>
      <c r="C4822" s="2">
        <v>172</v>
      </c>
      <c r="D4822" s="2">
        <v>0.2</v>
      </c>
      <c r="E4822" s="2">
        <v>172.59999999999874</v>
      </c>
    </row>
    <row r="4823" spans="1:5" x14ac:dyDescent="0.25">
      <c r="A4823" s="3">
        <v>41788.733275462961</v>
      </c>
      <c r="B4823" s="2">
        <v>25.2</v>
      </c>
      <c r="C4823" s="2">
        <v>172.2</v>
      </c>
      <c r="D4823" s="2">
        <v>0</v>
      </c>
      <c r="E4823" s="2">
        <v>172.59999999999874</v>
      </c>
    </row>
    <row r="4824" spans="1:5" x14ac:dyDescent="0.25">
      <c r="A4824" s="3">
        <v>41788.733564814815</v>
      </c>
      <c r="B4824" s="2">
        <v>25.1</v>
      </c>
      <c r="C4824" s="2">
        <v>172.2</v>
      </c>
      <c r="D4824" s="2">
        <v>0.2</v>
      </c>
      <c r="E4824" s="2">
        <v>172.79999999999873</v>
      </c>
    </row>
    <row r="4825" spans="1:5" x14ac:dyDescent="0.25">
      <c r="A4825" s="3">
        <v>41788.734606481485</v>
      </c>
      <c r="B4825" s="2">
        <v>25</v>
      </c>
      <c r="C4825" s="2">
        <v>172.2</v>
      </c>
      <c r="D4825" s="2">
        <v>0.2</v>
      </c>
      <c r="E4825" s="2">
        <v>172.99999999999872</v>
      </c>
    </row>
    <row r="4826" spans="1:5" x14ac:dyDescent="0.25">
      <c r="A4826" s="3">
        <v>41788.734895833331</v>
      </c>
      <c r="B4826" s="2">
        <v>25</v>
      </c>
      <c r="C4826" s="2">
        <v>172.4</v>
      </c>
      <c r="D4826" s="2">
        <v>0</v>
      </c>
      <c r="E4826" s="2">
        <v>172.99999999999872</v>
      </c>
    </row>
    <row r="4827" spans="1:5" x14ac:dyDescent="0.25">
      <c r="A4827" s="3">
        <v>41788.735821759263</v>
      </c>
      <c r="B4827" s="2">
        <v>25</v>
      </c>
      <c r="C4827" s="2">
        <v>172.6</v>
      </c>
      <c r="D4827" s="2">
        <v>0.2</v>
      </c>
      <c r="E4827" s="2">
        <v>173.19999999999871</v>
      </c>
    </row>
    <row r="4828" spans="1:5" x14ac:dyDescent="0.25">
      <c r="A4828" s="3">
        <v>41788.737326388888</v>
      </c>
      <c r="B4828" s="2">
        <v>24.8</v>
      </c>
      <c r="C4828" s="2">
        <v>172.6</v>
      </c>
      <c r="D4828" s="2">
        <v>0.2</v>
      </c>
      <c r="E4828" s="2">
        <v>173.3999999999987</v>
      </c>
    </row>
    <row r="4829" spans="1:5" x14ac:dyDescent="0.25">
      <c r="A4829" s="3">
        <v>41788.738136574073</v>
      </c>
      <c r="B4829" s="2">
        <v>24.8</v>
      </c>
      <c r="C4829" s="2">
        <v>172.8</v>
      </c>
      <c r="D4829" s="2">
        <v>0</v>
      </c>
      <c r="E4829" s="2">
        <v>173.3999999999987</v>
      </c>
    </row>
    <row r="4830" spans="1:5" x14ac:dyDescent="0.25">
      <c r="A4830" s="3">
        <v>41788.739699074074</v>
      </c>
      <c r="B4830" s="2">
        <v>24.7</v>
      </c>
      <c r="C4830" s="2">
        <v>172.8</v>
      </c>
      <c r="D4830" s="2">
        <v>0.2</v>
      </c>
      <c r="E4830" s="2">
        <v>173.59999999999869</v>
      </c>
    </row>
    <row r="4831" spans="1:5" x14ac:dyDescent="0.25">
      <c r="A4831" s="3">
        <v>41788.740624999999</v>
      </c>
      <c r="B4831" s="2">
        <v>24.7</v>
      </c>
      <c r="C4831" s="2">
        <v>173</v>
      </c>
      <c r="D4831" s="2">
        <v>0</v>
      </c>
      <c r="E4831" s="2">
        <v>173.59999999999869</v>
      </c>
    </row>
    <row r="4832" spans="1:5" x14ac:dyDescent="0.25">
      <c r="A4832" s="3">
        <v>41788.741724537038</v>
      </c>
      <c r="B4832" s="2">
        <v>24.7</v>
      </c>
      <c r="C4832" s="2">
        <v>173</v>
      </c>
      <c r="D4832" s="2">
        <v>0.2</v>
      </c>
      <c r="E4832" s="2">
        <v>173.79999999999868</v>
      </c>
    </row>
    <row r="4833" spans="1:5" x14ac:dyDescent="0.25">
      <c r="A4833" s="3">
        <v>41788.742361111108</v>
      </c>
      <c r="B4833" s="2">
        <v>24.6</v>
      </c>
      <c r="C4833" s="2">
        <v>173.2</v>
      </c>
      <c r="D4833" s="2">
        <v>0</v>
      </c>
      <c r="E4833" s="2">
        <v>173.79999999999868</v>
      </c>
    </row>
    <row r="4834" spans="1:5" x14ac:dyDescent="0.25">
      <c r="A4834" s="3">
        <v>41788.743171296293</v>
      </c>
      <c r="B4834" s="2">
        <v>24.5</v>
      </c>
      <c r="C4834" s="2">
        <v>173.2</v>
      </c>
      <c r="D4834" s="2">
        <v>0.2</v>
      </c>
      <c r="E4834" s="2">
        <v>173.99999999999866</v>
      </c>
    </row>
    <row r="4835" spans="1:5" x14ac:dyDescent="0.25">
      <c r="A4835" s="3">
        <v>41788.743576388886</v>
      </c>
      <c r="B4835" s="2">
        <v>24.5</v>
      </c>
      <c r="C4835" s="2">
        <v>173.4</v>
      </c>
      <c r="D4835" s="2">
        <v>0</v>
      </c>
      <c r="E4835" s="2">
        <v>173.99999999999866</v>
      </c>
    </row>
    <row r="4836" spans="1:5" x14ac:dyDescent="0.25">
      <c r="A4836" s="3">
        <v>41788.744097222225</v>
      </c>
      <c r="B4836" s="2">
        <v>24.4</v>
      </c>
      <c r="C4836" s="2">
        <v>173.4</v>
      </c>
      <c r="D4836" s="2">
        <v>0.2</v>
      </c>
      <c r="E4836" s="2">
        <v>174.19999999999865</v>
      </c>
    </row>
    <row r="4837" spans="1:5" x14ac:dyDescent="0.25">
      <c r="A4837" s="3">
        <v>41788.744791666664</v>
      </c>
      <c r="B4837" s="2">
        <v>24.4</v>
      </c>
      <c r="C4837" s="2">
        <v>173.6</v>
      </c>
      <c r="D4837" s="2">
        <v>0</v>
      </c>
      <c r="E4837" s="2">
        <v>174.19999999999865</v>
      </c>
    </row>
    <row r="4838" spans="1:5" x14ac:dyDescent="0.25">
      <c r="A4838" s="3">
        <v>41788.745138888888</v>
      </c>
      <c r="B4838" s="2">
        <v>24.4</v>
      </c>
      <c r="C4838" s="2">
        <v>173.6</v>
      </c>
      <c r="D4838" s="2">
        <v>0.2</v>
      </c>
      <c r="E4838" s="2">
        <v>174.39999999999864</v>
      </c>
    </row>
    <row r="4839" spans="1:5" x14ac:dyDescent="0.25">
      <c r="A4839" s="3">
        <v>41788.74554398148</v>
      </c>
      <c r="B4839" s="2">
        <v>24.4</v>
      </c>
      <c r="C4839" s="2">
        <v>173.8</v>
      </c>
      <c r="D4839" s="2">
        <v>0</v>
      </c>
      <c r="E4839" s="2">
        <v>174.39999999999864</v>
      </c>
    </row>
    <row r="4840" spans="1:5" x14ac:dyDescent="0.25">
      <c r="A4840" s="3">
        <v>41788.746006944442</v>
      </c>
      <c r="B4840" s="2">
        <v>24.4</v>
      </c>
      <c r="C4840" s="2">
        <v>173.8</v>
      </c>
      <c r="D4840" s="2">
        <v>0.2</v>
      </c>
      <c r="E4840" s="2">
        <v>174.59999999999863</v>
      </c>
    </row>
    <row r="4841" spans="1:5" x14ac:dyDescent="0.25">
      <c r="A4841" s="3">
        <v>41788.746527777781</v>
      </c>
      <c r="B4841" s="2">
        <v>24.4</v>
      </c>
      <c r="C4841" s="2">
        <v>174</v>
      </c>
      <c r="D4841" s="2">
        <v>0</v>
      </c>
      <c r="E4841" s="2">
        <v>174.59999999999863</v>
      </c>
    </row>
    <row r="4842" spans="1:5" x14ac:dyDescent="0.25">
      <c r="A4842" s="3">
        <v>41788.747511574074</v>
      </c>
      <c r="B4842" s="2">
        <v>24.3</v>
      </c>
      <c r="C4842" s="2">
        <v>174</v>
      </c>
      <c r="D4842" s="2">
        <v>0.2</v>
      </c>
      <c r="E4842" s="2">
        <v>174.79999999999862</v>
      </c>
    </row>
    <row r="4843" spans="1:5" x14ac:dyDescent="0.25">
      <c r="A4843" s="3">
        <v>41788.748263888891</v>
      </c>
      <c r="B4843" s="2">
        <v>24.2</v>
      </c>
      <c r="C4843" s="2">
        <v>174.2</v>
      </c>
      <c r="D4843" s="2">
        <v>0</v>
      </c>
      <c r="E4843" s="2">
        <v>174.79999999999862</v>
      </c>
    </row>
    <row r="4844" spans="1:5" x14ac:dyDescent="0.25">
      <c r="A4844" s="3">
        <v>41788.749016203707</v>
      </c>
      <c r="B4844" s="2">
        <v>24.2</v>
      </c>
      <c r="C4844" s="2">
        <v>174.2</v>
      </c>
      <c r="D4844" s="2">
        <v>0.2</v>
      </c>
      <c r="E4844" s="2">
        <v>174.99999999999861</v>
      </c>
    </row>
    <row r="4845" spans="1:5" x14ac:dyDescent="0.25">
      <c r="A4845" s="3">
        <v>41788.749768518515</v>
      </c>
      <c r="B4845" s="2">
        <v>24.1</v>
      </c>
      <c r="C4845" s="2">
        <v>174.4</v>
      </c>
      <c r="D4845" s="2">
        <v>0</v>
      </c>
      <c r="E4845" s="2">
        <v>174.99999999999861</v>
      </c>
    </row>
    <row r="4846" spans="1:5" x14ac:dyDescent="0.25">
      <c r="A4846" s="3">
        <v>41788.750636574077</v>
      </c>
      <c r="B4846" s="2">
        <v>24.1</v>
      </c>
      <c r="C4846" s="2">
        <v>174.4</v>
      </c>
      <c r="D4846" s="2">
        <v>0.2</v>
      </c>
      <c r="E4846" s="2">
        <v>175.1999999999986</v>
      </c>
    </row>
    <row r="4847" spans="1:5" x14ac:dyDescent="0.25">
      <c r="A4847" s="3">
        <v>41788.751099537039</v>
      </c>
      <c r="B4847" s="2">
        <v>24.1</v>
      </c>
      <c r="C4847" s="2">
        <v>174.6</v>
      </c>
      <c r="D4847" s="2">
        <v>0</v>
      </c>
      <c r="E4847" s="2">
        <v>175.1999999999986</v>
      </c>
    </row>
    <row r="4848" spans="1:5" x14ac:dyDescent="0.25">
      <c r="A4848" s="3">
        <v>41788.752025462964</v>
      </c>
      <c r="B4848" s="2">
        <v>24</v>
      </c>
      <c r="C4848" s="2">
        <v>174.6</v>
      </c>
      <c r="D4848" s="2">
        <v>0.2</v>
      </c>
      <c r="E4848" s="2">
        <v>175.39999999999858</v>
      </c>
    </row>
    <row r="4849" spans="1:5" x14ac:dyDescent="0.25">
      <c r="A4849" s="3">
        <v>41788.753067129626</v>
      </c>
      <c r="B4849" s="2">
        <v>24</v>
      </c>
      <c r="C4849" s="2">
        <v>174.8</v>
      </c>
      <c r="D4849" s="2">
        <v>0</v>
      </c>
      <c r="E4849" s="2">
        <v>175.39999999999858</v>
      </c>
    </row>
    <row r="4850" spans="1:5" x14ac:dyDescent="0.25">
      <c r="A4850" s="3">
        <v>41788.754340277781</v>
      </c>
      <c r="B4850" s="2">
        <v>23.9</v>
      </c>
      <c r="C4850" s="2">
        <v>174.8</v>
      </c>
      <c r="D4850" s="2">
        <v>0.2</v>
      </c>
      <c r="E4850" s="2">
        <v>175.59999999999857</v>
      </c>
    </row>
    <row r="4851" spans="1:5" x14ac:dyDescent="0.25">
      <c r="A4851" s="3">
        <v>41788.754918981482</v>
      </c>
      <c r="B4851" s="2">
        <v>23.8</v>
      </c>
      <c r="C4851" s="2">
        <v>175</v>
      </c>
      <c r="D4851" s="2">
        <v>0</v>
      </c>
      <c r="E4851" s="2">
        <v>175.59999999999857</v>
      </c>
    </row>
    <row r="4852" spans="1:5" x14ac:dyDescent="0.25">
      <c r="A4852" s="3">
        <v>41788.755960648145</v>
      </c>
      <c r="B4852" s="2">
        <v>23.8</v>
      </c>
      <c r="C4852" s="2">
        <v>175</v>
      </c>
      <c r="D4852" s="2">
        <v>0.2</v>
      </c>
      <c r="E4852" s="2">
        <v>175.79999999999856</v>
      </c>
    </row>
    <row r="4853" spans="1:5" x14ac:dyDescent="0.25">
      <c r="A4853" s="3">
        <v>41788.757581018515</v>
      </c>
      <c r="B4853" s="2">
        <v>23.7</v>
      </c>
      <c r="C4853" s="2">
        <v>175.2</v>
      </c>
      <c r="D4853" s="2">
        <v>0</v>
      </c>
      <c r="E4853" s="2">
        <v>175.79999999999856</v>
      </c>
    </row>
    <row r="4854" spans="1:5" x14ac:dyDescent="0.25">
      <c r="A4854" s="3">
        <v>41788.760995370372</v>
      </c>
      <c r="B4854" s="2">
        <v>23.6</v>
      </c>
      <c r="C4854" s="2">
        <v>175.2</v>
      </c>
      <c r="D4854" s="2">
        <v>0.2</v>
      </c>
      <c r="E4854" s="2">
        <v>175.99999999999855</v>
      </c>
    </row>
    <row r="4855" spans="1:5" x14ac:dyDescent="0.25">
      <c r="A4855" s="3">
        <v>41788.765046296299</v>
      </c>
      <c r="B4855" s="2">
        <v>23.5</v>
      </c>
      <c r="C4855" s="2">
        <v>175.4</v>
      </c>
      <c r="D4855" s="2">
        <v>0</v>
      </c>
      <c r="E4855" s="2">
        <v>175.99999999999855</v>
      </c>
    </row>
    <row r="4856" spans="1:5" x14ac:dyDescent="0.25">
      <c r="A4856" s="3">
        <v>41788.766261574077</v>
      </c>
      <c r="B4856" s="2">
        <v>23.4</v>
      </c>
      <c r="C4856" s="2">
        <v>175.4</v>
      </c>
      <c r="D4856" s="2">
        <v>0.2</v>
      </c>
      <c r="E4856" s="2">
        <v>176.19999999999854</v>
      </c>
    </row>
    <row r="4857" spans="1:5" x14ac:dyDescent="0.25">
      <c r="A4857" s="3">
        <v>41788.767881944441</v>
      </c>
      <c r="B4857" s="2">
        <v>23.3</v>
      </c>
      <c r="C4857" s="2">
        <v>175.6</v>
      </c>
      <c r="D4857" s="2">
        <v>0</v>
      </c>
      <c r="E4857" s="2">
        <v>176.19999999999854</v>
      </c>
    </row>
    <row r="4858" spans="1:5" x14ac:dyDescent="0.25">
      <c r="A4858" s="3">
        <v>41788.769270833334</v>
      </c>
      <c r="B4858" s="2">
        <v>23.3</v>
      </c>
      <c r="C4858" s="2">
        <v>175.6</v>
      </c>
      <c r="D4858" s="2">
        <v>0.2</v>
      </c>
      <c r="E4858" s="2">
        <v>176.39999999999853</v>
      </c>
    </row>
    <row r="4859" spans="1:5" x14ac:dyDescent="0.25">
      <c r="A4859" s="3">
        <v>41788.770312499997</v>
      </c>
      <c r="B4859" s="2">
        <v>23.3</v>
      </c>
      <c r="C4859" s="2">
        <v>175.8</v>
      </c>
      <c r="D4859" s="2">
        <v>0</v>
      </c>
      <c r="E4859" s="2">
        <v>176.39999999999853</v>
      </c>
    </row>
    <row r="4860" spans="1:5" x14ac:dyDescent="0.25">
      <c r="A4860" s="3">
        <v>41788.770428240743</v>
      </c>
      <c r="B4860" s="2">
        <v>23.3</v>
      </c>
      <c r="C4860" s="2">
        <v>175.6</v>
      </c>
      <c r="D4860" s="2">
        <v>0</v>
      </c>
      <c r="E4860" s="2">
        <v>176.39999999999853</v>
      </c>
    </row>
    <row r="4861" spans="1:5" x14ac:dyDescent="0.25">
      <c r="A4861" s="3">
        <v>41788.772222222222</v>
      </c>
      <c r="B4861" s="2">
        <v>23.1</v>
      </c>
      <c r="C4861" s="2">
        <v>175.8</v>
      </c>
      <c r="D4861" s="2">
        <v>0</v>
      </c>
      <c r="E4861" s="2">
        <v>176.39999999999853</v>
      </c>
    </row>
    <row r="4862" spans="1:5" x14ac:dyDescent="0.25">
      <c r="A4862" s="3">
        <v>41788.77679398148</v>
      </c>
      <c r="B4862" s="2">
        <v>23.1</v>
      </c>
      <c r="C4862" s="2">
        <v>175.8</v>
      </c>
      <c r="D4862" s="2">
        <v>0.2</v>
      </c>
      <c r="E4862" s="2">
        <v>176.59999999999852</v>
      </c>
    </row>
    <row r="4863" spans="1:5" x14ac:dyDescent="0.25">
      <c r="A4863" s="3">
        <v>41788.779108796298</v>
      </c>
      <c r="B4863" s="2">
        <v>23</v>
      </c>
      <c r="C4863" s="2">
        <v>176</v>
      </c>
      <c r="D4863" s="2">
        <v>0</v>
      </c>
      <c r="E4863" s="2">
        <v>176.59999999999852</v>
      </c>
    </row>
    <row r="4864" spans="1:5" x14ac:dyDescent="0.25">
      <c r="A4864" s="3">
        <v>41788.77957175926</v>
      </c>
      <c r="B4864" s="2">
        <v>22.9</v>
      </c>
      <c r="C4864" s="2">
        <v>176</v>
      </c>
      <c r="D4864" s="2">
        <v>0.2</v>
      </c>
      <c r="E4864" s="2">
        <v>176.79999999999851</v>
      </c>
    </row>
    <row r="4865" spans="1:5" x14ac:dyDescent="0.25">
      <c r="A4865" s="3">
        <v>41788.781828703701</v>
      </c>
      <c r="B4865" s="2">
        <v>22.8</v>
      </c>
      <c r="C4865" s="2">
        <v>176.2</v>
      </c>
      <c r="D4865" s="2">
        <v>0.2</v>
      </c>
      <c r="E4865" s="2">
        <v>176.99999999999849</v>
      </c>
    </row>
    <row r="4866" spans="1:5" x14ac:dyDescent="0.25">
      <c r="A4866" s="3">
        <v>41788.783912037034</v>
      </c>
      <c r="B4866" s="2">
        <v>22.7</v>
      </c>
      <c r="C4866" s="2">
        <v>176.2</v>
      </c>
      <c r="D4866" s="2">
        <v>0.2</v>
      </c>
      <c r="E4866" s="2">
        <v>177.19999999999848</v>
      </c>
    </row>
    <row r="4867" spans="1:5" x14ac:dyDescent="0.25">
      <c r="A4867" s="3">
        <v>41788.78396990741</v>
      </c>
      <c r="B4867" s="2">
        <v>22.7</v>
      </c>
      <c r="C4867" s="2">
        <v>176.4</v>
      </c>
      <c r="D4867" s="2">
        <v>0</v>
      </c>
      <c r="E4867" s="2">
        <v>177.19999999999848</v>
      </c>
    </row>
    <row r="4868" spans="1:5" x14ac:dyDescent="0.25">
      <c r="A4868" s="3">
        <v>41788.785416666666</v>
      </c>
      <c r="B4868" s="2">
        <v>22.7</v>
      </c>
      <c r="C4868" s="2">
        <v>176.4</v>
      </c>
      <c r="D4868" s="2">
        <v>0.2</v>
      </c>
      <c r="E4868" s="2">
        <v>177.39999999999847</v>
      </c>
    </row>
    <row r="4869" spans="1:5" x14ac:dyDescent="0.25">
      <c r="A4869" s="3">
        <v>41788.785937499997</v>
      </c>
      <c r="B4869" s="2">
        <v>22.7</v>
      </c>
      <c r="C4869" s="2">
        <v>176.6</v>
      </c>
      <c r="D4869" s="2">
        <v>0</v>
      </c>
      <c r="E4869" s="2">
        <v>177.39999999999847</v>
      </c>
    </row>
    <row r="4870" spans="1:5" x14ac:dyDescent="0.25">
      <c r="A4870" s="3">
        <v>41788.787615740737</v>
      </c>
      <c r="B4870" s="2">
        <v>22.6</v>
      </c>
      <c r="C4870" s="2">
        <v>176.6</v>
      </c>
      <c r="D4870" s="2">
        <v>0.2</v>
      </c>
      <c r="E4870" s="2">
        <v>177.59999999999846</v>
      </c>
    </row>
    <row r="4871" spans="1:5" x14ac:dyDescent="0.25">
      <c r="A4871" s="3">
        <v>41788.787847222222</v>
      </c>
      <c r="B4871" s="2">
        <v>22.6</v>
      </c>
      <c r="C4871" s="2">
        <v>176.8</v>
      </c>
      <c r="D4871" s="2">
        <v>0</v>
      </c>
      <c r="E4871" s="2">
        <v>177.59999999999846</v>
      </c>
    </row>
    <row r="4872" spans="1:5" x14ac:dyDescent="0.25">
      <c r="A4872" s="3">
        <v>41788.789120370369</v>
      </c>
      <c r="B4872" s="2">
        <v>22.5</v>
      </c>
      <c r="C4872" s="2">
        <v>176.8</v>
      </c>
      <c r="D4872" s="2">
        <v>0.2</v>
      </c>
      <c r="E4872" s="2">
        <v>177.79999999999845</v>
      </c>
    </row>
    <row r="4873" spans="1:5" x14ac:dyDescent="0.25">
      <c r="A4873" s="3">
        <v>41788.789409722223</v>
      </c>
      <c r="B4873" s="2">
        <v>22.5</v>
      </c>
      <c r="C4873" s="2">
        <v>177</v>
      </c>
      <c r="D4873" s="2">
        <v>0</v>
      </c>
      <c r="E4873" s="2">
        <v>177.79999999999845</v>
      </c>
    </row>
    <row r="4874" spans="1:5" x14ac:dyDescent="0.25">
      <c r="A4874" s="3">
        <v>41788.795717592591</v>
      </c>
      <c r="B4874" s="2">
        <v>22.3</v>
      </c>
      <c r="C4874" s="2">
        <v>177</v>
      </c>
      <c r="D4874" s="2">
        <v>0.2</v>
      </c>
      <c r="E4874" s="2">
        <v>177.99999999999844</v>
      </c>
    </row>
    <row r="4875" spans="1:5" x14ac:dyDescent="0.25">
      <c r="A4875" s="3">
        <v>41788.805266203701</v>
      </c>
      <c r="B4875" s="2">
        <v>22.1</v>
      </c>
      <c r="C4875" s="2">
        <v>177.2</v>
      </c>
      <c r="D4875" s="2">
        <v>0</v>
      </c>
      <c r="E4875" s="2">
        <v>177.99999999999844</v>
      </c>
    </row>
    <row r="4876" spans="1:5" x14ac:dyDescent="0.25">
      <c r="A4876" s="3">
        <v>41788.819791666669</v>
      </c>
      <c r="B4876" s="2">
        <v>21.8</v>
      </c>
      <c r="C4876" s="2">
        <v>177.2</v>
      </c>
      <c r="D4876" s="2">
        <v>0.2</v>
      </c>
      <c r="E4876" s="2">
        <v>178.19999999999843</v>
      </c>
    </row>
    <row r="4877" spans="1:5" x14ac:dyDescent="0.25">
      <c r="A4877" s="3">
        <v>41788.861631944441</v>
      </c>
      <c r="B4877" s="2">
        <v>21.1</v>
      </c>
      <c r="C4877" s="2">
        <v>177.2</v>
      </c>
      <c r="D4877" s="2">
        <v>0.2</v>
      </c>
      <c r="E4877" s="2">
        <v>178.39999999999841</v>
      </c>
    </row>
    <row r="4878" spans="1:5" x14ac:dyDescent="0.25">
      <c r="A4878" s="3">
        <v>41788.863310185188</v>
      </c>
      <c r="B4878" s="2">
        <v>20.9</v>
      </c>
      <c r="C4878" s="2">
        <v>177.4</v>
      </c>
      <c r="D4878" s="2">
        <v>0</v>
      </c>
      <c r="E4878" s="2">
        <v>178.39999999999841</v>
      </c>
    </row>
    <row r="4879" spans="1:5" x14ac:dyDescent="0.25">
      <c r="A4879" s="3">
        <v>41788.953414351854</v>
      </c>
      <c r="B4879" s="2">
        <v>19.100000000000001</v>
      </c>
      <c r="C4879" s="2">
        <v>177.2</v>
      </c>
      <c r="D4879" s="2">
        <v>0</v>
      </c>
      <c r="E4879" s="2">
        <v>178.39999999999841</v>
      </c>
    </row>
    <row r="4880" spans="1:5" x14ac:dyDescent="0.25">
      <c r="A4880" s="3">
        <v>41789.200462962966</v>
      </c>
      <c r="B4880" s="2">
        <v>16</v>
      </c>
      <c r="C4880" s="2">
        <v>177.2</v>
      </c>
      <c r="D4880" s="2">
        <v>0.2</v>
      </c>
      <c r="E4880" s="2">
        <v>178.5999999999984</v>
      </c>
    </row>
    <row r="4881" spans="1:5" x14ac:dyDescent="0.25">
      <c r="A4881" s="3">
        <v>41789.240740740737</v>
      </c>
      <c r="B4881" s="2">
        <v>15.6</v>
      </c>
      <c r="C4881" s="2">
        <v>177</v>
      </c>
      <c r="D4881" s="2">
        <v>0</v>
      </c>
      <c r="E4881" s="2">
        <v>178.5999999999984</v>
      </c>
    </row>
    <row r="4882" spans="1:5" x14ac:dyDescent="0.25">
      <c r="A4882" s="3">
        <v>41789.442939814813</v>
      </c>
      <c r="B4882" s="2">
        <v>16.7</v>
      </c>
      <c r="C4882" s="2">
        <v>176.8</v>
      </c>
      <c r="D4882" s="2">
        <v>0</v>
      </c>
      <c r="E4882" s="2">
        <v>178.5999999999984</v>
      </c>
    </row>
    <row r="4883" spans="1:5" x14ac:dyDescent="0.25">
      <c r="A4883" s="3">
        <v>41789.445138888892</v>
      </c>
      <c r="B4883" s="2">
        <v>16.7</v>
      </c>
      <c r="C4883" s="2">
        <v>177</v>
      </c>
      <c r="D4883" s="2">
        <v>0</v>
      </c>
      <c r="E4883" s="2">
        <v>178.5999999999984</v>
      </c>
    </row>
    <row r="4884" spans="1:5" x14ac:dyDescent="0.25">
      <c r="A4884" s="3">
        <v>41789.445659722223</v>
      </c>
      <c r="B4884" s="2">
        <v>16.7</v>
      </c>
      <c r="C4884" s="2">
        <v>176.8</v>
      </c>
      <c r="D4884" s="2">
        <v>0</v>
      </c>
      <c r="E4884" s="2">
        <v>178.5999999999984</v>
      </c>
    </row>
    <row r="4885" spans="1:5" x14ac:dyDescent="0.25">
      <c r="A4885" s="3">
        <v>41789.44866898148</v>
      </c>
      <c r="B4885" s="2">
        <v>16.8</v>
      </c>
      <c r="C4885" s="2">
        <v>177</v>
      </c>
      <c r="D4885" s="2">
        <v>0</v>
      </c>
      <c r="E4885" s="2">
        <v>178.5999999999984</v>
      </c>
    </row>
    <row r="4886" spans="1:5" x14ac:dyDescent="0.25">
      <c r="A4886" s="3">
        <v>41789.44872685185</v>
      </c>
      <c r="B4886" s="2">
        <v>16.8</v>
      </c>
      <c r="C4886" s="2">
        <v>176.8</v>
      </c>
      <c r="D4886" s="2">
        <v>0</v>
      </c>
      <c r="E4886" s="2">
        <v>178.5999999999984</v>
      </c>
    </row>
    <row r="4887" spans="1:5" x14ac:dyDescent="0.25">
      <c r="A4887" s="3">
        <v>41789.453125</v>
      </c>
      <c r="B4887" s="2">
        <v>16.899999999999999</v>
      </c>
      <c r="C4887" s="2">
        <v>177</v>
      </c>
      <c r="D4887" s="2">
        <v>0</v>
      </c>
      <c r="E4887" s="2">
        <v>178.5999999999984</v>
      </c>
    </row>
    <row r="4888" spans="1:5" x14ac:dyDescent="0.25">
      <c r="A4888" s="3">
        <v>41789.453414351854</v>
      </c>
      <c r="B4888" s="2">
        <v>16.8</v>
      </c>
      <c r="C4888" s="2">
        <v>176.8</v>
      </c>
      <c r="D4888" s="2">
        <v>0</v>
      </c>
      <c r="E4888" s="2">
        <v>178.5999999999984</v>
      </c>
    </row>
    <row r="4889" spans="1:5" x14ac:dyDescent="0.25">
      <c r="A4889" s="3">
        <v>41789.474016203705</v>
      </c>
      <c r="B4889" s="2">
        <v>17.2</v>
      </c>
      <c r="C4889" s="2">
        <v>177</v>
      </c>
      <c r="D4889" s="2">
        <v>0</v>
      </c>
      <c r="E4889" s="2">
        <v>178.5999999999984</v>
      </c>
    </row>
    <row r="4890" spans="1:5" x14ac:dyDescent="0.25">
      <c r="A4890" s="3">
        <v>41789.474131944444</v>
      </c>
      <c r="B4890" s="2">
        <v>17.2</v>
      </c>
      <c r="C4890" s="2">
        <v>176.8</v>
      </c>
      <c r="D4890" s="2">
        <v>0</v>
      </c>
      <c r="E4890" s="2">
        <v>178.5999999999984</v>
      </c>
    </row>
    <row r="4891" spans="1:5" x14ac:dyDescent="0.25">
      <c r="A4891" s="3">
        <v>41789.482638888891</v>
      </c>
      <c r="B4891" s="2">
        <v>17.3</v>
      </c>
      <c r="C4891" s="2">
        <v>177</v>
      </c>
      <c r="D4891" s="2">
        <v>0</v>
      </c>
      <c r="E4891" s="2">
        <v>178.5999999999984</v>
      </c>
    </row>
    <row r="4892" spans="1:5" x14ac:dyDescent="0.25">
      <c r="A4892" s="3">
        <v>41789.482812499999</v>
      </c>
      <c r="B4892" s="2">
        <v>17.3</v>
      </c>
      <c r="C4892" s="2">
        <v>176.8</v>
      </c>
      <c r="D4892" s="2">
        <v>0</v>
      </c>
      <c r="E4892" s="2">
        <v>178.5999999999984</v>
      </c>
    </row>
    <row r="4893" spans="1:5" x14ac:dyDescent="0.25">
      <c r="A4893" s="3">
        <v>41789.523668981485</v>
      </c>
      <c r="B4893" s="2">
        <v>18.7</v>
      </c>
      <c r="C4893" s="2">
        <v>176.6</v>
      </c>
      <c r="D4893" s="2">
        <v>0</v>
      </c>
      <c r="E4893" s="2">
        <v>178.5999999999984</v>
      </c>
    </row>
    <row r="4894" spans="1:5" x14ac:dyDescent="0.25">
      <c r="A4894" s="3">
        <v>41789.523726851854</v>
      </c>
      <c r="B4894" s="2">
        <v>18.7</v>
      </c>
      <c r="C4894" s="2">
        <v>176.8</v>
      </c>
      <c r="D4894" s="2">
        <v>0</v>
      </c>
      <c r="E4894" s="2">
        <v>178.5999999999984</v>
      </c>
    </row>
    <row r="4895" spans="1:5" x14ac:dyDescent="0.25">
      <c r="A4895" s="3">
        <v>41789.540682870371</v>
      </c>
      <c r="B4895" s="2">
        <v>19.8</v>
      </c>
      <c r="C4895" s="2">
        <v>176.6</v>
      </c>
      <c r="D4895" s="2">
        <v>0</v>
      </c>
      <c r="E4895" s="2">
        <v>178.5999999999984</v>
      </c>
    </row>
    <row r="4896" spans="1:5" x14ac:dyDescent="0.25">
      <c r="A4896" s="3">
        <v>41789.540914351855</v>
      </c>
      <c r="B4896" s="2">
        <v>19.899999999999999</v>
      </c>
      <c r="C4896" s="2">
        <v>176.8</v>
      </c>
      <c r="D4896" s="2">
        <v>0</v>
      </c>
      <c r="E4896" s="2">
        <v>178.5999999999984</v>
      </c>
    </row>
    <row r="4897" spans="1:5" x14ac:dyDescent="0.25">
      <c r="A4897" s="3">
        <v>41789.541608796295</v>
      </c>
      <c r="B4897" s="2">
        <v>19.899999999999999</v>
      </c>
      <c r="C4897" s="2">
        <v>176.6</v>
      </c>
      <c r="D4897" s="2">
        <v>0</v>
      </c>
      <c r="E4897" s="2">
        <v>178.5999999999984</v>
      </c>
    </row>
    <row r="4898" spans="1:5" x14ac:dyDescent="0.25">
      <c r="A4898" s="3">
        <v>41789.54184027778</v>
      </c>
      <c r="B4898" s="2">
        <v>19.899999999999999</v>
      </c>
      <c r="C4898" s="2">
        <v>176.8</v>
      </c>
      <c r="D4898" s="2">
        <v>0</v>
      </c>
      <c r="E4898" s="2">
        <v>178.5999999999984</v>
      </c>
    </row>
    <row r="4899" spans="1:5" x14ac:dyDescent="0.25">
      <c r="A4899" s="3">
        <v>41789.544849537036</v>
      </c>
      <c r="B4899" s="2">
        <v>19.899999999999999</v>
      </c>
      <c r="C4899" s="2">
        <v>176.6</v>
      </c>
      <c r="D4899" s="2">
        <v>0</v>
      </c>
      <c r="E4899" s="2">
        <v>178.5999999999984</v>
      </c>
    </row>
    <row r="4900" spans="1:5" x14ac:dyDescent="0.25">
      <c r="A4900" s="3">
        <v>41789.546296296299</v>
      </c>
      <c r="B4900" s="2">
        <v>20.2</v>
      </c>
      <c r="C4900" s="2">
        <v>176.8</v>
      </c>
      <c r="D4900" s="2">
        <v>0</v>
      </c>
      <c r="E4900" s="2">
        <v>178.5999999999984</v>
      </c>
    </row>
    <row r="4901" spans="1:5" x14ac:dyDescent="0.25">
      <c r="A4901" s="3">
        <v>41789.546412037038</v>
      </c>
      <c r="B4901" s="2">
        <v>20.100000000000001</v>
      </c>
      <c r="C4901" s="2">
        <v>176.6</v>
      </c>
      <c r="D4901" s="2">
        <v>0</v>
      </c>
      <c r="E4901" s="2">
        <v>178.5999999999984</v>
      </c>
    </row>
    <row r="4902" spans="1:5" x14ac:dyDescent="0.25">
      <c r="A4902" s="3">
        <v>41789.549479166664</v>
      </c>
      <c r="B4902" s="2">
        <v>20.2</v>
      </c>
      <c r="C4902" s="2">
        <v>176.8</v>
      </c>
      <c r="D4902" s="2">
        <v>0</v>
      </c>
      <c r="E4902" s="2">
        <v>178.5999999999984</v>
      </c>
    </row>
    <row r="4903" spans="1:5" x14ac:dyDescent="0.25">
      <c r="A4903" s="3">
        <v>41789.549768518518</v>
      </c>
      <c r="B4903" s="2">
        <v>20.2</v>
      </c>
      <c r="C4903" s="2">
        <v>176.6</v>
      </c>
      <c r="D4903" s="2">
        <v>0</v>
      </c>
      <c r="E4903" s="2">
        <v>178.5999999999984</v>
      </c>
    </row>
    <row r="4904" spans="1:5" x14ac:dyDescent="0.25">
      <c r="A4904" s="3">
        <v>41789.550115740742</v>
      </c>
      <c r="B4904" s="2">
        <v>20.3</v>
      </c>
      <c r="C4904" s="2">
        <v>176.8</v>
      </c>
      <c r="D4904" s="2">
        <v>0</v>
      </c>
      <c r="E4904" s="2">
        <v>178.5999999999984</v>
      </c>
    </row>
    <row r="4905" spans="1:5" x14ac:dyDescent="0.25">
      <c r="A4905" s="3">
        <v>41789.550347222219</v>
      </c>
      <c r="B4905" s="2">
        <v>20.3</v>
      </c>
      <c r="C4905" s="2">
        <v>176.6</v>
      </c>
      <c r="D4905" s="2">
        <v>0</v>
      </c>
      <c r="E4905" s="2">
        <v>178.5999999999984</v>
      </c>
    </row>
    <row r="4906" spans="1:5" x14ac:dyDescent="0.25">
      <c r="A4906" s="3">
        <v>41789.550405092596</v>
      </c>
      <c r="B4906" s="2">
        <v>20.3</v>
      </c>
      <c r="C4906" s="2">
        <v>176.8</v>
      </c>
      <c r="D4906" s="2">
        <v>0</v>
      </c>
      <c r="E4906" s="2">
        <v>178.5999999999984</v>
      </c>
    </row>
    <row r="4907" spans="1:5" x14ac:dyDescent="0.25">
      <c r="A4907" s="3">
        <v>41789.550578703704</v>
      </c>
      <c r="B4907" s="2">
        <v>20.399999999999999</v>
      </c>
      <c r="C4907" s="2">
        <v>176.6</v>
      </c>
      <c r="D4907" s="2">
        <v>0</v>
      </c>
      <c r="E4907" s="2">
        <v>178.5999999999984</v>
      </c>
    </row>
    <row r="4908" spans="1:5" x14ac:dyDescent="0.25">
      <c r="A4908" s="3">
        <v>41789.550752314812</v>
      </c>
      <c r="B4908" s="2">
        <v>20.399999999999999</v>
      </c>
      <c r="C4908" s="2">
        <v>176.8</v>
      </c>
      <c r="D4908" s="2">
        <v>0</v>
      </c>
      <c r="E4908" s="2">
        <v>178.5999999999984</v>
      </c>
    </row>
    <row r="4909" spans="1:5" x14ac:dyDescent="0.25">
      <c r="A4909" s="3">
        <v>41789.550868055558</v>
      </c>
      <c r="B4909" s="2">
        <v>20.399999999999999</v>
      </c>
      <c r="C4909" s="2">
        <v>176.6</v>
      </c>
      <c r="D4909" s="2">
        <v>0</v>
      </c>
      <c r="E4909" s="2">
        <v>178.5999999999984</v>
      </c>
    </row>
    <row r="4910" spans="1:5" x14ac:dyDescent="0.25">
      <c r="A4910" s="3">
        <v>41789.551215277781</v>
      </c>
      <c r="B4910" s="2">
        <v>20.399999999999999</v>
      </c>
      <c r="C4910" s="2">
        <v>176.8</v>
      </c>
      <c r="D4910" s="2">
        <v>0</v>
      </c>
      <c r="E4910" s="2">
        <v>178.5999999999984</v>
      </c>
    </row>
    <row r="4911" spans="1:5" x14ac:dyDescent="0.25">
      <c r="A4911" s="3">
        <v>41789.551388888889</v>
      </c>
      <c r="B4911" s="2">
        <v>20.399999999999999</v>
      </c>
      <c r="C4911" s="2">
        <v>176.6</v>
      </c>
      <c r="D4911" s="2">
        <v>0</v>
      </c>
      <c r="E4911" s="2">
        <v>178.5999999999984</v>
      </c>
    </row>
    <row r="4912" spans="1:5" x14ac:dyDescent="0.25">
      <c r="A4912" s="3">
        <v>41789.551678240743</v>
      </c>
      <c r="B4912" s="2">
        <v>20.399999999999999</v>
      </c>
      <c r="C4912" s="2">
        <v>176.8</v>
      </c>
      <c r="D4912" s="2">
        <v>0</v>
      </c>
      <c r="E4912" s="2">
        <v>178.5999999999984</v>
      </c>
    </row>
    <row r="4913" spans="1:5" x14ac:dyDescent="0.25">
      <c r="A4913" s="3">
        <v>41789.551851851851</v>
      </c>
      <c r="B4913" s="2">
        <v>20.3</v>
      </c>
      <c r="C4913" s="2">
        <v>176.6</v>
      </c>
      <c r="D4913" s="2">
        <v>0</v>
      </c>
      <c r="E4913" s="2">
        <v>178.5999999999984</v>
      </c>
    </row>
    <row r="4914" spans="1:5" x14ac:dyDescent="0.25">
      <c r="A4914" s="3">
        <v>41789.55190972222</v>
      </c>
      <c r="B4914" s="2">
        <v>20.3</v>
      </c>
      <c r="C4914" s="2">
        <v>176.8</v>
      </c>
      <c r="D4914" s="2">
        <v>0</v>
      </c>
      <c r="E4914" s="2">
        <v>178.5999999999984</v>
      </c>
    </row>
    <row r="4915" spans="1:5" x14ac:dyDescent="0.25">
      <c r="A4915" s="3">
        <v>41789.552141203705</v>
      </c>
      <c r="B4915" s="2">
        <v>20.3</v>
      </c>
      <c r="C4915" s="2">
        <v>176.6</v>
      </c>
      <c r="D4915" s="2">
        <v>0</v>
      </c>
      <c r="E4915" s="2">
        <v>178.5999999999984</v>
      </c>
    </row>
    <row r="4916" spans="1:5" x14ac:dyDescent="0.25">
      <c r="A4916" s="3">
        <v>41789.552604166667</v>
      </c>
      <c r="B4916" s="2">
        <v>20.399999999999999</v>
      </c>
      <c r="C4916" s="2">
        <v>176.8</v>
      </c>
      <c r="D4916" s="2">
        <v>0</v>
      </c>
      <c r="E4916" s="2">
        <v>178.5999999999984</v>
      </c>
    </row>
    <row r="4917" spans="1:5" x14ac:dyDescent="0.25">
      <c r="A4917" s="3">
        <v>41789.552835648145</v>
      </c>
      <c r="B4917" s="2">
        <v>20.399999999999999</v>
      </c>
      <c r="C4917" s="2">
        <v>176.6</v>
      </c>
      <c r="D4917" s="2">
        <v>0</v>
      </c>
      <c r="E4917" s="2">
        <v>178.5999999999984</v>
      </c>
    </row>
    <row r="4918" spans="1:5" x14ac:dyDescent="0.25">
      <c r="A4918" s="3">
        <v>41789.562731481485</v>
      </c>
      <c r="B4918" s="2">
        <v>21</v>
      </c>
      <c r="C4918" s="2">
        <v>176.8</v>
      </c>
      <c r="D4918" s="2">
        <v>0</v>
      </c>
      <c r="E4918" s="2">
        <v>178.5999999999984</v>
      </c>
    </row>
    <row r="4919" spans="1:5" x14ac:dyDescent="0.25">
      <c r="A4919" s="3">
        <v>41789.562962962962</v>
      </c>
      <c r="B4919" s="2">
        <v>21</v>
      </c>
      <c r="C4919" s="2">
        <v>176.6</v>
      </c>
      <c r="D4919" s="2">
        <v>0</v>
      </c>
      <c r="E4919" s="2">
        <v>178.5999999999984</v>
      </c>
    </row>
    <row r="4920" spans="1:5" x14ac:dyDescent="0.25">
      <c r="A4920" s="3">
        <v>41789.569502314815</v>
      </c>
      <c r="B4920" s="2">
        <v>21.4</v>
      </c>
      <c r="C4920" s="2">
        <v>176.8</v>
      </c>
      <c r="D4920" s="2">
        <v>0</v>
      </c>
      <c r="E4920" s="2">
        <v>178.5999999999984</v>
      </c>
    </row>
    <row r="4921" spans="1:5" x14ac:dyDescent="0.25">
      <c r="A4921" s="3">
        <v>41789.569733796299</v>
      </c>
      <c r="B4921" s="2">
        <v>21.4</v>
      </c>
      <c r="C4921" s="2">
        <v>176.6</v>
      </c>
      <c r="D4921" s="2">
        <v>0</v>
      </c>
      <c r="E4921" s="2">
        <v>178.5999999999984</v>
      </c>
    </row>
    <row r="4922" spans="1:5" x14ac:dyDescent="0.25">
      <c r="A4922" s="3">
        <v>41789.570023148146</v>
      </c>
      <c r="B4922" s="2">
        <v>21.5</v>
      </c>
      <c r="C4922" s="2">
        <v>176.8</v>
      </c>
      <c r="D4922" s="2">
        <v>0</v>
      </c>
      <c r="E4922" s="2">
        <v>178.5999999999984</v>
      </c>
    </row>
    <row r="4923" spans="1:5" x14ac:dyDescent="0.25">
      <c r="A4923" s="3">
        <v>41789.570138888892</v>
      </c>
      <c r="B4923" s="2">
        <v>21.5</v>
      </c>
      <c r="C4923" s="2">
        <v>176.6</v>
      </c>
      <c r="D4923" s="2">
        <v>0</v>
      </c>
      <c r="E4923" s="2">
        <v>178.5999999999984</v>
      </c>
    </row>
    <row r="4924" spans="1:5" x14ac:dyDescent="0.25">
      <c r="A4924" s="3">
        <v>41789.587673611109</v>
      </c>
      <c r="B4924" s="2">
        <v>22.5</v>
      </c>
      <c r="C4924" s="2">
        <v>176.8</v>
      </c>
      <c r="D4924" s="2">
        <v>0</v>
      </c>
      <c r="E4924" s="2">
        <v>178.5999999999984</v>
      </c>
    </row>
    <row r="4925" spans="1:5" x14ac:dyDescent="0.25">
      <c r="A4925" s="3">
        <v>41789.587731481479</v>
      </c>
      <c r="B4925" s="2">
        <v>22.5</v>
      </c>
      <c r="C4925" s="2">
        <v>176.6</v>
      </c>
      <c r="D4925" s="2">
        <v>0</v>
      </c>
      <c r="E4925" s="2">
        <v>178.5999999999984</v>
      </c>
    </row>
    <row r="4926" spans="1:5" x14ac:dyDescent="0.25">
      <c r="A4926" s="3">
        <v>41789.608043981483</v>
      </c>
      <c r="B4926" s="2">
        <v>23.5</v>
      </c>
      <c r="C4926" s="2">
        <v>176.4</v>
      </c>
      <c r="D4926" s="2">
        <v>0</v>
      </c>
      <c r="E4926" s="2">
        <v>178.5999999999984</v>
      </c>
    </row>
    <row r="4927" spans="1:5" x14ac:dyDescent="0.25">
      <c r="A4927" s="3">
        <v>41789.608738425923</v>
      </c>
      <c r="B4927" s="2">
        <v>23.5</v>
      </c>
      <c r="C4927" s="2">
        <v>176.6</v>
      </c>
      <c r="D4927" s="2">
        <v>0</v>
      </c>
      <c r="E4927" s="2">
        <v>178.5999999999984</v>
      </c>
    </row>
    <row r="4928" spans="1:5" x14ac:dyDescent="0.25">
      <c r="A4928" s="3">
        <v>41789.608912037038</v>
      </c>
      <c r="B4928" s="2">
        <v>23.5</v>
      </c>
      <c r="C4928" s="2">
        <v>176.4</v>
      </c>
      <c r="D4928" s="2">
        <v>0</v>
      </c>
      <c r="E4928" s="2">
        <v>178.5999999999984</v>
      </c>
    </row>
    <row r="4929" spans="1:5" x14ac:dyDescent="0.25">
      <c r="A4929" s="3">
        <v>41789.609143518515</v>
      </c>
      <c r="B4929" s="2">
        <v>23.5</v>
      </c>
      <c r="C4929" s="2">
        <v>176.6</v>
      </c>
      <c r="D4929" s="2">
        <v>0</v>
      </c>
      <c r="E4929" s="2">
        <v>178.5999999999984</v>
      </c>
    </row>
    <row r="4930" spans="1:5" x14ac:dyDescent="0.25">
      <c r="A4930" s="3">
        <v>41789.609259259261</v>
      </c>
      <c r="B4930" s="2">
        <v>23.5</v>
      </c>
      <c r="C4930" s="2">
        <v>176.4</v>
      </c>
      <c r="D4930" s="2">
        <v>0</v>
      </c>
      <c r="E4930" s="2">
        <v>178.5999999999984</v>
      </c>
    </row>
    <row r="4931" spans="1:5" x14ac:dyDescent="0.25">
      <c r="A4931" s="3">
        <v>41789.617939814816</v>
      </c>
      <c r="B4931" s="2">
        <v>23.9</v>
      </c>
      <c r="C4931" s="2">
        <v>176.6</v>
      </c>
      <c r="D4931" s="2">
        <v>0</v>
      </c>
      <c r="E4931" s="2">
        <v>178.5999999999984</v>
      </c>
    </row>
    <row r="4932" spans="1:5" x14ac:dyDescent="0.25">
      <c r="A4932" s="3">
        <v>41789.61822916667</v>
      </c>
      <c r="B4932" s="2">
        <v>23.9</v>
      </c>
      <c r="C4932" s="2">
        <v>176.4</v>
      </c>
      <c r="D4932" s="2">
        <v>0</v>
      </c>
      <c r="E4932" s="2">
        <v>178.5999999999984</v>
      </c>
    </row>
    <row r="4933" spans="1:5" x14ac:dyDescent="0.25">
      <c r="A4933" s="3">
        <v>41789.620891203704</v>
      </c>
      <c r="B4933" s="2">
        <v>24</v>
      </c>
      <c r="C4933" s="2">
        <v>176.6</v>
      </c>
      <c r="D4933" s="2">
        <v>0</v>
      </c>
      <c r="E4933" s="2">
        <v>178.5999999999984</v>
      </c>
    </row>
    <row r="4934" spans="1:5" x14ac:dyDescent="0.25">
      <c r="A4934" s="3">
        <v>41789.621064814812</v>
      </c>
      <c r="B4934" s="2">
        <v>24</v>
      </c>
      <c r="C4934" s="2">
        <v>176.4</v>
      </c>
      <c r="D4934" s="2">
        <v>0</v>
      </c>
      <c r="E4934" s="2">
        <v>178.5999999999984</v>
      </c>
    </row>
    <row r="4935" spans="1:5" x14ac:dyDescent="0.25">
      <c r="A4935" s="3">
        <v>41789.622395833336</v>
      </c>
      <c r="B4935" s="2">
        <v>23.9</v>
      </c>
      <c r="C4935" s="2">
        <v>176.6</v>
      </c>
      <c r="D4935" s="2">
        <v>0</v>
      </c>
      <c r="E4935" s="2">
        <v>178.5999999999984</v>
      </c>
    </row>
    <row r="4936" spans="1:5" x14ac:dyDescent="0.25">
      <c r="A4936" s="3">
        <v>41789.622453703705</v>
      </c>
      <c r="B4936" s="2">
        <v>23.9</v>
      </c>
      <c r="C4936" s="2">
        <v>176.4</v>
      </c>
      <c r="D4936" s="2">
        <v>0</v>
      </c>
      <c r="E4936" s="2">
        <v>178.5999999999984</v>
      </c>
    </row>
    <row r="4937" spans="1:5" x14ac:dyDescent="0.25">
      <c r="A4937" s="3">
        <v>41789.623784722222</v>
      </c>
      <c r="B4937" s="2">
        <v>23.9</v>
      </c>
      <c r="C4937" s="2">
        <v>176.6</v>
      </c>
      <c r="D4937" s="2">
        <v>0</v>
      </c>
      <c r="E4937" s="2">
        <v>178.5999999999984</v>
      </c>
    </row>
    <row r="4938" spans="1:5" x14ac:dyDescent="0.25">
      <c r="A4938" s="3">
        <v>41789.624016203707</v>
      </c>
      <c r="B4938" s="2">
        <v>23.9</v>
      </c>
      <c r="C4938" s="2">
        <v>176.4</v>
      </c>
      <c r="D4938" s="2">
        <v>0</v>
      </c>
      <c r="E4938" s="2">
        <v>178.5999999999984</v>
      </c>
    </row>
    <row r="4939" spans="1:5" x14ac:dyDescent="0.25">
      <c r="A4939" s="3">
        <v>41789.629050925927</v>
      </c>
      <c r="B4939" s="2">
        <v>23.8</v>
      </c>
      <c r="C4939" s="2">
        <v>176.6</v>
      </c>
      <c r="D4939" s="2">
        <v>0</v>
      </c>
      <c r="E4939" s="2">
        <v>178.5999999999984</v>
      </c>
    </row>
    <row r="4940" spans="1:5" x14ac:dyDescent="0.25">
      <c r="A4940" s="3">
        <v>41789.629108796296</v>
      </c>
      <c r="B4940" s="2">
        <v>23.8</v>
      </c>
      <c r="C4940" s="2">
        <v>176.4</v>
      </c>
      <c r="D4940" s="2">
        <v>0</v>
      </c>
      <c r="E4940" s="2">
        <v>178.5999999999984</v>
      </c>
    </row>
    <row r="4941" spans="1:5" x14ac:dyDescent="0.25">
      <c r="A4941" s="3">
        <v>41789.633043981485</v>
      </c>
      <c r="B4941" s="2">
        <v>23.8</v>
      </c>
      <c r="C4941" s="2">
        <v>176.6</v>
      </c>
      <c r="D4941" s="2">
        <v>0</v>
      </c>
      <c r="E4941" s="2">
        <v>178.5999999999984</v>
      </c>
    </row>
    <row r="4942" spans="1:5" x14ac:dyDescent="0.25">
      <c r="A4942" s="3">
        <v>41789.633159722223</v>
      </c>
      <c r="B4942" s="2">
        <v>23.8</v>
      </c>
      <c r="C4942" s="2">
        <v>176.4</v>
      </c>
      <c r="D4942" s="2">
        <v>0</v>
      </c>
      <c r="E4942" s="2">
        <v>178.5999999999984</v>
      </c>
    </row>
    <row r="4943" spans="1:5" x14ac:dyDescent="0.25">
      <c r="A4943" s="3">
        <v>41789.670138888891</v>
      </c>
      <c r="B4943" s="2">
        <v>23.3</v>
      </c>
      <c r="C4943" s="2">
        <v>176.2</v>
      </c>
      <c r="D4943" s="2">
        <v>0</v>
      </c>
      <c r="E4943" s="2">
        <v>178.5999999999984</v>
      </c>
    </row>
    <row r="4944" spans="1:5" x14ac:dyDescent="0.25">
      <c r="A4944" s="3">
        <v>41789.700925925928</v>
      </c>
      <c r="B4944" s="2">
        <v>22.9</v>
      </c>
      <c r="C4944" s="2">
        <v>176</v>
      </c>
      <c r="D4944" s="2">
        <v>0</v>
      </c>
      <c r="E4944" s="2">
        <v>178.5999999999984</v>
      </c>
    </row>
    <row r="4945" spans="1:5" x14ac:dyDescent="0.25">
      <c r="A4945" s="3">
        <v>41789.700983796298</v>
      </c>
      <c r="B4945" s="2">
        <v>22.9</v>
      </c>
      <c r="C4945" s="2">
        <v>176.2</v>
      </c>
      <c r="D4945" s="2">
        <v>0</v>
      </c>
      <c r="E4945" s="2">
        <v>178.5999999999984</v>
      </c>
    </row>
    <row r="4946" spans="1:5" x14ac:dyDescent="0.25">
      <c r="A4946" s="3">
        <v>41789.70208333333</v>
      </c>
      <c r="B4946" s="2">
        <v>22.8</v>
      </c>
      <c r="C4946" s="2">
        <v>176</v>
      </c>
      <c r="D4946" s="2">
        <v>0</v>
      </c>
      <c r="E4946" s="2">
        <v>178.5999999999984</v>
      </c>
    </row>
    <row r="4947" spans="1:5" x14ac:dyDescent="0.25">
      <c r="A4947" s="3">
        <v>41789.702141203707</v>
      </c>
      <c r="B4947" s="2">
        <v>22.8</v>
      </c>
      <c r="C4947" s="2">
        <v>176.2</v>
      </c>
      <c r="D4947" s="2">
        <v>0</v>
      </c>
      <c r="E4947" s="2">
        <v>178.5999999999984</v>
      </c>
    </row>
    <row r="4948" spans="1:5" x14ac:dyDescent="0.25">
      <c r="A4948" s="3">
        <v>41789.702256944445</v>
      </c>
      <c r="B4948" s="2">
        <v>22.8</v>
      </c>
      <c r="C4948" s="2">
        <v>176</v>
      </c>
      <c r="D4948" s="2">
        <v>0</v>
      </c>
      <c r="E4948" s="2">
        <v>178.5999999999984</v>
      </c>
    </row>
    <row r="4949" spans="1:5" x14ac:dyDescent="0.25">
      <c r="A4949" s="3">
        <v>41789.702372685184</v>
      </c>
      <c r="B4949" s="2">
        <v>22.8</v>
      </c>
      <c r="C4949" s="2">
        <v>176.2</v>
      </c>
      <c r="D4949" s="2">
        <v>0</v>
      </c>
      <c r="E4949" s="2">
        <v>178.5999999999984</v>
      </c>
    </row>
    <row r="4950" spans="1:5" x14ac:dyDescent="0.25">
      <c r="A4950" s="3">
        <v>41789.703240740739</v>
      </c>
      <c r="B4950" s="2">
        <v>22.8</v>
      </c>
      <c r="C4950" s="2">
        <v>176</v>
      </c>
      <c r="D4950" s="2">
        <v>0</v>
      </c>
      <c r="E4950" s="2">
        <v>178.5999999999984</v>
      </c>
    </row>
    <row r="4951" spans="1:5" x14ac:dyDescent="0.25">
      <c r="A4951" s="3">
        <v>41789.703414351854</v>
      </c>
      <c r="B4951" s="2">
        <v>22.8</v>
      </c>
      <c r="C4951" s="2">
        <v>176.2</v>
      </c>
      <c r="D4951" s="2">
        <v>0</v>
      </c>
      <c r="E4951" s="2">
        <v>178.5999999999984</v>
      </c>
    </row>
    <row r="4952" spans="1:5" x14ac:dyDescent="0.25">
      <c r="A4952" s="3">
        <v>41789.704282407409</v>
      </c>
      <c r="B4952" s="2">
        <v>22.8</v>
      </c>
      <c r="C4952" s="2">
        <v>176</v>
      </c>
      <c r="D4952" s="2">
        <v>0</v>
      </c>
      <c r="E4952" s="2">
        <v>178.5999999999984</v>
      </c>
    </row>
    <row r="4953" spans="1:5" x14ac:dyDescent="0.25">
      <c r="A4953" s="3">
        <v>41789.704861111109</v>
      </c>
      <c r="B4953" s="2">
        <v>22.8</v>
      </c>
      <c r="C4953" s="2">
        <v>176.2</v>
      </c>
      <c r="D4953" s="2">
        <v>0</v>
      </c>
      <c r="E4953" s="2">
        <v>178.5999999999984</v>
      </c>
    </row>
    <row r="4954" spans="1:5" x14ac:dyDescent="0.25">
      <c r="A4954" s="3">
        <v>41789.705034722225</v>
      </c>
      <c r="B4954" s="2">
        <v>22.7</v>
      </c>
      <c r="C4954" s="2">
        <v>176</v>
      </c>
      <c r="D4954" s="2">
        <v>0</v>
      </c>
      <c r="E4954" s="2">
        <v>178.5999999999984</v>
      </c>
    </row>
    <row r="4955" spans="1:5" x14ac:dyDescent="0.25">
      <c r="A4955" s="3">
        <v>41789.705381944441</v>
      </c>
      <c r="B4955" s="2">
        <v>22.8</v>
      </c>
      <c r="C4955" s="2">
        <v>176.2</v>
      </c>
      <c r="D4955" s="2">
        <v>0</v>
      </c>
      <c r="E4955" s="2">
        <v>178.5999999999984</v>
      </c>
    </row>
    <row r="4956" spans="1:5" x14ac:dyDescent="0.25">
      <c r="A4956" s="3">
        <v>41789.705439814818</v>
      </c>
      <c r="B4956" s="2">
        <v>22.8</v>
      </c>
      <c r="C4956" s="2">
        <v>176</v>
      </c>
      <c r="D4956" s="2">
        <v>0</v>
      </c>
      <c r="E4956" s="2">
        <v>178.5999999999984</v>
      </c>
    </row>
    <row r="4957" spans="1:5" x14ac:dyDescent="0.25">
      <c r="A4957" s="3">
        <v>41789.705613425926</v>
      </c>
      <c r="B4957" s="2">
        <v>22.8</v>
      </c>
      <c r="C4957" s="2">
        <v>176.2</v>
      </c>
      <c r="D4957" s="2">
        <v>0</v>
      </c>
      <c r="E4957" s="2">
        <v>178.5999999999984</v>
      </c>
    </row>
    <row r="4958" spans="1:5" x14ac:dyDescent="0.25">
      <c r="A4958" s="3">
        <v>41789.70584490741</v>
      </c>
      <c r="B4958" s="2">
        <v>22.8</v>
      </c>
      <c r="C4958" s="2">
        <v>176</v>
      </c>
      <c r="D4958" s="2">
        <v>0</v>
      </c>
      <c r="E4958" s="2">
        <v>178.5999999999984</v>
      </c>
    </row>
    <row r="4959" spans="1:5" x14ac:dyDescent="0.25">
      <c r="A4959" s="3">
        <v>41789.706134259257</v>
      </c>
      <c r="B4959" s="2">
        <v>22.7</v>
      </c>
      <c r="C4959" s="2">
        <v>176.2</v>
      </c>
      <c r="D4959" s="2">
        <v>0</v>
      </c>
      <c r="E4959" s="2">
        <v>178.5999999999984</v>
      </c>
    </row>
    <row r="4960" spans="1:5" x14ac:dyDescent="0.25">
      <c r="A4960" s="3">
        <v>41789.706365740742</v>
      </c>
      <c r="B4960" s="2">
        <v>22.7</v>
      </c>
      <c r="C4960" s="2">
        <v>176</v>
      </c>
      <c r="D4960" s="2">
        <v>0</v>
      </c>
      <c r="E4960" s="2">
        <v>178.5999999999984</v>
      </c>
    </row>
    <row r="4961" spans="1:5" x14ac:dyDescent="0.25">
      <c r="A4961" s="3">
        <v>41789.708680555559</v>
      </c>
      <c r="B4961" s="2">
        <v>22.6</v>
      </c>
      <c r="C4961" s="2">
        <v>176.2</v>
      </c>
      <c r="D4961" s="2">
        <v>0</v>
      </c>
      <c r="E4961" s="2">
        <v>178.5999999999984</v>
      </c>
    </row>
    <row r="4962" spans="1:5" x14ac:dyDescent="0.25">
      <c r="A4962" s="3">
        <v>41789.708854166667</v>
      </c>
      <c r="B4962" s="2">
        <v>22.6</v>
      </c>
      <c r="C4962" s="2">
        <v>176</v>
      </c>
      <c r="D4962" s="2">
        <v>0</v>
      </c>
      <c r="E4962" s="2">
        <v>178.5999999999984</v>
      </c>
    </row>
    <row r="4963" spans="1:5" x14ac:dyDescent="0.25">
      <c r="A4963" s="3">
        <v>41789.732465277775</v>
      </c>
      <c r="B4963" s="2">
        <v>22</v>
      </c>
      <c r="C4963" s="2">
        <v>176.2</v>
      </c>
      <c r="D4963" s="2">
        <v>0</v>
      </c>
      <c r="E4963" s="2">
        <v>178.5999999999984</v>
      </c>
    </row>
    <row r="4964" spans="1:5" x14ac:dyDescent="0.25">
      <c r="A4964" s="3">
        <v>41789.732523148145</v>
      </c>
      <c r="B4964" s="2">
        <v>22</v>
      </c>
      <c r="C4964" s="2">
        <v>176</v>
      </c>
      <c r="D4964" s="2">
        <v>0</v>
      </c>
      <c r="E4964" s="2">
        <v>178.5999999999984</v>
      </c>
    </row>
    <row r="4965" spans="1:5" x14ac:dyDescent="0.25">
      <c r="A4965" s="3">
        <v>41789.733622685184</v>
      </c>
      <c r="B4965" s="2">
        <v>21.9</v>
      </c>
      <c r="C4965" s="2">
        <v>176.2</v>
      </c>
      <c r="D4965" s="2">
        <v>0</v>
      </c>
      <c r="E4965" s="2">
        <v>178.5999999999984</v>
      </c>
    </row>
    <row r="4966" spans="1:5" x14ac:dyDescent="0.25">
      <c r="A4966" s="3">
        <v>41789.735127314816</v>
      </c>
      <c r="B4966" s="2">
        <v>21.9</v>
      </c>
      <c r="C4966" s="2">
        <v>176.2</v>
      </c>
      <c r="D4966" s="2">
        <v>0.2</v>
      </c>
      <c r="E4966" s="2">
        <v>178.79999999999839</v>
      </c>
    </row>
    <row r="4967" spans="1:5" x14ac:dyDescent="0.25">
      <c r="A4967" s="3">
        <v>41789.757523148146</v>
      </c>
      <c r="B4967" s="2">
        <v>21.5</v>
      </c>
      <c r="C4967" s="2">
        <v>176</v>
      </c>
      <c r="D4967" s="2">
        <v>0</v>
      </c>
      <c r="E4967" s="2">
        <v>178.79999999999839</v>
      </c>
    </row>
    <row r="4968" spans="1:5" x14ac:dyDescent="0.25">
      <c r="A4968" s="3">
        <v>41789.757696759261</v>
      </c>
      <c r="B4968" s="2">
        <v>21.5</v>
      </c>
      <c r="C4968" s="2">
        <v>176.2</v>
      </c>
      <c r="D4968" s="2">
        <v>0</v>
      </c>
      <c r="E4968" s="2">
        <v>178.79999999999839</v>
      </c>
    </row>
    <row r="4969" spans="1:5" x14ac:dyDescent="0.25">
      <c r="A4969" s="3">
        <v>41789.759780092594</v>
      </c>
      <c r="B4969" s="2">
        <v>21.5</v>
      </c>
      <c r="C4969" s="2">
        <v>176</v>
      </c>
      <c r="D4969" s="2">
        <v>0</v>
      </c>
      <c r="E4969" s="2">
        <v>178.79999999999839</v>
      </c>
    </row>
    <row r="4970" spans="1:5" x14ac:dyDescent="0.25">
      <c r="A4970" s="3">
        <v>41789.762384259258</v>
      </c>
      <c r="B4970" s="2">
        <v>21.4</v>
      </c>
      <c r="C4970" s="2">
        <v>176.2</v>
      </c>
      <c r="D4970" s="2">
        <v>0</v>
      </c>
      <c r="E4970" s="2">
        <v>178.79999999999839</v>
      </c>
    </row>
    <row r="4971" spans="1:5" x14ac:dyDescent="0.25">
      <c r="A4971" s="3">
        <v>41789.766898148147</v>
      </c>
      <c r="B4971" s="2">
        <v>21.3</v>
      </c>
      <c r="C4971" s="2">
        <v>176</v>
      </c>
      <c r="D4971" s="2">
        <v>0</v>
      </c>
      <c r="E4971" s="2">
        <v>178.79999999999839</v>
      </c>
    </row>
    <row r="4972" spans="1:5" x14ac:dyDescent="0.25">
      <c r="A4972" s="3">
        <v>41789.886921296296</v>
      </c>
      <c r="B4972" s="2">
        <v>19.100000000000001</v>
      </c>
      <c r="C4972" s="2">
        <v>175.8</v>
      </c>
      <c r="D4972" s="2">
        <v>0</v>
      </c>
      <c r="E4972" s="2">
        <v>178.79999999999839</v>
      </c>
    </row>
    <row r="4973" spans="1:5" x14ac:dyDescent="0.25">
      <c r="A4973" s="3">
        <v>41789.998090277775</v>
      </c>
      <c r="B4973" s="2">
        <v>17.399999999999999</v>
      </c>
      <c r="C4973" s="2">
        <v>175.6</v>
      </c>
      <c r="D4973" s="2">
        <v>0</v>
      </c>
      <c r="E4973" s="2">
        <v>178.79999999999839</v>
      </c>
    </row>
    <row r="4974" spans="1:5" x14ac:dyDescent="0.25">
      <c r="A4974" s="3">
        <v>41790.141145833331</v>
      </c>
      <c r="B4974" s="2">
        <v>14.9</v>
      </c>
      <c r="C4974" s="2">
        <v>175.4</v>
      </c>
      <c r="D4974" s="2">
        <v>0</v>
      </c>
      <c r="E4974" s="2">
        <v>178.79999999999839</v>
      </c>
    </row>
    <row r="4975" spans="1:5" x14ac:dyDescent="0.25">
      <c r="A4975" s="3">
        <v>41790.296817129631</v>
      </c>
      <c r="B4975" s="2">
        <v>12.9</v>
      </c>
      <c r="C4975" s="2">
        <v>175.2</v>
      </c>
      <c r="D4975" s="2">
        <v>0</v>
      </c>
      <c r="E4975" s="2">
        <v>178.79999999999839</v>
      </c>
    </row>
    <row r="4976" spans="1:5" x14ac:dyDescent="0.25">
      <c r="A4976" s="3">
        <v>41790.336921296293</v>
      </c>
      <c r="B4976" s="2">
        <v>12.8</v>
      </c>
      <c r="C4976" s="2">
        <v>175</v>
      </c>
      <c r="D4976" s="2">
        <v>0</v>
      </c>
      <c r="E4976" s="2">
        <v>178.79999999999839</v>
      </c>
    </row>
    <row r="4977" spans="1:5" x14ac:dyDescent="0.25">
      <c r="A4977" s="3">
        <v>41790.338310185187</v>
      </c>
      <c r="B4977" s="2">
        <v>12.7</v>
      </c>
      <c r="C4977" s="2">
        <v>175.2</v>
      </c>
      <c r="D4977" s="2">
        <v>0</v>
      </c>
      <c r="E4977" s="2">
        <v>178.79999999999839</v>
      </c>
    </row>
    <row r="4978" spans="1:5" x14ac:dyDescent="0.25">
      <c r="A4978" s="3">
        <v>41790.338773148149</v>
      </c>
      <c r="B4978" s="2">
        <v>12.7</v>
      </c>
      <c r="C4978" s="2">
        <v>175</v>
      </c>
      <c r="D4978" s="2">
        <v>0</v>
      </c>
      <c r="E4978" s="2">
        <v>178.79999999999839</v>
      </c>
    </row>
    <row r="4979" spans="1:5" x14ac:dyDescent="0.25">
      <c r="A4979" s="3">
        <v>41790.354108796295</v>
      </c>
      <c r="B4979" s="2">
        <v>12.9</v>
      </c>
      <c r="C4979" s="2">
        <v>174.8</v>
      </c>
      <c r="D4979" s="2">
        <v>0</v>
      </c>
      <c r="E4979" s="2">
        <v>178.79999999999839</v>
      </c>
    </row>
    <row r="4980" spans="1:5" x14ac:dyDescent="0.25">
      <c r="A4980" s="3">
        <v>41790.365451388891</v>
      </c>
      <c r="B4980" s="2">
        <v>13.4</v>
      </c>
      <c r="C4980" s="2">
        <v>175</v>
      </c>
      <c r="D4980" s="2">
        <v>0</v>
      </c>
      <c r="E4980" s="2">
        <v>178.79999999999839</v>
      </c>
    </row>
    <row r="4981" spans="1:5" x14ac:dyDescent="0.25">
      <c r="A4981" s="3">
        <v>41790.365798611114</v>
      </c>
      <c r="B4981" s="2">
        <v>13.4</v>
      </c>
      <c r="C4981" s="2">
        <v>174.8</v>
      </c>
      <c r="D4981" s="2">
        <v>0</v>
      </c>
      <c r="E4981" s="2">
        <v>178.79999999999839</v>
      </c>
    </row>
    <row r="4982" spans="1:5" x14ac:dyDescent="0.25">
      <c r="A4982" s="3">
        <v>41790.428356481483</v>
      </c>
      <c r="B4982" s="2">
        <v>16.8</v>
      </c>
      <c r="C4982" s="2">
        <v>175</v>
      </c>
      <c r="D4982" s="2">
        <v>0</v>
      </c>
      <c r="E4982" s="2">
        <v>178.79999999999839</v>
      </c>
    </row>
    <row r="4983" spans="1:5" x14ac:dyDescent="0.25">
      <c r="A4983" s="3">
        <v>41790.428761574076</v>
      </c>
      <c r="B4983" s="2">
        <v>16.899999999999999</v>
      </c>
      <c r="C4983" s="2">
        <v>174.8</v>
      </c>
      <c r="D4983" s="2">
        <v>0</v>
      </c>
      <c r="E4983" s="2">
        <v>178.79999999999839</v>
      </c>
    </row>
    <row r="4984" spans="1:5" x14ac:dyDescent="0.25">
      <c r="A4984" s="3">
        <v>41790.428819444445</v>
      </c>
      <c r="B4984" s="2">
        <v>16.899999999999999</v>
      </c>
      <c r="C4984" s="2">
        <v>175</v>
      </c>
      <c r="D4984" s="2">
        <v>0</v>
      </c>
      <c r="E4984" s="2">
        <v>178.79999999999839</v>
      </c>
    </row>
    <row r="4985" spans="1:5" x14ac:dyDescent="0.25">
      <c r="A4985" s="3">
        <v>41790.428935185184</v>
      </c>
      <c r="B4985" s="2">
        <v>16.899999999999999</v>
      </c>
      <c r="C4985" s="2">
        <v>174.8</v>
      </c>
      <c r="D4985" s="2">
        <v>0</v>
      </c>
      <c r="E4985" s="2">
        <v>178.79999999999839</v>
      </c>
    </row>
    <row r="4986" spans="1:5" x14ac:dyDescent="0.25">
      <c r="A4986" s="3">
        <v>41790.429282407407</v>
      </c>
      <c r="B4986" s="2">
        <v>17</v>
      </c>
      <c r="C4986" s="2">
        <v>175</v>
      </c>
      <c r="D4986" s="2">
        <v>0</v>
      </c>
      <c r="E4986" s="2">
        <v>178.79999999999839</v>
      </c>
    </row>
    <row r="4987" spans="1:5" x14ac:dyDescent="0.25">
      <c r="A4987" s="3">
        <v>41790.429629629631</v>
      </c>
      <c r="B4987" s="2">
        <v>16.899999999999999</v>
      </c>
      <c r="C4987" s="2">
        <v>174.8</v>
      </c>
      <c r="D4987" s="2">
        <v>0</v>
      </c>
      <c r="E4987" s="2">
        <v>178.79999999999839</v>
      </c>
    </row>
    <row r="4988" spans="1:5" x14ac:dyDescent="0.25">
      <c r="A4988" s="3">
        <v>41790.429745370369</v>
      </c>
      <c r="B4988" s="2">
        <v>16.899999999999999</v>
      </c>
      <c r="C4988" s="2">
        <v>175</v>
      </c>
      <c r="D4988" s="2">
        <v>0</v>
      </c>
      <c r="E4988" s="2">
        <v>178.79999999999839</v>
      </c>
    </row>
    <row r="4989" spans="1:5" x14ac:dyDescent="0.25">
      <c r="A4989" s="3">
        <v>41790.429803240739</v>
      </c>
      <c r="B4989" s="2">
        <v>16.899999999999999</v>
      </c>
      <c r="C4989" s="2">
        <v>174.8</v>
      </c>
      <c r="D4989" s="2">
        <v>0</v>
      </c>
      <c r="E4989" s="2">
        <v>178.79999999999839</v>
      </c>
    </row>
    <row r="4990" spans="1:5" x14ac:dyDescent="0.25">
      <c r="A4990" s="3">
        <v>41790.432233796295</v>
      </c>
      <c r="B4990" s="2">
        <v>17.100000000000001</v>
      </c>
      <c r="C4990" s="2">
        <v>175</v>
      </c>
      <c r="D4990" s="2">
        <v>0</v>
      </c>
      <c r="E4990" s="2">
        <v>178.79999999999839</v>
      </c>
    </row>
    <row r="4991" spans="1:5" x14ac:dyDescent="0.25">
      <c r="A4991" s="3">
        <v>41790.43246527778</v>
      </c>
      <c r="B4991" s="2">
        <v>17.100000000000001</v>
      </c>
      <c r="C4991" s="2">
        <v>174.8</v>
      </c>
      <c r="D4991" s="2">
        <v>0</v>
      </c>
      <c r="E4991" s="2">
        <v>178.79999999999839</v>
      </c>
    </row>
    <row r="4992" spans="1:5" x14ac:dyDescent="0.25">
      <c r="A4992" s="3">
        <v>41790.432523148149</v>
      </c>
      <c r="B4992" s="2">
        <v>17.100000000000001</v>
      </c>
      <c r="C4992" s="2">
        <v>175</v>
      </c>
      <c r="D4992" s="2">
        <v>0</v>
      </c>
      <c r="E4992" s="2">
        <v>178.79999999999839</v>
      </c>
    </row>
    <row r="4993" spans="1:5" x14ac:dyDescent="0.25">
      <c r="A4993" s="3">
        <v>41790.432696759257</v>
      </c>
      <c r="B4993" s="2">
        <v>17.100000000000001</v>
      </c>
      <c r="C4993" s="2">
        <v>174.8</v>
      </c>
      <c r="D4993" s="2">
        <v>0</v>
      </c>
      <c r="E4993" s="2">
        <v>178.79999999999839</v>
      </c>
    </row>
    <row r="4994" spans="1:5" x14ac:dyDescent="0.25">
      <c r="A4994" s="3">
        <v>41790.433969907404</v>
      </c>
      <c r="B4994" s="2">
        <v>17.2</v>
      </c>
      <c r="C4994" s="2">
        <v>175</v>
      </c>
      <c r="D4994" s="2">
        <v>0</v>
      </c>
      <c r="E4994" s="2">
        <v>178.79999999999839</v>
      </c>
    </row>
    <row r="4995" spans="1:5" x14ac:dyDescent="0.25">
      <c r="A4995" s="3">
        <v>41790.43414351852</v>
      </c>
      <c r="B4995" s="2">
        <v>17.2</v>
      </c>
      <c r="C4995" s="2">
        <v>174.8</v>
      </c>
      <c r="D4995" s="2">
        <v>0</v>
      </c>
      <c r="E4995" s="2">
        <v>178.79999999999839</v>
      </c>
    </row>
    <row r="4996" spans="1:5" x14ac:dyDescent="0.25">
      <c r="A4996" s="3">
        <v>41790.434490740743</v>
      </c>
      <c r="B4996" s="2">
        <v>17.2</v>
      </c>
      <c r="C4996" s="2">
        <v>175</v>
      </c>
      <c r="D4996" s="2">
        <v>0</v>
      </c>
      <c r="E4996" s="2">
        <v>178.79999999999839</v>
      </c>
    </row>
    <row r="4997" spans="1:5" x14ac:dyDescent="0.25">
      <c r="A4997" s="3">
        <v>41790.43472222222</v>
      </c>
      <c r="B4997" s="2">
        <v>17.2</v>
      </c>
      <c r="C4997" s="2">
        <v>174.8</v>
      </c>
      <c r="D4997" s="2">
        <v>0</v>
      </c>
      <c r="E4997" s="2">
        <v>178.79999999999839</v>
      </c>
    </row>
    <row r="4998" spans="1:5" x14ac:dyDescent="0.25">
      <c r="A4998" s="3">
        <v>41790.437094907407</v>
      </c>
      <c r="B4998" s="2">
        <v>17.3</v>
      </c>
      <c r="C4998" s="2">
        <v>175</v>
      </c>
      <c r="D4998" s="2">
        <v>0</v>
      </c>
      <c r="E4998" s="2">
        <v>178.79999999999839</v>
      </c>
    </row>
    <row r="4999" spans="1:5" x14ac:dyDescent="0.25">
      <c r="A4999" s="3">
        <v>41790.437615740739</v>
      </c>
      <c r="B4999" s="2">
        <v>17.399999999999999</v>
      </c>
      <c r="C4999" s="2">
        <v>174.8</v>
      </c>
      <c r="D4999" s="2">
        <v>0</v>
      </c>
      <c r="E4999" s="2">
        <v>178.79999999999839</v>
      </c>
    </row>
    <row r="5000" spans="1:5" x14ac:dyDescent="0.25">
      <c r="A5000" s="3">
        <v>41790.44195601852</v>
      </c>
      <c r="B5000" s="2">
        <v>17.7</v>
      </c>
      <c r="C5000" s="2">
        <v>175</v>
      </c>
      <c r="D5000" s="2">
        <v>0</v>
      </c>
      <c r="E5000" s="2">
        <v>178.79999999999839</v>
      </c>
    </row>
    <row r="5001" spans="1:5" x14ac:dyDescent="0.25">
      <c r="A5001" s="3">
        <v>41790.442129629628</v>
      </c>
      <c r="B5001" s="2">
        <v>17.8</v>
      </c>
      <c r="C5001" s="2">
        <v>174.8</v>
      </c>
      <c r="D5001" s="2">
        <v>0</v>
      </c>
      <c r="E5001" s="2">
        <v>178.79999999999839</v>
      </c>
    </row>
    <row r="5002" spans="1:5" x14ac:dyDescent="0.25">
      <c r="A5002" s="3">
        <v>41790.442303240743</v>
      </c>
      <c r="B5002" s="2">
        <v>17.8</v>
      </c>
      <c r="C5002" s="2">
        <v>175</v>
      </c>
      <c r="D5002" s="2">
        <v>0</v>
      </c>
      <c r="E5002" s="2">
        <v>178.79999999999839</v>
      </c>
    </row>
    <row r="5003" spans="1:5" x14ac:dyDescent="0.25">
      <c r="A5003" s="3">
        <v>41790.442476851851</v>
      </c>
      <c r="B5003" s="2">
        <v>17.8</v>
      </c>
      <c r="C5003" s="2">
        <v>174.8</v>
      </c>
      <c r="D5003" s="2">
        <v>0</v>
      </c>
      <c r="E5003" s="2">
        <v>178.79999999999839</v>
      </c>
    </row>
    <row r="5004" spans="1:5" x14ac:dyDescent="0.25">
      <c r="A5004" s="3">
        <v>41790.442997685182</v>
      </c>
      <c r="B5004" s="2">
        <v>17.8</v>
      </c>
      <c r="C5004" s="2">
        <v>175</v>
      </c>
      <c r="D5004" s="2">
        <v>0</v>
      </c>
      <c r="E5004" s="2">
        <v>178.79999999999839</v>
      </c>
    </row>
    <row r="5005" spans="1:5" x14ac:dyDescent="0.25">
      <c r="A5005" s="3">
        <v>41790.443171296298</v>
      </c>
      <c r="B5005" s="2">
        <v>17.8</v>
      </c>
      <c r="C5005" s="2">
        <v>174.8</v>
      </c>
      <c r="D5005" s="2">
        <v>0</v>
      </c>
      <c r="E5005" s="2">
        <v>178.79999999999839</v>
      </c>
    </row>
    <row r="5006" spans="1:5" x14ac:dyDescent="0.25">
      <c r="A5006" s="3">
        <v>41790.449999999997</v>
      </c>
      <c r="B5006" s="2">
        <v>18.3</v>
      </c>
      <c r="C5006" s="2">
        <v>175</v>
      </c>
      <c r="D5006" s="2">
        <v>0</v>
      </c>
      <c r="E5006" s="2">
        <v>178.79999999999839</v>
      </c>
    </row>
    <row r="5007" spans="1:5" x14ac:dyDescent="0.25">
      <c r="A5007" s="3">
        <v>41790.450115740743</v>
      </c>
      <c r="B5007" s="2">
        <v>18.3</v>
      </c>
      <c r="C5007" s="2">
        <v>174.8</v>
      </c>
      <c r="D5007" s="2">
        <v>0</v>
      </c>
      <c r="E5007" s="2">
        <v>178.79999999999839</v>
      </c>
    </row>
    <row r="5008" spans="1:5" x14ac:dyDescent="0.25">
      <c r="A5008" s="3">
        <v>41790.477662037039</v>
      </c>
      <c r="B5008" s="2">
        <v>20.399999999999999</v>
      </c>
      <c r="C5008" s="2">
        <v>175</v>
      </c>
      <c r="D5008" s="2">
        <v>0</v>
      </c>
      <c r="E5008" s="2">
        <v>178.79999999999839</v>
      </c>
    </row>
    <row r="5009" spans="1:5" x14ac:dyDescent="0.25">
      <c r="A5009" s="3">
        <v>41790.477893518517</v>
      </c>
      <c r="B5009" s="2">
        <v>20.399999999999999</v>
      </c>
      <c r="C5009" s="2">
        <v>174.8</v>
      </c>
      <c r="D5009" s="2">
        <v>0</v>
      </c>
      <c r="E5009" s="2">
        <v>178.79999999999839</v>
      </c>
    </row>
    <row r="5010" spans="1:5" x14ac:dyDescent="0.25">
      <c r="A5010" s="3">
        <v>41790.51730324074</v>
      </c>
      <c r="B5010" s="2">
        <v>22.8</v>
      </c>
      <c r="C5010" s="2">
        <v>174.6</v>
      </c>
      <c r="D5010" s="2">
        <v>0</v>
      </c>
      <c r="E5010" s="2">
        <v>178.79999999999839</v>
      </c>
    </row>
    <row r="5011" spans="1:5" x14ac:dyDescent="0.25">
      <c r="A5011" s="3">
        <v>41790.517418981479</v>
      </c>
      <c r="B5011" s="2">
        <v>22.8</v>
      </c>
      <c r="C5011" s="2">
        <v>174.8</v>
      </c>
      <c r="D5011" s="2">
        <v>0</v>
      </c>
      <c r="E5011" s="2">
        <v>178.79999999999839</v>
      </c>
    </row>
    <row r="5012" spans="1:5" x14ac:dyDescent="0.25">
      <c r="A5012" s="3">
        <v>41790.51834490741</v>
      </c>
      <c r="B5012" s="2">
        <v>22.9</v>
      </c>
      <c r="C5012" s="2">
        <v>174.6</v>
      </c>
      <c r="D5012" s="2">
        <v>0</v>
      </c>
      <c r="E5012" s="2">
        <v>178.79999999999839</v>
      </c>
    </row>
    <row r="5013" spans="1:5" x14ac:dyDescent="0.25">
      <c r="A5013" s="3">
        <v>41790.518692129626</v>
      </c>
      <c r="B5013" s="2">
        <v>23</v>
      </c>
      <c r="C5013" s="2">
        <v>174.8</v>
      </c>
      <c r="D5013" s="2">
        <v>0</v>
      </c>
      <c r="E5013" s="2">
        <v>178.79999999999839</v>
      </c>
    </row>
    <row r="5014" spans="1:5" x14ac:dyDescent="0.25">
      <c r="A5014" s="3">
        <v>41790.52008101852</v>
      </c>
      <c r="B5014" s="2">
        <v>23.1</v>
      </c>
      <c r="C5014" s="2">
        <v>174.6</v>
      </c>
      <c r="D5014" s="2">
        <v>0</v>
      </c>
      <c r="E5014" s="2">
        <v>178.79999999999839</v>
      </c>
    </row>
    <row r="5015" spans="1:5" x14ac:dyDescent="0.25">
      <c r="A5015" s="3">
        <v>41790.523379629631</v>
      </c>
      <c r="B5015" s="2">
        <v>23.1</v>
      </c>
      <c r="C5015" s="2">
        <v>174.8</v>
      </c>
      <c r="D5015" s="2">
        <v>0</v>
      </c>
      <c r="E5015" s="2">
        <v>178.79999999999839</v>
      </c>
    </row>
    <row r="5016" spans="1:5" x14ac:dyDescent="0.25">
      <c r="A5016" s="3">
        <v>41790.524131944447</v>
      </c>
      <c r="B5016" s="2">
        <v>23.1</v>
      </c>
      <c r="C5016" s="2">
        <v>174.6</v>
      </c>
      <c r="D5016" s="2">
        <v>0</v>
      </c>
      <c r="E5016" s="2">
        <v>178.79999999999839</v>
      </c>
    </row>
    <row r="5017" spans="1:5" x14ac:dyDescent="0.25">
      <c r="A5017" s="3">
        <v>41790.525000000001</v>
      </c>
      <c r="B5017" s="2">
        <v>23.2</v>
      </c>
      <c r="C5017" s="2">
        <v>174.8</v>
      </c>
      <c r="D5017" s="2">
        <v>0</v>
      </c>
      <c r="E5017" s="2">
        <v>178.79999999999839</v>
      </c>
    </row>
    <row r="5018" spans="1:5" x14ac:dyDescent="0.25">
      <c r="A5018" s="3">
        <v>41790.527199074073</v>
      </c>
      <c r="B5018" s="2">
        <v>23.4</v>
      </c>
      <c r="C5018" s="2">
        <v>174.6</v>
      </c>
      <c r="D5018" s="2">
        <v>0</v>
      </c>
      <c r="E5018" s="2">
        <v>178.79999999999839</v>
      </c>
    </row>
    <row r="5019" spans="1:5" x14ac:dyDescent="0.25">
      <c r="A5019" s="3">
        <v>41790.565104166664</v>
      </c>
      <c r="B5019" s="2">
        <v>24.6</v>
      </c>
      <c r="C5019" s="2">
        <v>174.4</v>
      </c>
      <c r="D5019" s="2">
        <v>0</v>
      </c>
      <c r="E5019" s="2">
        <v>178.79999999999839</v>
      </c>
    </row>
    <row r="5020" spans="1:5" x14ac:dyDescent="0.25">
      <c r="A5020" s="3">
        <v>41790.565162037034</v>
      </c>
      <c r="B5020" s="2">
        <v>24.6</v>
      </c>
      <c r="C5020" s="2">
        <v>174.6</v>
      </c>
      <c r="D5020" s="2">
        <v>0</v>
      </c>
      <c r="E5020" s="2">
        <v>178.79999999999839</v>
      </c>
    </row>
    <row r="5021" spans="1:5" x14ac:dyDescent="0.25">
      <c r="A5021" s="3">
        <v>41790.56527777778</v>
      </c>
      <c r="B5021" s="2">
        <v>24.6</v>
      </c>
      <c r="C5021" s="2">
        <v>174.4</v>
      </c>
      <c r="D5021" s="2">
        <v>0</v>
      </c>
      <c r="E5021" s="2">
        <v>178.79999999999839</v>
      </c>
    </row>
    <row r="5022" spans="1:5" x14ac:dyDescent="0.25">
      <c r="A5022" s="3">
        <v>41790.565335648149</v>
      </c>
      <c r="B5022" s="2">
        <v>24.7</v>
      </c>
      <c r="C5022" s="2">
        <v>174.6</v>
      </c>
      <c r="D5022" s="2">
        <v>0</v>
      </c>
      <c r="E5022" s="2">
        <v>178.79999999999839</v>
      </c>
    </row>
    <row r="5023" spans="1:5" x14ac:dyDescent="0.25">
      <c r="A5023" s="3">
        <v>41790.565567129626</v>
      </c>
      <c r="B5023" s="2">
        <v>24.6</v>
      </c>
      <c r="C5023" s="2">
        <v>174.4</v>
      </c>
      <c r="D5023" s="2">
        <v>0</v>
      </c>
      <c r="E5023" s="2">
        <v>178.79999999999839</v>
      </c>
    </row>
    <row r="5024" spans="1:5" x14ac:dyDescent="0.25">
      <c r="A5024" s="3">
        <v>41790.591377314813</v>
      </c>
      <c r="B5024" s="2">
        <v>24.4</v>
      </c>
      <c r="C5024" s="2">
        <v>174.2</v>
      </c>
      <c r="D5024" s="2">
        <v>0</v>
      </c>
      <c r="E5024" s="2">
        <v>178.79999999999839</v>
      </c>
    </row>
    <row r="5025" spans="1:5" x14ac:dyDescent="0.25">
      <c r="A5025" s="3">
        <v>41790.591493055559</v>
      </c>
      <c r="B5025" s="2">
        <v>24.4</v>
      </c>
      <c r="C5025" s="2">
        <v>174.4</v>
      </c>
      <c r="D5025" s="2">
        <v>0</v>
      </c>
      <c r="E5025" s="2">
        <v>178.79999999999839</v>
      </c>
    </row>
    <row r="5026" spans="1:5" x14ac:dyDescent="0.25">
      <c r="A5026" s="3">
        <v>41790.591608796298</v>
      </c>
      <c r="B5026" s="2">
        <v>24.4</v>
      </c>
      <c r="C5026" s="2">
        <v>174.2</v>
      </c>
      <c r="D5026" s="2">
        <v>0</v>
      </c>
      <c r="E5026" s="2">
        <v>178.79999999999839</v>
      </c>
    </row>
    <row r="5027" spans="1:5" x14ac:dyDescent="0.25">
      <c r="A5027" s="3">
        <v>41790.615104166667</v>
      </c>
      <c r="B5027" s="2">
        <v>23.8</v>
      </c>
      <c r="C5027" s="2">
        <v>174</v>
      </c>
      <c r="D5027" s="2">
        <v>0</v>
      </c>
      <c r="E5027" s="2">
        <v>178.79999999999839</v>
      </c>
    </row>
    <row r="5028" spans="1:5" x14ac:dyDescent="0.25">
      <c r="A5028" s="3">
        <v>41790.643750000003</v>
      </c>
      <c r="B5028" s="2">
        <v>23.5</v>
      </c>
      <c r="C5028" s="2">
        <v>173.8</v>
      </c>
      <c r="D5028" s="2">
        <v>0</v>
      </c>
      <c r="E5028" s="2">
        <v>178.79999999999839</v>
      </c>
    </row>
    <row r="5029" spans="1:5" x14ac:dyDescent="0.25">
      <c r="A5029" s="3">
        <v>41790.668807870374</v>
      </c>
      <c r="B5029" s="2">
        <v>23.3</v>
      </c>
      <c r="C5029" s="2">
        <v>173.6</v>
      </c>
      <c r="D5029" s="2">
        <v>0</v>
      </c>
      <c r="E5029" s="2">
        <v>178.79999999999839</v>
      </c>
    </row>
    <row r="5030" spans="1:5" x14ac:dyDescent="0.25">
      <c r="A5030" s="3">
        <v>41790.669733796298</v>
      </c>
      <c r="B5030" s="2">
        <v>23.3</v>
      </c>
      <c r="C5030" s="2">
        <v>173.8</v>
      </c>
      <c r="D5030" s="2">
        <v>0</v>
      </c>
      <c r="E5030" s="2">
        <v>178.79999999999839</v>
      </c>
    </row>
    <row r="5031" spans="1:5" x14ac:dyDescent="0.25">
      <c r="A5031" s="3">
        <v>41790.670023148145</v>
      </c>
      <c r="B5031" s="2">
        <v>23.3</v>
      </c>
      <c r="C5031" s="2">
        <v>173.6</v>
      </c>
      <c r="D5031" s="2">
        <v>0</v>
      </c>
      <c r="E5031" s="2">
        <v>178.79999999999839</v>
      </c>
    </row>
    <row r="5032" spans="1:5" x14ac:dyDescent="0.25">
      <c r="A5032" s="3">
        <v>41790.708449074074</v>
      </c>
      <c r="B5032" s="2">
        <v>22.7</v>
      </c>
      <c r="C5032" s="2">
        <v>173.4</v>
      </c>
      <c r="D5032" s="2">
        <v>0</v>
      </c>
      <c r="E5032" s="2">
        <v>178.79999999999839</v>
      </c>
    </row>
    <row r="5033" spans="1:5" x14ac:dyDescent="0.25">
      <c r="A5033" s="3">
        <v>41790.739872685182</v>
      </c>
      <c r="B5033" s="2">
        <v>22.7</v>
      </c>
      <c r="C5033" s="2">
        <v>173.2</v>
      </c>
      <c r="D5033" s="2">
        <v>0</v>
      </c>
      <c r="E5033" s="2">
        <v>178.79999999999839</v>
      </c>
    </row>
    <row r="5034" spans="1:5" x14ac:dyDescent="0.25">
      <c r="A5034" s="3">
        <v>41790.769155092596</v>
      </c>
      <c r="B5034" s="2">
        <v>22.7</v>
      </c>
      <c r="C5034" s="2">
        <v>173</v>
      </c>
      <c r="D5034" s="2">
        <v>0</v>
      </c>
      <c r="E5034" s="2">
        <v>178.79999999999839</v>
      </c>
    </row>
    <row r="5035" spans="1:5" x14ac:dyDescent="0.25">
      <c r="A5035" s="3">
        <v>41790.782407407409</v>
      </c>
      <c r="B5035" s="2">
        <v>22.4</v>
      </c>
      <c r="C5035" s="2">
        <v>173.2</v>
      </c>
      <c r="D5035" s="2">
        <v>0</v>
      </c>
      <c r="E5035" s="2">
        <v>178.79999999999839</v>
      </c>
    </row>
    <row r="5036" spans="1:5" x14ac:dyDescent="0.25">
      <c r="A5036" s="3">
        <v>41790.782581018517</v>
      </c>
      <c r="B5036" s="2">
        <v>22.4</v>
      </c>
      <c r="C5036" s="2">
        <v>173</v>
      </c>
      <c r="D5036" s="2">
        <v>0</v>
      </c>
      <c r="E5036" s="2">
        <v>178.79999999999839</v>
      </c>
    </row>
    <row r="5037" spans="1:5" x14ac:dyDescent="0.25">
      <c r="A5037" s="3">
        <v>41790.783854166664</v>
      </c>
      <c r="B5037" s="2">
        <v>22.4</v>
      </c>
      <c r="C5037" s="2">
        <v>173.2</v>
      </c>
      <c r="D5037" s="2">
        <v>0</v>
      </c>
      <c r="E5037" s="2">
        <v>178.79999999999839</v>
      </c>
    </row>
    <row r="5038" spans="1:5" x14ac:dyDescent="0.25">
      <c r="A5038" s="3">
        <v>41790.784259259257</v>
      </c>
      <c r="B5038" s="2">
        <v>22.4</v>
      </c>
      <c r="C5038" s="2">
        <v>173</v>
      </c>
      <c r="D5038" s="2">
        <v>0</v>
      </c>
      <c r="E5038" s="2">
        <v>178.79999999999839</v>
      </c>
    </row>
    <row r="5039" spans="1:5" x14ac:dyDescent="0.25">
      <c r="A5039" s="3">
        <v>41790.786226851851</v>
      </c>
      <c r="B5039" s="2">
        <v>22.3</v>
      </c>
      <c r="C5039" s="2">
        <v>173.2</v>
      </c>
      <c r="D5039" s="2">
        <v>0</v>
      </c>
      <c r="E5039" s="2">
        <v>178.79999999999839</v>
      </c>
    </row>
    <row r="5040" spans="1:5" x14ac:dyDescent="0.25">
      <c r="A5040" s="3">
        <v>41790.786400462966</v>
      </c>
      <c r="B5040" s="2">
        <v>22.3</v>
      </c>
      <c r="C5040" s="2">
        <v>173</v>
      </c>
      <c r="D5040" s="2">
        <v>0</v>
      </c>
      <c r="E5040" s="2">
        <v>178.79999999999839</v>
      </c>
    </row>
    <row r="5041" spans="1:5" x14ac:dyDescent="0.25">
      <c r="A5041" s="3">
        <v>41790.787673611114</v>
      </c>
      <c r="B5041" s="2">
        <v>22.3</v>
      </c>
      <c r="C5041" s="2">
        <v>173.2</v>
      </c>
      <c r="D5041" s="2">
        <v>0</v>
      </c>
      <c r="E5041" s="2">
        <v>178.79999999999839</v>
      </c>
    </row>
    <row r="5042" spans="1:5" x14ac:dyDescent="0.25">
      <c r="A5042" s="3">
        <v>41790.787789351853</v>
      </c>
      <c r="B5042" s="2">
        <v>22.3</v>
      </c>
      <c r="C5042" s="2">
        <v>173</v>
      </c>
      <c r="D5042" s="2">
        <v>0</v>
      </c>
      <c r="E5042" s="2">
        <v>178.79999999999839</v>
      </c>
    </row>
    <row r="5043" spans="1:5" x14ac:dyDescent="0.25">
      <c r="A5043" s="3">
        <v>41790.787905092591</v>
      </c>
      <c r="B5043" s="2">
        <v>22.3</v>
      </c>
      <c r="C5043" s="2">
        <v>173.2</v>
      </c>
      <c r="D5043" s="2">
        <v>0</v>
      </c>
      <c r="E5043" s="2">
        <v>178.79999999999839</v>
      </c>
    </row>
    <row r="5044" spans="1:5" x14ac:dyDescent="0.25">
      <c r="A5044" s="3">
        <v>41790.788252314815</v>
      </c>
      <c r="B5044" s="2">
        <v>22.3</v>
      </c>
      <c r="C5044" s="2">
        <v>173</v>
      </c>
      <c r="D5044" s="2">
        <v>0</v>
      </c>
      <c r="E5044" s="2">
        <v>178.79999999999839</v>
      </c>
    </row>
    <row r="5045" spans="1:5" x14ac:dyDescent="0.25">
      <c r="A5045" s="3">
        <v>41790.826099537036</v>
      </c>
      <c r="B5045" s="2">
        <v>21.3</v>
      </c>
      <c r="C5045" s="2">
        <v>172.8</v>
      </c>
      <c r="D5045" s="2">
        <v>0</v>
      </c>
      <c r="E5045" s="2">
        <v>178.79999999999839</v>
      </c>
    </row>
    <row r="5046" spans="1:5" x14ac:dyDescent="0.25">
      <c r="A5046" s="3">
        <v>41790.86886574074</v>
      </c>
      <c r="B5046" s="2">
        <v>20.2</v>
      </c>
      <c r="C5046" s="2">
        <v>172.6</v>
      </c>
      <c r="D5046" s="2">
        <v>0</v>
      </c>
      <c r="E5046" s="2">
        <v>178.79999999999839</v>
      </c>
    </row>
    <row r="5047" spans="1:5" x14ac:dyDescent="0.25">
      <c r="A5047" s="3">
        <v>41790.869039351855</v>
      </c>
      <c r="B5047" s="2">
        <v>20.2</v>
      </c>
      <c r="C5047" s="2">
        <v>172.8</v>
      </c>
      <c r="D5047" s="2">
        <v>0</v>
      </c>
      <c r="E5047" s="2">
        <v>178.79999999999839</v>
      </c>
    </row>
    <row r="5048" spans="1:5" x14ac:dyDescent="0.25">
      <c r="A5048" s="3">
        <v>41790.869155092594</v>
      </c>
      <c r="B5048" s="2">
        <v>20.2</v>
      </c>
      <c r="C5048" s="2">
        <v>172.6</v>
      </c>
      <c r="D5048" s="2">
        <v>0</v>
      </c>
      <c r="E5048" s="2">
        <v>178.79999999999839</v>
      </c>
    </row>
    <row r="5049" spans="1:5" x14ac:dyDescent="0.25">
      <c r="A5049" s="3">
        <v>41790.924305555556</v>
      </c>
      <c r="B5049" s="2">
        <v>18.899999999999999</v>
      </c>
      <c r="C5049" s="2">
        <v>172.4</v>
      </c>
      <c r="D5049" s="2">
        <v>0</v>
      </c>
      <c r="E5049" s="2">
        <v>178.79999999999839</v>
      </c>
    </row>
    <row r="5050" spans="1:5" x14ac:dyDescent="0.25">
      <c r="A5050" s="3">
        <v>41791.033101851855</v>
      </c>
      <c r="B5050" s="2">
        <v>16.899999999999999</v>
      </c>
      <c r="C5050" s="2">
        <v>172.2</v>
      </c>
      <c r="D5050" s="2">
        <v>0</v>
      </c>
      <c r="E5050" s="2">
        <v>178.79999999999839</v>
      </c>
    </row>
    <row r="5051" spans="1:5" x14ac:dyDescent="0.25">
      <c r="A5051" s="3">
        <v>41791.249652777777</v>
      </c>
      <c r="B5051" s="2">
        <v>13.5</v>
      </c>
      <c r="C5051" s="2">
        <v>172</v>
      </c>
      <c r="D5051" s="2">
        <v>0</v>
      </c>
      <c r="E5051" s="2">
        <v>178.79999999999839</v>
      </c>
    </row>
    <row r="5052" spans="1:5" x14ac:dyDescent="0.25">
      <c r="A5052" s="3">
        <v>41791.267939814818</v>
      </c>
      <c r="B5052" s="2">
        <v>13.3</v>
      </c>
      <c r="C5052" s="2">
        <v>172.2</v>
      </c>
      <c r="D5052" s="2">
        <v>0</v>
      </c>
      <c r="E5052" s="2">
        <v>178.79999999999839</v>
      </c>
    </row>
    <row r="5053" spans="1:5" x14ac:dyDescent="0.25">
      <c r="A5053" s="3">
        <v>41791.268055555556</v>
      </c>
      <c r="B5053" s="2">
        <v>13.3</v>
      </c>
      <c r="C5053" s="2">
        <v>172.2</v>
      </c>
      <c r="D5053" s="2">
        <v>0.2</v>
      </c>
      <c r="E5053" s="2">
        <v>178.99999999999838</v>
      </c>
    </row>
    <row r="5054" spans="1:5" x14ac:dyDescent="0.25">
      <c r="A5054" s="3">
        <v>41791.32372685185</v>
      </c>
      <c r="B5054" s="2">
        <v>13.2</v>
      </c>
      <c r="C5054" s="2">
        <v>172</v>
      </c>
      <c r="D5054" s="2">
        <v>0</v>
      </c>
      <c r="E5054" s="2">
        <v>178.99999999999838</v>
      </c>
    </row>
    <row r="5055" spans="1:5" x14ac:dyDescent="0.25">
      <c r="A5055" s="3">
        <v>41791.408738425926</v>
      </c>
      <c r="B5055" s="2">
        <v>14.4</v>
      </c>
      <c r="C5055" s="2">
        <v>171.8</v>
      </c>
      <c r="D5055" s="2">
        <v>0</v>
      </c>
      <c r="E5055" s="2">
        <v>178.99999999999838</v>
      </c>
    </row>
    <row r="5056" spans="1:5" x14ac:dyDescent="0.25">
      <c r="A5056" s="3">
        <v>41791.533043981479</v>
      </c>
      <c r="B5056" s="2">
        <v>18.2</v>
      </c>
      <c r="C5056" s="2">
        <v>171.6</v>
      </c>
      <c r="D5056" s="2">
        <v>0</v>
      </c>
      <c r="E5056" s="2">
        <v>178.99999999999838</v>
      </c>
    </row>
    <row r="5057" spans="1:5" x14ac:dyDescent="0.25">
      <c r="A5057" s="3">
        <v>41791.535069444442</v>
      </c>
      <c r="B5057" s="2">
        <v>18.3</v>
      </c>
      <c r="C5057" s="2">
        <v>171.8</v>
      </c>
      <c r="D5057" s="2">
        <v>0</v>
      </c>
      <c r="E5057" s="2">
        <v>178.99999999999838</v>
      </c>
    </row>
    <row r="5058" spans="1:5" x14ac:dyDescent="0.25">
      <c r="A5058" s="3">
        <v>41791.535243055558</v>
      </c>
      <c r="B5058" s="2">
        <v>18.3</v>
      </c>
      <c r="C5058" s="2">
        <v>171.6</v>
      </c>
      <c r="D5058" s="2">
        <v>0</v>
      </c>
      <c r="E5058" s="2">
        <v>178.99999999999838</v>
      </c>
    </row>
    <row r="5059" spans="1:5" x14ac:dyDescent="0.25">
      <c r="A5059" s="3">
        <v>41791.570196759261</v>
      </c>
      <c r="B5059" s="2">
        <v>20.8</v>
      </c>
      <c r="C5059" s="2">
        <v>171.4</v>
      </c>
      <c r="D5059" s="2">
        <v>0</v>
      </c>
      <c r="E5059" s="2">
        <v>178.99999999999838</v>
      </c>
    </row>
    <row r="5060" spans="1:5" x14ac:dyDescent="0.25">
      <c r="A5060" s="3">
        <v>41791.616550925923</v>
      </c>
      <c r="B5060" s="2">
        <v>23.7</v>
      </c>
      <c r="C5060" s="2">
        <v>171.2</v>
      </c>
      <c r="D5060" s="2">
        <v>0</v>
      </c>
      <c r="E5060" s="2">
        <v>178.99999999999838</v>
      </c>
    </row>
    <row r="5061" spans="1:5" x14ac:dyDescent="0.25">
      <c r="A5061" s="3">
        <v>41791.618576388886</v>
      </c>
      <c r="B5061" s="2">
        <v>23.9</v>
      </c>
      <c r="C5061" s="2">
        <v>171.4</v>
      </c>
      <c r="D5061" s="2">
        <v>0</v>
      </c>
      <c r="E5061" s="2">
        <v>178.99999999999838</v>
      </c>
    </row>
    <row r="5062" spans="1:5" x14ac:dyDescent="0.25">
      <c r="A5062" s="3">
        <v>41791.618750000001</v>
      </c>
      <c r="B5062" s="2">
        <v>23.9</v>
      </c>
      <c r="C5062" s="2">
        <v>171.2</v>
      </c>
      <c r="D5062" s="2">
        <v>0</v>
      </c>
      <c r="E5062" s="2">
        <v>178.99999999999838</v>
      </c>
    </row>
    <row r="5063" spans="1:5" x14ac:dyDescent="0.25">
      <c r="A5063" s="3">
        <v>41791.62158564815</v>
      </c>
      <c r="B5063" s="2">
        <v>24</v>
      </c>
      <c r="C5063" s="2">
        <v>171.4</v>
      </c>
      <c r="D5063" s="2">
        <v>0</v>
      </c>
      <c r="E5063" s="2">
        <v>178.99999999999838</v>
      </c>
    </row>
    <row r="5064" spans="1:5" x14ac:dyDescent="0.25">
      <c r="A5064" s="3">
        <v>41791.62164351852</v>
      </c>
      <c r="B5064" s="2">
        <v>24</v>
      </c>
      <c r="C5064" s="2">
        <v>171.2</v>
      </c>
      <c r="D5064" s="2">
        <v>0</v>
      </c>
      <c r="E5064" s="2">
        <v>178.99999999999838</v>
      </c>
    </row>
    <row r="5065" spans="1:5" x14ac:dyDescent="0.25">
      <c r="A5065" s="3">
        <v>41791.624421296299</v>
      </c>
      <c r="B5065" s="2">
        <v>24.2</v>
      </c>
      <c r="C5065" s="2">
        <v>171.4</v>
      </c>
      <c r="D5065" s="2">
        <v>0</v>
      </c>
      <c r="E5065" s="2">
        <v>178.99999999999838</v>
      </c>
    </row>
    <row r="5066" spans="1:5" x14ac:dyDescent="0.25">
      <c r="A5066" s="3">
        <v>41791.624479166669</v>
      </c>
      <c r="B5066" s="2">
        <v>24.2</v>
      </c>
      <c r="C5066" s="2">
        <v>171.2</v>
      </c>
      <c r="D5066" s="2">
        <v>0</v>
      </c>
      <c r="E5066" s="2">
        <v>178.99999999999838</v>
      </c>
    </row>
    <row r="5067" spans="1:5" x14ac:dyDescent="0.25">
      <c r="A5067" s="3">
        <v>41791.670370370368</v>
      </c>
      <c r="B5067" s="2">
        <v>24.2</v>
      </c>
      <c r="C5067" s="2">
        <v>171</v>
      </c>
      <c r="D5067" s="2">
        <v>0</v>
      </c>
      <c r="E5067" s="2">
        <v>178.99999999999838</v>
      </c>
    </row>
    <row r="5068" spans="1:5" x14ac:dyDescent="0.25">
      <c r="A5068" s="3">
        <v>41791.671006944445</v>
      </c>
      <c r="B5068" s="2">
        <v>24.2</v>
      </c>
      <c r="C5068" s="2">
        <v>171.2</v>
      </c>
      <c r="D5068" s="2">
        <v>0</v>
      </c>
      <c r="E5068" s="2">
        <v>178.99999999999838</v>
      </c>
    </row>
    <row r="5069" spans="1:5" x14ac:dyDescent="0.25">
      <c r="A5069" s="3">
        <v>41791.671354166669</v>
      </c>
      <c r="B5069" s="2">
        <v>24.2</v>
      </c>
      <c r="C5069" s="2">
        <v>171</v>
      </c>
      <c r="D5069" s="2">
        <v>0</v>
      </c>
      <c r="E5069" s="2">
        <v>178.99999999999838</v>
      </c>
    </row>
    <row r="5070" spans="1:5" x14ac:dyDescent="0.25">
      <c r="A5070" s="3">
        <v>41791.672627314816</v>
      </c>
      <c r="B5070" s="2">
        <v>24.1</v>
      </c>
      <c r="C5070" s="2">
        <v>171.2</v>
      </c>
      <c r="D5070" s="2">
        <v>0</v>
      </c>
      <c r="E5070" s="2">
        <v>178.99999999999838</v>
      </c>
    </row>
    <row r="5071" spans="1:5" x14ac:dyDescent="0.25">
      <c r="A5071" s="3">
        <v>41791.672685185185</v>
      </c>
      <c r="B5071" s="2">
        <v>24.1</v>
      </c>
      <c r="C5071" s="2">
        <v>171</v>
      </c>
      <c r="D5071" s="2">
        <v>0</v>
      </c>
      <c r="E5071" s="2">
        <v>178.99999999999838</v>
      </c>
    </row>
    <row r="5072" spans="1:5" x14ac:dyDescent="0.25">
      <c r="A5072" s="3">
        <v>41791.675983796296</v>
      </c>
      <c r="B5072" s="2">
        <v>24.1</v>
      </c>
      <c r="C5072" s="2">
        <v>171.2</v>
      </c>
      <c r="D5072" s="2">
        <v>0</v>
      </c>
      <c r="E5072" s="2">
        <v>178.99999999999838</v>
      </c>
    </row>
    <row r="5073" spans="1:5" x14ac:dyDescent="0.25">
      <c r="A5073" s="3">
        <v>41791.676099537035</v>
      </c>
      <c r="B5073" s="2">
        <v>24.1</v>
      </c>
      <c r="C5073" s="2">
        <v>171</v>
      </c>
      <c r="D5073" s="2">
        <v>0</v>
      </c>
      <c r="E5073" s="2">
        <v>178.99999999999838</v>
      </c>
    </row>
    <row r="5074" spans="1:5" x14ac:dyDescent="0.25">
      <c r="A5074" s="3">
        <v>41791.692476851851</v>
      </c>
      <c r="B5074" s="2">
        <v>23.6</v>
      </c>
      <c r="C5074" s="2">
        <v>170.8</v>
      </c>
      <c r="D5074" s="2">
        <v>0</v>
      </c>
      <c r="E5074" s="2">
        <v>178.99999999999838</v>
      </c>
    </row>
    <row r="5075" spans="1:5" x14ac:dyDescent="0.25">
      <c r="A5075" s="3">
        <v>41791.692824074074</v>
      </c>
      <c r="B5075" s="2">
        <v>23.6</v>
      </c>
      <c r="C5075" s="2">
        <v>171</v>
      </c>
      <c r="D5075" s="2">
        <v>0</v>
      </c>
      <c r="E5075" s="2">
        <v>178.99999999999838</v>
      </c>
    </row>
    <row r="5076" spans="1:5" x14ac:dyDescent="0.25">
      <c r="A5076" s="3">
        <v>41791.693113425928</v>
      </c>
      <c r="B5076" s="2">
        <v>23.6</v>
      </c>
      <c r="C5076" s="2">
        <v>170.8</v>
      </c>
      <c r="D5076" s="2">
        <v>0</v>
      </c>
      <c r="E5076" s="2">
        <v>178.99999999999838</v>
      </c>
    </row>
    <row r="5077" spans="1:5" x14ac:dyDescent="0.25">
      <c r="A5077" s="3">
        <v>41791.693229166667</v>
      </c>
      <c r="B5077" s="2">
        <v>23.6</v>
      </c>
      <c r="C5077" s="2">
        <v>171</v>
      </c>
      <c r="D5077" s="2">
        <v>0</v>
      </c>
      <c r="E5077" s="2">
        <v>178.99999999999838</v>
      </c>
    </row>
    <row r="5078" spans="1:5" x14ac:dyDescent="0.25">
      <c r="A5078" s="3">
        <v>41791.693344907406</v>
      </c>
      <c r="B5078" s="2">
        <v>23.6</v>
      </c>
      <c r="C5078" s="2">
        <v>170.8</v>
      </c>
      <c r="D5078" s="2">
        <v>0</v>
      </c>
      <c r="E5078" s="2">
        <v>178.99999999999838</v>
      </c>
    </row>
    <row r="5079" spans="1:5" x14ac:dyDescent="0.25">
      <c r="A5079" s="3">
        <v>41791.693518518521</v>
      </c>
      <c r="B5079" s="2">
        <v>23.6</v>
      </c>
      <c r="C5079" s="2">
        <v>171</v>
      </c>
      <c r="D5079" s="2">
        <v>0</v>
      </c>
      <c r="E5079" s="2">
        <v>178.99999999999838</v>
      </c>
    </row>
    <row r="5080" spans="1:5" x14ac:dyDescent="0.25">
      <c r="A5080" s="3">
        <v>41791.694212962961</v>
      </c>
      <c r="B5080" s="2">
        <v>23.5</v>
      </c>
      <c r="C5080" s="2">
        <v>170.8</v>
      </c>
      <c r="D5080" s="2">
        <v>0</v>
      </c>
      <c r="E5080" s="2">
        <v>178.99999999999838</v>
      </c>
    </row>
    <row r="5081" spans="1:5" x14ac:dyDescent="0.25">
      <c r="A5081" s="3">
        <v>41791.695081018515</v>
      </c>
      <c r="B5081" s="2">
        <v>23.5</v>
      </c>
      <c r="C5081" s="2">
        <v>171</v>
      </c>
      <c r="D5081" s="2">
        <v>0</v>
      </c>
      <c r="E5081" s="2">
        <v>178.99999999999838</v>
      </c>
    </row>
    <row r="5082" spans="1:5" x14ac:dyDescent="0.25">
      <c r="A5082" s="3">
        <v>41791.6953125</v>
      </c>
      <c r="B5082" s="2">
        <v>23.5</v>
      </c>
      <c r="C5082" s="2">
        <v>170.8</v>
      </c>
      <c r="D5082" s="2">
        <v>0</v>
      </c>
      <c r="E5082" s="2">
        <v>178.99999999999838</v>
      </c>
    </row>
    <row r="5083" spans="1:5" x14ac:dyDescent="0.25">
      <c r="A5083" s="3">
        <v>41791.695833333331</v>
      </c>
      <c r="B5083" s="2">
        <v>23.5</v>
      </c>
      <c r="C5083" s="2">
        <v>171</v>
      </c>
      <c r="D5083" s="2">
        <v>0</v>
      </c>
      <c r="E5083" s="2">
        <v>178.99999999999838</v>
      </c>
    </row>
    <row r="5084" spans="1:5" x14ac:dyDescent="0.25">
      <c r="A5084" s="3">
        <v>41791.696122685185</v>
      </c>
      <c r="B5084" s="2">
        <v>23.5</v>
      </c>
      <c r="C5084" s="2">
        <v>170.8</v>
      </c>
      <c r="D5084" s="2">
        <v>0</v>
      </c>
      <c r="E5084" s="2">
        <v>178.99999999999838</v>
      </c>
    </row>
    <row r="5085" spans="1:5" x14ac:dyDescent="0.25">
      <c r="A5085" s="3">
        <v>41791.698263888888</v>
      </c>
      <c r="B5085" s="2">
        <v>23.4</v>
      </c>
      <c r="C5085" s="2">
        <v>171</v>
      </c>
      <c r="D5085" s="2">
        <v>0</v>
      </c>
      <c r="E5085" s="2">
        <v>178.99999999999838</v>
      </c>
    </row>
    <row r="5086" spans="1:5" x14ac:dyDescent="0.25">
      <c r="A5086" s="3">
        <v>41791.698379629626</v>
      </c>
      <c r="B5086" s="2">
        <v>23.4</v>
      </c>
      <c r="C5086" s="2">
        <v>170.8</v>
      </c>
      <c r="D5086" s="2">
        <v>0</v>
      </c>
      <c r="E5086" s="2">
        <v>178.99999999999838</v>
      </c>
    </row>
    <row r="5087" spans="1:5" x14ac:dyDescent="0.25">
      <c r="A5087" s="3">
        <v>41791.726967592593</v>
      </c>
      <c r="B5087" s="2">
        <v>22.9</v>
      </c>
      <c r="C5087" s="2">
        <v>170.6</v>
      </c>
      <c r="D5087" s="2">
        <v>0</v>
      </c>
      <c r="E5087" s="2">
        <v>178.99999999999838</v>
      </c>
    </row>
    <row r="5088" spans="1:5" x14ac:dyDescent="0.25">
      <c r="A5088" s="3">
        <v>41791.764004629629</v>
      </c>
      <c r="B5088" s="2">
        <v>22.5</v>
      </c>
      <c r="C5088" s="2">
        <v>170.4</v>
      </c>
      <c r="D5088" s="2">
        <v>0</v>
      </c>
      <c r="E5088" s="2">
        <v>178.99999999999838</v>
      </c>
    </row>
    <row r="5089" spans="1:5" x14ac:dyDescent="0.25">
      <c r="A5089" s="3">
        <v>41791.855034722219</v>
      </c>
      <c r="B5089" s="2">
        <v>20.8</v>
      </c>
      <c r="C5089" s="2">
        <v>170.2</v>
      </c>
      <c r="D5089" s="2">
        <v>0</v>
      </c>
      <c r="E5089" s="2">
        <v>178.99999999999838</v>
      </c>
    </row>
    <row r="5090" spans="1:5" x14ac:dyDescent="0.25">
      <c r="A5090" s="3">
        <v>41791.908622685187</v>
      </c>
      <c r="B5090" s="2">
        <v>19.5</v>
      </c>
      <c r="C5090" s="2">
        <v>170</v>
      </c>
      <c r="D5090" s="2">
        <v>0</v>
      </c>
      <c r="E5090" s="2">
        <v>178.99999999999838</v>
      </c>
    </row>
    <row r="5091" spans="1:5" x14ac:dyDescent="0.25">
      <c r="A5091" s="3">
        <v>41792.007696759261</v>
      </c>
      <c r="B5091" s="2">
        <v>17.8</v>
      </c>
      <c r="C5091" s="2">
        <v>169.8</v>
      </c>
      <c r="D5091" s="2">
        <v>0</v>
      </c>
      <c r="E5091" s="2">
        <v>178.99999999999838</v>
      </c>
    </row>
    <row r="5092" spans="1:5" x14ac:dyDescent="0.25">
      <c r="A5092" s="3">
        <v>41792.179918981485</v>
      </c>
      <c r="B5092" s="2">
        <v>14.5</v>
      </c>
      <c r="C5092" s="2">
        <v>169.6</v>
      </c>
      <c r="D5092" s="2">
        <v>0</v>
      </c>
      <c r="E5092" s="2">
        <v>178.99999999999838</v>
      </c>
    </row>
    <row r="5093" spans="1:5" x14ac:dyDescent="0.25">
      <c r="A5093" s="3">
        <v>41792.289004629631</v>
      </c>
      <c r="B5093" s="2">
        <v>13</v>
      </c>
      <c r="C5093" s="2">
        <v>169.4</v>
      </c>
      <c r="D5093" s="2">
        <v>0</v>
      </c>
      <c r="E5093" s="2">
        <v>178.99999999999838</v>
      </c>
    </row>
    <row r="5094" spans="1:5" x14ac:dyDescent="0.25">
      <c r="A5094" s="3">
        <v>41792.330324074072</v>
      </c>
      <c r="B5094" s="2">
        <v>12.8</v>
      </c>
      <c r="C5094" s="2">
        <v>169.2</v>
      </c>
      <c r="D5094" s="2">
        <v>0</v>
      </c>
      <c r="E5094" s="2">
        <v>178.99999999999838</v>
      </c>
    </row>
    <row r="5095" spans="1:5" x14ac:dyDescent="0.25">
      <c r="A5095" s="3">
        <v>41792.35833333333</v>
      </c>
      <c r="B5095" s="2">
        <v>13.1</v>
      </c>
      <c r="C5095" s="2">
        <v>169</v>
      </c>
      <c r="D5095" s="2">
        <v>0</v>
      </c>
      <c r="E5095" s="2">
        <v>178.99999999999838</v>
      </c>
    </row>
    <row r="5096" spans="1:5" x14ac:dyDescent="0.25">
      <c r="A5096" s="3">
        <v>41792.423032407409</v>
      </c>
      <c r="B5096" s="2">
        <v>16.7</v>
      </c>
      <c r="C5096" s="2">
        <v>169.2</v>
      </c>
      <c r="D5096" s="2">
        <v>0</v>
      </c>
      <c r="E5096" s="2">
        <v>178.99999999999838</v>
      </c>
    </row>
    <row r="5097" spans="1:5" x14ac:dyDescent="0.25">
      <c r="A5097" s="3">
        <v>41792.423090277778</v>
      </c>
      <c r="B5097" s="2">
        <v>16.7</v>
      </c>
      <c r="C5097" s="2">
        <v>169</v>
      </c>
      <c r="D5097" s="2">
        <v>0</v>
      </c>
      <c r="E5097" s="2">
        <v>178.99999999999838</v>
      </c>
    </row>
    <row r="5098" spans="1:5" x14ac:dyDescent="0.25">
      <c r="A5098" s="3">
        <v>41792.425000000003</v>
      </c>
      <c r="B5098" s="2">
        <v>16.899999999999999</v>
      </c>
      <c r="C5098" s="2">
        <v>169.2</v>
      </c>
      <c r="D5098" s="2">
        <v>0</v>
      </c>
      <c r="E5098" s="2">
        <v>178.99999999999838</v>
      </c>
    </row>
    <row r="5099" spans="1:5" x14ac:dyDescent="0.25">
      <c r="A5099" s="3">
        <v>41792.425173611111</v>
      </c>
      <c r="B5099" s="2">
        <v>16.899999999999999</v>
      </c>
      <c r="C5099" s="2">
        <v>169</v>
      </c>
      <c r="D5099" s="2">
        <v>0</v>
      </c>
      <c r="E5099" s="2">
        <v>178.99999999999838</v>
      </c>
    </row>
    <row r="5100" spans="1:5" x14ac:dyDescent="0.25">
      <c r="A5100" s="3">
        <v>41792.431192129632</v>
      </c>
      <c r="B5100" s="2">
        <v>17.3</v>
      </c>
      <c r="C5100" s="2">
        <v>169.2</v>
      </c>
      <c r="D5100" s="2">
        <v>0</v>
      </c>
      <c r="E5100" s="2">
        <v>178.99999999999838</v>
      </c>
    </row>
    <row r="5101" spans="1:5" x14ac:dyDescent="0.25">
      <c r="A5101" s="3">
        <v>41792.431481481479</v>
      </c>
      <c r="B5101" s="2">
        <v>17.3</v>
      </c>
      <c r="C5101" s="2">
        <v>169</v>
      </c>
      <c r="D5101" s="2">
        <v>0</v>
      </c>
      <c r="E5101" s="2">
        <v>178.99999999999838</v>
      </c>
    </row>
    <row r="5102" spans="1:5" x14ac:dyDescent="0.25">
      <c r="A5102" s="3">
        <v>41792.431828703702</v>
      </c>
      <c r="B5102" s="2">
        <v>17.3</v>
      </c>
      <c r="C5102" s="2">
        <v>169.2</v>
      </c>
      <c r="D5102" s="2">
        <v>0</v>
      </c>
      <c r="E5102" s="2">
        <v>178.99999999999838</v>
      </c>
    </row>
    <row r="5103" spans="1:5" x14ac:dyDescent="0.25">
      <c r="A5103" s="3">
        <v>41792.431944444441</v>
      </c>
      <c r="B5103" s="2">
        <v>17.3</v>
      </c>
      <c r="C5103" s="2">
        <v>169</v>
      </c>
      <c r="D5103" s="2">
        <v>0</v>
      </c>
      <c r="E5103" s="2">
        <v>178.99999999999838</v>
      </c>
    </row>
    <row r="5104" spans="1:5" x14ac:dyDescent="0.25">
      <c r="A5104" s="3">
        <v>41792.442939814813</v>
      </c>
      <c r="B5104" s="2">
        <v>18.100000000000001</v>
      </c>
      <c r="C5104" s="2">
        <v>169.2</v>
      </c>
      <c r="D5104" s="2">
        <v>0</v>
      </c>
      <c r="E5104" s="2">
        <v>178.99999999999838</v>
      </c>
    </row>
    <row r="5105" spans="1:5" x14ac:dyDescent="0.25">
      <c r="A5105" s="3">
        <v>41792.443113425928</v>
      </c>
      <c r="B5105" s="2">
        <v>18.100000000000001</v>
      </c>
      <c r="C5105" s="2">
        <v>169</v>
      </c>
      <c r="D5105" s="2">
        <v>0</v>
      </c>
      <c r="E5105" s="2">
        <v>178.99999999999838</v>
      </c>
    </row>
    <row r="5106" spans="1:5" x14ac:dyDescent="0.25">
      <c r="A5106" s="3">
        <v>41792.447048611109</v>
      </c>
      <c r="B5106" s="2">
        <v>18.399999999999999</v>
      </c>
      <c r="C5106" s="2">
        <v>169.2</v>
      </c>
      <c r="D5106" s="2">
        <v>0</v>
      </c>
      <c r="E5106" s="2">
        <v>178.99999999999838</v>
      </c>
    </row>
    <row r="5107" spans="1:5" x14ac:dyDescent="0.25">
      <c r="A5107" s="3">
        <v>41792.447106481479</v>
      </c>
      <c r="B5107" s="2">
        <v>18.399999999999999</v>
      </c>
      <c r="C5107" s="2">
        <v>169</v>
      </c>
      <c r="D5107" s="2">
        <v>0</v>
      </c>
      <c r="E5107" s="2">
        <v>178.99999999999838</v>
      </c>
    </row>
    <row r="5108" spans="1:5" x14ac:dyDescent="0.25">
      <c r="A5108" s="3">
        <v>41792.456770833334</v>
      </c>
      <c r="B5108" s="2">
        <v>19.2</v>
      </c>
      <c r="C5108" s="2">
        <v>169.2</v>
      </c>
      <c r="D5108" s="2">
        <v>0</v>
      </c>
      <c r="E5108" s="2">
        <v>178.99999999999838</v>
      </c>
    </row>
    <row r="5109" spans="1:5" x14ac:dyDescent="0.25">
      <c r="A5109" s="3">
        <v>41792.457175925927</v>
      </c>
      <c r="B5109" s="2">
        <v>19.3</v>
      </c>
      <c r="C5109" s="2">
        <v>169</v>
      </c>
      <c r="D5109" s="2">
        <v>0</v>
      </c>
      <c r="E5109" s="2">
        <v>178.99999999999838</v>
      </c>
    </row>
    <row r="5110" spans="1:5" x14ac:dyDescent="0.25">
      <c r="A5110" s="3">
        <v>41792.45758101852</v>
      </c>
      <c r="B5110" s="2">
        <v>19.3</v>
      </c>
      <c r="C5110" s="2">
        <v>169.2</v>
      </c>
      <c r="D5110" s="2">
        <v>0</v>
      </c>
      <c r="E5110" s="2">
        <v>178.99999999999838</v>
      </c>
    </row>
    <row r="5111" spans="1:5" x14ac:dyDescent="0.25">
      <c r="A5111" s="3">
        <v>41792.459490740737</v>
      </c>
      <c r="B5111" s="2">
        <v>19.399999999999999</v>
      </c>
      <c r="C5111" s="2">
        <v>169</v>
      </c>
      <c r="D5111" s="2">
        <v>0</v>
      </c>
      <c r="E5111" s="2">
        <v>178.99999999999838</v>
      </c>
    </row>
    <row r="5112" spans="1:5" x14ac:dyDescent="0.25">
      <c r="A5112" s="3">
        <v>41792.459606481483</v>
      </c>
      <c r="B5112" s="2">
        <v>19.5</v>
      </c>
      <c r="C5112" s="2">
        <v>169.2</v>
      </c>
      <c r="D5112" s="2">
        <v>0</v>
      </c>
      <c r="E5112" s="2">
        <v>178.99999999999838</v>
      </c>
    </row>
    <row r="5113" spans="1:5" x14ac:dyDescent="0.25">
      <c r="A5113" s="3">
        <v>41792.460127314815</v>
      </c>
      <c r="B5113" s="2">
        <v>19.5</v>
      </c>
      <c r="C5113" s="2">
        <v>169</v>
      </c>
      <c r="D5113" s="2">
        <v>0</v>
      </c>
      <c r="E5113" s="2">
        <v>178.99999999999838</v>
      </c>
    </row>
    <row r="5114" spans="1:5" x14ac:dyDescent="0.25">
      <c r="A5114" s="3">
        <v>41792.460185185184</v>
      </c>
      <c r="B5114" s="2">
        <v>19.5</v>
      </c>
      <c r="C5114" s="2">
        <v>169.2</v>
      </c>
      <c r="D5114" s="2">
        <v>0</v>
      </c>
      <c r="E5114" s="2">
        <v>178.99999999999838</v>
      </c>
    </row>
    <row r="5115" spans="1:5" x14ac:dyDescent="0.25">
      <c r="A5115" s="3">
        <v>41792.461053240739</v>
      </c>
      <c r="B5115" s="2">
        <v>19.600000000000001</v>
      </c>
      <c r="C5115" s="2">
        <v>169</v>
      </c>
      <c r="D5115" s="2">
        <v>0</v>
      </c>
      <c r="E5115" s="2">
        <v>178.99999999999838</v>
      </c>
    </row>
    <row r="5116" spans="1:5" x14ac:dyDescent="0.25">
      <c r="A5116" s="3">
        <v>41792.461574074077</v>
      </c>
      <c r="B5116" s="2">
        <v>19.600000000000001</v>
      </c>
      <c r="C5116" s="2">
        <v>169.2</v>
      </c>
      <c r="D5116" s="2">
        <v>0</v>
      </c>
      <c r="E5116" s="2">
        <v>178.99999999999838</v>
      </c>
    </row>
    <row r="5117" spans="1:5" x14ac:dyDescent="0.25">
      <c r="A5117" s="3">
        <v>41792.461863425924</v>
      </c>
      <c r="B5117" s="2">
        <v>19.7</v>
      </c>
      <c r="C5117" s="2">
        <v>169</v>
      </c>
      <c r="D5117" s="2">
        <v>0</v>
      </c>
      <c r="E5117" s="2">
        <v>178.99999999999838</v>
      </c>
    </row>
    <row r="5118" spans="1:5" x14ac:dyDescent="0.25">
      <c r="A5118" s="3">
        <v>41792.46197916667</v>
      </c>
      <c r="B5118" s="2">
        <v>19.7</v>
      </c>
      <c r="C5118" s="2">
        <v>169.2</v>
      </c>
      <c r="D5118" s="2">
        <v>0</v>
      </c>
      <c r="E5118" s="2">
        <v>178.99999999999838</v>
      </c>
    </row>
    <row r="5119" spans="1:5" x14ac:dyDescent="0.25">
      <c r="A5119" s="3">
        <v>41792.462442129632</v>
      </c>
      <c r="B5119" s="2">
        <v>19.7</v>
      </c>
      <c r="C5119" s="2">
        <v>169</v>
      </c>
      <c r="D5119" s="2">
        <v>0</v>
      </c>
      <c r="E5119" s="2">
        <v>178.99999999999838</v>
      </c>
    </row>
    <row r="5120" spans="1:5" x14ac:dyDescent="0.25">
      <c r="A5120" s="3">
        <v>41792.46371527778</v>
      </c>
      <c r="B5120" s="2">
        <v>19.8</v>
      </c>
      <c r="C5120" s="2">
        <v>169.2</v>
      </c>
      <c r="D5120" s="2">
        <v>0</v>
      </c>
      <c r="E5120" s="2">
        <v>178.99999999999838</v>
      </c>
    </row>
    <row r="5121" spans="1:5" x14ac:dyDescent="0.25">
      <c r="A5121" s="3">
        <v>41792.463888888888</v>
      </c>
      <c r="B5121" s="2">
        <v>19.8</v>
      </c>
      <c r="C5121" s="2">
        <v>169</v>
      </c>
      <c r="D5121" s="2">
        <v>0</v>
      </c>
      <c r="E5121" s="2">
        <v>178.99999999999838</v>
      </c>
    </row>
    <row r="5122" spans="1:5" x14ac:dyDescent="0.25">
      <c r="A5122" s="3">
        <v>41792.464872685188</v>
      </c>
      <c r="B5122" s="2">
        <v>19.899999999999999</v>
      </c>
      <c r="C5122" s="2">
        <v>169.2</v>
      </c>
      <c r="D5122" s="2">
        <v>0</v>
      </c>
      <c r="E5122" s="2">
        <v>178.99999999999838</v>
      </c>
    </row>
    <row r="5123" spans="1:5" x14ac:dyDescent="0.25">
      <c r="A5123" s="3">
        <v>41792.464988425927</v>
      </c>
      <c r="B5123" s="2">
        <v>19.899999999999999</v>
      </c>
      <c r="C5123" s="2">
        <v>169</v>
      </c>
      <c r="D5123" s="2">
        <v>0</v>
      </c>
      <c r="E5123" s="2">
        <v>178.99999999999838</v>
      </c>
    </row>
    <row r="5124" spans="1:5" x14ac:dyDescent="0.25">
      <c r="A5124" s="3">
        <v>41792.466724537036</v>
      </c>
      <c r="B5124" s="2">
        <v>20.100000000000001</v>
      </c>
      <c r="C5124" s="2">
        <v>169.2</v>
      </c>
      <c r="D5124" s="2">
        <v>0</v>
      </c>
      <c r="E5124" s="2">
        <v>178.99999999999838</v>
      </c>
    </row>
    <row r="5125" spans="1:5" x14ac:dyDescent="0.25">
      <c r="A5125" s="3">
        <v>41792.467129629629</v>
      </c>
      <c r="B5125" s="2">
        <v>20.2</v>
      </c>
      <c r="C5125" s="2">
        <v>169</v>
      </c>
      <c r="D5125" s="2">
        <v>0</v>
      </c>
      <c r="E5125" s="2">
        <v>178.99999999999838</v>
      </c>
    </row>
    <row r="5126" spans="1:5" x14ac:dyDescent="0.25">
      <c r="A5126" s="3">
        <v>41792.467592592591</v>
      </c>
      <c r="B5126" s="2">
        <v>20.100000000000001</v>
      </c>
      <c r="C5126" s="2">
        <v>169.2</v>
      </c>
      <c r="D5126" s="2">
        <v>0</v>
      </c>
      <c r="E5126" s="2">
        <v>178.99999999999838</v>
      </c>
    </row>
    <row r="5127" spans="1:5" x14ac:dyDescent="0.25">
      <c r="A5127" s="3">
        <v>41792.467766203707</v>
      </c>
      <c r="B5127" s="2">
        <v>20.100000000000001</v>
      </c>
      <c r="C5127" s="2">
        <v>169</v>
      </c>
      <c r="D5127" s="2">
        <v>0</v>
      </c>
      <c r="E5127" s="2">
        <v>178.99999999999838</v>
      </c>
    </row>
    <row r="5128" spans="1:5" x14ac:dyDescent="0.25">
      <c r="A5128" s="3">
        <v>41792.468460648146</v>
      </c>
      <c r="B5128" s="2">
        <v>20.2</v>
      </c>
      <c r="C5128" s="2">
        <v>169.2</v>
      </c>
      <c r="D5128" s="2">
        <v>0</v>
      </c>
      <c r="E5128" s="2">
        <v>178.99999999999838</v>
      </c>
    </row>
    <row r="5129" spans="1:5" x14ac:dyDescent="0.25">
      <c r="A5129" s="3">
        <v>41792.469155092593</v>
      </c>
      <c r="B5129" s="2">
        <v>20.2</v>
      </c>
      <c r="C5129" s="2">
        <v>169</v>
      </c>
      <c r="D5129" s="2">
        <v>0</v>
      </c>
      <c r="E5129" s="2">
        <v>178.99999999999838</v>
      </c>
    </row>
    <row r="5130" spans="1:5" x14ac:dyDescent="0.25">
      <c r="A5130" s="3">
        <v>41792.46979166667</v>
      </c>
      <c r="B5130" s="2">
        <v>20.3</v>
      </c>
      <c r="C5130" s="2">
        <v>169.2</v>
      </c>
      <c r="D5130" s="2">
        <v>0</v>
      </c>
      <c r="E5130" s="2">
        <v>178.99999999999838</v>
      </c>
    </row>
    <row r="5131" spans="1:5" x14ac:dyDescent="0.25">
      <c r="A5131" s="3">
        <v>41792.469965277778</v>
      </c>
      <c r="B5131" s="2">
        <v>20.399999999999999</v>
      </c>
      <c r="C5131" s="2">
        <v>169</v>
      </c>
      <c r="D5131" s="2">
        <v>0</v>
      </c>
      <c r="E5131" s="2">
        <v>178.99999999999838</v>
      </c>
    </row>
    <row r="5132" spans="1:5" x14ac:dyDescent="0.25">
      <c r="A5132" s="3">
        <v>41792.470601851855</v>
      </c>
      <c r="B5132" s="2">
        <v>20.399999999999999</v>
      </c>
      <c r="C5132" s="2">
        <v>169.2</v>
      </c>
      <c r="D5132" s="2">
        <v>0</v>
      </c>
      <c r="E5132" s="2">
        <v>178.99999999999838</v>
      </c>
    </row>
    <row r="5133" spans="1:5" x14ac:dyDescent="0.25">
      <c r="A5133" s="3">
        <v>41792.470717592594</v>
      </c>
      <c r="B5133" s="2">
        <v>20.6</v>
      </c>
      <c r="C5133" s="2">
        <v>169</v>
      </c>
      <c r="D5133" s="2">
        <v>0</v>
      </c>
      <c r="E5133" s="2">
        <v>178.99999999999838</v>
      </c>
    </row>
    <row r="5134" spans="1:5" x14ac:dyDescent="0.25">
      <c r="A5134" s="3">
        <v>41792.470949074072</v>
      </c>
      <c r="B5134" s="2">
        <v>20.6</v>
      </c>
      <c r="C5134" s="2">
        <v>169.2</v>
      </c>
      <c r="D5134" s="2">
        <v>0</v>
      </c>
      <c r="E5134" s="2">
        <v>178.99999999999838</v>
      </c>
    </row>
    <row r="5135" spans="1:5" x14ac:dyDescent="0.25">
      <c r="A5135" s="3">
        <v>41792.471122685187</v>
      </c>
      <c r="B5135" s="2">
        <v>20.6</v>
      </c>
      <c r="C5135" s="2">
        <v>169</v>
      </c>
      <c r="D5135" s="2">
        <v>0</v>
      </c>
      <c r="E5135" s="2">
        <v>178.99999999999838</v>
      </c>
    </row>
    <row r="5136" spans="1:5" x14ac:dyDescent="0.25">
      <c r="A5136" s="3">
        <v>41792.471585648149</v>
      </c>
      <c r="B5136" s="2">
        <v>20.5</v>
      </c>
      <c r="C5136" s="2">
        <v>169.2</v>
      </c>
      <c r="D5136" s="2">
        <v>0</v>
      </c>
      <c r="E5136" s="2">
        <v>178.99999999999838</v>
      </c>
    </row>
    <row r="5137" spans="1:5" x14ac:dyDescent="0.25">
      <c r="A5137" s="3">
        <v>41792.471817129626</v>
      </c>
      <c r="B5137" s="2">
        <v>20.5</v>
      </c>
      <c r="C5137" s="2">
        <v>169</v>
      </c>
      <c r="D5137" s="2">
        <v>0</v>
      </c>
      <c r="E5137" s="2">
        <v>178.99999999999838</v>
      </c>
    </row>
    <row r="5138" spans="1:5" x14ac:dyDescent="0.25">
      <c r="A5138" s="3">
        <v>41792.473032407404</v>
      </c>
      <c r="B5138" s="2">
        <v>20.7</v>
      </c>
      <c r="C5138" s="2">
        <v>169.2</v>
      </c>
      <c r="D5138" s="2">
        <v>0</v>
      </c>
      <c r="E5138" s="2">
        <v>178.99999999999838</v>
      </c>
    </row>
    <row r="5139" spans="1:5" x14ac:dyDescent="0.25">
      <c r="A5139" s="3">
        <v>41792.47314814815</v>
      </c>
      <c r="B5139" s="2">
        <v>20.6</v>
      </c>
      <c r="C5139" s="2">
        <v>169</v>
      </c>
      <c r="D5139" s="2">
        <v>0</v>
      </c>
      <c r="E5139" s="2">
        <v>178.99999999999838</v>
      </c>
    </row>
    <row r="5140" spans="1:5" x14ac:dyDescent="0.25">
      <c r="A5140" s="3">
        <v>41792.473726851851</v>
      </c>
      <c r="B5140" s="2">
        <v>20.7</v>
      </c>
      <c r="C5140" s="2">
        <v>169.2</v>
      </c>
      <c r="D5140" s="2">
        <v>0</v>
      </c>
      <c r="E5140" s="2">
        <v>178.99999999999838</v>
      </c>
    </row>
    <row r="5141" spans="1:5" x14ac:dyDescent="0.25">
      <c r="A5141" s="3">
        <v>41792.474074074074</v>
      </c>
      <c r="B5141" s="2">
        <v>20.7</v>
      </c>
      <c r="C5141" s="2">
        <v>169</v>
      </c>
      <c r="D5141" s="2">
        <v>0</v>
      </c>
      <c r="E5141" s="2">
        <v>178.99999999999838</v>
      </c>
    </row>
    <row r="5142" spans="1:5" x14ac:dyDescent="0.25">
      <c r="A5142" s="3">
        <v>41792.474131944444</v>
      </c>
      <c r="B5142" s="2">
        <v>20.7</v>
      </c>
      <c r="C5142" s="2">
        <v>169.2</v>
      </c>
      <c r="D5142" s="2">
        <v>0</v>
      </c>
      <c r="E5142" s="2">
        <v>178.99999999999838</v>
      </c>
    </row>
    <row r="5143" spans="1:5" x14ac:dyDescent="0.25">
      <c r="A5143" s="3">
        <v>41792.474363425928</v>
      </c>
      <c r="B5143" s="2">
        <v>20.7</v>
      </c>
      <c r="C5143" s="2">
        <v>169</v>
      </c>
      <c r="D5143" s="2">
        <v>0</v>
      </c>
      <c r="E5143" s="2">
        <v>178.99999999999838</v>
      </c>
    </row>
    <row r="5144" spans="1:5" x14ac:dyDescent="0.25">
      <c r="A5144" s="3">
        <v>41792.47934027778</v>
      </c>
      <c r="B5144" s="2">
        <v>21.1</v>
      </c>
      <c r="C5144" s="2">
        <v>169.2</v>
      </c>
      <c r="D5144" s="2">
        <v>0</v>
      </c>
      <c r="E5144" s="2">
        <v>178.99999999999838</v>
      </c>
    </row>
    <row r="5145" spans="1:5" x14ac:dyDescent="0.25">
      <c r="A5145" s="3">
        <v>41792.479513888888</v>
      </c>
      <c r="B5145" s="2">
        <v>21.2</v>
      </c>
      <c r="C5145" s="2">
        <v>169</v>
      </c>
      <c r="D5145" s="2">
        <v>0</v>
      </c>
      <c r="E5145" s="2">
        <v>178.99999999999838</v>
      </c>
    </row>
    <row r="5146" spans="1:5" x14ac:dyDescent="0.25">
      <c r="A5146" s="3">
        <v>41792.493576388886</v>
      </c>
      <c r="B5146" s="2">
        <v>22.3</v>
      </c>
      <c r="C5146" s="2">
        <v>169.2</v>
      </c>
      <c r="D5146" s="2">
        <v>0</v>
      </c>
      <c r="E5146" s="2">
        <v>178.99999999999838</v>
      </c>
    </row>
    <row r="5147" spans="1:5" x14ac:dyDescent="0.25">
      <c r="A5147" s="3">
        <v>41792.493634259263</v>
      </c>
      <c r="B5147" s="2">
        <v>22.3</v>
      </c>
      <c r="C5147" s="2">
        <v>169</v>
      </c>
      <c r="D5147" s="2">
        <v>0</v>
      </c>
      <c r="E5147" s="2">
        <v>178.99999999999838</v>
      </c>
    </row>
    <row r="5148" spans="1:5" x14ac:dyDescent="0.25">
      <c r="A5148" s="3">
        <v>41792.531655092593</v>
      </c>
      <c r="B5148" s="2">
        <v>24.9</v>
      </c>
      <c r="C5148" s="2">
        <v>168.8</v>
      </c>
      <c r="D5148" s="2">
        <v>0</v>
      </c>
      <c r="E5148" s="2">
        <v>178.99999999999838</v>
      </c>
    </row>
    <row r="5149" spans="1:5" x14ac:dyDescent="0.25">
      <c r="A5149" s="3">
        <v>41792.53229166667</v>
      </c>
      <c r="B5149" s="2">
        <v>25</v>
      </c>
      <c r="C5149" s="2">
        <v>169</v>
      </c>
      <c r="D5149" s="2">
        <v>0</v>
      </c>
      <c r="E5149" s="2">
        <v>178.99999999999838</v>
      </c>
    </row>
    <row r="5150" spans="1:5" x14ac:dyDescent="0.25">
      <c r="A5150" s="3">
        <v>41792.532407407409</v>
      </c>
      <c r="B5150" s="2">
        <v>25</v>
      </c>
      <c r="C5150" s="2">
        <v>168.8</v>
      </c>
      <c r="D5150" s="2">
        <v>0</v>
      </c>
      <c r="E5150" s="2">
        <v>178.99999999999838</v>
      </c>
    </row>
    <row r="5151" spans="1:5" x14ac:dyDescent="0.25">
      <c r="A5151" s="3">
        <v>41792.533159722225</v>
      </c>
      <c r="B5151" s="2">
        <v>25</v>
      </c>
      <c r="C5151" s="2">
        <v>169</v>
      </c>
      <c r="D5151" s="2">
        <v>0</v>
      </c>
      <c r="E5151" s="2">
        <v>178.99999999999838</v>
      </c>
    </row>
    <row r="5152" spans="1:5" x14ac:dyDescent="0.25">
      <c r="A5152" s="3">
        <v>41792.533217592594</v>
      </c>
      <c r="B5152" s="2">
        <v>25</v>
      </c>
      <c r="C5152" s="2">
        <v>168.8</v>
      </c>
      <c r="D5152" s="2">
        <v>0</v>
      </c>
      <c r="E5152" s="2">
        <v>178.99999999999838</v>
      </c>
    </row>
    <row r="5153" spans="1:5" x14ac:dyDescent="0.25">
      <c r="A5153" s="3">
        <v>41792.534548611111</v>
      </c>
      <c r="B5153" s="2">
        <v>25</v>
      </c>
      <c r="C5153" s="2">
        <v>169</v>
      </c>
      <c r="D5153" s="2">
        <v>0</v>
      </c>
      <c r="E5153" s="2">
        <v>178.99999999999838</v>
      </c>
    </row>
    <row r="5154" spans="1:5" x14ac:dyDescent="0.25">
      <c r="A5154" s="3">
        <v>41792.53466435185</v>
      </c>
      <c r="B5154" s="2">
        <v>25.1</v>
      </c>
      <c r="C5154" s="2">
        <v>168.8</v>
      </c>
      <c r="D5154" s="2">
        <v>0</v>
      </c>
      <c r="E5154" s="2">
        <v>178.99999999999838</v>
      </c>
    </row>
    <row r="5155" spans="1:5" x14ac:dyDescent="0.25">
      <c r="A5155" s="3">
        <v>41792.535185185188</v>
      </c>
      <c r="B5155" s="2">
        <v>25.3</v>
      </c>
      <c r="C5155" s="2">
        <v>169</v>
      </c>
      <c r="D5155" s="2">
        <v>0</v>
      </c>
      <c r="E5155" s="2">
        <v>178.99999999999838</v>
      </c>
    </row>
    <row r="5156" spans="1:5" x14ac:dyDescent="0.25">
      <c r="A5156" s="3">
        <v>41792.535243055558</v>
      </c>
      <c r="B5156" s="2">
        <v>25.2</v>
      </c>
      <c r="C5156" s="2">
        <v>168.8</v>
      </c>
      <c r="D5156" s="2">
        <v>0</v>
      </c>
      <c r="E5156" s="2">
        <v>178.99999999999838</v>
      </c>
    </row>
    <row r="5157" spans="1:5" x14ac:dyDescent="0.25">
      <c r="A5157" s="3">
        <v>41792.535532407404</v>
      </c>
      <c r="B5157" s="2">
        <v>25.1</v>
      </c>
      <c r="C5157" s="2">
        <v>169</v>
      </c>
      <c r="D5157" s="2">
        <v>0</v>
      </c>
      <c r="E5157" s="2">
        <v>178.99999999999838</v>
      </c>
    </row>
    <row r="5158" spans="1:5" x14ac:dyDescent="0.25">
      <c r="A5158" s="3">
        <v>41792.535995370374</v>
      </c>
      <c r="B5158" s="2">
        <v>25.2</v>
      </c>
      <c r="C5158" s="2">
        <v>168.8</v>
      </c>
      <c r="D5158" s="2">
        <v>0</v>
      </c>
      <c r="E5158" s="2">
        <v>178.99999999999838</v>
      </c>
    </row>
    <row r="5159" spans="1:5" x14ac:dyDescent="0.25">
      <c r="A5159" s="3">
        <v>41792.536574074074</v>
      </c>
      <c r="B5159" s="2">
        <v>25.2</v>
      </c>
      <c r="C5159" s="2">
        <v>169</v>
      </c>
      <c r="D5159" s="2">
        <v>0</v>
      </c>
      <c r="E5159" s="2">
        <v>178.99999999999838</v>
      </c>
    </row>
    <row r="5160" spans="1:5" x14ac:dyDescent="0.25">
      <c r="A5160" s="3">
        <v>41792.536747685182</v>
      </c>
      <c r="B5160" s="2">
        <v>25.2</v>
      </c>
      <c r="C5160" s="2">
        <v>168.8</v>
      </c>
      <c r="D5160" s="2">
        <v>0</v>
      </c>
      <c r="E5160" s="2">
        <v>178.99999999999838</v>
      </c>
    </row>
    <row r="5161" spans="1:5" x14ac:dyDescent="0.25">
      <c r="A5161" s="3">
        <v>41792.536805555559</v>
      </c>
      <c r="B5161" s="2">
        <v>25.2</v>
      </c>
      <c r="C5161" s="2">
        <v>169</v>
      </c>
      <c r="D5161" s="2">
        <v>0</v>
      </c>
      <c r="E5161" s="2">
        <v>178.99999999999838</v>
      </c>
    </row>
    <row r="5162" spans="1:5" x14ac:dyDescent="0.25">
      <c r="A5162" s="3">
        <v>41792.537037037036</v>
      </c>
      <c r="B5162" s="2">
        <v>25.3</v>
      </c>
      <c r="C5162" s="2">
        <v>168.8</v>
      </c>
      <c r="D5162" s="2">
        <v>0</v>
      </c>
      <c r="E5162" s="2">
        <v>178.99999999999838</v>
      </c>
    </row>
    <row r="5163" spans="1:5" x14ac:dyDescent="0.25">
      <c r="A5163" s="3">
        <v>41792.53802083333</v>
      </c>
      <c r="B5163" s="2">
        <v>25.3</v>
      </c>
      <c r="C5163" s="2">
        <v>169</v>
      </c>
      <c r="D5163" s="2">
        <v>0</v>
      </c>
      <c r="E5163" s="2">
        <v>178.99999999999838</v>
      </c>
    </row>
    <row r="5164" spans="1:5" x14ac:dyDescent="0.25">
      <c r="A5164" s="3">
        <v>41792.538078703707</v>
      </c>
      <c r="B5164" s="2">
        <v>25.3</v>
      </c>
      <c r="C5164" s="2">
        <v>168.8</v>
      </c>
      <c r="D5164" s="2">
        <v>0</v>
      </c>
      <c r="E5164" s="2">
        <v>178.99999999999838</v>
      </c>
    </row>
    <row r="5165" spans="1:5" x14ac:dyDescent="0.25">
      <c r="A5165" s="3">
        <v>41792.586458333331</v>
      </c>
      <c r="B5165" s="2">
        <v>27</v>
      </c>
      <c r="C5165" s="2">
        <v>168.6</v>
      </c>
      <c r="D5165" s="2">
        <v>0</v>
      </c>
      <c r="E5165" s="2">
        <v>178.99999999999838</v>
      </c>
    </row>
    <row r="5166" spans="1:5" x14ac:dyDescent="0.25">
      <c r="A5166" s="3">
        <v>41792.586631944447</v>
      </c>
      <c r="B5166" s="2">
        <v>27</v>
      </c>
      <c r="C5166" s="2">
        <v>168.8</v>
      </c>
      <c r="D5166" s="2">
        <v>0</v>
      </c>
      <c r="E5166" s="2">
        <v>178.99999999999838</v>
      </c>
    </row>
    <row r="5167" spans="1:5" x14ac:dyDescent="0.25">
      <c r="A5167" s="3">
        <v>41792.587037037039</v>
      </c>
      <c r="B5167" s="2">
        <v>27</v>
      </c>
      <c r="C5167" s="2">
        <v>168.6</v>
      </c>
      <c r="D5167" s="2">
        <v>0</v>
      </c>
      <c r="E5167" s="2">
        <v>178.99999999999838</v>
      </c>
    </row>
    <row r="5168" spans="1:5" x14ac:dyDescent="0.25">
      <c r="A5168" s="3">
        <v>41792.597743055558</v>
      </c>
      <c r="B5168" s="2">
        <v>27.4</v>
      </c>
      <c r="C5168" s="2">
        <v>168.4</v>
      </c>
      <c r="D5168" s="2">
        <v>0</v>
      </c>
      <c r="E5168" s="2">
        <v>178.99999999999838</v>
      </c>
    </row>
    <row r="5169" spans="1:5" x14ac:dyDescent="0.25">
      <c r="A5169" s="3">
        <v>41792.630497685182</v>
      </c>
      <c r="B5169" s="2">
        <v>28.4</v>
      </c>
      <c r="C5169" s="2">
        <v>168.2</v>
      </c>
      <c r="D5169" s="2">
        <v>0</v>
      </c>
      <c r="E5169" s="2">
        <v>178.99999999999838</v>
      </c>
    </row>
    <row r="5170" spans="1:5" x14ac:dyDescent="0.25">
      <c r="A5170" s="3">
        <v>41792.668807870374</v>
      </c>
      <c r="B5170" s="2">
        <v>27.7</v>
      </c>
      <c r="C5170" s="2">
        <v>168</v>
      </c>
      <c r="D5170" s="2">
        <v>0</v>
      </c>
      <c r="E5170" s="2">
        <v>178.99999999999838</v>
      </c>
    </row>
    <row r="5171" spans="1:5" x14ac:dyDescent="0.25">
      <c r="A5171" s="3">
        <v>41792.674421296295</v>
      </c>
      <c r="B5171" s="2">
        <v>27.4</v>
      </c>
      <c r="C5171" s="2">
        <v>168.2</v>
      </c>
      <c r="D5171" s="2">
        <v>0</v>
      </c>
      <c r="E5171" s="2">
        <v>178.99999999999838</v>
      </c>
    </row>
    <row r="5172" spans="1:5" x14ac:dyDescent="0.25">
      <c r="A5172" s="3">
        <v>41792.675347222219</v>
      </c>
      <c r="B5172" s="2">
        <v>27.2</v>
      </c>
      <c r="C5172" s="2">
        <v>168.2</v>
      </c>
      <c r="D5172" s="2">
        <v>0.2</v>
      </c>
      <c r="E5172" s="2">
        <v>179.19999999999837</v>
      </c>
    </row>
    <row r="5173" spans="1:5" x14ac:dyDescent="0.25">
      <c r="A5173" s="3">
        <v>41792.676620370374</v>
      </c>
      <c r="B5173" s="2">
        <v>27.1</v>
      </c>
      <c r="C5173" s="2">
        <v>168.2</v>
      </c>
      <c r="D5173" s="2">
        <v>0.2</v>
      </c>
      <c r="E5173" s="2">
        <v>179.39999999999836</v>
      </c>
    </row>
    <row r="5174" spans="1:5" x14ac:dyDescent="0.25">
      <c r="A5174" s="3">
        <v>41792.677025462966</v>
      </c>
      <c r="B5174" s="2">
        <v>27.2</v>
      </c>
      <c r="C5174" s="2">
        <v>168.4</v>
      </c>
      <c r="D5174" s="2">
        <v>0</v>
      </c>
      <c r="E5174" s="2">
        <v>179.39999999999836</v>
      </c>
    </row>
    <row r="5175" spans="1:5" x14ac:dyDescent="0.25">
      <c r="A5175" s="3">
        <v>41792.696932870371</v>
      </c>
      <c r="B5175" s="2">
        <v>26.6</v>
      </c>
      <c r="C5175" s="2">
        <v>168.2</v>
      </c>
      <c r="D5175" s="2">
        <v>0</v>
      </c>
      <c r="E5175" s="2">
        <v>179.39999999999836</v>
      </c>
    </row>
    <row r="5176" spans="1:5" x14ac:dyDescent="0.25">
      <c r="A5176" s="3">
        <v>41792.697106481479</v>
      </c>
      <c r="B5176" s="2">
        <v>26.6</v>
      </c>
      <c r="C5176" s="2">
        <v>168.4</v>
      </c>
      <c r="D5176" s="2">
        <v>0</v>
      </c>
      <c r="E5176" s="2">
        <v>179.39999999999836</v>
      </c>
    </row>
    <row r="5177" spans="1:5" x14ac:dyDescent="0.25">
      <c r="A5177" s="3">
        <v>41792.698437500003</v>
      </c>
      <c r="B5177" s="2">
        <v>26.5</v>
      </c>
      <c r="C5177" s="2">
        <v>168.2</v>
      </c>
      <c r="D5177" s="2">
        <v>0</v>
      </c>
      <c r="E5177" s="2">
        <v>179.39999999999836</v>
      </c>
    </row>
    <row r="5178" spans="1:5" x14ac:dyDescent="0.25">
      <c r="A5178" s="3">
        <v>41792.69866898148</v>
      </c>
      <c r="B5178" s="2">
        <v>26.5</v>
      </c>
      <c r="C5178" s="2">
        <v>168.4</v>
      </c>
      <c r="D5178" s="2">
        <v>0</v>
      </c>
      <c r="E5178" s="2">
        <v>179.39999999999836</v>
      </c>
    </row>
    <row r="5179" spans="1:5" x14ac:dyDescent="0.25">
      <c r="A5179" s="3">
        <v>41792.698958333334</v>
      </c>
      <c r="B5179" s="2">
        <v>26.5</v>
      </c>
      <c r="C5179" s="2">
        <v>168.2</v>
      </c>
      <c r="D5179" s="2">
        <v>0</v>
      </c>
      <c r="E5179" s="2">
        <v>179.39999999999836</v>
      </c>
    </row>
    <row r="5180" spans="1:5" x14ac:dyDescent="0.25">
      <c r="A5180" s="3">
        <v>41792.699016203704</v>
      </c>
      <c r="B5180" s="2">
        <v>26.5</v>
      </c>
      <c r="C5180" s="2">
        <v>168.4</v>
      </c>
      <c r="D5180" s="2">
        <v>0</v>
      </c>
      <c r="E5180" s="2">
        <v>179.39999999999836</v>
      </c>
    </row>
    <row r="5181" spans="1:5" x14ac:dyDescent="0.25">
      <c r="A5181" s="3">
        <v>41792.699189814812</v>
      </c>
      <c r="B5181" s="2">
        <v>26.5</v>
      </c>
      <c r="C5181" s="2">
        <v>168.2</v>
      </c>
      <c r="D5181" s="2">
        <v>0</v>
      </c>
      <c r="E5181" s="2">
        <v>179.39999999999836</v>
      </c>
    </row>
    <row r="5182" spans="1:5" x14ac:dyDescent="0.25">
      <c r="A5182" s="3">
        <v>41792.699652777781</v>
      </c>
      <c r="B5182" s="2">
        <v>26.5</v>
      </c>
      <c r="C5182" s="2">
        <v>168.4</v>
      </c>
      <c r="D5182" s="2">
        <v>0</v>
      </c>
      <c r="E5182" s="2">
        <v>179.39999999999836</v>
      </c>
    </row>
    <row r="5183" spans="1:5" x14ac:dyDescent="0.25">
      <c r="A5183" s="3">
        <v>41792.699999999997</v>
      </c>
      <c r="B5183" s="2">
        <v>26.5</v>
      </c>
      <c r="C5183" s="2">
        <v>168.2</v>
      </c>
      <c r="D5183" s="2">
        <v>0</v>
      </c>
      <c r="E5183" s="2">
        <v>179.39999999999836</v>
      </c>
    </row>
    <row r="5184" spans="1:5" x14ac:dyDescent="0.25">
      <c r="A5184" s="3">
        <v>41792.742824074077</v>
      </c>
      <c r="B5184" s="2">
        <v>26</v>
      </c>
      <c r="C5184" s="2">
        <v>168</v>
      </c>
      <c r="D5184" s="2">
        <v>0</v>
      </c>
      <c r="E5184" s="2">
        <v>179.39999999999836</v>
      </c>
    </row>
    <row r="5185" spans="1:5" x14ac:dyDescent="0.25">
      <c r="A5185" s="3">
        <v>41792.78802083333</v>
      </c>
      <c r="B5185" s="2">
        <v>25</v>
      </c>
      <c r="C5185" s="2">
        <v>167.8</v>
      </c>
      <c r="D5185" s="2">
        <v>0</v>
      </c>
      <c r="E5185" s="2">
        <v>179.39999999999836</v>
      </c>
    </row>
    <row r="5186" spans="1:5" x14ac:dyDescent="0.25">
      <c r="A5186" s="3">
        <v>41792.788252314815</v>
      </c>
      <c r="B5186" s="2">
        <v>25</v>
      </c>
      <c r="C5186" s="2">
        <v>168</v>
      </c>
      <c r="D5186" s="2">
        <v>0</v>
      </c>
      <c r="E5186" s="2">
        <v>179.39999999999836</v>
      </c>
    </row>
    <row r="5187" spans="1:5" x14ac:dyDescent="0.25">
      <c r="A5187" s="3">
        <v>41792.788657407407</v>
      </c>
      <c r="B5187" s="2">
        <v>25</v>
      </c>
      <c r="C5187" s="2">
        <v>167.8</v>
      </c>
      <c r="D5187" s="2">
        <v>0</v>
      </c>
      <c r="E5187" s="2">
        <v>179.39999999999836</v>
      </c>
    </row>
    <row r="5188" spans="1:5" x14ac:dyDescent="0.25">
      <c r="A5188" s="3">
        <v>41792.833854166667</v>
      </c>
      <c r="B5188" s="2">
        <v>23.6</v>
      </c>
      <c r="C5188" s="2">
        <v>167.6</v>
      </c>
      <c r="D5188" s="2">
        <v>0</v>
      </c>
      <c r="E5188" s="2">
        <v>179.39999999999836</v>
      </c>
    </row>
    <row r="5189" spans="1:5" x14ac:dyDescent="0.25">
      <c r="A5189" s="3">
        <v>41792.836053240739</v>
      </c>
      <c r="B5189" s="2">
        <v>23.5</v>
      </c>
      <c r="C5189" s="2">
        <v>167.8</v>
      </c>
      <c r="D5189" s="2">
        <v>0</v>
      </c>
      <c r="E5189" s="2">
        <v>179.39999999999836</v>
      </c>
    </row>
    <row r="5190" spans="1:5" x14ac:dyDescent="0.25">
      <c r="A5190" s="3">
        <v>41792.836226851854</v>
      </c>
      <c r="B5190" s="2">
        <v>23.5</v>
      </c>
      <c r="C5190" s="2">
        <v>167.6</v>
      </c>
      <c r="D5190" s="2">
        <v>0</v>
      </c>
      <c r="E5190" s="2">
        <v>179.39999999999836</v>
      </c>
    </row>
    <row r="5191" spans="1:5" x14ac:dyDescent="0.25">
      <c r="A5191" s="3">
        <v>41792.87395833333</v>
      </c>
      <c r="B5191" s="2">
        <v>22.5</v>
      </c>
      <c r="C5191" s="2">
        <v>167.4</v>
      </c>
      <c r="D5191" s="2">
        <v>0</v>
      </c>
      <c r="E5191" s="2">
        <v>179.39999999999836</v>
      </c>
    </row>
    <row r="5192" spans="1:5" x14ac:dyDescent="0.25">
      <c r="A5192" s="3">
        <v>41792.90115740741</v>
      </c>
      <c r="B5192" s="2">
        <v>21.7</v>
      </c>
      <c r="C5192" s="2">
        <v>167.4</v>
      </c>
      <c r="D5192" s="2">
        <v>0.2</v>
      </c>
      <c r="E5192" s="2">
        <v>179.59999999999835</v>
      </c>
    </row>
    <row r="5193" spans="1:5" x14ac:dyDescent="0.25">
      <c r="A5193" s="3">
        <v>41792.932233796295</v>
      </c>
      <c r="B5193" s="2">
        <v>20.8</v>
      </c>
      <c r="C5193" s="2">
        <v>167.2</v>
      </c>
      <c r="D5193" s="2">
        <v>0</v>
      </c>
      <c r="E5193" s="2">
        <v>179.59999999999835</v>
      </c>
    </row>
    <row r="5194" spans="1:5" x14ac:dyDescent="0.25">
      <c r="A5194" s="3">
        <v>41793.007754629631</v>
      </c>
      <c r="B5194" s="2">
        <v>19.100000000000001</v>
      </c>
      <c r="C5194" s="2">
        <v>167</v>
      </c>
      <c r="D5194" s="2">
        <v>0</v>
      </c>
      <c r="E5194" s="2">
        <v>179.59999999999835</v>
      </c>
    </row>
    <row r="5195" spans="1:5" x14ac:dyDescent="0.25">
      <c r="A5195" s="3">
        <v>41793.127893518518</v>
      </c>
      <c r="B5195" s="2">
        <v>16.7</v>
      </c>
      <c r="C5195" s="2">
        <v>166.8</v>
      </c>
      <c r="D5195" s="2">
        <v>0</v>
      </c>
      <c r="E5195" s="2">
        <v>179.59999999999835</v>
      </c>
    </row>
    <row r="5196" spans="1:5" x14ac:dyDescent="0.25">
      <c r="A5196" s="3">
        <v>41793.261516203704</v>
      </c>
      <c r="B5196" s="2">
        <v>14.7</v>
      </c>
      <c r="C5196" s="2">
        <v>166.6</v>
      </c>
      <c r="D5196" s="2">
        <v>0</v>
      </c>
      <c r="E5196" s="2">
        <v>179.59999999999835</v>
      </c>
    </row>
    <row r="5197" spans="1:5" x14ac:dyDescent="0.25">
      <c r="A5197" s="3">
        <v>41793.344039351854</v>
      </c>
      <c r="B5197" s="2">
        <v>14.5</v>
      </c>
      <c r="C5197" s="2">
        <v>166.4</v>
      </c>
      <c r="D5197" s="2">
        <v>0</v>
      </c>
      <c r="E5197" s="2">
        <v>179.59999999999835</v>
      </c>
    </row>
    <row r="5198" spans="1:5" x14ac:dyDescent="0.25">
      <c r="A5198" s="3">
        <v>41793.465740740743</v>
      </c>
      <c r="B5198" s="2">
        <v>20.9</v>
      </c>
      <c r="C5198" s="2">
        <v>166.2</v>
      </c>
      <c r="D5198" s="2">
        <v>0</v>
      </c>
      <c r="E5198" s="2">
        <v>179.59999999999835</v>
      </c>
    </row>
    <row r="5199" spans="1:5" x14ac:dyDescent="0.25">
      <c r="A5199" s="3">
        <v>41793.465856481482</v>
      </c>
      <c r="B5199" s="2">
        <v>20.9</v>
      </c>
      <c r="C5199" s="2">
        <v>166.4</v>
      </c>
      <c r="D5199" s="2">
        <v>0</v>
      </c>
      <c r="E5199" s="2">
        <v>179.59999999999835</v>
      </c>
    </row>
    <row r="5200" spans="1:5" x14ac:dyDescent="0.25">
      <c r="A5200" s="3">
        <v>41793.467881944445</v>
      </c>
      <c r="B5200" s="2">
        <v>20.9</v>
      </c>
      <c r="C5200" s="2">
        <v>166.2</v>
      </c>
      <c r="D5200" s="2">
        <v>0</v>
      </c>
      <c r="E5200" s="2">
        <v>179.59999999999835</v>
      </c>
    </row>
    <row r="5201" spans="1:5" x14ac:dyDescent="0.25">
      <c r="A5201" s="3">
        <v>41793.467997685184</v>
      </c>
      <c r="B5201" s="2">
        <v>20.9</v>
      </c>
      <c r="C5201" s="2">
        <v>166.4</v>
      </c>
      <c r="D5201" s="2">
        <v>0</v>
      </c>
      <c r="E5201" s="2">
        <v>179.59999999999835</v>
      </c>
    </row>
    <row r="5202" spans="1:5" x14ac:dyDescent="0.25">
      <c r="A5202" s="3">
        <v>41793.469386574077</v>
      </c>
      <c r="B5202" s="2">
        <v>21.1</v>
      </c>
      <c r="C5202" s="2">
        <v>166.2</v>
      </c>
      <c r="D5202" s="2">
        <v>0</v>
      </c>
      <c r="E5202" s="2">
        <v>179.59999999999835</v>
      </c>
    </row>
    <row r="5203" spans="1:5" x14ac:dyDescent="0.25">
      <c r="A5203" s="3">
        <v>41793.469444444447</v>
      </c>
      <c r="B5203" s="2">
        <v>21.1</v>
      </c>
      <c r="C5203" s="2">
        <v>166.4</v>
      </c>
      <c r="D5203" s="2">
        <v>0</v>
      </c>
      <c r="E5203" s="2">
        <v>179.59999999999835</v>
      </c>
    </row>
    <row r="5204" spans="1:5" x14ac:dyDescent="0.25">
      <c r="A5204" s="3">
        <v>41793.47042824074</v>
      </c>
      <c r="B5204" s="2">
        <v>21.1</v>
      </c>
      <c r="C5204" s="2">
        <v>166.2</v>
      </c>
      <c r="D5204" s="2">
        <v>0</v>
      </c>
      <c r="E5204" s="2">
        <v>179.59999999999835</v>
      </c>
    </row>
    <row r="5205" spans="1:5" x14ac:dyDescent="0.25">
      <c r="A5205" s="3">
        <v>41793.470717592594</v>
      </c>
      <c r="B5205" s="2">
        <v>21.1</v>
      </c>
      <c r="C5205" s="2">
        <v>166.4</v>
      </c>
      <c r="D5205" s="2">
        <v>0</v>
      </c>
      <c r="E5205" s="2">
        <v>179.59999999999835</v>
      </c>
    </row>
    <row r="5206" spans="1:5" x14ac:dyDescent="0.25">
      <c r="A5206" s="3">
        <v>41793.471180555556</v>
      </c>
      <c r="B5206" s="2">
        <v>21.3</v>
      </c>
      <c r="C5206" s="2">
        <v>166.2</v>
      </c>
      <c r="D5206" s="2">
        <v>0</v>
      </c>
      <c r="E5206" s="2">
        <v>179.59999999999835</v>
      </c>
    </row>
    <row r="5207" spans="1:5" x14ac:dyDescent="0.25">
      <c r="A5207" s="3">
        <v>41793.471412037034</v>
      </c>
      <c r="B5207" s="2">
        <v>21.3</v>
      </c>
      <c r="C5207" s="2">
        <v>166.4</v>
      </c>
      <c r="D5207" s="2">
        <v>0</v>
      </c>
      <c r="E5207" s="2">
        <v>179.59999999999835</v>
      </c>
    </row>
    <row r="5208" spans="1:5" x14ac:dyDescent="0.25">
      <c r="A5208" s="3">
        <v>41793.47152777778</v>
      </c>
      <c r="B5208" s="2">
        <v>21.3</v>
      </c>
      <c r="C5208" s="2">
        <v>166.2</v>
      </c>
      <c r="D5208" s="2">
        <v>0</v>
      </c>
      <c r="E5208" s="2">
        <v>179.59999999999835</v>
      </c>
    </row>
    <row r="5209" spans="1:5" x14ac:dyDescent="0.25">
      <c r="A5209" s="3">
        <v>41793.471817129626</v>
      </c>
      <c r="B5209" s="2">
        <v>21.2</v>
      </c>
      <c r="C5209" s="2">
        <v>166.4</v>
      </c>
      <c r="D5209" s="2">
        <v>0</v>
      </c>
      <c r="E5209" s="2">
        <v>179.59999999999835</v>
      </c>
    </row>
    <row r="5210" spans="1:5" x14ac:dyDescent="0.25">
      <c r="A5210" s="3">
        <v>41793.47216435185</v>
      </c>
      <c r="B5210" s="2">
        <v>21.2</v>
      </c>
      <c r="C5210" s="2">
        <v>166.2</v>
      </c>
      <c r="D5210" s="2">
        <v>0</v>
      </c>
      <c r="E5210" s="2">
        <v>179.59999999999835</v>
      </c>
    </row>
    <row r="5211" spans="1:5" x14ac:dyDescent="0.25">
      <c r="A5211" s="3">
        <v>41793.475289351853</v>
      </c>
      <c r="B5211" s="2">
        <v>21.6</v>
      </c>
      <c r="C5211" s="2">
        <v>166.4</v>
      </c>
      <c r="D5211" s="2">
        <v>0</v>
      </c>
      <c r="E5211" s="2">
        <v>179.59999999999835</v>
      </c>
    </row>
    <row r="5212" spans="1:5" x14ac:dyDescent="0.25">
      <c r="A5212" s="3">
        <v>41793.475405092591</v>
      </c>
      <c r="B5212" s="2">
        <v>21.5</v>
      </c>
      <c r="C5212" s="2">
        <v>166.2</v>
      </c>
      <c r="D5212" s="2">
        <v>0</v>
      </c>
      <c r="E5212" s="2">
        <v>179.59999999999835</v>
      </c>
    </row>
    <row r="5213" spans="1:5" x14ac:dyDescent="0.25">
      <c r="A5213" s="3">
        <v>41793.475810185184</v>
      </c>
      <c r="B5213" s="2">
        <v>21.7</v>
      </c>
      <c r="C5213" s="2">
        <v>166.4</v>
      </c>
      <c r="D5213" s="2">
        <v>0</v>
      </c>
      <c r="E5213" s="2">
        <v>179.59999999999835</v>
      </c>
    </row>
    <row r="5214" spans="1:5" x14ac:dyDescent="0.25">
      <c r="A5214" s="3">
        <v>41793.476157407407</v>
      </c>
      <c r="B5214" s="2">
        <v>21.5</v>
      </c>
      <c r="C5214" s="2">
        <v>166.2</v>
      </c>
      <c r="D5214" s="2">
        <v>0</v>
      </c>
      <c r="E5214" s="2">
        <v>179.59999999999835</v>
      </c>
    </row>
    <row r="5215" spans="1:5" x14ac:dyDescent="0.25">
      <c r="A5215" s="3">
        <v>41793.476504629631</v>
      </c>
      <c r="B5215" s="2">
        <v>21.6</v>
      </c>
      <c r="C5215" s="2">
        <v>166.4</v>
      </c>
      <c r="D5215" s="2">
        <v>0</v>
      </c>
      <c r="E5215" s="2">
        <v>179.59999999999835</v>
      </c>
    </row>
    <row r="5216" spans="1:5" x14ac:dyDescent="0.25">
      <c r="A5216" s="3">
        <v>41793.476909722223</v>
      </c>
      <c r="B5216" s="2">
        <v>21.6</v>
      </c>
      <c r="C5216" s="2">
        <v>166.2</v>
      </c>
      <c r="D5216" s="2">
        <v>0</v>
      </c>
      <c r="E5216" s="2">
        <v>179.59999999999835</v>
      </c>
    </row>
    <row r="5217" spans="1:5" x14ac:dyDescent="0.25">
      <c r="A5217" s="3">
        <v>41793.47760416667</v>
      </c>
      <c r="B5217" s="2">
        <v>21.8</v>
      </c>
      <c r="C5217" s="2">
        <v>166.4</v>
      </c>
      <c r="D5217" s="2">
        <v>0</v>
      </c>
      <c r="E5217" s="2">
        <v>179.59999999999835</v>
      </c>
    </row>
    <row r="5218" spans="1:5" x14ac:dyDescent="0.25">
      <c r="A5218" s="3">
        <v>41793.477777777778</v>
      </c>
      <c r="B5218" s="2">
        <v>21.8</v>
      </c>
      <c r="C5218" s="2">
        <v>166.2</v>
      </c>
      <c r="D5218" s="2">
        <v>0</v>
      </c>
      <c r="E5218" s="2">
        <v>179.59999999999835</v>
      </c>
    </row>
    <row r="5219" spans="1:5" x14ac:dyDescent="0.25">
      <c r="A5219" s="3">
        <v>41793.546817129631</v>
      </c>
      <c r="B5219" s="2">
        <v>26.5</v>
      </c>
      <c r="C5219" s="2">
        <v>166</v>
      </c>
      <c r="D5219" s="2">
        <v>0</v>
      </c>
      <c r="E5219" s="2">
        <v>179.59999999999835</v>
      </c>
    </row>
    <row r="5220" spans="1:5" x14ac:dyDescent="0.25">
      <c r="A5220" s="3">
        <v>41793.546932870369</v>
      </c>
      <c r="B5220" s="2">
        <v>26.5</v>
      </c>
      <c r="C5220" s="2">
        <v>166.2</v>
      </c>
      <c r="D5220" s="2">
        <v>0</v>
      </c>
      <c r="E5220" s="2">
        <v>179.59999999999835</v>
      </c>
    </row>
    <row r="5221" spans="1:5" x14ac:dyDescent="0.25">
      <c r="A5221" s="3">
        <v>41793.546990740739</v>
      </c>
      <c r="B5221" s="2">
        <v>26.5</v>
      </c>
      <c r="C5221" s="2">
        <v>166</v>
      </c>
      <c r="D5221" s="2">
        <v>0</v>
      </c>
      <c r="E5221" s="2">
        <v>179.59999999999835</v>
      </c>
    </row>
    <row r="5222" spans="1:5" x14ac:dyDescent="0.25">
      <c r="A5222" s="3">
        <v>41793.550810185188</v>
      </c>
      <c r="B5222" s="2">
        <v>26.7</v>
      </c>
      <c r="C5222" s="2">
        <v>166.2</v>
      </c>
      <c r="D5222" s="2">
        <v>0</v>
      </c>
      <c r="E5222" s="2">
        <v>179.59999999999835</v>
      </c>
    </row>
    <row r="5223" spans="1:5" x14ac:dyDescent="0.25">
      <c r="A5223" s="3">
        <v>41793.555266203701</v>
      </c>
      <c r="B5223" s="2">
        <v>26.5</v>
      </c>
      <c r="C5223" s="2">
        <v>166</v>
      </c>
      <c r="D5223" s="2">
        <v>0</v>
      </c>
      <c r="E5223" s="2">
        <v>179.59999999999835</v>
      </c>
    </row>
    <row r="5224" spans="1:5" x14ac:dyDescent="0.25">
      <c r="A5224" s="3">
        <v>41793.555844907409</v>
      </c>
      <c r="B5224" s="2">
        <v>26.5</v>
      </c>
      <c r="C5224" s="2">
        <v>166.2</v>
      </c>
      <c r="D5224" s="2">
        <v>0</v>
      </c>
      <c r="E5224" s="2">
        <v>179.59999999999835</v>
      </c>
    </row>
    <row r="5225" spans="1:5" x14ac:dyDescent="0.25">
      <c r="A5225" s="3">
        <v>41793.555902777778</v>
      </c>
      <c r="B5225" s="2">
        <v>26.5</v>
      </c>
      <c r="C5225" s="2">
        <v>166</v>
      </c>
      <c r="D5225" s="2">
        <v>0</v>
      </c>
      <c r="E5225" s="2">
        <v>179.59999999999835</v>
      </c>
    </row>
    <row r="5226" spans="1:5" x14ac:dyDescent="0.25">
      <c r="A5226" s="3">
        <v>41793.555960648147</v>
      </c>
      <c r="B5226" s="2">
        <v>26.6</v>
      </c>
      <c r="C5226" s="2">
        <v>166.2</v>
      </c>
      <c r="D5226" s="2">
        <v>0</v>
      </c>
      <c r="E5226" s="2">
        <v>179.59999999999835</v>
      </c>
    </row>
    <row r="5227" spans="1:5" x14ac:dyDescent="0.25">
      <c r="A5227" s="3">
        <v>41793.55636574074</v>
      </c>
      <c r="B5227" s="2">
        <v>26.8</v>
      </c>
      <c r="C5227" s="2">
        <v>166</v>
      </c>
      <c r="D5227" s="2">
        <v>0</v>
      </c>
      <c r="E5227" s="2">
        <v>179.59999999999835</v>
      </c>
    </row>
    <row r="5228" spans="1:5" x14ac:dyDescent="0.25">
      <c r="A5228" s="3">
        <v>41793.556481481479</v>
      </c>
      <c r="B5228" s="2">
        <v>26.7</v>
      </c>
      <c r="C5228" s="2">
        <v>166.2</v>
      </c>
      <c r="D5228" s="2">
        <v>0</v>
      </c>
      <c r="E5228" s="2">
        <v>179.59999999999835</v>
      </c>
    </row>
    <row r="5229" spans="1:5" x14ac:dyDescent="0.25">
      <c r="A5229" s="3">
        <v>41793.556597222225</v>
      </c>
      <c r="B5229" s="2">
        <v>26.7</v>
      </c>
      <c r="C5229" s="2">
        <v>166</v>
      </c>
      <c r="D5229" s="2">
        <v>0</v>
      </c>
      <c r="E5229" s="2">
        <v>179.59999999999835</v>
      </c>
    </row>
    <row r="5230" spans="1:5" x14ac:dyDescent="0.25">
      <c r="A5230" s="3">
        <v>41793.575173611112</v>
      </c>
      <c r="B5230" s="2">
        <v>27.7</v>
      </c>
      <c r="C5230" s="2">
        <v>165.8</v>
      </c>
      <c r="D5230" s="2">
        <v>0</v>
      </c>
      <c r="E5230" s="2">
        <v>179.59999999999835</v>
      </c>
    </row>
    <row r="5231" spans="1:5" x14ac:dyDescent="0.25">
      <c r="A5231" s="3">
        <v>41793.578645833331</v>
      </c>
      <c r="B5231" s="2">
        <v>27.6</v>
      </c>
      <c r="C5231" s="2">
        <v>166</v>
      </c>
      <c r="D5231" s="2">
        <v>0</v>
      </c>
      <c r="E5231" s="2">
        <v>179.59999999999835</v>
      </c>
    </row>
    <row r="5232" spans="1:5" x14ac:dyDescent="0.25">
      <c r="A5232" s="3">
        <v>41793.578761574077</v>
      </c>
      <c r="B5232" s="2">
        <v>27.5</v>
      </c>
      <c r="C5232" s="2">
        <v>165.8</v>
      </c>
      <c r="D5232" s="2">
        <v>0</v>
      </c>
      <c r="E5232" s="2">
        <v>179.59999999999835</v>
      </c>
    </row>
    <row r="5233" spans="1:5" x14ac:dyDescent="0.25">
      <c r="A5233" s="3">
        <v>41793.581018518518</v>
      </c>
      <c r="B5233" s="2">
        <v>27.5</v>
      </c>
      <c r="C5233" s="2">
        <v>166</v>
      </c>
      <c r="D5233" s="2">
        <v>0</v>
      </c>
      <c r="E5233" s="2">
        <v>179.59999999999835</v>
      </c>
    </row>
    <row r="5234" spans="1:5" x14ac:dyDescent="0.25">
      <c r="A5234" s="3">
        <v>41793.582118055558</v>
      </c>
      <c r="B5234" s="2">
        <v>27.6</v>
      </c>
      <c r="C5234" s="2">
        <v>165.8</v>
      </c>
      <c r="D5234" s="2">
        <v>0</v>
      </c>
      <c r="E5234" s="2">
        <v>179.59999999999835</v>
      </c>
    </row>
    <row r="5235" spans="1:5" x14ac:dyDescent="0.25">
      <c r="A5235" s="3">
        <v>41793.599652777775</v>
      </c>
      <c r="B5235" s="2">
        <v>28.2</v>
      </c>
      <c r="C5235" s="2">
        <v>165.6</v>
      </c>
      <c r="D5235" s="2">
        <v>0</v>
      </c>
      <c r="E5235" s="2">
        <v>179.59999999999835</v>
      </c>
    </row>
    <row r="5236" spans="1:5" x14ac:dyDescent="0.25">
      <c r="A5236" s="3">
        <v>41793.603067129632</v>
      </c>
      <c r="B5236" s="2">
        <v>28.3</v>
      </c>
      <c r="C5236" s="2">
        <v>165.8</v>
      </c>
      <c r="D5236" s="2">
        <v>0</v>
      </c>
      <c r="E5236" s="2">
        <v>179.59999999999835</v>
      </c>
    </row>
    <row r="5237" spans="1:5" x14ac:dyDescent="0.25">
      <c r="A5237" s="3">
        <v>41793.603298611109</v>
      </c>
      <c r="B5237" s="2">
        <v>28.3</v>
      </c>
      <c r="C5237" s="2">
        <v>165.6</v>
      </c>
      <c r="D5237" s="2">
        <v>0</v>
      </c>
      <c r="E5237" s="2">
        <v>179.59999999999835</v>
      </c>
    </row>
    <row r="5238" spans="1:5" x14ac:dyDescent="0.25">
      <c r="A5238" s="3">
        <v>41793.606423611112</v>
      </c>
      <c r="B5238" s="2">
        <v>28.3</v>
      </c>
      <c r="C5238" s="2">
        <v>165.8</v>
      </c>
      <c r="D5238" s="2">
        <v>0</v>
      </c>
      <c r="E5238" s="2">
        <v>179.59999999999835</v>
      </c>
    </row>
    <row r="5239" spans="1:5" x14ac:dyDescent="0.25">
      <c r="A5239" s="3">
        <v>41793.606481481482</v>
      </c>
      <c r="B5239" s="2">
        <v>28.3</v>
      </c>
      <c r="C5239" s="2">
        <v>165.6</v>
      </c>
      <c r="D5239" s="2">
        <v>0</v>
      </c>
      <c r="E5239" s="2">
        <v>179.59999999999835</v>
      </c>
    </row>
    <row r="5240" spans="1:5" x14ac:dyDescent="0.25">
      <c r="A5240" s="3">
        <v>41793.606828703705</v>
      </c>
      <c r="B5240" s="2">
        <v>28.3</v>
      </c>
      <c r="C5240" s="2">
        <v>165.8</v>
      </c>
      <c r="D5240" s="2">
        <v>0</v>
      </c>
      <c r="E5240" s="2">
        <v>179.59999999999835</v>
      </c>
    </row>
    <row r="5241" spans="1:5" x14ac:dyDescent="0.25">
      <c r="A5241" s="3">
        <v>41793.606944444444</v>
      </c>
      <c r="B5241" s="2">
        <v>28.3</v>
      </c>
      <c r="C5241" s="2">
        <v>165.6</v>
      </c>
      <c r="D5241" s="2">
        <v>0</v>
      </c>
      <c r="E5241" s="2">
        <v>179.59999999999835</v>
      </c>
    </row>
    <row r="5242" spans="1:5" x14ac:dyDescent="0.25">
      <c r="A5242" s="3">
        <v>41793.607002314813</v>
      </c>
      <c r="B5242" s="2">
        <v>28.3</v>
      </c>
      <c r="C5242" s="2">
        <v>165.8</v>
      </c>
      <c r="D5242" s="2">
        <v>0</v>
      </c>
      <c r="E5242" s="2">
        <v>179.59999999999835</v>
      </c>
    </row>
    <row r="5243" spans="1:5" x14ac:dyDescent="0.25">
      <c r="A5243" s="3">
        <v>41793.607060185182</v>
      </c>
      <c r="B5243" s="2">
        <v>28.3</v>
      </c>
      <c r="C5243" s="2">
        <v>165.6</v>
      </c>
      <c r="D5243" s="2">
        <v>0</v>
      </c>
      <c r="E5243" s="2">
        <v>179.59999999999835</v>
      </c>
    </row>
    <row r="5244" spans="1:5" x14ac:dyDescent="0.25">
      <c r="A5244" s="3">
        <v>41793.607175925928</v>
      </c>
      <c r="B5244" s="2">
        <v>28.3</v>
      </c>
      <c r="C5244" s="2">
        <v>165.8</v>
      </c>
      <c r="D5244" s="2">
        <v>0</v>
      </c>
      <c r="E5244" s="2">
        <v>179.59999999999835</v>
      </c>
    </row>
    <row r="5245" spans="1:5" x14ac:dyDescent="0.25">
      <c r="A5245" s="3">
        <v>41793.615972222222</v>
      </c>
      <c r="B5245" s="2">
        <v>27.9</v>
      </c>
      <c r="C5245" s="2">
        <v>165.6</v>
      </c>
      <c r="D5245" s="2">
        <v>0</v>
      </c>
      <c r="E5245" s="2">
        <v>179.59999999999835</v>
      </c>
    </row>
    <row r="5246" spans="1:5" x14ac:dyDescent="0.25">
      <c r="A5246" s="3">
        <v>41793.61614583333</v>
      </c>
      <c r="B5246" s="2">
        <v>27.9</v>
      </c>
      <c r="C5246" s="2">
        <v>165.8</v>
      </c>
      <c r="D5246" s="2">
        <v>0</v>
      </c>
      <c r="E5246" s="2">
        <v>179.59999999999835</v>
      </c>
    </row>
    <row r="5247" spans="1:5" x14ac:dyDescent="0.25">
      <c r="A5247" s="3">
        <v>41793.619502314818</v>
      </c>
      <c r="B5247" s="2">
        <v>27.5</v>
      </c>
      <c r="C5247" s="2">
        <v>166</v>
      </c>
      <c r="D5247" s="2">
        <v>0</v>
      </c>
      <c r="E5247" s="2">
        <v>179.59999999999835</v>
      </c>
    </row>
    <row r="5248" spans="1:5" x14ac:dyDescent="0.25">
      <c r="A5248" s="3">
        <v>41793.619849537034</v>
      </c>
      <c r="B5248" s="2">
        <v>27.5</v>
      </c>
      <c r="C5248" s="2">
        <v>166.2</v>
      </c>
      <c r="D5248" s="2">
        <v>0</v>
      </c>
      <c r="E5248" s="2">
        <v>179.59999999999835</v>
      </c>
    </row>
    <row r="5249" spans="1:5" x14ac:dyDescent="0.25">
      <c r="A5249" s="3">
        <v>41793.620081018518</v>
      </c>
      <c r="B5249" s="2">
        <v>27.4</v>
      </c>
      <c r="C5249" s="2">
        <v>166.4</v>
      </c>
      <c r="D5249" s="2">
        <v>0</v>
      </c>
      <c r="E5249" s="2">
        <v>179.59999999999835</v>
      </c>
    </row>
    <row r="5250" spans="1:5" x14ac:dyDescent="0.25">
      <c r="A5250" s="3">
        <v>41793.620254629626</v>
      </c>
      <c r="B5250" s="2">
        <v>27.4</v>
      </c>
      <c r="C5250" s="2">
        <v>166.6</v>
      </c>
      <c r="D5250" s="2">
        <v>0</v>
      </c>
      <c r="E5250" s="2">
        <v>179.59999999999835</v>
      </c>
    </row>
    <row r="5251" spans="1:5" x14ac:dyDescent="0.25">
      <c r="A5251" s="3">
        <v>41793.620370370372</v>
      </c>
      <c r="B5251" s="2">
        <v>27.4</v>
      </c>
      <c r="C5251" s="2">
        <v>166.8</v>
      </c>
      <c r="D5251" s="2">
        <v>0</v>
      </c>
      <c r="E5251" s="2">
        <v>179.59999999999835</v>
      </c>
    </row>
    <row r="5252" spans="1:5" x14ac:dyDescent="0.25">
      <c r="A5252" s="3">
        <v>41793.620486111111</v>
      </c>
      <c r="B5252" s="2">
        <v>27.2</v>
      </c>
      <c r="C5252" s="2">
        <v>167</v>
      </c>
      <c r="D5252" s="2">
        <v>0</v>
      </c>
      <c r="E5252" s="2">
        <v>179.59999999999835</v>
      </c>
    </row>
    <row r="5253" spans="1:5" x14ac:dyDescent="0.25">
      <c r="A5253" s="3">
        <v>41793.62060185185</v>
      </c>
      <c r="B5253" s="2">
        <v>27.1</v>
      </c>
      <c r="C5253" s="2">
        <v>167.2</v>
      </c>
      <c r="D5253" s="2">
        <v>0</v>
      </c>
      <c r="E5253" s="2">
        <v>179.59999999999835</v>
      </c>
    </row>
    <row r="5254" spans="1:5" x14ac:dyDescent="0.25">
      <c r="A5254" s="3">
        <v>41793.620659722219</v>
      </c>
      <c r="B5254" s="2">
        <v>27</v>
      </c>
      <c r="C5254" s="2">
        <v>167.2</v>
      </c>
      <c r="D5254" s="2">
        <v>0.2</v>
      </c>
      <c r="E5254" s="2">
        <v>179.79999999999833</v>
      </c>
    </row>
    <row r="5255" spans="1:5" x14ac:dyDescent="0.25">
      <c r="A5255" s="3">
        <v>41793.620775462965</v>
      </c>
      <c r="B5255" s="2">
        <v>27</v>
      </c>
      <c r="C5255" s="2">
        <v>167.4</v>
      </c>
      <c r="D5255" s="2">
        <v>0.2</v>
      </c>
      <c r="E5255" s="2">
        <v>179.99999999999832</v>
      </c>
    </row>
    <row r="5256" spans="1:5" x14ac:dyDescent="0.25">
      <c r="A5256" s="3">
        <v>41793.620833333334</v>
      </c>
      <c r="B5256" s="2">
        <v>26.9</v>
      </c>
      <c r="C5256" s="2">
        <v>167.4</v>
      </c>
      <c r="D5256" s="2">
        <v>0.2</v>
      </c>
      <c r="E5256" s="2">
        <v>180.19999999999831</v>
      </c>
    </row>
    <row r="5257" spans="1:5" x14ac:dyDescent="0.25">
      <c r="A5257" s="3">
        <v>41793.620891203704</v>
      </c>
      <c r="B5257" s="2">
        <v>26.9</v>
      </c>
      <c r="C5257" s="2">
        <v>167.6</v>
      </c>
      <c r="D5257" s="2">
        <v>0</v>
      </c>
      <c r="E5257" s="2">
        <v>180.19999999999831</v>
      </c>
    </row>
    <row r="5258" spans="1:5" x14ac:dyDescent="0.25">
      <c r="A5258" s="3">
        <v>41793.620949074073</v>
      </c>
      <c r="B5258" s="2">
        <v>26.8</v>
      </c>
      <c r="C5258" s="2">
        <v>167.8</v>
      </c>
      <c r="D5258" s="2">
        <v>0.2</v>
      </c>
      <c r="E5258" s="2">
        <v>180.3999999999983</v>
      </c>
    </row>
    <row r="5259" spans="1:5" x14ac:dyDescent="0.25">
      <c r="A5259" s="3">
        <v>41793.621064814812</v>
      </c>
      <c r="B5259" s="2">
        <v>26.8</v>
      </c>
      <c r="C5259" s="2">
        <v>168</v>
      </c>
      <c r="D5259" s="2">
        <v>0.2</v>
      </c>
      <c r="E5259" s="2">
        <v>180.59999999999829</v>
      </c>
    </row>
    <row r="5260" spans="1:5" x14ac:dyDescent="0.25">
      <c r="A5260" s="3">
        <v>41793.621180555558</v>
      </c>
      <c r="B5260" s="2">
        <v>26.8</v>
      </c>
      <c r="C5260" s="2">
        <v>168.2</v>
      </c>
      <c r="D5260" s="2">
        <v>0.2</v>
      </c>
      <c r="E5260" s="2">
        <v>180.79999999999828</v>
      </c>
    </row>
    <row r="5261" spans="1:5" x14ac:dyDescent="0.25">
      <c r="A5261" s="3">
        <v>41793.621296296296</v>
      </c>
      <c r="B5261" s="2">
        <v>26.8</v>
      </c>
      <c r="C5261" s="2">
        <v>168.4</v>
      </c>
      <c r="D5261" s="2">
        <v>0.2</v>
      </c>
      <c r="E5261" s="2">
        <v>180.99999999999827</v>
      </c>
    </row>
    <row r="5262" spans="1:5" x14ac:dyDescent="0.25">
      <c r="A5262" s="3">
        <v>41793.621354166666</v>
      </c>
      <c r="B5262" s="2">
        <v>26.7</v>
      </c>
      <c r="C5262" s="2">
        <v>168.6</v>
      </c>
      <c r="D5262" s="2">
        <v>0.2</v>
      </c>
      <c r="E5262" s="2">
        <v>181.19999999999825</v>
      </c>
    </row>
    <row r="5263" spans="1:5" x14ac:dyDescent="0.25">
      <c r="A5263" s="3">
        <v>41793.621469907404</v>
      </c>
      <c r="B5263" s="2">
        <v>26.5</v>
      </c>
      <c r="C5263" s="2">
        <v>168.8</v>
      </c>
      <c r="D5263" s="2">
        <v>0.2</v>
      </c>
      <c r="E5263" s="2">
        <v>181.39999999999824</v>
      </c>
    </row>
    <row r="5264" spans="1:5" x14ac:dyDescent="0.25">
      <c r="A5264" s="3">
        <v>41793.62158564815</v>
      </c>
      <c r="B5264" s="2">
        <v>26.5</v>
      </c>
      <c r="C5264" s="2">
        <v>169</v>
      </c>
      <c r="D5264" s="2">
        <v>0.2</v>
      </c>
      <c r="E5264" s="2">
        <v>181.59999999999823</v>
      </c>
    </row>
    <row r="5265" spans="1:5" x14ac:dyDescent="0.25">
      <c r="A5265" s="3">
        <v>41793.621701388889</v>
      </c>
      <c r="B5265" s="2">
        <v>26.5</v>
      </c>
      <c r="C5265" s="2">
        <v>169.2</v>
      </c>
      <c r="D5265" s="2">
        <v>0.2</v>
      </c>
      <c r="E5265" s="2">
        <v>181.79999999999822</v>
      </c>
    </row>
    <row r="5266" spans="1:5" x14ac:dyDescent="0.25">
      <c r="A5266" s="3">
        <v>41793.621817129628</v>
      </c>
      <c r="B5266" s="2">
        <v>26.4</v>
      </c>
      <c r="C5266" s="2">
        <v>169.4</v>
      </c>
      <c r="D5266" s="2">
        <v>0</v>
      </c>
      <c r="E5266" s="2">
        <v>181.79999999999822</v>
      </c>
    </row>
    <row r="5267" spans="1:5" x14ac:dyDescent="0.25">
      <c r="A5267" s="3">
        <v>41793.621874999997</v>
      </c>
      <c r="B5267" s="2">
        <v>26.4</v>
      </c>
      <c r="C5267" s="2">
        <v>169.4</v>
      </c>
      <c r="D5267" s="2">
        <v>0.2</v>
      </c>
      <c r="E5267" s="2">
        <v>181.99999999999821</v>
      </c>
    </row>
    <row r="5268" spans="1:5" x14ac:dyDescent="0.25">
      <c r="A5268" s="3">
        <v>41793.621932870374</v>
      </c>
      <c r="B5268" s="2">
        <v>26.4</v>
      </c>
      <c r="C5268" s="2">
        <v>169.6</v>
      </c>
      <c r="D5268" s="2">
        <v>0</v>
      </c>
      <c r="E5268" s="2">
        <v>181.99999999999821</v>
      </c>
    </row>
    <row r="5269" spans="1:5" x14ac:dyDescent="0.25">
      <c r="A5269" s="3">
        <v>41793.622048611112</v>
      </c>
      <c r="B5269" s="2">
        <v>26.4</v>
      </c>
      <c r="C5269" s="2">
        <v>169.8</v>
      </c>
      <c r="D5269" s="2">
        <v>0.2</v>
      </c>
      <c r="E5269" s="2">
        <v>182.1999999999982</v>
      </c>
    </row>
    <row r="5270" spans="1:5" x14ac:dyDescent="0.25">
      <c r="A5270" s="3">
        <v>41793.62228009259</v>
      </c>
      <c r="B5270" s="2">
        <v>26.2</v>
      </c>
      <c r="C5270" s="2">
        <v>170</v>
      </c>
      <c r="D5270" s="2">
        <v>0.2</v>
      </c>
      <c r="E5270" s="2">
        <v>182.39999999999819</v>
      </c>
    </row>
    <row r="5271" spans="1:5" x14ac:dyDescent="0.25">
      <c r="A5271" s="3">
        <v>41793.622511574074</v>
      </c>
      <c r="B5271" s="2">
        <v>26.2</v>
      </c>
      <c r="C5271" s="2">
        <v>170</v>
      </c>
      <c r="D5271" s="2">
        <v>0.2</v>
      </c>
      <c r="E5271" s="2">
        <v>182.59999999999818</v>
      </c>
    </row>
    <row r="5272" spans="1:5" x14ac:dyDescent="0.25">
      <c r="A5272" s="3">
        <v>41793.622569444444</v>
      </c>
      <c r="B5272" s="2">
        <v>26.2</v>
      </c>
      <c r="C5272" s="2">
        <v>170.2</v>
      </c>
      <c r="D5272" s="2">
        <v>0</v>
      </c>
      <c r="E5272" s="2">
        <v>182.59999999999818</v>
      </c>
    </row>
    <row r="5273" spans="1:5" x14ac:dyDescent="0.25">
      <c r="A5273" s="3">
        <v>41793.622800925928</v>
      </c>
      <c r="B5273" s="2">
        <v>26.3</v>
      </c>
      <c r="C5273" s="2">
        <v>170.4</v>
      </c>
      <c r="D5273" s="2">
        <v>0.2</v>
      </c>
      <c r="E5273" s="2">
        <v>182.79999999999816</v>
      </c>
    </row>
    <row r="5274" spans="1:5" x14ac:dyDescent="0.25">
      <c r="A5274" s="3">
        <v>41793.623032407406</v>
      </c>
      <c r="B5274" s="2">
        <v>25.9</v>
      </c>
      <c r="C5274" s="2">
        <v>170.4</v>
      </c>
      <c r="D5274" s="2">
        <v>0.2</v>
      </c>
      <c r="E5274" s="2">
        <v>182.99999999999815</v>
      </c>
    </row>
    <row r="5275" spans="1:5" x14ac:dyDescent="0.25">
      <c r="A5275" s="3">
        <v>41793.623148148145</v>
      </c>
      <c r="B5275" s="2">
        <v>26</v>
      </c>
      <c r="C5275" s="2">
        <v>170.6</v>
      </c>
      <c r="D5275" s="2">
        <v>0</v>
      </c>
      <c r="E5275" s="2">
        <v>182.99999999999815</v>
      </c>
    </row>
    <row r="5276" spans="1:5" x14ac:dyDescent="0.25">
      <c r="A5276" s="3">
        <v>41793.623263888891</v>
      </c>
      <c r="B5276" s="2">
        <v>25.9</v>
      </c>
      <c r="C5276" s="2">
        <v>170.6</v>
      </c>
      <c r="D5276" s="2">
        <v>0.2</v>
      </c>
      <c r="E5276" s="2">
        <v>183.19999999999814</v>
      </c>
    </row>
    <row r="5277" spans="1:5" x14ac:dyDescent="0.25">
      <c r="A5277" s="3">
        <v>41793.623437499999</v>
      </c>
      <c r="B5277" s="2">
        <v>25.8</v>
      </c>
      <c r="C5277" s="2">
        <v>170.8</v>
      </c>
      <c r="D5277" s="2">
        <v>0.2</v>
      </c>
      <c r="E5277" s="2">
        <v>183.39999999999813</v>
      </c>
    </row>
    <row r="5278" spans="1:5" x14ac:dyDescent="0.25">
      <c r="A5278" s="3">
        <v>41793.623611111114</v>
      </c>
      <c r="B5278" s="2">
        <v>25.7</v>
      </c>
      <c r="C5278" s="2">
        <v>170.8</v>
      </c>
      <c r="D5278" s="2">
        <v>0.2</v>
      </c>
      <c r="E5278" s="2">
        <v>183.59999999999812</v>
      </c>
    </row>
    <row r="5279" spans="1:5" x14ac:dyDescent="0.25">
      <c r="A5279" s="3">
        <v>41793.623726851853</v>
      </c>
      <c r="B5279" s="2">
        <v>25.8</v>
      </c>
      <c r="C5279" s="2">
        <v>171</v>
      </c>
      <c r="D5279" s="2">
        <v>0</v>
      </c>
      <c r="E5279" s="2">
        <v>183.59999999999812</v>
      </c>
    </row>
    <row r="5280" spans="1:5" x14ac:dyDescent="0.25">
      <c r="A5280" s="3">
        <v>41793.62395833333</v>
      </c>
      <c r="B5280" s="2">
        <v>25.7</v>
      </c>
      <c r="C5280" s="2">
        <v>171</v>
      </c>
      <c r="D5280" s="2">
        <v>0.2</v>
      </c>
      <c r="E5280" s="2">
        <v>183.79999999999811</v>
      </c>
    </row>
    <row r="5281" spans="1:5" x14ac:dyDescent="0.25">
      <c r="A5281" s="3">
        <v>41793.624131944445</v>
      </c>
      <c r="B5281" s="2">
        <v>25.7</v>
      </c>
      <c r="C5281" s="2">
        <v>171.2</v>
      </c>
      <c r="D5281" s="2">
        <v>0</v>
      </c>
      <c r="E5281" s="2">
        <v>183.79999999999811</v>
      </c>
    </row>
    <row r="5282" spans="1:5" x14ac:dyDescent="0.25">
      <c r="A5282" s="3">
        <v>41793.624247685184</v>
      </c>
      <c r="B5282" s="2">
        <v>25.7</v>
      </c>
      <c r="C5282" s="2">
        <v>171.2</v>
      </c>
      <c r="D5282" s="2">
        <v>0.2</v>
      </c>
      <c r="E5282" s="2">
        <v>183.9999999999981</v>
      </c>
    </row>
    <row r="5283" spans="1:5" x14ac:dyDescent="0.25">
      <c r="A5283" s="3">
        <v>41793.624363425923</v>
      </c>
      <c r="B5283" s="2">
        <v>25.8</v>
      </c>
      <c r="C5283" s="2">
        <v>171.4</v>
      </c>
      <c r="D5283" s="2">
        <v>0</v>
      </c>
      <c r="E5283" s="2">
        <v>183.9999999999981</v>
      </c>
    </row>
    <row r="5284" spans="1:5" x14ac:dyDescent="0.25">
      <c r="A5284" s="3">
        <v>41793.624479166669</v>
      </c>
      <c r="B5284" s="2">
        <v>25.8</v>
      </c>
      <c r="C5284" s="2">
        <v>171.4</v>
      </c>
      <c r="D5284" s="2">
        <v>0.2</v>
      </c>
      <c r="E5284" s="2">
        <v>184.19999999999808</v>
      </c>
    </row>
    <row r="5285" spans="1:5" x14ac:dyDescent="0.25">
      <c r="A5285" s="3">
        <v>41793.624652777777</v>
      </c>
      <c r="B5285" s="2">
        <v>25.8</v>
      </c>
      <c r="C5285" s="2">
        <v>171.6</v>
      </c>
      <c r="D5285" s="2">
        <v>0</v>
      </c>
      <c r="E5285" s="2">
        <v>184.19999999999808</v>
      </c>
    </row>
    <row r="5286" spans="1:5" x14ac:dyDescent="0.25">
      <c r="A5286" s="3">
        <v>41793.624768518515</v>
      </c>
      <c r="B5286" s="2">
        <v>25.8</v>
      </c>
      <c r="C5286" s="2">
        <v>171.6</v>
      </c>
      <c r="D5286" s="2">
        <v>0.2</v>
      </c>
      <c r="E5286" s="2">
        <v>184.39999999999807</v>
      </c>
    </row>
    <row r="5287" spans="1:5" x14ac:dyDescent="0.25">
      <c r="A5287" s="3">
        <v>41793.624884259261</v>
      </c>
      <c r="B5287" s="2">
        <v>25.7</v>
      </c>
      <c r="C5287" s="2">
        <v>171.8</v>
      </c>
      <c r="D5287" s="2">
        <v>0</v>
      </c>
      <c r="E5287" s="2">
        <v>184.39999999999807</v>
      </c>
    </row>
    <row r="5288" spans="1:5" x14ac:dyDescent="0.25">
      <c r="A5288" s="3">
        <v>41793.625</v>
      </c>
      <c r="B5288" s="2">
        <v>25.8</v>
      </c>
      <c r="C5288" s="2">
        <v>171.8</v>
      </c>
      <c r="D5288" s="2">
        <v>0.2</v>
      </c>
      <c r="E5288" s="2">
        <v>184.59999999999806</v>
      </c>
    </row>
    <row r="5289" spans="1:5" x14ac:dyDescent="0.25">
      <c r="A5289" s="3">
        <v>41793.625173611108</v>
      </c>
      <c r="B5289" s="2">
        <v>25.8</v>
      </c>
      <c r="C5289" s="2">
        <v>172</v>
      </c>
      <c r="D5289" s="2">
        <v>0</v>
      </c>
      <c r="E5289" s="2">
        <v>184.59999999999806</v>
      </c>
    </row>
    <row r="5290" spans="1:5" x14ac:dyDescent="0.25">
      <c r="A5290" s="3">
        <v>41793.625578703701</v>
      </c>
      <c r="B5290" s="2">
        <v>25.8</v>
      </c>
      <c r="C5290" s="2">
        <v>172</v>
      </c>
      <c r="D5290" s="2">
        <v>0.2</v>
      </c>
      <c r="E5290" s="2">
        <v>184.79999999999805</v>
      </c>
    </row>
    <row r="5291" spans="1:5" x14ac:dyDescent="0.25">
      <c r="A5291" s="3">
        <v>41793.62604166667</v>
      </c>
      <c r="B5291" s="2">
        <v>25.7</v>
      </c>
      <c r="C5291" s="2">
        <v>172.2</v>
      </c>
      <c r="D5291" s="2">
        <v>0</v>
      </c>
      <c r="E5291" s="2">
        <v>184.79999999999805</v>
      </c>
    </row>
    <row r="5292" spans="1:5" x14ac:dyDescent="0.25">
      <c r="A5292" s="3">
        <v>41793.627314814818</v>
      </c>
      <c r="B5292" s="2">
        <v>25.6</v>
      </c>
      <c r="C5292" s="2">
        <v>172.2</v>
      </c>
      <c r="D5292" s="2">
        <v>0.2</v>
      </c>
      <c r="E5292" s="2">
        <v>184.99999999999804</v>
      </c>
    </row>
    <row r="5293" spans="1:5" x14ac:dyDescent="0.25">
      <c r="A5293" s="3">
        <v>41793.628125000003</v>
      </c>
      <c r="B5293" s="2">
        <v>25.5</v>
      </c>
      <c r="C5293" s="2">
        <v>172.4</v>
      </c>
      <c r="D5293" s="2">
        <v>0</v>
      </c>
      <c r="E5293" s="2">
        <v>184.99999999999804</v>
      </c>
    </row>
    <row r="5294" spans="1:5" x14ac:dyDescent="0.25">
      <c r="A5294" s="3">
        <v>41793.628703703704</v>
      </c>
      <c r="B5294" s="2">
        <v>25.6</v>
      </c>
      <c r="C5294" s="2">
        <v>172.4</v>
      </c>
      <c r="D5294" s="2">
        <v>0.2</v>
      </c>
      <c r="E5294" s="2">
        <v>185.19999999999803</v>
      </c>
    </row>
    <row r="5295" spans="1:5" x14ac:dyDescent="0.25">
      <c r="A5295" s="3">
        <v>41793.629918981482</v>
      </c>
      <c r="B5295" s="2">
        <v>25.4</v>
      </c>
      <c r="C5295" s="2">
        <v>172.6</v>
      </c>
      <c r="D5295" s="2">
        <v>0.2</v>
      </c>
      <c r="E5295" s="2">
        <v>185.39999999999802</v>
      </c>
    </row>
    <row r="5296" spans="1:5" x14ac:dyDescent="0.25">
      <c r="A5296" s="3">
        <v>41793.630902777775</v>
      </c>
      <c r="B5296" s="2">
        <v>25.4</v>
      </c>
      <c r="C5296" s="2">
        <v>172.6</v>
      </c>
      <c r="D5296" s="2">
        <v>0.2</v>
      </c>
      <c r="E5296" s="2">
        <v>185.599999999998</v>
      </c>
    </row>
    <row r="5297" spans="1:5" x14ac:dyDescent="0.25">
      <c r="A5297" s="3">
        <v>41793.630960648145</v>
      </c>
      <c r="B5297" s="2">
        <v>25.4</v>
      </c>
      <c r="C5297" s="2">
        <v>172.8</v>
      </c>
      <c r="D5297" s="2">
        <v>0</v>
      </c>
      <c r="E5297" s="2">
        <v>185.599999999998</v>
      </c>
    </row>
    <row r="5298" spans="1:5" x14ac:dyDescent="0.25">
      <c r="A5298" s="3">
        <v>41793.669444444444</v>
      </c>
      <c r="B5298" s="2">
        <v>24.1</v>
      </c>
      <c r="C5298" s="2">
        <v>172.6</v>
      </c>
      <c r="D5298" s="2">
        <v>0</v>
      </c>
      <c r="E5298" s="2">
        <v>185.599999999998</v>
      </c>
    </row>
    <row r="5299" spans="1:5" x14ac:dyDescent="0.25">
      <c r="A5299" s="3">
        <v>41793.670891203707</v>
      </c>
      <c r="B5299" s="2">
        <v>24.1</v>
      </c>
      <c r="C5299" s="2">
        <v>172.8</v>
      </c>
      <c r="D5299" s="2">
        <v>0</v>
      </c>
      <c r="E5299" s="2">
        <v>185.599999999998</v>
      </c>
    </row>
    <row r="5300" spans="1:5" x14ac:dyDescent="0.25">
      <c r="A5300" s="3">
        <v>41793.671064814815</v>
      </c>
      <c r="B5300" s="2">
        <v>24.1</v>
      </c>
      <c r="C5300" s="2">
        <v>172.6</v>
      </c>
      <c r="D5300" s="2">
        <v>0</v>
      </c>
      <c r="E5300" s="2">
        <v>185.599999999998</v>
      </c>
    </row>
    <row r="5301" spans="1:5" x14ac:dyDescent="0.25">
      <c r="A5301" s="3">
        <v>41793.677546296298</v>
      </c>
      <c r="B5301" s="2">
        <v>24</v>
      </c>
      <c r="C5301" s="2">
        <v>172.8</v>
      </c>
      <c r="D5301" s="2">
        <v>0</v>
      </c>
      <c r="E5301" s="2">
        <v>185.599999999998</v>
      </c>
    </row>
    <row r="5302" spans="1:5" x14ac:dyDescent="0.25">
      <c r="A5302" s="3">
        <v>41793.677662037036</v>
      </c>
      <c r="B5302" s="2">
        <v>24</v>
      </c>
      <c r="C5302" s="2">
        <v>172.6</v>
      </c>
      <c r="D5302" s="2">
        <v>0</v>
      </c>
      <c r="E5302" s="2">
        <v>185.599999999998</v>
      </c>
    </row>
    <row r="5303" spans="1:5" x14ac:dyDescent="0.25">
      <c r="A5303" s="3">
        <v>41793.739641203705</v>
      </c>
      <c r="B5303" s="2">
        <v>22.8</v>
      </c>
      <c r="C5303" s="2">
        <v>172.4</v>
      </c>
      <c r="D5303" s="2">
        <v>0</v>
      </c>
      <c r="E5303" s="2">
        <v>185.599999999998</v>
      </c>
    </row>
    <row r="5304" spans="1:5" x14ac:dyDescent="0.25">
      <c r="A5304" s="3">
        <v>41793.739930555559</v>
      </c>
      <c r="B5304" s="2">
        <v>22.8</v>
      </c>
      <c r="C5304" s="2">
        <v>172.6</v>
      </c>
      <c r="D5304" s="2">
        <v>0</v>
      </c>
      <c r="E5304" s="2">
        <v>185.599999999998</v>
      </c>
    </row>
    <row r="5305" spans="1:5" x14ac:dyDescent="0.25">
      <c r="A5305" s="3">
        <v>41793.740972222222</v>
      </c>
      <c r="B5305" s="2">
        <v>22.8</v>
      </c>
      <c r="C5305" s="2">
        <v>172.4</v>
      </c>
      <c r="D5305" s="2">
        <v>0</v>
      </c>
      <c r="E5305" s="2">
        <v>185.599999999998</v>
      </c>
    </row>
    <row r="5306" spans="1:5" x14ac:dyDescent="0.25">
      <c r="A5306" s="3">
        <v>41793.741203703707</v>
      </c>
      <c r="B5306" s="2">
        <v>22.8</v>
      </c>
      <c r="C5306" s="2">
        <v>172.6</v>
      </c>
      <c r="D5306" s="2">
        <v>0</v>
      </c>
      <c r="E5306" s="2">
        <v>185.599999999998</v>
      </c>
    </row>
    <row r="5307" spans="1:5" x14ac:dyDescent="0.25">
      <c r="A5307" s="3">
        <v>41793.741898148146</v>
      </c>
      <c r="B5307" s="2">
        <v>22.8</v>
      </c>
      <c r="C5307" s="2">
        <v>172.4</v>
      </c>
      <c r="D5307" s="2">
        <v>0</v>
      </c>
      <c r="E5307" s="2">
        <v>185.599999999998</v>
      </c>
    </row>
    <row r="5308" spans="1:5" x14ac:dyDescent="0.25">
      <c r="A5308" s="3">
        <v>41793.82980324074</v>
      </c>
      <c r="B5308" s="2">
        <v>21.2</v>
      </c>
      <c r="C5308" s="2">
        <v>172.2</v>
      </c>
      <c r="D5308" s="2">
        <v>0</v>
      </c>
      <c r="E5308" s="2">
        <v>185.599999999998</v>
      </c>
    </row>
    <row r="5309" spans="1:5" x14ac:dyDescent="0.25">
      <c r="A5309" s="3">
        <v>41793.977083333331</v>
      </c>
      <c r="B5309" s="2">
        <v>17.899999999999999</v>
      </c>
      <c r="C5309" s="2">
        <v>172</v>
      </c>
      <c r="D5309" s="2">
        <v>0</v>
      </c>
      <c r="E5309" s="2">
        <v>185.599999999998</v>
      </c>
    </row>
    <row r="5310" spans="1:5" x14ac:dyDescent="0.25">
      <c r="A5310" s="3">
        <v>41794.139756944445</v>
      </c>
      <c r="B5310" s="2">
        <v>15.5</v>
      </c>
      <c r="C5310" s="2">
        <v>171.8</v>
      </c>
      <c r="D5310" s="2">
        <v>0</v>
      </c>
      <c r="E5310" s="2">
        <v>185.599999999998</v>
      </c>
    </row>
    <row r="5311" spans="1:5" x14ac:dyDescent="0.25">
      <c r="A5311" s="3">
        <v>41794.325231481482</v>
      </c>
      <c r="B5311" s="2">
        <v>14.6</v>
      </c>
      <c r="C5311" s="2">
        <v>171.6</v>
      </c>
      <c r="D5311" s="2">
        <v>0</v>
      </c>
      <c r="E5311" s="2">
        <v>185.599999999998</v>
      </c>
    </row>
    <row r="5312" spans="1:5" x14ac:dyDescent="0.25">
      <c r="A5312" s="3">
        <v>41794.355555555558</v>
      </c>
      <c r="B5312" s="2">
        <v>14.9</v>
      </c>
      <c r="C5312" s="2">
        <v>171.4</v>
      </c>
      <c r="D5312" s="2">
        <v>0</v>
      </c>
      <c r="E5312" s="2">
        <v>185.599999999998</v>
      </c>
    </row>
    <row r="5313" spans="1:5" x14ac:dyDescent="0.25">
      <c r="A5313" s="3">
        <v>41794.453877314816</v>
      </c>
      <c r="B5313" s="2">
        <v>20.100000000000001</v>
      </c>
      <c r="C5313" s="2">
        <v>171.2</v>
      </c>
      <c r="D5313" s="2">
        <v>0</v>
      </c>
      <c r="E5313" s="2">
        <v>185.599999999998</v>
      </c>
    </row>
    <row r="5314" spans="1:5" x14ac:dyDescent="0.25">
      <c r="A5314" s="3">
        <v>41794.461053240739</v>
      </c>
      <c r="B5314" s="2">
        <v>20.8</v>
      </c>
      <c r="C5314" s="2">
        <v>171.2</v>
      </c>
      <c r="D5314" s="2">
        <v>0.2</v>
      </c>
      <c r="E5314" s="2">
        <v>185.79999999999799</v>
      </c>
    </row>
    <row r="5315" spans="1:5" x14ac:dyDescent="0.25">
      <c r="A5315" s="3">
        <v>41794.550694444442</v>
      </c>
      <c r="B5315" s="2">
        <v>26.8</v>
      </c>
      <c r="C5315" s="2">
        <v>171</v>
      </c>
      <c r="D5315" s="2">
        <v>0</v>
      </c>
      <c r="E5315" s="2">
        <v>185.79999999999799</v>
      </c>
    </row>
    <row r="5316" spans="1:5" x14ac:dyDescent="0.25">
      <c r="A5316" s="3">
        <v>41794.550868055558</v>
      </c>
      <c r="B5316" s="2">
        <v>26.8</v>
      </c>
      <c r="C5316" s="2">
        <v>171.2</v>
      </c>
      <c r="D5316" s="2">
        <v>0</v>
      </c>
      <c r="E5316" s="2">
        <v>185.79999999999799</v>
      </c>
    </row>
    <row r="5317" spans="1:5" x14ac:dyDescent="0.25">
      <c r="A5317" s="3">
        <v>41794.551099537035</v>
      </c>
      <c r="B5317" s="2">
        <v>26.8</v>
      </c>
      <c r="C5317" s="2">
        <v>171</v>
      </c>
      <c r="D5317" s="2">
        <v>0</v>
      </c>
      <c r="E5317" s="2">
        <v>185.79999999999799</v>
      </c>
    </row>
    <row r="5318" spans="1:5" x14ac:dyDescent="0.25">
      <c r="A5318" s="3">
        <v>41794.551562499997</v>
      </c>
      <c r="B5318" s="2">
        <v>26.8</v>
      </c>
      <c r="C5318" s="2">
        <v>171.2</v>
      </c>
      <c r="D5318" s="2">
        <v>0</v>
      </c>
      <c r="E5318" s="2">
        <v>185.79999999999799</v>
      </c>
    </row>
    <row r="5319" spans="1:5" x14ac:dyDescent="0.25">
      <c r="A5319" s="3">
        <v>41794.551678240743</v>
      </c>
      <c r="B5319" s="2">
        <v>26.9</v>
      </c>
      <c r="C5319" s="2">
        <v>171</v>
      </c>
      <c r="D5319" s="2">
        <v>0</v>
      </c>
      <c r="E5319" s="2">
        <v>185.79999999999799</v>
      </c>
    </row>
    <row r="5320" spans="1:5" x14ac:dyDescent="0.25">
      <c r="A5320" s="3">
        <v>41794.551736111112</v>
      </c>
      <c r="B5320" s="2">
        <v>26.8</v>
      </c>
      <c r="C5320" s="2">
        <v>171.2</v>
      </c>
      <c r="D5320" s="2">
        <v>0</v>
      </c>
      <c r="E5320" s="2">
        <v>185.79999999999799</v>
      </c>
    </row>
    <row r="5321" spans="1:5" x14ac:dyDescent="0.25">
      <c r="A5321" s="3">
        <v>41794.552256944444</v>
      </c>
      <c r="B5321" s="2">
        <v>27</v>
      </c>
      <c r="C5321" s="2">
        <v>171</v>
      </c>
      <c r="D5321" s="2">
        <v>0</v>
      </c>
      <c r="E5321" s="2">
        <v>185.79999999999799</v>
      </c>
    </row>
    <row r="5322" spans="1:5" x14ac:dyDescent="0.25">
      <c r="A5322" s="3">
        <v>41794.553182870368</v>
      </c>
      <c r="B5322" s="2">
        <v>27</v>
      </c>
      <c r="C5322" s="2">
        <v>171.2</v>
      </c>
      <c r="D5322" s="2">
        <v>0</v>
      </c>
      <c r="E5322" s="2">
        <v>185.79999999999799</v>
      </c>
    </row>
    <row r="5323" spans="1:5" x14ac:dyDescent="0.25">
      <c r="A5323" s="3">
        <v>41794.553993055553</v>
      </c>
      <c r="B5323" s="2">
        <v>27</v>
      </c>
      <c r="C5323" s="2">
        <v>171</v>
      </c>
      <c r="D5323" s="2">
        <v>0</v>
      </c>
      <c r="E5323" s="2">
        <v>185.79999999999799</v>
      </c>
    </row>
    <row r="5324" spans="1:5" x14ac:dyDescent="0.25">
      <c r="A5324" s="3">
        <v>41794.554861111108</v>
      </c>
      <c r="B5324" s="2">
        <v>27</v>
      </c>
      <c r="C5324" s="2">
        <v>171.2</v>
      </c>
      <c r="D5324" s="2">
        <v>0</v>
      </c>
      <c r="E5324" s="2">
        <v>185.79999999999799</v>
      </c>
    </row>
    <row r="5325" spans="1:5" x14ac:dyDescent="0.25">
      <c r="A5325" s="3">
        <v>41794.555150462962</v>
      </c>
      <c r="B5325" s="2">
        <v>27.2</v>
      </c>
      <c r="C5325" s="2">
        <v>171</v>
      </c>
      <c r="D5325" s="2">
        <v>0</v>
      </c>
      <c r="E5325" s="2">
        <v>185.79999999999799</v>
      </c>
    </row>
    <row r="5326" spans="1:5" x14ac:dyDescent="0.25">
      <c r="A5326" s="3">
        <v>41794.556076388886</v>
      </c>
      <c r="B5326" s="2">
        <v>27.2</v>
      </c>
      <c r="C5326" s="2">
        <v>171.2</v>
      </c>
      <c r="D5326" s="2">
        <v>0</v>
      </c>
      <c r="E5326" s="2">
        <v>185.79999999999799</v>
      </c>
    </row>
    <row r="5327" spans="1:5" x14ac:dyDescent="0.25">
      <c r="A5327" s="3">
        <v>41794.556134259263</v>
      </c>
      <c r="B5327" s="2">
        <v>27.2</v>
      </c>
      <c r="C5327" s="2">
        <v>171</v>
      </c>
      <c r="D5327" s="2">
        <v>0</v>
      </c>
      <c r="E5327" s="2">
        <v>185.79999999999799</v>
      </c>
    </row>
    <row r="5328" spans="1:5" x14ac:dyDescent="0.25">
      <c r="A5328" s="3">
        <v>41794.586921296293</v>
      </c>
      <c r="B5328" s="2">
        <v>28.7</v>
      </c>
      <c r="C5328" s="2">
        <v>170.8</v>
      </c>
      <c r="D5328" s="2">
        <v>0</v>
      </c>
      <c r="E5328" s="2">
        <v>185.79999999999799</v>
      </c>
    </row>
    <row r="5329" spans="1:5" x14ac:dyDescent="0.25">
      <c r="A5329" s="3">
        <v>41794.587557870371</v>
      </c>
      <c r="B5329" s="2">
        <v>28.7</v>
      </c>
      <c r="C5329" s="2">
        <v>171</v>
      </c>
      <c r="D5329" s="2">
        <v>0</v>
      </c>
      <c r="E5329" s="2">
        <v>185.79999999999799</v>
      </c>
    </row>
    <row r="5330" spans="1:5" x14ac:dyDescent="0.25">
      <c r="A5330" s="3">
        <v>41794.587789351855</v>
      </c>
      <c r="B5330" s="2">
        <v>28.7</v>
      </c>
      <c r="C5330" s="2">
        <v>170.8</v>
      </c>
      <c r="D5330" s="2">
        <v>0</v>
      </c>
      <c r="E5330" s="2">
        <v>185.79999999999799</v>
      </c>
    </row>
    <row r="5331" spans="1:5" x14ac:dyDescent="0.25">
      <c r="A5331" s="3">
        <v>41794.606712962966</v>
      </c>
      <c r="B5331" s="2">
        <v>29.4</v>
      </c>
      <c r="C5331" s="2">
        <v>170.6</v>
      </c>
      <c r="D5331" s="2">
        <v>0</v>
      </c>
      <c r="E5331" s="2">
        <v>185.79999999999799</v>
      </c>
    </row>
    <row r="5332" spans="1:5" x14ac:dyDescent="0.25">
      <c r="A5332" s="3">
        <v>41794.611168981479</v>
      </c>
      <c r="B5332" s="2">
        <v>29.5</v>
      </c>
      <c r="C5332" s="2">
        <v>170.8</v>
      </c>
      <c r="D5332" s="2">
        <v>0</v>
      </c>
      <c r="E5332" s="2">
        <v>185.79999999999799</v>
      </c>
    </row>
    <row r="5333" spans="1:5" x14ac:dyDescent="0.25">
      <c r="A5333" s="3">
        <v>41794.611342592594</v>
      </c>
      <c r="B5333" s="2">
        <v>29.6</v>
      </c>
      <c r="C5333" s="2">
        <v>170.6</v>
      </c>
      <c r="D5333" s="2">
        <v>0</v>
      </c>
      <c r="E5333" s="2">
        <v>185.79999999999799</v>
      </c>
    </row>
    <row r="5334" spans="1:5" x14ac:dyDescent="0.25">
      <c r="A5334" s="3">
        <v>41794.612442129626</v>
      </c>
      <c r="B5334" s="2">
        <v>29.5</v>
      </c>
      <c r="C5334" s="2">
        <v>170.8</v>
      </c>
      <c r="D5334" s="2">
        <v>0</v>
      </c>
      <c r="E5334" s="2">
        <v>185.79999999999799</v>
      </c>
    </row>
    <row r="5335" spans="1:5" x14ac:dyDescent="0.25">
      <c r="A5335" s="3">
        <v>41794.612673611111</v>
      </c>
      <c r="B5335" s="2">
        <v>29.5</v>
      </c>
      <c r="C5335" s="2">
        <v>170.6</v>
      </c>
      <c r="D5335" s="2">
        <v>0</v>
      </c>
      <c r="E5335" s="2">
        <v>185.79999999999799</v>
      </c>
    </row>
    <row r="5336" spans="1:5" x14ac:dyDescent="0.25">
      <c r="A5336" s="3">
        <v>41794.630960648145</v>
      </c>
      <c r="B5336" s="2">
        <v>30.1</v>
      </c>
      <c r="C5336" s="2">
        <v>170.4</v>
      </c>
      <c r="D5336" s="2">
        <v>0</v>
      </c>
      <c r="E5336" s="2">
        <v>185.79999999999799</v>
      </c>
    </row>
    <row r="5337" spans="1:5" x14ac:dyDescent="0.25">
      <c r="A5337" s="3">
        <v>41794.631076388891</v>
      </c>
      <c r="B5337" s="2">
        <v>30.1</v>
      </c>
      <c r="C5337" s="2">
        <v>170.6</v>
      </c>
      <c r="D5337" s="2">
        <v>0</v>
      </c>
      <c r="E5337" s="2">
        <v>185.79999999999799</v>
      </c>
    </row>
    <row r="5338" spans="1:5" x14ac:dyDescent="0.25">
      <c r="A5338" s="3">
        <v>41794.63113425926</v>
      </c>
      <c r="B5338" s="2">
        <v>30.1</v>
      </c>
      <c r="C5338" s="2">
        <v>170.4</v>
      </c>
      <c r="D5338" s="2">
        <v>0</v>
      </c>
      <c r="E5338" s="2">
        <v>185.79999999999799</v>
      </c>
    </row>
    <row r="5339" spans="1:5" x14ac:dyDescent="0.25">
      <c r="A5339" s="3">
        <v>41794.631481481483</v>
      </c>
      <c r="B5339" s="2">
        <v>30.1</v>
      </c>
      <c r="C5339" s="2">
        <v>170.6</v>
      </c>
      <c r="D5339" s="2">
        <v>0</v>
      </c>
      <c r="E5339" s="2">
        <v>185.79999999999799</v>
      </c>
    </row>
    <row r="5340" spans="1:5" x14ac:dyDescent="0.25">
      <c r="A5340" s="3">
        <v>41794.631539351853</v>
      </c>
      <c r="B5340" s="2">
        <v>30.1</v>
      </c>
      <c r="C5340" s="2">
        <v>170.4</v>
      </c>
      <c r="D5340" s="2">
        <v>0</v>
      </c>
      <c r="E5340" s="2">
        <v>185.79999999999799</v>
      </c>
    </row>
    <row r="5341" spans="1:5" x14ac:dyDescent="0.25">
      <c r="A5341" s="3">
        <v>41794.631597222222</v>
      </c>
      <c r="B5341" s="2">
        <v>30.1</v>
      </c>
      <c r="C5341" s="2">
        <v>170.6</v>
      </c>
      <c r="D5341" s="2">
        <v>0</v>
      </c>
      <c r="E5341" s="2">
        <v>185.79999999999799</v>
      </c>
    </row>
    <row r="5342" spans="1:5" x14ac:dyDescent="0.25">
      <c r="A5342" s="3">
        <v>41794.631828703707</v>
      </c>
      <c r="B5342" s="2">
        <v>30.1</v>
      </c>
      <c r="C5342" s="2">
        <v>170.4</v>
      </c>
      <c r="D5342" s="2">
        <v>0</v>
      </c>
      <c r="E5342" s="2">
        <v>185.79999999999799</v>
      </c>
    </row>
    <row r="5343" spans="1:5" x14ac:dyDescent="0.25">
      <c r="A5343" s="3">
        <v>41794.631886574076</v>
      </c>
      <c r="B5343" s="2">
        <v>30.1</v>
      </c>
      <c r="C5343" s="2">
        <v>170.6</v>
      </c>
      <c r="D5343" s="2">
        <v>0</v>
      </c>
      <c r="E5343" s="2">
        <v>185.79999999999799</v>
      </c>
    </row>
    <row r="5344" spans="1:5" x14ac:dyDescent="0.25">
      <c r="A5344" s="3">
        <v>41794.632002314815</v>
      </c>
      <c r="B5344" s="2">
        <v>30.1</v>
      </c>
      <c r="C5344" s="2">
        <v>170.4</v>
      </c>
      <c r="D5344" s="2">
        <v>0</v>
      </c>
      <c r="E5344" s="2">
        <v>185.79999999999799</v>
      </c>
    </row>
    <row r="5345" spans="1:5" x14ac:dyDescent="0.25">
      <c r="A5345" s="3">
        <v>41794.632349537038</v>
      </c>
      <c r="B5345" s="2">
        <v>30.1</v>
      </c>
      <c r="C5345" s="2">
        <v>170.6</v>
      </c>
      <c r="D5345" s="2">
        <v>0</v>
      </c>
      <c r="E5345" s="2">
        <v>185.79999999999799</v>
      </c>
    </row>
    <row r="5346" spans="1:5" x14ac:dyDescent="0.25">
      <c r="A5346" s="3">
        <v>41794.632523148146</v>
      </c>
      <c r="B5346" s="2">
        <v>30.1</v>
      </c>
      <c r="C5346" s="2">
        <v>170.4</v>
      </c>
      <c r="D5346" s="2">
        <v>0</v>
      </c>
      <c r="E5346" s="2">
        <v>185.79999999999799</v>
      </c>
    </row>
    <row r="5347" spans="1:5" x14ac:dyDescent="0.25">
      <c r="A5347" s="3">
        <v>41794.636284722219</v>
      </c>
      <c r="B5347" s="2">
        <v>30.2</v>
      </c>
      <c r="C5347" s="2">
        <v>170.6</v>
      </c>
      <c r="D5347" s="2">
        <v>0</v>
      </c>
      <c r="E5347" s="2">
        <v>185.79999999999799</v>
      </c>
    </row>
    <row r="5348" spans="1:5" x14ac:dyDescent="0.25">
      <c r="A5348" s="3">
        <v>41794.636400462965</v>
      </c>
      <c r="B5348" s="2">
        <v>30.2</v>
      </c>
      <c r="C5348" s="2">
        <v>170.4</v>
      </c>
      <c r="D5348" s="2">
        <v>0</v>
      </c>
      <c r="E5348" s="2">
        <v>185.79999999999799</v>
      </c>
    </row>
    <row r="5349" spans="1:5" x14ac:dyDescent="0.25">
      <c r="A5349" s="3">
        <v>41794.654224537036</v>
      </c>
      <c r="B5349" s="2">
        <v>29.9</v>
      </c>
      <c r="C5349" s="2">
        <v>170.6</v>
      </c>
      <c r="D5349" s="2">
        <v>0</v>
      </c>
      <c r="E5349" s="2">
        <v>185.79999999999799</v>
      </c>
    </row>
    <row r="5350" spans="1:5" x14ac:dyDescent="0.25">
      <c r="A5350" s="3">
        <v>41794.654282407406</v>
      </c>
      <c r="B5350" s="2">
        <v>29.9</v>
      </c>
      <c r="C5350" s="2">
        <v>170.4</v>
      </c>
      <c r="D5350" s="2">
        <v>0</v>
      </c>
      <c r="E5350" s="2">
        <v>185.79999999999799</v>
      </c>
    </row>
    <row r="5351" spans="1:5" x14ac:dyDescent="0.25">
      <c r="A5351" s="3">
        <v>41794.672511574077</v>
      </c>
      <c r="B5351" s="2">
        <v>29.1</v>
      </c>
      <c r="C5351" s="2">
        <v>170.2</v>
      </c>
      <c r="D5351" s="2">
        <v>0</v>
      </c>
      <c r="E5351" s="2">
        <v>185.79999999999799</v>
      </c>
    </row>
    <row r="5352" spans="1:5" x14ac:dyDescent="0.25">
      <c r="A5352" s="3">
        <v>41794.672800925924</v>
      </c>
      <c r="B5352" s="2">
        <v>29.1</v>
      </c>
      <c r="C5352" s="2">
        <v>170.4</v>
      </c>
      <c r="D5352" s="2">
        <v>0</v>
      </c>
      <c r="E5352" s="2">
        <v>185.79999999999799</v>
      </c>
    </row>
    <row r="5353" spans="1:5" x14ac:dyDescent="0.25">
      <c r="A5353" s="3">
        <v>41794.673032407409</v>
      </c>
      <c r="B5353" s="2">
        <v>29.1</v>
      </c>
      <c r="C5353" s="2">
        <v>170.2</v>
      </c>
      <c r="D5353" s="2">
        <v>0</v>
      </c>
      <c r="E5353" s="2">
        <v>185.79999999999799</v>
      </c>
    </row>
    <row r="5354" spans="1:5" x14ac:dyDescent="0.25">
      <c r="A5354" s="3">
        <v>41794.673668981479</v>
      </c>
      <c r="B5354" s="2">
        <v>29.1</v>
      </c>
      <c r="C5354" s="2">
        <v>170.4</v>
      </c>
      <c r="D5354" s="2">
        <v>0</v>
      </c>
      <c r="E5354" s="2">
        <v>185.79999999999799</v>
      </c>
    </row>
    <row r="5355" spans="1:5" x14ac:dyDescent="0.25">
      <c r="A5355" s="3">
        <v>41794.673784722225</v>
      </c>
      <c r="B5355" s="2">
        <v>29.1</v>
      </c>
      <c r="C5355" s="2">
        <v>170.2</v>
      </c>
      <c r="D5355" s="2">
        <v>0</v>
      </c>
      <c r="E5355" s="2">
        <v>185.79999999999799</v>
      </c>
    </row>
    <row r="5356" spans="1:5" x14ac:dyDescent="0.25">
      <c r="A5356" s="3">
        <v>41794.691435185188</v>
      </c>
      <c r="B5356" s="2">
        <v>28.7</v>
      </c>
      <c r="C5356" s="2">
        <v>170</v>
      </c>
      <c r="D5356" s="2">
        <v>0</v>
      </c>
      <c r="E5356" s="2">
        <v>185.79999999999799</v>
      </c>
    </row>
    <row r="5357" spans="1:5" x14ac:dyDescent="0.25">
      <c r="A5357" s="3">
        <v>41794.703993055555</v>
      </c>
      <c r="B5357" s="2">
        <v>28.2</v>
      </c>
      <c r="C5357" s="2">
        <v>169.8</v>
      </c>
      <c r="D5357" s="2">
        <v>0</v>
      </c>
      <c r="E5357" s="2">
        <v>185.79999999999799</v>
      </c>
    </row>
    <row r="5358" spans="1:5" x14ac:dyDescent="0.25">
      <c r="A5358" s="3">
        <v>41794.70416666667</v>
      </c>
      <c r="B5358" s="2">
        <v>28.2</v>
      </c>
      <c r="C5358" s="2">
        <v>170</v>
      </c>
      <c r="D5358" s="2">
        <v>0</v>
      </c>
      <c r="E5358" s="2">
        <v>185.79999999999799</v>
      </c>
    </row>
    <row r="5359" spans="1:5" x14ac:dyDescent="0.25">
      <c r="A5359" s="3">
        <v>41794.70480324074</v>
      </c>
      <c r="B5359" s="2">
        <v>28.1</v>
      </c>
      <c r="C5359" s="2">
        <v>169.8</v>
      </c>
      <c r="D5359" s="2">
        <v>0</v>
      </c>
      <c r="E5359" s="2">
        <v>185.79999999999799</v>
      </c>
    </row>
    <row r="5360" spans="1:5" x14ac:dyDescent="0.25">
      <c r="A5360" s="3">
        <v>41794.705729166664</v>
      </c>
      <c r="B5360" s="2">
        <v>28.1</v>
      </c>
      <c r="C5360" s="2">
        <v>170</v>
      </c>
      <c r="D5360" s="2">
        <v>0</v>
      </c>
      <c r="E5360" s="2">
        <v>185.79999999999799</v>
      </c>
    </row>
    <row r="5361" spans="1:5" x14ac:dyDescent="0.25">
      <c r="A5361" s="3">
        <v>41794.70584490741</v>
      </c>
      <c r="B5361" s="2">
        <v>28.1</v>
      </c>
      <c r="C5361" s="2">
        <v>169.8</v>
      </c>
      <c r="D5361" s="2">
        <v>0</v>
      </c>
      <c r="E5361" s="2">
        <v>185.79999999999799</v>
      </c>
    </row>
    <row r="5362" spans="1:5" x14ac:dyDescent="0.25">
      <c r="A5362" s="3">
        <v>41794.706307870372</v>
      </c>
      <c r="B5362" s="2">
        <v>28</v>
      </c>
      <c r="C5362" s="2">
        <v>170</v>
      </c>
      <c r="D5362" s="2">
        <v>0</v>
      </c>
      <c r="E5362" s="2">
        <v>185.79999999999799</v>
      </c>
    </row>
    <row r="5363" spans="1:5" x14ac:dyDescent="0.25">
      <c r="A5363" s="3">
        <v>41794.706423611111</v>
      </c>
      <c r="B5363" s="2">
        <v>28</v>
      </c>
      <c r="C5363" s="2">
        <v>169.8</v>
      </c>
      <c r="D5363" s="2">
        <v>0</v>
      </c>
      <c r="E5363" s="2">
        <v>185.79999999999799</v>
      </c>
    </row>
    <row r="5364" spans="1:5" x14ac:dyDescent="0.25">
      <c r="A5364" s="3">
        <v>41794.706597222219</v>
      </c>
      <c r="B5364" s="2">
        <v>28</v>
      </c>
      <c r="C5364" s="2">
        <v>170</v>
      </c>
      <c r="D5364" s="2">
        <v>0</v>
      </c>
      <c r="E5364" s="2">
        <v>185.79999999999799</v>
      </c>
    </row>
    <row r="5365" spans="1:5" x14ac:dyDescent="0.25">
      <c r="A5365" s="3">
        <v>41794.706712962965</v>
      </c>
      <c r="B5365" s="2">
        <v>28</v>
      </c>
      <c r="C5365" s="2">
        <v>169.8</v>
      </c>
      <c r="D5365" s="2">
        <v>0</v>
      </c>
      <c r="E5365" s="2">
        <v>185.79999999999799</v>
      </c>
    </row>
    <row r="5366" spans="1:5" x14ac:dyDescent="0.25">
      <c r="A5366" s="3">
        <v>41794.706944444442</v>
      </c>
      <c r="B5366" s="2">
        <v>28</v>
      </c>
      <c r="C5366" s="2">
        <v>170</v>
      </c>
      <c r="D5366" s="2">
        <v>0</v>
      </c>
      <c r="E5366" s="2">
        <v>185.79999999999799</v>
      </c>
    </row>
    <row r="5367" spans="1:5" x14ac:dyDescent="0.25">
      <c r="A5367" s="3">
        <v>41794.707291666666</v>
      </c>
      <c r="B5367" s="2">
        <v>28</v>
      </c>
      <c r="C5367" s="2">
        <v>169.8</v>
      </c>
      <c r="D5367" s="2">
        <v>0</v>
      </c>
      <c r="E5367" s="2">
        <v>185.79999999999799</v>
      </c>
    </row>
    <row r="5368" spans="1:5" x14ac:dyDescent="0.25">
      <c r="A5368" s="3">
        <v>41794.708275462966</v>
      </c>
      <c r="B5368" s="2">
        <v>28</v>
      </c>
      <c r="C5368" s="2">
        <v>170</v>
      </c>
      <c r="D5368" s="2">
        <v>0</v>
      </c>
      <c r="E5368" s="2">
        <v>185.79999999999799</v>
      </c>
    </row>
    <row r="5369" spans="1:5" x14ac:dyDescent="0.25">
      <c r="A5369" s="3">
        <v>41794.708391203705</v>
      </c>
      <c r="B5369" s="2">
        <v>28</v>
      </c>
      <c r="C5369" s="2">
        <v>169.8</v>
      </c>
      <c r="D5369" s="2">
        <v>0</v>
      </c>
      <c r="E5369" s="2">
        <v>185.79999999999799</v>
      </c>
    </row>
    <row r="5370" spans="1:5" x14ac:dyDescent="0.25">
      <c r="A5370" s="3">
        <v>41794.708680555559</v>
      </c>
      <c r="B5370" s="2">
        <v>28</v>
      </c>
      <c r="C5370" s="2">
        <v>170</v>
      </c>
      <c r="D5370" s="2">
        <v>0</v>
      </c>
      <c r="E5370" s="2">
        <v>185.79999999999799</v>
      </c>
    </row>
    <row r="5371" spans="1:5" x14ac:dyDescent="0.25">
      <c r="A5371" s="3">
        <v>41794.708738425928</v>
      </c>
      <c r="B5371" s="2">
        <v>28</v>
      </c>
      <c r="C5371" s="2">
        <v>169.8</v>
      </c>
      <c r="D5371" s="2">
        <v>0</v>
      </c>
      <c r="E5371" s="2">
        <v>185.79999999999799</v>
      </c>
    </row>
    <row r="5372" spans="1:5" x14ac:dyDescent="0.25">
      <c r="A5372" s="3">
        <v>41794.711747685185</v>
      </c>
      <c r="B5372" s="2">
        <v>27.8</v>
      </c>
      <c r="C5372" s="2">
        <v>170</v>
      </c>
      <c r="D5372" s="2">
        <v>0</v>
      </c>
      <c r="E5372" s="2">
        <v>185.79999999999799</v>
      </c>
    </row>
    <row r="5373" spans="1:5" x14ac:dyDescent="0.25">
      <c r="A5373" s="3">
        <v>41794.711805555555</v>
      </c>
      <c r="B5373" s="2">
        <v>27.8</v>
      </c>
      <c r="C5373" s="2">
        <v>169.8</v>
      </c>
      <c r="D5373" s="2">
        <v>0</v>
      </c>
      <c r="E5373" s="2">
        <v>185.79999999999799</v>
      </c>
    </row>
    <row r="5374" spans="1:5" x14ac:dyDescent="0.25">
      <c r="A5374" s="3">
        <v>41794.727256944447</v>
      </c>
      <c r="B5374" s="2">
        <v>27.3</v>
      </c>
      <c r="C5374" s="2">
        <v>169.6</v>
      </c>
      <c r="D5374" s="2">
        <v>0</v>
      </c>
      <c r="E5374" s="2">
        <v>185.79999999999799</v>
      </c>
    </row>
    <row r="5375" spans="1:5" x14ac:dyDescent="0.25">
      <c r="A5375" s="3">
        <v>41794.727314814816</v>
      </c>
      <c r="B5375" s="2">
        <v>27.3</v>
      </c>
      <c r="C5375" s="2">
        <v>169.8</v>
      </c>
      <c r="D5375" s="2">
        <v>0</v>
      </c>
      <c r="E5375" s="2">
        <v>185.79999999999799</v>
      </c>
    </row>
    <row r="5376" spans="1:5" x14ac:dyDescent="0.25">
      <c r="A5376" s="3">
        <v>41794.728182870371</v>
      </c>
      <c r="B5376" s="2">
        <v>27.3</v>
      </c>
      <c r="C5376" s="2">
        <v>169.6</v>
      </c>
      <c r="D5376" s="2">
        <v>0</v>
      </c>
      <c r="E5376" s="2">
        <v>185.79999999999799</v>
      </c>
    </row>
    <row r="5377" spans="1:5" x14ac:dyDescent="0.25">
      <c r="A5377" s="3">
        <v>41794.729166666664</v>
      </c>
      <c r="B5377" s="2">
        <v>27.2</v>
      </c>
      <c r="C5377" s="2">
        <v>169.8</v>
      </c>
      <c r="D5377" s="2">
        <v>0</v>
      </c>
      <c r="E5377" s="2">
        <v>185.79999999999799</v>
      </c>
    </row>
    <row r="5378" spans="1:5" x14ac:dyDescent="0.25">
      <c r="A5378" s="3">
        <v>41794.729571759257</v>
      </c>
      <c r="B5378" s="2">
        <v>27.2</v>
      </c>
      <c r="C5378" s="2">
        <v>169.6</v>
      </c>
      <c r="D5378" s="2">
        <v>0</v>
      </c>
      <c r="E5378" s="2">
        <v>185.79999999999799</v>
      </c>
    </row>
    <row r="5379" spans="1:5" x14ac:dyDescent="0.25">
      <c r="A5379" s="3">
        <v>41794.730613425927</v>
      </c>
      <c r="B5379" s="2">
        <v>27.2</v>
      </c>
      <c r="C5379" s="2">
        <v>169.8</v>
      </c>
      <c r="D5379" s="2">
        <v>0</v>
      </c>
      <c r="E5379" s="2">
        <v>185.79999999999799</v>
      </c>
    </row>
    <row r="5380" spans="1:5" x14ac:dyDescent="0.25">
      <c r="A5380" s="3">
        <v>41794.730729166666</v>
      </c>
      <c r="B5380" s="2">
        <v>27.2</v>
      </c>
      <c r="C5380" s="2">
        <v>169.6</v>
      </c>
      <c r="D5380" s="2">
        <v>0</v>
      </c>
      <c r="E5380" s="2">
        <v>185.79999999999799</v>
      </c>
    </row>
    <row r="5381" spans="1:5" x14ac:dyDescent="0.25">
      <c r="A5381" s="3">
        <v>41794.731886574074</v>
      </c>
      <c r="B5381" s="2">
        <v>27.2</v>
      </c>
      <c r="C5381" s="2">
        <v>169.8</v>
      </c>
      <c r="D5381" s="2">
        <v>0</v>
      </c>
      <c r="E5381" s="2">
        <v>185.79999999999799</v>
      </c>
    </row>
    <row r="5382" spans="1:5" x14ac:dyDescent="0.25">
      <c r="A5382" s="3">
        <v>41794.731944444444</v>
      </c>
      <c r="B5382" s="2">
        <v>27.2</v>
      </c>
      <c r="C5382" s="2">
        <v>169.6</v>
      </c>
      <c r="D5382" s="2">
        <v>0</v>
      </c>
      <c r="E5382" s="2">
        <v>185.79999999999799</v>
      </c>
    </row>
    <row r="5383" spans="1:5" x14ac:dyDescent="0.25">
      <c r="A5383" s="3">
        <v>41794.732002314813</v>
      </c>
      <c r="B5383" s="2">
        <v>27.2</v>
      </c>
      <c r="C5383" s="2">
        <v>169.8</v>
      </c>
      <c r="D5383" s="2">
        <v>0</v>
      </c>
      <c r="E5383" s="2">
        <v>185.79999999999799</v>
      </c>
    </row>
    <row r="5384" spans="1:5" x14ac:dyDescent="0.25">
      <c r="A5384" s="3">
        <v>41794.732118055559</v>
      </c>
      <c r="B5384" s="2">
        <v>27.2</v>
      </c>
      <c r="C5384" s="2">
        <v>169.6</v>
      </c>
      <c r="D5384" s="2">
        <v>0</v>
      </c>
      <c r="E5384" s="2">
        <v>185.79999999999799</v>
      </c>
    </row>
    <row r="5385" spans="1:5" x14ac:dyDescent="0.25">
      <c r="A5385" s="3">
        <v>41794.732465277775</v>
      </c>
      <c r="B5385" s="2">
        <v>27.2</v>
      </c>
      <c r="C5385" s="2">
        <v>169.8</v>
      </c>
      <c r="D5385" s="2">
        <v>0</v>
      </c>
      <c r="E5385" s="2">
        <v>185.79999999999799</v>
      </c>
    </row>
    <row r="5386" spans="1:5" x14ac:dyDescent="0.25">
      <c r="A5386" s="3">
        <v>41794.732638888891</v>
      </c>
      <c r="B5386" s="2">
        <v>27.2</v>
      </c>
      <c r="C5386" s="2">
        <v>169.6</v>
      </c>
      <c r="D5386" s="2">
        <v>0</v>
      </c>
      <c r="E5386" s="2">
        <v>185.79999999999799</v>
      </c>
    </row>
    <row r="5387" spans="1:5" x14ac:dyDescent="0.25">
      <c r="A5387" s="3">
        <v>41794.756481481483</v>
      </c>
      <c r="B5387" s="2">
        <v>26.4</v>
      </c>
      <c r="C5387" s="2">
        <v>169.4</v>
      </c>
      <c r="D5387" s="2">
        <v>0</v>
      </c>
      <c r="E5387" s="2">
        <v>185.79999999999799</v>
      </c>
    </row>
    <row r="5388" spans="1:5" x14ac:dyDescent="0.25">
      <c r="A5388" s="3">
        <v>41794.760995370372</v>
      </c>
      <c r="B5388" s="2">
        <v>26.2</v>
      </c>
      <c r="C5388" s="2">
        <v>169.6</v>
      </c>
      <c r="D5388" s="2">
        <v>0</v>
      </c>
      <c r="E5388" s="2">
        <v>185.79999999999799</v>
      </c>
    </row>
    <row r="5389" spans="1:5" x14ac:dyDescent="0.25">
      <c r="A5389" s="3">
        <v>41794.763657407406</v>
      </c>
      <c r="B5389" s="2">
        <v>26</v>
      </c>
      <c r="C5389" s="2">
        <v>169.6</v>
      </c>
      <c r="D5389" s="2">
        <v>0.2</v>
      </c>
      <c r="E5389" s="2">
        <v>185.99999999999798</v>
      </c>
    </row>
    <row r="5390" spans="1:5" x14ac:dyDescent="0.25">
      <c r="A5390" s="3">
        <v>41794.764641203707</v>
      </c>
      <c r="B5390" s="2">
        <v>25.9</v>
      </c>
      <c r="C5390" s="2">
        <v>169.8</v>
      </c>
      <c r="D5390" s="2">
        <v>0</v>
      </c>
      <c r="E5390" s="2">
        <v>185.99999999999798</v>
      </c>
    </row>
    <row r="5391" spans="1:5" x14ac:dyDescent="0.25">
      <c r="A5391" s="3">
        <v>41794.765219907407</v>
      </c>
      <c r="B5391" s="2">
        <v>26</v>
      </c>
      <c r="C5391" s="2">
        <v>169.8</v>
      </c>
      <c r="D5391" s="2">
        <v>0.2</v>
      </c>
      <c r="E5391" s="2">
        <v>186.19999999999797</v>
      </c>
    </row>
    <row r="5392" spans="1:5" x14ac:dyDescent="0.25">
      <c r="A5392" s="3">
        <v>41794.843576388892</v>
      </c>
      <c r="B5392" s="2">
        <v>23.8</v>
      </c>
      <c r="C5392" s="2">
        <v>169.6</v>
      </c>
      <c r="D5392" s="2">
        <v>0</v>
      </c>
      <c r="E5392" s="2">
        <v>186.19999999999797</v>
      </c>
    </row>
    <row r="5393" spans="1:5" x14ac:dyDescent="0.25">
      <c r="A5393" s="3">
        <v>41794.939756944441</v>
      </c>
      <c r="B5393" s="2">
        <v>21.6</v>
      </c>
      <c r="C5393" s="2">
        <v>169.4</v>
      </c>
      <c r="D5393" s="2">
        <v>0</v>
      </c>
      <c r="E5393" s="2">
        <v>186.19999999999797</v>
      </c>
    </row>
    <row r="5394" spans="1:5" x14ac:dyDescent="0.25">
      <c r="A5394" s="3">
        <v>41795.088020833333</v>
      </c>
      <c r="B5394" s="2">
        <v>19.2</v>
      </c>
      <c r="C5394" s="2">
        <v>169.2</v>
      </c>
      <c r="D5394" s="2">
        <v>0</v>
      </c>
      <c r="E5394" s="2">
        <v>186.19999999999797</v>
      </c>
    </row>
    <row r="5395" spans="1:5" x14ac:dyDescent="0.25">
      <c r="A5395" s="3">
        <v>41795.198784722219</v>
      </c>
      <c r="B5395" s="2">
        <v>17.899999999999999</v>
      </c>
      <c r="C5395" s="2">
        <v>169.2</v>
      </c>
      <c r="D5395" s="2">
        <v>0.2</v>
      </c>
      <c r="E5395" s="2">
        <v>186.39999999999796</v>
      </c>
    </row>
    <row r="5396" spans="1:5" x14ac:dyDescent="0.25">
      <c r="A5396" s="3">
        <v>41795.203645833331</v>
      </c>
      <c r="B5396" s="2">
        <v>17.899999999999999</v>
      </c>
      <c r="C5396" s="2">
        <v>169.2</v>
      </c>
      <c r="D5396" s="2">
        <v>0.2</v>
      </c>
      <c r="E5396" s="2">
        <v>186.59999999999795</v>
      </c>
    </row>
    <row r="5397" spans="1:5" x14ac:dyDescent="0.25">
      <c r="A5397" s="3">
        <v>41795.207986111112</v>
      </c>
      <c r="B5397" s="2">
        <v>17.8</v>
      </c>
      <c r="C5397" s="2">
        <v>169.4</v>
      </c>
      <c r="D5397" s="2">
        <v>0</v>
      </c>
      <c r="E5397" s="2">
        <v>186.59999999999795</v>
      </c>
    </row>
    <row r="5398" spans="1:5" x14ac:dyDescent="0.25">
      <c r="A5398" s="3">
        <v>41795.209027777775</v>
      </c>
      <c r="B5398" s="2">
        <v>17.8</v>
      </c>
      <c r="C5398" s="2">
        <v>169.4</v>
      </c>
      <c r="D5398" s="2">
        <v>0.2</v>
      </c>
      <c r="E5398" s="2">
        <v>186.79999999999794</v>
      </c>
    </row>
    <row r="5399" spans="1:5" x14ac:dyDescent="0.25">
      <c r="A5399" s="3">
        <v>41795.21371527778</v>
      </c>
      <c r="B5399" s="2">
        <v>17.8</v>
      </c>
      <c r="C5399" s="2">
        <v>169.4</v>
      </c>
      <c r="D5399" s="2">
        <v>0.2</v>
      </c>
      <c r="E5399" s="2">
        <v>186.99999999999793</v>
      </c>
    </row>
    <row r="5400" spans="1:5" x14ac:dyDescent="0.25">
      <c r="A5400" s="3">
        <v>41795.21603009259</v>
      </c>
      <c r="B5400" s="2">
        <v>17.7</v>
      </c>
      <c r="C5400" s="2">
        <v>169.6</v>
      </c>
      <c r="D5400" s="2">
        <v>0</v>
      </c>
      <c r="E5400" s="2">
        <v>186.99999999999793</v>
      </c>
    </row>
    <row r="5401" spans="1:5" x14ac:dyDescent="0.25">
      <c r="A5401" s="3">
        <v>41795.222453703704</v>
      </c>
      <c r="B5401" s="2">
        <v>17.7</v>
      </c>
      <c r="C5401" s="2">
        <v>169.6</v>
      </c>
      <c r="D5401" s="2">
        <v>0.2</v>
      </c>
      <c r="E5401" s="2">
        <v>187.19999999999791</v>
      </c>
    </row>
    <row r="5402" spans="1:5" x14ac:dyDescent="0.25">
      <c r="A5402" s="3">
        <v>41795.595023148147</v>
      </c>
      <c r="B5402" s="2">
        <v>23.6</v>
      </c>
      <c r="C5402" s="2">
        <v>169.4</v>
      </c>
      <c r="D5402" s="2">
        <v>0</v>
      </c>
      <c r="E5402" s="2">
        <v>187.19999999999791</v>
      </c>
    </row>
    <row r="5403" spans="1:5" x14ac:dyDescent="0.25">
      <c r="A5403" s="3">
        <v>41795.600231481483</v>
      </c>
      <c r="B5403" s="2">
        <v>23.9</v>
      </c>
      <c r="C5403" s="2">
        <v>169.4</v>
      </c>
      <c r="D5403" s="2">
        <v>0.2</v>
      </c>
      <c r="E5403" s="2">
        <v>187.3999999999979</v>
      </c>
    </row>
    <row r="5404" spans="1:5" x14ac:dyDescent="0.25">
      <c r="A5404" s="3">
        <v>41795.675925925927</v>
      </c>
      <c r="B5404" s="2">
        <v>25.7</v>
      </c>
      <c r="C5404" s="2">
        <v>169.2</v>
      </c>
      <c r="D5404" s="2">
        <v>0</v>
      </c>
      <c r="E5404" s="2">
        <v>187.3999999999979</v>
      </c>
    </row>
    <row r="5405" spans="1:5" x14ac:dyDescent="0.25">
      <c r="A5405" s="3">
        <v>41795.676041666666</v>
      </c>
      <c r="B5405" s="2">
        <v>25.7</v>
      </c>
      <c r="C5405" s="2">
        <v>169.4</v>
      </c>
      <c r="D5405" s="2">
        <v>0</v>
      </c>
      <c r="E5405" s="2">
        <v>187.3999999999979</v>
      </c>
    </row>
    <row r="5406" spans="1:5" x14ac:dyDescent="0.25">
      <c r="A5406" s="3">
        <v>41795.676851851851</v>
      </c>
      <c r="B5406" s="2">
        <v>25.7</v>
      </c>
      <c r="C5406" s="2">
        <v>169.2</v>
      </c>
      <c r="D5406" s="2">
        <v>0</v>
      </c>
      <c r="E5406" s="2">
        <v>187.3999999999979</v>
      </c>
    </row>
    <row r="5407" spans="1:5" x14ac:dyDescent="0.25">
      <c r="A5407" s="3">
        <v>41795.677604166667</v>
      </c>
      <c r="B5407" s="2">
        <v>25.7</v>
      </c>
      <c r="C5407" s="2">
        <v>169.4</v>
      </c>
      <c r="D5407" s="2">
        <v>0</v>
      </c>
      <c r="E5407" s="2">
        <v>187.3999999999979</v>
      </c>
    </row>
    <row r="5408" spans="1:5" x14ac:dyDescent="0.25">
      <c r="A5408" s="3">
        <v>41795.677719907406</v>
      </c>
      <c r="B5408" s="2">
        <v>25.7</v>
      </c>
      <c r="C5408" s="2">
        <v>169.2</v>
      </c>
      <c r="D5408" s="2">
        <v>0</v>
      </c>
      <c r="E5408" s="2">
        <v>187.3999999999979</v>
      </c>
    </row>
    <row r="5409" spans="1:5" x14ac:dyDescent="0.25">
      <c r="A5409" s="3">
        <v>41795.679918981485</v>
      </c>
      <c r="B5409" s="2">
        <v>25.8</v>
      </c>
      <c r="C5409" s="2">
        <v>169.4</v>
      </c>
      <c r="D5409" s="2">
        <v>0</v>
      </c>
      <c r="E5409" s="2">
        <v>187.3999999999979</v>
      </c>
    </row>
    <row r="5410" spans="1:5" x14ac:dyDescent="0.25">
      <c r="A5410" s="3">
        <v>41795.680092592593</v>
      </c>
      <c r="B5410" s="2">
        <v>25.7</v>
      </c>
      <c r="C5410" s="2">
        <v>169.2</v>
      </c>
      <c r="D5410" s="2">
        <v>0</v>
      </c>
      <c r="E5410" s="2">
        <v>187.3999999999979</v>
      </c>
    </row>
    <row r="5411" spans="1:5" x14ac:dyDescent="0.25">
      <c r="A5411" s="3">
        <v>41795.680324074077</v>
      </c>
      <c r="B5411" s="2">
        <v>25.7</v>
      </c>
      <c r="C5411" s="2">
        <v>169.4</v>
      </c>
      <c r="D5411" s="2">
        <v>0</v>
      </c>
      <c r="E5411" s="2">
        <v>187.3999999999979</v>
      </c>
    </row>
    <row r="5412" spans="1:5" x14ac:dyDescent="0.25">
      <c r="A5412" s="3">
        <v>41795.680439814816</v>
      </c>
      <c r="B5412" s="2">
        <v>25.7</v>
      </c>
      <c r="C5412" s="2">
        <v>169.2</v>
      </c>
      <c r="D5412" s="2">
        <v>0</v>
      </c>
      <c r="E5412" s="2">
        <v>187.3999999999979</v>
      </c>
    </row>
    <row r="5413" spans="1:5" x14ac:dyDescent="0.25">
      <c r="A5413" s="3">
        <v>41795.682002314818</v>
      </c>
      <c r="B5413" s="2">
        <v>25.7</v>
      </c>
      <c r="C5413" s="2">
        <v>169.4</v>
      </c>
      <c r="D5413" s="2">
        <v>0</v>
      </c>
      <c r="E5413" s="2">
        <v>187.3999999999979</v>
      </c>
    </row>
    <row r="5414" spans="1:5" x14ac:dyDescent="0.25">
      <c r="A5414" s="3">
        <v>41795.682060185187</v>
      </c>
      <c r="B5414" s="2">
        <v>25.7</v>
      </c>
      <c r="C5414" s="2">
        <v>169.2</v>
      </c>
      <c r="D5414" s="2">
        <v>0</v>
      </c>
      <c r="E5414" s="2">
        <v>187.3999999999979</v>
      </c>
    </row>
    <row r="5415" spans="1:5" x14ac:dyDescent="0.25">
      <c r="A5415" s="3">
        <v>41795.726215277777</v>
      </c>
      <c r="B5415" s="2">
        <v>25.3</v>
      </c>
      <c r="C5415" s="2">
        <v>169</v>
      </c>
      <c r="D5415" s="2">
        <v>0</v>
      </c>
      <c r="E5415" s="2">
        <v>187.3999999999979</v>
      </c>
    </row>
    <row r="5416" spans="1:5" x14ac:dyDescent="0.25">
      <c r="A5416" s="3">
        <v>41795.755266203705</v>
      </c>
      <c r="B5416" s="2">
        <v>25.4</v>
      </c>
      <c r="C5416" s="2">
        <v>168.8</v>
      </c>
      <c r="D5416" s="2">
        <v>0</v>
      </c>
      <c r="E5416" s="2">
        <v>187.3999999999979</v>
      </c>
    </row>
    <row r="5417" spans="1:5" x14ac:dyDescent="0.25">
      <c r="A5417" s="3">
        <v>41795.759201388886</v>
      </c>
      <c r="B5417" s="2">
        <v>25.4</v>
      </c>
      <c r="C5417" s="2">
        <v>169</v>
      </c>
      <c r="D5417" s="2">
        <v>0</v>
      </c>
      <c r="E5417" s="2">
        <v>187.3999999999979</v>
      </c>
    </row>
    <row r="5418" spans="1:5" x14ac:dyDescent="0.25">
      <c r="A5418" s="3">
        <v>41795.75949074074</v>
      </c>
      <c r="B5418" s="2">
        <v>25.4</v>
      </c>
      <c r="C5418" s="2">
        <v>168.8</v>
      </c>
      <c r="D5418" s="2">
        <v>0</v>
      </c>
      <c r="E5418" s="2">
        <v>187.3999999999979</v>
      </c>
    </row>
    <row r="5419" spans="1:5" x14ac:dyDescent="0.25">
      <c r="A5419" s="3">
        <v>41795.759837962964</v>
      </c>
      <c r="B5419" s="2">
        <v>25.4</v>
      </c>
      <c r="C5419" s="2">
        <v>169</v>
      </c>
      <c r="D5419" s="2">
        <v>0</v>
      </c>
      <c r="E5419" s="2">
        <v>187.3999999999979</v>
      </c>
    </row>
    <row r="5420" spans="1:5" x14ac:dyDescent="0.25">
      <c r="A5420" s="3">
        <v>41795.761689814812</v>
      </c>
      <c r="B5420" s="2">
        <v>25.4</v>
      </c>
      <c r="C5420" s="2">
        <v>168.8</v>
      </c>
      <c r="D5420" s="2">
        <v>0</v>
      </c>
      <c r="E5420" s="2">
        <v>187.3999999999979</v>
      </c>
    </row>
    <row r="5421" spans="1:5" x14ac:dyDescent="0.25">
      <c r="A5421" s="3">
        <v>41795.761921296296</v>
      </c>
      <c r="B5421" s="2">
        <v>25.4</v>
      </c>
      <c r="C5421" s="2">
        <v>169</v>
      </c>
      <c r="D5421" s="2">
        <v>0</v>
      </c>
      <c r="E5421" s="2">
        <v>187.3999999999979</v>
      </c>
    </row>
    <row r="5422" spans="1:5" x14ac:dyDescent="0.25">
      <c r="A5422" s="3">
        <v>41795.763310185182</v>
      </c>
      <c r="B5422" s="2">
        <v>25.3</v>
      </c>
      <c r="C5422" s="2">
        <v>168.8</v>
      </c>
      <c r="D5422" s="2">
        <v>0</v>
      </c>
      <c r="E5422" s="2">
        <v>187.3999999999979</v>
      </c>
    </row>
    <row r="5423" spans="1:5" x14ac:dyDescent="0.25">
      <c r="A5423" s="3">
        <v>41795.76394675926</v>
      </c>
      <c r="B5423" s="2">
        <v>25.3</v>
      </c>
      <c r="C5423" s="2">
        <v>169</v>
      </c>
      <c r="D5423" s="2">
        <v>0</v>
      </c>
      <c r="E5423" s="2">
        <v>187.3999999999979</v>
      </c>
    </row>
    <row r="5424" spans="1:5" x14ac:dyDescent="0.25">
      <c r="A5424" s="3">
        <v>41795.765219907407</v>
      </c>
      <c r="B5424" s="2">
        <v>25.3</v>
      </c>
      <c r="C5424" s="2">
        <v>168.8</v>
      </c>
      <c r="D5424" s="2">
        <v>0</v>
      </c>
      <c r="E5424" s="2">
        <v>187.3999999999979</v>
      </c>
    </row>
    <row r="5425" spans="1:5" x14ac:dyDescent="0.25">
      <c r="A5425" s="3">
        <v>41795.767534722225</v>
      </c>
      <c r="B5425" s="2">
        <v>25.2</v>
      </c>
      <c r="C5425" s="2">
        <v>169</v>
      </c>
      <c r="D5425" s="2">
        <v>0</v>
      </c>
      <c r="E5425" s="2">
        <v>187.3999999999979</v>
      </c>
    </row>
    <row r="5426" spans="1:5" x14ac:dyDescent="0.25">
      <c r="A5426" s="3">
        <v>41795.767881944441</v>
      </c>
      <c r="B5426" s="2">
        <v>25.2</v>
      </c>
      <c r="C5426" s="2">
        <v>168.8</v>
      </c>
      <c r="D5426" s="2">
        <v>0</v>
      </c>
      <c r="E5426" s="2">
        <v>187.3999999999979</v>
      </c>
    </row>
    <row r="5427" spans="1:5" x14ac:dyDescent="0.25">
      <c r="A5427" s="3">
        <v>41795.820949074077</v>
      </c>
      <c r="B5427" s="2">
        <v>24.3</v>
      </c>
      <c r="C5427" s="2">
        <v>168.6</v>
      </c>
      <c r="D5427" s="2">
        <v>0</v>
      </c>
      <c r="E5427" s="2">
        <v>187.3999999999979</v>
      </c>
    </row>
    <row r="5428" spans="1:5" x14ac:dyDescent="0.25">
      <c r="A5428" s="3">
        <v>41795.901562500003</v>
      </c>
      <c r="B5428" s="2">
        <v>22.7</v>
      </c>
      <c r="C5428" s="2">
        <v>168.4</v>
      </c>
      <c r="D5428" s="2">
        <v>0</v>
      </c>
      <c r="E5428" s="2">
        <v>187.3999999999979</v>
      </c>
    </row>
    <row r="5429" spans="1:5" x14ac:dyDescent="0.25">
      <c r="A5429" s="3">
        <v>41795.992881944447</v>
      </c>
      <c r="B5429" s="2">
        <v>20.8</v>
      </c>
      <c r="C5429" s="2">
        <v>168.2</v>
      </c>
      <c r="D5429" s="2">
        <v>0</v>
      </c>
      <c r="E5429" s="2">
        <v>187.3999999999979</v>
      </c>
    </row>
    <row r="5430" spans="1:5" x14ac:dyDescent="0.25">
      <c r="A5430" s="3">
        <v>41796.09884259259</v>
      </c>
      <c r="B5430" s="2">
        <v>18.8</v>
      </c>
      <c r="C5430" s="2">
        <v>168</v>
      </c>
      <c r="D5430" s="2">
        <v>0</v>
      </c>
      <c r="E5430" s="2">
        <v>187.3999999999979</v>
      </c>
    </row>
    <row r="5431" spans="1:5" x14ac:dyDescent="0.25">
      <c r="A5431" s="3">
        <v>41796.214062500003</v>
      </c>
      <c r="B5431" s="2">
        <v>16.899999999999999</v>
      </c>
      <c r="C5431" s="2">
        <v>167.8</v>
      </c>
      <c r="D5431" s="2">
        <v>0</v>
      </c>
      <c r="E5431" s="2">
        <v>187.3999999999979</v>
      </c>
    </row>
    <row r="5432" spans="1:5" x14ac:dyDescent="0.25">
      <c r="A5432" s="3">
        <v>41796.340624999997</v>
      </c>
      <c r="B5432" s="2">
        <v>16.600000000000001</v>
      </c>
      <c r="C5432" s="2">
        <v>167.6</v>
      </c>
      <c r="D5432" s="2">
        <v>0</v>
      </c>
      <c r="E5432" s="2">
        <v>187.3999999999979</v>
      </c>
    </row>
    <row r="5433" spans="1:5" x14ac:dyDescent="0.25">
      <c r="A5433" s="3">
        <v>41796.37164351852</v>
      </c>
      <c r="B5433" s="2">
        <v>17.5</v>
      </c>
      <c r="C5433" s="2">
        <v>167.4</v>
      </c>
      <c r="D5433" s="2">
        <v>0</v>
      </c>
      <c r="E5433" s="2">
        <v>187.3999999999979</v>
      </c>
    </row>
    <row r="5434" spans="1:5" x14ac:dyDescent="0.25">
      <c r="A5434" s="3">
        <v>41796.371759259258</v>
      </c>
      <c r="B5434" s="2">
        <v>17.600000000000001</v>
      </c>
      <c r="C5434" s="2">
        <v>167.6</v>
      </c>
      <c r="D5434" s="2">
        <v>0</v>
      </c>
      <c r="E5434" s="2">
        <v>187.3999999999979</v>
      </c>
    </row>
    <row r="5435" spans="1:5" x14ac:dyDescent="0.25">
      <c r="A5435" s="3">
        <v>41796.382002314815</v>
      </c>
      <c r="B5435" s="2">
        <v>18</v>
      </c>
      <c r="C5435" s="2">
        <v>167.4</v>
      </c>
      <c r="D5435" s="2">
        <v>0</v>
      </c>
      <c r="E5435" s="2">
        <v>187.3999999999979</v>
      </c>
    </row>
    <row r="5436" spans="1:5" x14ac:dyDescent="0.25">
      <c r="A5436" s="3">
        <v>41796.391724537039</v>
      </c>
      <c r="B5436" s="2">
        <v>18.600000000000001</v>
      </c>
      <c r="C5436" s="2">
        <v>167.6</v>
      </c>
      <c r="D5436" s="2">
        <v>0</v>
      </c>
      <c r="E5436" s="2">
        <v>187.3999999999979</v>
      </c>
    </row>
    <row r="5437" spans="1:5" x14ac:dyDescent="0.25">
      <c r="A5437" s="3">
        <v>41796.392476851855</v>
      </c>
      <c r="B5437" s="2">
        <v>18.8</v>
      </c>
      <c r="C5437" s="2">
        <v>167.4</v>
      </c>
      <c r="D5437" s="2">
        <v>0</v>
      </c>
      <c r="E5437" s="2">
        <v>187.3999999999979</v>
      </c>
    </row>
    <row r="5438" spans="1:5" x14ac:dyDescent="0.25">
      <c r="A5438" s="3">
        <v>41796.392708333333</v>
      </c>
      <c r="B5438" s="2">
        <v>18.7</v>
      </c>
      <c r="C5438" s="2">
        <v>167.6</v>
      </c>
      <c r="D5438" s="2">
        <v>0</v>
      </c>
      <c r="E5438" s="2">
        <v>187.3999999999979</v>
      </c>
    </row>
    <row r="5439" spans="1:5" x14ac:dyDescent="0.25">
      <c r="A5439" s="3">
        <v>41796.396238425928</v>
      </c>
      <c r="B5439" s="2">
        <v>18.899999999999999</v>
      </c>
      <c r="C5439" s="2">
        <v>167.4</v>
      </c>
      <c r="D5439" s="2">
        <v>0</v>
      </c>
      <c r="E5439" s="2">
        <v>187.3999999999979</v>
      </c>
    </row>
    <row r="5440" spans="1:5" x14ac:dyDescent="0.25">
      <c r="A5440" s="3">
        <v>41796.396354166667</v>
      </c>
      <c r="B5440" s="2">
        <v>18.899999999999999</v>
      </c>
      <c r="C5440" s="2">
        <v>167.6</v>
      </c>
      <c r="D5440" s="2">
        <v>0</v>
      </c>
      <c r="E5440" s="2">
        <v>187.3999999999979</v>
      </c>
    </row>
    <row r="5441" spans="1:5" x14ac:dyDescent="0.25">
      <c r="A5441" s="3">
        <v>41796.3984375</v>
      </c>
      <c r="B5441" s="2">
        <v>19</v>
      </c>
      <c r="C5441" s="2">
        <v>167.4</v>
      </c>
      <c r="D5441" s="2">
        <v>0</v>
      </c>
      <c r="E5441" s="2">
        <v>187.3999999999979</v>
      </c>
    </row>
    <row r="5442" spans="1:5" x14ac:dyDescent="0.25">
      <c r="A5442" s="3">
        <v>41796.399421296293</v>
      </c>
      <c r="B5442" s="2">
        <v>19.100000000000001</v>
      </c>
      <c r="C5442" s="2">
        <v>167.6</v>
      </c>
      <c r="D5442" s="2">
        <v>0</v>
      </c>
      <c r="E5442" s="2">
        <v>187.3999999999979</v>
      </c>
    </row>
    <row r="5443" spans="1:5" x14ac:dyDescent="0.25">
      <c r="A5443" s="3">
        <v>41796.399594907409</v>
      </c>
      <c r="B5443" s="2">
        <v>19.2</v>
      </c>
      <c r="C5443" s="2">
        <v>167.4</v>
      </c>
      <c r="D5443" s="2">
        <v>0</v>
      </c>
      <c r="E5443" s="2">
        <v>187.3999999999979</v>
      </c>
    </row>
    <row r="5444" spans="1:5" x14ac:dyDescent="0.25">
      <c r="A5444" s="3">
        <v>41796.400636574072</v>
      </c>
      <c r="B5444" s="2">
        <v>19.100000000000001</v>
      </c>
      <c r="C5444" s="2">
        <v>167.6</v>
      </c>
      <c r="D5444" s="2">
        <v>0</v>
      </c>
      <c r="E5444" s="2">
        <v>187.3999999999979</v>
      </c>
    </row>
    <row r="5445" spans="1:5" x14ac:dyDescent="0.25">
      <c r="A5445" s="3">
        <v>41796.400868055556</v>
      </c>
      <c r="B5445" s="2">
        <v>19.100000000000001</v>
      </c>
      <c r="C5445" s="2">
        <v>167.4</v>
      </c>
      <c r="D5445" s="2">
        <v>0</v>
      </c>
      <c r="E5445" s="2">
        <v>187.3999999999979</v>
      </c>
    </row>
    <row r="5446" spans="1:5" x14ac:dyDescent="0.25">
      <c r="A5446" s="3">
        <v>41796.40283564815</v>
      </c>
      <c r="B5446" s="2">
        <v>19.2</v>
      </c>
      <c r="C5446" s="2">
        <v>167.6</v>
      </c>
      <c r="D5446" s="2">
        <v>0</v>
      </c>
      <c r="E5446" s="2">
        <v>187.3999999999979</v>
      </c>
    </row>
    <row r="5447" spans="1:5" x14ac:dyDescent="0.25">
      <c r="A5447" s="3">
        <v>41796.409201388888</v>
      </c>
      <c r="B5447" s="2">
        <v>19.600000000000001</v>
      </c>
      <c r="C5447" s="2">
        <v>167.4</v>
      </c>
      <c r="D5447" s="2">
        <v>0</v>
      </c>
      <c r="E5447" s="2">
        <v>187.3999999999979</v>
      </c>
    </row>
    <row r="5448" spans="1:5" x14ac:dyDescent="0.25">
      <c r="A5448" s="3">
        <v>41796.409375000003</v>
      </c>
      <c r="B5448" s="2">
        <v>19.5</v>
      </c>
      <c r="C5448" s="2">
        <v>167.6</v>
      </c>
      <c r="D5448" s="2">
        <v>0</v>
      </c>
      <c r="E5448" s="2">
        <v>187.3999999999979</v>
      </c>
    </row>
    <row r="5449" spans="1:5" x14ac:dyDescent="0.25">
      <c r="A5449" s="3">
        <v>41796.477488425924</v>
      </c>
      <c r="B5449" s="2">
        <v>24.6</v>
      </c>
      <c r="C5449" s="2">
        <v>167.4</v>
      </c>
      <c r="D5449" s="2">
        <v>0</v>
      </c>
      <c r="E5449" s="2">
        <v>187.3999999999979</v>
      </c>
    </row>
    <row r="5450" spans="1:5" x14ac:dyDescent="0.25">
      <c r="A5450" s="3">
        <v>41796.477893518517</v>
      </c>
      <c r="B5450" s="2">
        <v>24.5</v>
      </c>
      <c r="C5450" s="2">
        <v>167.6</v>
      </c>
      <c r="D5450" s="2">
        <v>0</v>
      </c>
      <c r="E5450" s="2">
        <v>187.3999999999979</v>
      </c>
    </row>
    <row r="5451" spans="1:5" x14ac:dyDescent="0.25">
      <c r="A5451" s="3">
        <v>41796.478761574072</v>
      </c>
      <c r="B5451" s="2">
        <v>24.6</v>
      </c>
      <c r="C5451" s="2">
        <v>167.4</v>
      </c>
      <c r="D5451" s="2">
        <v>0</v>
      </c>
      <c r="E5451" s="2">
        <v>187.3999999999979</v>
      </c>
    </row>
    <row r="5452" spans="1:5" x14ac:dyDescent="0.25">
      <c r="A5452" s="3">
        <v>41796.479456018518</v>
      </c>
      <c r="B5452" s="2">
        <v>24.6</v>
      </c>
      <c r="C5452" s="2">
        <v>167.6</v>
      </c>
      <c r="D5452" s="2">
        <v>0</v>
      </c>
      <c r="E5452" s="2">
        <v>187.3999999999979</v>
      </c>
    </row>
    <row r="5453" spans="1:5" x14ac:dyDescent="0.25">
      <c r="A5453" s="3">
        <v>41796.479803240742</v>
      </c>
      <c r="B5453" s="2">
        <v>24.8</v>
      </c>
      <c r="C5453" s="2">
        <v>167.4</v>
      </c>
      <c r="D5453" s="2">
        <v>0</v>
      </c>
      <c r="E5453" s="2">
        <v>187.3999999999979</v>
      </c>
    </row>
    <row r="5454" spans="1:5" x14ac:dyDescent="0.25">
      <c r="A5454" s="3">
        <v>41796.480034722219</v>
      </c>
      <c r="B5454" s="2">
        <v>24.8</v>
      </c>
      <c r="C5454" s="2">
        <v>167.6</v>
      </c>
      <c r="D5454" s="2">
        <v>0</v>
      </c>
      <c r="E5454" s="2">
        <v>187.3999999999979</v>
      </c>
    </row>
    <row r="5455" spans="1:5" x14ac:dyDescent="0.25">
      <c r="A5455" s="3">
        <v>41796.480497685188</v>
      </c>
      <c r="B5455" s="2">
        <v>24.7</v>
      </c>
      <c r="C5455" s="2">
        <v>167.4</v>
      </c>
      <c r="D5455" s="2">
        <v>0</v>
      </c>
      <c r="E5455" s="2">
        <v>187.3999999999979</v>
      </c>
    </row>
    <row r="5456" spans="1:5" x14ac:dyDescent="0.25">
      <c r="A5456" s="3">
        <v>41796.482060185182</v>
      </c>
      <c r="B5456" s="2">
        <v>24.8</v>
      </c>
      <c r="C5456" s="2">
        <v>167.6</v>
      </c>
      <c r="D5456" s="2">
        <v>0</v>
      </c>
      <c r="E5456" s="2">
        <v>187.3999999999979</v>
      </c>
    </row>
    <row r="5457" spans="1:5" x14ac:dyDescent="0.25">
      <c r="A5457" s="3">
        <v>41796.482407407406</v>
      </c>
      <c r="B5457" s="2">
        <v>24.9</v>
      </c>
      <c r="C5457" s="2">
        <v>167.4</v>
      </c>
      <c r="D5457" s="2">
        <v>0</v>
      </c>
      <c r="E5457" s="2">
        <v>187.3999999999979</v>
      </c>
    </row>
    <row r="5458" spans="1:5" x14ac:dyDescent="0.25">
      <c r="A5458" s="3">
        <v>41796.484317129631</v>
      </c>
      <c r="B5458" s="2">
        <v>25</v>
      </c>
      <c r="C5458" s="2">
        <v>167.6</v>
      </c>
      <c r="D5458" s="2">
        <v>0</v>
      </c>
      <c r="E5458" s="2">
        <v>187.3999999999979</v>
      </c>
    </row>
    <row r="5459" spans="1:5" x14ac:dyDescent="0.25">
      <c r="A5459" s="3">
        <v>41796.484548611108</v>
      </c>
      <c r="B5459" s="2">
        <v>25</v>
      </c>
      <c r="C5459" s="2">
        <v>167.4</v>
      </c>
      <c r="D5459" s="2">
        <v>0</v>
      </c>
      <c r="E5459" s="2">
        <v>187.3999999999979</v>
      </c>
    </row>
    <row r="5460" spans="1:5" x14ac:dyDescent="0.25">
      <c r="A5460" s="3">
        <v>41796.484780092593</v>
      </c>
      <c r="B5460" s="2">
        <v>25</v>
      </c>
      <c r="C5460" s="2">
        <v>167.6</v>
      </c>
      <c r="D5460" s="2">
        <v>0</v>
      </c>
      <c r="E5460" s="2">
        <v>187.3999999999979</v>
      </c>
    </row>
    <row r="5461" spans="1:5" x14ac:dyDescent="0.25">
      <c r="A5461" s="3">
        <v>41796.484953703701</v>
      </c>
      <c r="B5461" s="2">
        <v>25.1</v>
      </c>
      <c r="C5461" s="2">
        <v>167.4</v>
      </c>
      <c r="D5461" s="2">
        <v>0</v>
      </c>
      <c r="E5461" s="2">
        <v>187.3999999999979</v>
      </c>
    </row>
    <row r="5462" spans="1:5" x14ac:dyDescent="0.25">
      <c r="A5462" s="3">
        <v>41796.485069444447</v>
      </c>
      <c r="B5462" s="2">
        <v>25.1</v>
      </c>
      <c r="C5462" s="2">
        <v>167.6</v>
      </c>
      <c r="D5462" s="2">
        <v>0</v>
      </c>
      <c r="E5462" s="2">
        <v>187.3999999999979</v>
      </c>
    </row>
    <row r="5463" spans="1:5" x14ac:dyDescent="0.25">
      <c r="A5463" s="3">
        <v>41796.485185185185</v>
      </c>
      <c r="B5463" s="2">
        <v>25</v>
      </c>
      <c r="C5463" s="2">
        <v>167.4</v>
      </c>
      <c r="D5463" s="2">
        <v>0</v>
      </c>
      <c r="E5463" s="2">
        <v>187.3999999999979</v>
      </c>
    </row>
    <row r="5464" spans="1:5" x14ac:dyDescent="0.25">
      <c r="A5464" s="3">
        <v>41796.485243055555</v>
      </c>
      <c r="B5464" s="2">
        <v>25</v>
      </c>
      <c r="C5464" s="2">
        <v>167.6</v>
      </c>
      <c r="D5464" s="2">
        <v>0</v>
      </c>
      <c r="E5464" s="2">
        <v>187.3999999999979</v>
      </c>
    </row>
    <row r="5465" spans="1:5" x14ac:dyDescent="0.25">
      <c r="A5465" s="3">
        <v>41796.485590277778</v>
      </c>
      <c r="B5465" s="2">
        <v>25.1</v>
      </c>
      <c r="C5465" s="2">
        <v>167.4</v>
      </c>
      <c r="D5465" s="2">
        <v>0</v>
      </c>
      <c r="E5465" s="2">
        <v>187.3999999999979</v>
      </c>
    </row>
    <row r="5466" spans="1:5" x14ac:dyDescent="0.25">
      <c r="A5466" s="3">
        <v>41796.485937500001</v>
      </c>
      <c r="B5466" s="2">
        <v>25.1</v>
      </c>
      <c r="C5466" s="2">
        <v>167.6</v>
      </c>
      <c r="D5466" s="2">
        <v>0</v>
      </c>
      <c r="E5466" s="2">
        <v>187.3999999999979</v>
      </c>
    </row>
    <row r="5467" spans="1:5" x14ac:dyDescent="0.25">
      <c r="A5467" s="3">
        <v>41796.486226851855</v>
      </c>
      <c r="B5467" s="2">
        <v>25.2</v>
      </c>
      <c r="C5467" s="2">
        <v>167.4</v>
      </c>
      <c r="D5467" s="2">
        <v>0</v>
      </c>
      <c r="E5467" s="2">
        <v>187.3999999999979</v>
      </c>
    </row>
    <row r="5468" spans="1:5" x14ac:dyDescent="0.25">
      <c r="A5468" s="3">
        <v>41796.486400462964</v>
      </c>
      <c r="B5468" s="2">
        <v>25.2</v>
      </c>
      <c r="C5468" s="2">
        <v>167.6</v>
      </c>
      <c r="D5468" s="2">
        <v>0</v>
      </c>
      <c r="E5468" s="2">
        <v>187.3999999999979</v>
      </c>
    </row>
    <row r="5469" spans="1:5" x14ac:dyDescent="0.25">
      <c r="A5469" s="3">
        <v>41796.487557870372</v>
      </c>
      <c r="B5469" s="2">
        <v>25.2</v>
      </c>
      <c r="C5469" s="2">
        <v>167.4</v>
      </c>
      <c r="D5469" s="2">
        <v>0</v>
      </c>
      <c r="E5469" s="2">
        <v>187.3999999999979</v>
      </c>
    </row>
    <row r="5470" spans="1:5" x14ac:dyDescent="0.25">
      <c r="A5470" s="3">
        <v>41796.488541666666</v>
      </c>
      <c r="B5470" s="2">
        <v>25.4</v>
      </c>
      <c r="C5470" s="2">
        <v>167.6</v>
      </c>
      <c r="D5470" s="2">
        <v>0</v>
      </c>
      <c r="E5470" s="2">
        <v>187.3999999999979</v>
      </c>
    </row>
    <row r="5471" spans="1:5" x14ac:dyDescent="0.25">
      <c r="A5471" s="3">
        <v>41796.48877314815</v>
      </c>
      <c r="B5471" s="2">
        <v>25.4</v>
      </c>
      <c r="C5471" s="2">
        <v>167.4</v>
      </c>
      <c r="D5471" s="2">
        <v>0</v>
      </c>
      <c r="E5471" s="2">
        <v>187.3999999999979</v>
      </c>
    </row>
    <row r="5472" spans="1:5" x14ac:dyDescent="0.25">
      <c r="A5472" s="3">
        <v>41796.489699074074</v>
      </c>
      <c r="B5472" s="2">
        <v>25.4</v>
      </c>
      <c r="C5472" s="2">
        <v>167.6</v>
      </c>
      <c r="D5472" s="2">
        <v>0</v>
      </c>
      <c r="E5472" s="2">
        <v>187.3999999999979</v>
      </c>
    </row>
    <row r="5473" spans="1:5" x14ac:dyDescent="0.25">
      <c r="A5473" s="3">
        <v>41796.489814814813</v>
      </c>
      <c r="B5473" s="2">
        <v>25.4</v>
      </c>
      <c r="C5473" s="2">
        <v>167.4</v>
      </c>
      <c r="D5473" s="2">
        <v>0</v>
      </c>
      <c r="E5473" s="2">
        <v>187.3999999999979</v>
      </c>
    </row>
    <row r="5474" spans="1:5" x14ac:dyDescent="0.25">
      <c r="A5474" s="3">
        <v>41796.489930555559</v>
      </c>
      <c r="B5474" s="2">
        <v>25.4</v>
      </c>
      <c r="C5474" s="2">
        <v>167.6</v>
      </c>
      <c r="D5474" s="2">
        <v>0</v>
      </c>
      <c r="E5474" s="2">
        <v>187.3999999999979</v>
      </c>
    </row>
    <row r="5475" spans="1:5" x14ac:dyDescent="0.25">
      <c r="A5475" s="3">
        <v>41796.490219907406</v>
      </c>
      <c r="B5475" s="2">
        <v>25.4</v>
      </c>
      <c r="C5475" s="2">
        <v>167.4</v>
      </c>
      <c r="D5475" s="2">
        <v>0</v>
      </c>
      <c r="E5475" s="2">
        <v>187.3999999999979</v>
      </c>
    </row>
    <row r="5476" spans="1:5" x14ac:dyDescent="0.25">
      <c r="A5476" s="3">
        <v>41796.490451388891</v>
      </c>
      <c r="B5476" s="2">
        <v>25.4</v>
      </c>
      <c r="C5476" s="2">
        <v>167.6</v>
      </c>
      <c r="D5476" s="2">
        <v>0</v>
      </c>
      <c r="E5476" s="2">
        <v>187.3999999999979</v>
      </c>
    </row>
    <row r="5477" spans="1:5" x14ac:dyDescent="0.25">
      <c r="A5477" s="3">
        <v>41796.490798611114</v>
      </c>
      <c r="B5477" s="2">
        <v>25.6</v>
      </c>
      <c r="C5477" s="2">
        <v>167.4</v>
      </c>
      <c r="D5477" s="2">
        <v>0</v>
      </c>
      <c r="E5477" s="2">
        <v>187.3999999999979</v>
      </c>
    </row>
    <row r="5478" spans="1:5" x14ac:dyDescent="0.25">
      <c r="A5478" s="3">
        <v>41796.545543981483</v>
      </c>
      <c r="B5478" s="2">
        <v>29.3</v>
      </c>
      <c r="C5478" s="2">
        <v>167.2</v>
      </c>
      <c r="D5478" s="2">
        <v>0</v>
      </c>
      <c r="E5478" s="2">
        <v>187.3999999999979</v>
      </c>
    </row>
    <row r="5479" spans="1:5" x14ac:dyDescent="0.25">
      <c r="A5479" s="3">
        <v>41796.545601851853</v>
      </c>
      <c r="B5479" s="2">
        <v>29.4</v>
      </c>
      <c r="C5479" s="2">
        <v>167.4</v>
      </c>
      <c r="D5479" s="2">
        <v>0</v>
      </c>
      <c r="E5479" s="2">
        <v>187.3999999999979</v>
      </c>
    </row>
    <row r="5480" spans="1:5" x14ac:dyDescent="0.25">
      <c r="A5480" s="3">
        <v>41796.546238425923</v>
      </c>
      <c r="B5480" s="2">
        <v>29.3</v>
      </c>
      <c r="C5480" s="2">
        <v>167.2</v>
      </c>
      <c r="D5480" s="2">
        <v>0</v>
      </c>
      <c r="E5480" s="2">
        <v>187.3999999999979</v>
      </c>
    </row>
    <row r="5481" spans="1:5" x14ac:dyDescent="0.25">
      <c r="A5481" s="3">
        <v>41796.546354166669</v>
      </c>
      <c r="B5481" s="2">
        <v>29.3</v>
      </c>
      <c r="C5481" s="2">
        <v>167.4</v>
      </c>
      <c r="D5481" s="2">
        <v>0</v>
      </c>
      <c r="E5481" s="2">
        <v>187.3999999999979</v>
      </c>
    </row>
    <row r="5482" spans="1:5" x14ac:dyDescent="0.25">
      <c r="A5482" s="3">
        <v>41796.546643518515</v>
      </c>
      <c r="B5482" s="2">
        <v>29.3</v>
      </c>
      <c r="C5482" s="2">
        <v>167.2</v>
      </c>
      <c r="D5482" s="2">
        <v>0</v>
      </c>
      <c r="E5482" s="2">
        <v>187.3999999999979</v>
      </c>
    </row>
    <row r="5483" spans="1:5" x14ac:dyDescent="0.25">
      <c r="A5483" s="3">
        <v>41796.546817129631</v>
      </c>
      <c r="B5483" s="2">
        <v>29.3</v>
      </c>
      <c r="C5483" s="2">
        <v>167.4</v>
      </c>
      <c r="D5483" s="2">
        <v>0</v>
      </c>
      <c r="E5483" s="2">
        <v>187.3999999999979</v>
      </c>
    </row>
    <row r="5484" spans="1:5" x14ac:dyDescent="0.25">
      <c r="A5484" s="3">
        <v>41796.546875</v>
      </c>
      <c r="B5484" s="2">
        <v>29.3</v>
      </c>
      <c r="C5484" s="2">
        <v>167.2</v>
      </c>
      <c r="D5484" s="2">
        <v>0</v>
      </c>
      <c r="E5484" s="2">
        <v>187.3999999999979</v>
      </c>
    </row>
    <row r="5485" spans="1:5" x14ac:dyDescent="0.25">
      <c r="A5485" s="3">
        <v>41796.546932870369</v>
      </c>
      <c r="B5485" s="2">
        <v>29.4</v>
      </c>
      <c r="C5485" s="2">
        <v>167.4</v>
      </c>
      <c r="D5485" s="2">
        <v>0</v>
      </c>
      <c r="E5485" s="2">
        <v>187.3999999999979</v>
      </c>
    </row>
    <row r="5486" spans="1:5" x14ac:dyDescent="0.25">
      <c r="A5486" s="3">
        <v>41796.547511574077</v>
      </c>
      <c r="B5486" s="2">
        <v>29.3</v>
      </c>
      <c r="C5486" s="2">
        <v>167.2</v>
      </c>
      <c r="D5486" s="2">
        <v>0</v>
      </c>
      <c r="E5486" s="2">
        <v>187.3999999999979</v>
      </c>
    </row>
    <row r="5487" spans="1:5" x14ac:dyDescent="0.25">
      <c r="A5487" s="3">
        <v>41796.547627314816</v>
      </c>
      <c r="B5487" s="2">
        <v>29.3</v>
      </c>
      <c r="C5487" s="2">
        <v>167.4</v>
      </c>
      <c r="D5487" s="2">
        <v>0</v>
      </c>
      <c r="E5487" s="2">
        <v>187.3999999999979</v>
      </c>
    </row>
    <row r="5488" spans="1:5" x14ac:dyDescent="0.25">
      <c r="A5488" s="3">
        <v>41796.547743055555</v>
      </c>
      <c r="B5488" s="2">
        <v>29.4</v>
      </c>
      <c r="C5488" s="2">
        <v>167.2</v>
      </c>
      <c r="D5488" s="2">
        <v>0</v>
      </c>
      <c r="E5488" s="2">
        <v>187.3999999999979</v>
      </c>
    </row>
    <row r="5489" spans="1:5" x14ac:dyDescent="0.25">
      <c r="A5489" s="3">
        <v>41796.568518518521</v>
      </c>
      <c r="B5489" s="2">
        <v>30.5</v>
      </c>
      <c r="C5489" s="2">
        <v>167</v>
      </c>
      <c r="D5489" s="2">
        <v>0</v>
      </c>
      <c r="E5489" s="2">
        <v>187.3999999999979</v>
      </c>
    </row>
    <row r="5490" spans="1:5" x14ac:dyDescent="0.25">
      <c r="A5490" s="3">
        <v>41796.590798611112</v>
      </c>
      <c r="B5490" s="2">
        <v>31.5</v>
      </c>
      <c r="C5490" s="2">
        <v>166.8</v>
      </c>
      <c r="D5490" s="2">
        <v>0</v>
      </c>
      <c r="E5490" s="2">
        <v>187.3999999999979</v>
      </c>
    </row>
    <row r="5491" spans="1:5" x14ac:dyDescent="0.25">
      <c r="A5491" s="3">
        <v>41796.610706018517</v>
      </c>
      <c r="B5491" s="2">
        <v>32.299999999999997</v>
      </c>
      <c r="C5491" s="2">
        <v>166.6</v>
      </c>
      <c r="D5491" s="2">
        <v>0</v>
      </c>
      <c r="E5491" s="2">
        <v>187.3999999999979</v>
      </c>
    </row>
    <row r="5492" spans="1:5" x14ac:dyDescent="0.25">
      <c r="A5492" s="3">
        <v>41796.630613425928</v>
      </c>
      <c r="B5492" s="2">
        <v>32.799999999999997</v>
      </c>
      <c r="C5492" s="2">
        <v>166.4</v>
      </c>
      <c r="D5492" s="2">
        <v>0</v>
      </c>
      <c r="E5492" s="2">
        <v>187.3999999999979</v>
      </c>
    </row>
    <row r="5493" spans="1:5" x14ac:dyDescent="0.25">
      <c r="A5493" s="3">
        <v>41796.631018518521</v>
      </c>
      <c r="B5493" s="2">
        <v>32.799999999999997</v>
      </c>
      <c r="C5493" s="2">
        <v>166.6</v>
      </c>
      <c r="D5493" s="2">
        <v>0</v>
      </c>
      <c r="E5493" s="2">
        <v>187.3999999999979</v>
      </c>
    </row>
    <row r="5494" spans="1:5" x14ac:dyDescent="0.25">
      <c r="A5494" s="3">
        <v>41796.631597222222</v>
      </c>
      <c r="B5494" s="2">
        <v>32.799999999999997</v>
      </c>
      <c r="C5494" s="2">
        <v>166.4</v>
      </c>
      <c r="D5494" s="2">
        <v>0</v>
      </c>
      <c r="E5494" s="2">
        <v>187.3999999999979</v>
      </c>
    </row>
    <row r="5495" spans="1:5" x14ac:dyDescent="0.25">
      <c r="A5495" s="3">
        <v>41796.631712962961</v>
      </c>
      <c r="B5495" s="2">
        <v>32.799999999999997</v>
      </c>
      <c r="C5495" s="2">
        <v>166.6</v>
      </c>
      <c r="D5495" s="2">
        <v>0</v>
      </c>
      <c r="E5495" s="2">
        <v>187.3999999999979</v>
      </c>
    </row>
    <row r="5496" spans="1:5" x14ac:dyDescent="0.25">
      <c r="A5496" s="3">
        <v>41796.63177083333</v>
      </c>
      <c r="B5496" s="2">
        <v>32.9</v>
      </c>
      <c r="C5496" s="2">
        <v>166.4</v>
      </c>
      <c r="D5496" s="2">
        <v>0</v>
      </c>
      <c r="E5496" s="2">
        <v>187.3999999999979</v>
      </c>
    </row>
    <row r="5497" spans="1:5" x14ac:dyDescent="0.25">
      <c r="A5497" s="3">
        <v>41796.637557870374</v>
      </c>
      <c r="B5497" s="2">
        <v>32.9</v>
      </c>
      <c r="C5497" s="2">
        <v>166.6</v>
      </c>
      <c r="D5497" s="2">
        <v>0</v>
      </c>
      <c r="E5497" s="2">
        <v>187.3999999999979</v>
      </c>
    </row>
    <row r="5498" spans="1:5" x14ac:dyDescent="0.25">
      <c r="A5498" s="3">
        <v>41796.637731481482</v>
      </c>
      <c r="B5498" s="2">
        <v>32.9</v>
      </c>
      <c r="C5498" s="2">
        <v>166.4</v>
      </c>
      <c r="D5498" s="2">
        <v>0</v>
      </c>
      <c r="E5498" s="2">
        <v>187.3999999999979</v>
      </c>
    </row>
    <row r="5499" spans="1:5" x14ac:dyDescent="0.25">
      <c r="A5499" s="3">
        <v>41796.639293981483</v>
      </c>
      <c r="B5499" s="2">
        <v>32.9</v>
      </c>
      <c r="C5499" s="2">
        <v>166.6</v>
      </c>
      <c r="D5499" s="2">
        <v>0</v>
      </c>
      <c r="E5499" s="2">
        <v>187.3999999999979</v>
      </c>
    </row>
    <row r="5500" spans="1:5" x14ac:dyDescent="0.25">
      <c r="A5500" s="3">
        <v>41796.639467592591</v>
      </c>
      <c r="B5500" s="2">
        <v>32.9</v>
      </c>
      <c r="C5500" s="2">
        <v>166.4</v>
      </c>
      <c r="D5500" s="2">
        <v>0</v>
      </c>
      <c r="E5500" s="2">
        <v>187.3999999999979</v>
      </c>
    </row>
    <row r="5501" spans="1:5" x14ac:dyDescent="0.25">
      <c r="A5501" s="3">
        <v>41796.641261574077</v>
      </c>
      <c r="B5501" s="2">
        <v>32.9</v>
      </c>
      <c r="C5501" s="2">
        <v>166.6</v>
      </c>
      <c r="D5501" s="2">
        <v>0</v>
      </c>
      <c r="E5501" s="2">
        <v>187.3999999999979</v>
      </c>
    </row>
    <row r="5502" spans="1:5" x14ac:dyDescent="0.25">
      <c r="A5502" s="3">
        <v>41796.641493055555</v>
      </c>
      <c r="B5502" s="2">
        <v>32.9</v>
      </c>
      <c r="C5502" s="2">
        <v>166.4</v>
      </c>
      <c r="D5502" s="2">
        <v>0</v>
      </c>
      <c r="E5502" s="2">
        <v>187.3999999999979</v>
      </c>
    </row>
    <row r="5503" spans="1:5" x14ac:dyDescent="0.25">
      <c r="A5503" s="3">
        <v>41796.641840277778</v>
      </c>
      <c r="B5503" s="2">
        <v>32.9</v>
      </c>
      <c r="C5503" s="2">
        <v>166.6</v>
      </c>
      <c r="D5503" s="2">
        <v>0</v>
      </c>
      <c r="E5503" s="2">
        <v>187.3999999999979</v>
      </c>
    </row>
    <row r="5504" spans="1:5" x14ac:dyDescent="0.25">
      <c r="A5504" s="3">
        <v>41796.642013888886</v>
      </c>
      <c r="B5504" s="2">
        <v>32.9</v>
      </c>
      <c r="C5504" s="2">
        <v>166.4</v>
      </c>
      <c r="D5504" s="2">
        <v>0</v>
      </c>
      <c r="E5504" s="2">
        <v>187.3999999999979</v>
      </c>
    </row>
    <row r="5505" spans="1:5" x14ac:dyDescent="0.25">
      <c r="A5505" s="3">
        <v>41796.662847222222</v>
      </c>
      <c r="B5505" s="2">
        <v>32.1</v>
      </c>
      <c r="C5505" s="2">
        <v>166.2</v>
      </c>
      <c r="D5505" s="2">
        <v>0</v>
      </c>
      <c r="E5505" s="2">
        <v>187.3999999999979</v>
      </c>
    </row>
    <row r="5506" spans="1:5" x14ac:dyDescent="0.25">
      <c r="A5506" s="3">
        <v>41796.663078703707</v>
      </c>
      <c r="B5506" s="2">
        <v>32.1</v>
      </c>
      <c r="C5506" s="2">
        <v>166.4</v>
      </c>
      <c r="D5506" s="2">
        <v>0</v>
      </c>
      <c r="E5506" s="2">
        <v>187.3999999999979</v>
      </c>
    </row>
    <row r="5507" spans="1:5" x14ac:dyDescent="0.25">
      <c r="A5507" s="3">
        <v>41796.663194444445</v>
      </c>
      <c r="B5507" s="2">
        <v>32.1</v>
      </c>
      <c r="C5507" s="2">
        <v>166.2</v>
      </c>
      <c r="D5507" s="2">
        <v>0</v>
      </c>
      <c r="E5507" s="2">
        <v>187.3999999999979</v>
      </c>
    </row>
    <row r="5508" spans="1:5" x14ac:dyDescent="0.25">
      <c r="A5508" s="3">
        <v>41796.679050925923</v>
      </c>
      <c r="B5508" s="2">
        <v>31.6</v>
      </c>
      <c r="C5508" s="2">
        <v>166</v>
      </c>
      <c r="D5508" s="2">
        <v>0</v>
      </c>
      <c r="E5508" s="2">
        <v>187.3999999999979</v>
      </c>
    </row>
    <row r="5509" spans="1:5" x14ac:dyDescent="0.25">
      <c r="A5509" s="3">
        <v>41796.680671296293</v>
      </c>
      <c r="B5509" s="2">
        <v>31.5</v>
      </c>
      <c r="C5509" s="2">
        <v>166.2</v>
      </c>
      <c r="D5509" s="2">
        <v>0</v>
      </c>
      <c r="E5509" s="2">
        <v>187.3999999999979</v>
      </c>
    </row>
    <row r="5510" spans="1:5" x14ac:dyDescent="0.25">
      <c r="A5510" s="3">
        <v>41796.680787037039</v>
      </c>
      <c r="B5510" s="2">
        <v>31.5</v>
      </c>
      <c r="C5510" s="2">
        <v>166</v>
      </c>
      <c r="D5510" s="2">
        <v>0</v>
      </c>
      <c r="E5510" s="2">
        <v>187.3999999999979</v>
      </c>
    </row>
    <row r="5511" spans="1:5" x14ac:dyDescent="0.25">
      <c r="A5511" s="3">
        <v>41796.681076388886</v>
      </c>
      <c r="B5511" s="2">
        <v>31.5</v>
      </c>
      <c r="C5511" s="2">
        <v>166.2</v>
      </c>
      <c r="D5511" s="2">
        <v>0</v>
      </c>
      <c r="E5511" s="2">
        <v>187.3999999999979</v>
      </c>
    </row>
    <row r="5512" spans="1:5" x14ac:dyDescent="0.25">
      <c r="A5512" s="3">
        <v>41796.681250000001</v>
      </c>
      <c r="B5512" s="2">
        <v>31.5</v>
      </c>
      <c r="C5512" s="2">
        <v>166</v>
      </c>
      <c r="D5512" s="2">
        <v>0</v>
      </c>
      <c r="E5512" s="2">
        <v>187.3999999999979</v>
      </c>
    </row>
    <row r="5513" spans="1:5" x14ac:dyDescent="0.25">
      <c r="A5513" s="3">
        <v>41796.696759259263</v>
      </c>
      <c r="B5513" s="2">
        <v>31</v>
      </c>
      <c r="C5513" s="2">
        <v>165.8</v>
      </c>
      <c r="D5513" s="2">
        <v>0</v>
      </c>
      <c r="E5513" s="2">
        <v>187.3999999999979</v>
      </c>
    </row>
    <row r="5514" spans="1:5" x14ac:dyDescent="0.25">
      <c r="A5514" s="3">
        <v>41796.696875000001</v>
      </c>
      <c r="B5514" s="2">
        <v>31</v>
      </c>
      <c r="C5514" s="2">
        <v>166</v>
      </c>
      <c r="D5514" s="2">
        <v>0</v>
      </c>
      <c r="E5514" s="2">
        <v>187.3999999999979</v>
      </c>
    </row>
    <row r="5515" spans="1:5" x14ac:dyDescent="0.25">
      <c r="A5515" s="3">
        <v>41796.69699074074</v>
      </c>
      <c r="B5515" s="2">
        <v>31</v>
      </c>
      <c r="C5515" s="2">
        <v>165.8</v>
      </c>
      <c r="D5515" s="2">
        <v>0</v>
      </c>
      <c r="E5515" s="2">
        <v>187.3999999999979</v>
      </c>
    </row>
    <row r="5516" spans="1:5" x14ac:dyDescent="0.25">
      <c r="A5516" s="3">
        <v>41796.697337962964</v>
      </c>
      <c r="B5516" s="2">
        <v>31</v>
      </c>
      <c r="C5516" s="2">
        <v>166</v>
      </c>
      <c r="D5516" s="2">
        <v>0</v>
      </c>
      <c r="E5516" s="2">
        <v>187.3999999999979</v>
      </c>
    </row>
    <row r="5517" spans="1:5" x14ac:dyDescent="0.25">
      <c r="A5517" s="3">
        <v>41796.697511574072</v>
      </c>
      <c r="B5517" s="2">
        <v>31</v>
      </c>
      <c r="C5517" s="2">
        <v>165.8</v>
      </c>
      <c r="D5517" s="2">
        <v>0</v>
      </c>
      <c r="E5517" s="2">
        <v>187.3999999999979</v>
      </c>
    </row>
    <row r="5518" spans="1:5" x14ac:dyDescent="0.25">
      <c r="A5518" s="3">
        <v>41796.71533564815</v>
      </c>
      <c r="B5518" s="2">
        <v>30.3</v>
      </c>
      <c r="C5518" s="2">
        <v>165.6</v>
      </c>
      <c r="D5518" s="2">
        <v>0</v>
      </c>
      <c r="E5518" s="2">
        <v>187.3999999999979</v>
      </c>
    </row>
    <row r="5519" spans="1:5" x14ac:dyDescent="0.25">
      <c r="A5519" s="3">
        <v>41796.71597222222</v>
      </c>
      <c r="B5519" s="2">
        <v>30.3</v>
      </c>
      <c r="C5519" s="2">
        <v>165.8</v>
      </c>
      <c r="D5519" s="2">
        <v>0</v>
      </c>
      <c r="E5519" s="2">
        <v>187.3999999999979</v>
      </c>
    </row>
    <row r="5520" spans="1:5" x14ac:dyDescent="0.25">
      <c r="A5520" s="3">
        <v>41796.716203703705</v>
      </c>
      <c r="B5520" s="2">
        <v>30.3</v>
      </c>
      <c r="C5520" s="2">
        <v>165.6</v>
      </c>
      <c r="D5520" s="2">
        <v>0</v>
      </c>
      <c r="E5520" s="2">
        <v>187.3999999999979</v>
      </c>
    </row>
    <row r="5521" spans="1:5" x14ac:dyDescent="0.25">
      <c r="A5521" s="3">
        <v>41796.73605324074</v>
      </c>
      <c r="B5521" s="2">
        <v>30.2</v>
      </c>
      <c r="C5521" s="2">
        <v>165.4</v>
      </c>
      <c r="D5521" s="2">
        <v>0</v>
      </c>
      <c r="E5521" s="2">
        <v>187.3999999999979</v>
      </c>
    </row>
    <row r="5522" spans="1:5" x14ac:dyDescent="0.25">
      <c r="A5522" s="3">
        <v>41796.736284722225</v>
      </c>
      <c r="B5522" s="2">
        <v>30.2</v>
      </c>
      <c r="C5522" s="2">
        <v>165.6</v>
      </c>
      <c r="D5522" s="2">
        <v>0</v>
      </c>
      <c r="E5522" s="2">
        <v>187.3999999999979</v>
      </c>
    </row>
    <row r="5523" spans="1:5" x14ac:dyDescent="0.25">
      <c r="A5523" s="3">
        <v>41796.736400462964</v>
      </c>
      <c r="B5523" s="2">
        <v>30.2</v>
      </c>
      <c r="C5523" s="2">
        <v>165.4</v>
      </c>
      <c r="D5523" s="2">
        <v>0</v>
      </c>
      <c r="E5523" s="2">
        <v>187.3999999999979</v>
      </c>
    </row>
    <row r="5524" spans="1:5" x14ac:dyDescent="0.25">
      <c r="A5524" s="3">
        <v>41796.736516203702</v>
      </c>
      <c r="B5524" s="2">
        <v>30.2</v>
      </c>
      <c r="C5524" s="2">
        <v>165.6</v>
      </c>
      <c r="D5524" s="2">
        <v>0</v>
      </c>
      <c r="E5524" s="2">
        <v>187.3999999999979</v>
      </c>
    </row>
    <row r="5525" spans="1:5" x14ac:dyDescent="0.25">
      <c r="A5525" s="3">
        <v>41796.736863425926</v>
      </c>
      <c r="B5525" s="2">
        <v>30.2</v>
      </c>
      <c r="C5525" s="2">
        <v>165.4</v>
      </c>
      <c r="D5525" s="2">
        <v>0</v>
      </c>
      <c r="E5525" s="2">
        <v>187.3999999999979</v>
      </c>
    </row>
    <row r="5526" spans="1:5" x14ac:dyDescent="0.25">
      <c r="A5526" s="3">
        <v>41796.757581018515</v>
      </c>
      <c r="B5526" s="2">
        <v>30</v>
      </c>
      <c r="C5526" s="2">
        <v>165.2</v>
      </c>
      <c r="D5526" s="2">
        <v>0</v>
      </c>
      <c r="E5526" s="2">
        <v>187.3999999999979</v>
      </c>
    </row>
    <row r="5527" spans="1:5" x14ac:dyDescent="0.25">
      <c r="A5527" s="3">
        <v>41796.758680555555</v>
      </c>
      <c r="B5527" s="2">
        <v>30</v>
      </c>
      <c r="C5527" s="2">
        <v>165.4</v>
      </c>
      <c r="D5527" s="2">
        <v>0</v>
      </c>
      <c r="E5527" s="2">
        <v>187.3999999999979</v>
      </c>
    </row>
    <row r="5528" spans="1:5" x14ac:dyDescent="0.25">
      <c r="A5528" s="3">
        <v>41796.758969907409</v>
      </c>
      <c r="B5528" s="2">
        <v>30</v>
      </c>
      <c r="C5528" s="2">
        <v>165.2</v>
      </c>
      <c r="D5528" s="2">
        <v>0</v>
      </c>
      <c r="E5528" s="2">
        <v>187.3999999999979</v>
      </c>
    </row>
    <row r="5529" spans="1:5" x14ac:dyDescent="0.25">
      <c r="A5529" s="3">
        <v>41796.790798611109</v>
      </c>
      <c r="B5529" s="2">
        <v>28.9</v>
      </c>
      <c r="C5529" s="2">
        <v>165</v>
      </c>
      <c r="D5529" s="2">
        <v>0</v>
      </c>
      <c r="E5529" s="2">
        <v>187.3999999999979</v>
      </c>
    </row>
    <row r="5530" spans="1:5" x14ac:dyDescent="0.25">
      <c r="A5530" s="3">
        <v>41796.81585648148</v>
      </c>
      <c r="B5530" s="2">
        <v>28.2</v>
      </c>
      <c r="C5530" s="2">
        <v>164.8</v>
      </c>
      <c r="D5530" s="2">
        <v>0</v>
      </c>
      <c r="E5530" s="2">
        <v>187.3999999999979</v>
      </c>
    </row>
    <row r="5531" spans="1:5" x14ac:dyDescent="0.25">
      <c r="A5531" s="3">
        <v>41796.844502314816</v>
      </c>
      <c r="B5531" s="2">
        <v>27.3</v>
      </c>
      <c r="C5531" s="2">
        <v>164.6</v>
      </c>
      <c r="D5531" s="2">
        <v>0</v>
      </c>
      <c r="E5531" s="2">
        <v>187.3999999999979</v>
      </c>
    </row>
    <row r="5532" spans="1:5" x14ac:dyDescent="0.25">
      <c r="A5532" s="3">
        <v>41796.87939814815</v>
      </c>
      <c r="B5532" s="2">
        <v>26.2</v>
      </c>
      <c r="C5532" s="2">
        <v>164.4</v>
      </c>
      <c r="D5532" s="2">
        <v>0</v>
      </c>
      <c r="E5532" s="2">
        <v>187.3999999999979</v>
      </c>
    </row>
    <row r="5533" spans="1:5" x14ac:dyDescent="0.25">
      <c r="A5533" s="3">
        <v>41796.925752314812</v>
      </c>
      <c r="B5533" s="2">
        <v>24.9</v>
      </c>
      <c r="C5533" s="2">
        <v>164.2</v>
      </c>
      <c r="D5533" s="2">
        <v>0</v>
      </c>
      <c r="E5533" s="2">
        <v>187.3999999999979</v>
      </c>
    </row>
    <row r="5534" spans="1:5" x14ac:dyDescent="0.25">
      <c r="A5534" s="3">
        <v>41796.982407407406</v>
      </c>
      <c r="B5534" s="2">
        <v>23.4</v>
      </c>
      <c r="C5534" s="2">
        <v>164</v>
      </c>
      <c r="D5534" s="2">
        <v>0</v>
      </c>
      <c r="E5534" s="2">
        <v>187.3999999999979</v>
      </c>
    </row>
    <row r="5535" spans="1:5" x14ac:dyDescent="0.25">
      <c r="A5535" s="3">
        <v>41797.061111111114</v>
      </c>
      <c r="B5535" s="2">
        <v>21.6</v>
      </c>
      <c r="C5535" s="2">
        <v>163.80000000000001</v>
      </c>
      <c r="D5535" s="2">
        <v>0</v>
      </c>
      <c r="E5535" s="2">
        <v>187.3999999999979</v>
      </c>
    </row>
    <row r="5536" spans="1:5" x14ac:dyDescent="0.25">
      <c r="A5536" s="3">
        <v>41797.151967592596</v>
      </c>
      <c r="B5536" s="2">
        <v>19.8</v>
      </c>
      <c r="C5536" s="2">
        <v>163.6</v>
      </c>
      <c r="D5536" s="2">
        <v>0</v>
      </c>
      <c r="E5536" s="2">
        <v>187.3999999999979</v>
      </c>
    </row>
    <row r="5537" spans="1:5" x14ac:dyDescent="0.25">
      <c r="A5537" s="3">
        <v>41797.268055555556</v>
      </c>
      <c r="B5537" s="2">
        <v>17.899999999999999</v>
      </c>
      <c r="C5537" s="2">
        <v>163.4</v>
      </c>
      <c r="D5537" s="2">
        <v>0</v>
      </c>
      <c r="E5537" s="2">
        <v>187.3999999999979</v>
      </c>
    </row>
    <row r="5538" spans="1:5" x14ac:dyDescent="0.25">
      <c r="A5538" s="3">
        <v>41797.34207175926</v>
      </c>
      <c r="B5538" s="2">
        <v>17.7</v>
      </c>
      <c r="C5538" s="2">
        <v>163.19999999999999</v>
      </c>
      <c r="D5538" s="2">
        <v>0</v>
      </c>
      <c r="E5538" s="2">
        <v>187.3999999999979</v>
      </c>
    </row>
    <row r="5539" spans="1:5" x14ac:dyDescent="0.25">
      <c r="A5539" s="3">
        <v>41797.393750000003</v>
      </c>
      <c r="B5539" s="2">
        <v>19.899999999999999</v>
      </c>
      <c r="C5539" s="2">
        <v>163</v>
      </c>
      <c r="D5539" s="2">
        <v>0</v>
      </c>
      <c r="E5539" s="2">
        <v>187.3999999999979</v>
      </c>
    </row>
    <row r="5540" spans="1:5" x14ac:dyDescent="0.25">
      <c r="A5540" s="3">
        <v>41797.39403935185</v>
      </c>
      <c r="B5540" s="2">
        <v>19.899999999999999</v>
      </c>
      <c r="C5540" s="2">
        <v>163.19999999999999</v>
      </c>
      <c r="D5540" s="2">
        <v>0</v>
      </c>
      <c r="E5540" s="2">
        <v>187.3999999999979</v>
      </c>
    </row>
    <row r="5541" spans="1:5" x14ac:dyDescent="0.25">
      <c r="A5541" s="3">
        <v>41797.446180555555</v>
      </c>
      <c r="B5541" s="2">
        <v>23.3</v>
      </c>
      <c r="C5541" s="2">
        <v>163</v>
      </c>
      <c r="D5541" s="2">
        <v>0</v>
      </c>
      <c r="E5541" s="2">
        <v>187.3999999999979</v>
      </c>
    </row>
    <row r="5542" spans="1:5" x14ac:dyDescent="0.25">
      <c r="A5542" s="3">
        <v>41797.446296296293</v>
      </c>
      <c r="B5542" s="2">
        <v>23.3</v>
      </c>
      <c r="C5542" s="2">
        <v>163.19999999999999</v>
      </c>
      <c r="D5542" s="2">
        <v>0</v>
      </c>
      <c r="E5542" s="2">
        <v>187.3999999999979</v>
      </c>
    </row>
    <row r="5543" spans="1:5" x14ac:dyDescent="0.25">
      <c r="A5543" s="3">
        <v>41797.446585648147</v>
      </c>
      <c r="B5543" s="2">
        <v>23.3</v>
      </c>
      <c r="C5543" s="2">
        <v>163</v>
      </c>
      <c r="D5543" s="2">
        <v>0</v>
      </c>
      <c r="E5543" s="2">
        <v>187.3999999999979</v>
      </c>
    </row>
    <row r="5544" spans="1:5" x14ac:dyDescent="0.25">
      <c r="A5544" s="3">
        <v>41797.446875000001</v>
      </c>
      <c r="B5544" s="2">
        <v>23.3</v>
      </c>
      <c r="C5544" s="2">
        <v>163.19999999999999</v>
      </c>
      <c r="D5544" s="2">
        <v>0</v>
      </c>
      <c r="E5544" s="2">
        <v>187.3999999999979</v>
      </c>
    </row>
    <row r="5545" spans="1:5" x14ac:dyDescent="0.25">
      <c r="A5545" s="3">
        <v>41797.45815972222</v>
      </c>
      <c r="B5545" s="2">
        <v>24.2</v>
      </c>
      <c r="C5545" s="2">
        <v>163</v>
      </c>
      <c r="D5545" s="2">
        <v>0</v>
      </c>
      <c r="E5545" s="2">
        <v>187.3999999999979</v>
      </c>
    </row>
    <row r="5546" spans="1:5" x14ac:dyDescent="0.25">
      <c r="A5546" s="3">
        <v>41797.458564814813</v>
      </c>
      <c r="B5546" s="2">
        <v>24.3</v>
      </c>
      <c r="C5546" s="2">
        <v>163.19999999999999</v>
      </c>
      <c r="D5546" s="2">
        <v>0</v>
      </c>
      <c r="E5546" s="2">
        <v>187.3999999999979</v>
      </c>
    </row>
    <row r="5547" spans="1:5" x14ac:dyDescent="0.25">
      <c r="A5547" s="3">
        <v>41797.458738425928</v>
      </c>
      <c r="B5547" s="2">
        <v>24.4</v>
      </c>
      <c r="C5547" s="2">
        <v>163</v>
      </c>
      <c r="D5547" s="2">
        <v>0</v>
      </c>
      <c r="E5547" s="2">
        <v>187.3999999999979</v>
      </c>
    </row>
    <row r="5548" spans="1:5" x14ac:dyDescent="0.25">
      <c r="A5548" s="3">
        <v>41797.458912037036</v>
      </c>
      <c r="B5548" s="2">
        <v>24.4</v>
      </c>
      <c r="C5548" s="2">
        <v>163.19999999999999</v>
      </c>
      <c r="D5548" s="2">
        <v>0</v>
      </c>
      <c r="E5548" s="2">
        <v>187.3999999999979</v>
      </c>
    </row>
    <row r="5549" spans="1:5" x14ac:dyDescent="0.25">
      <c r="A5549" s="3">
        <v>41797.459201388891</v>
      </c>
      <c r="B5549" s="2">
        <v>24.4</v>
      </c>
      <c r="C5549" s="2">
        <v>163</v>
      </c>
      <c r="D5549" s="2">
        <v>0</v>
      </c>
      <c r="E5549" s="2">
        <v>187.3999999999979</v>
      </c>
    </row>
    <row r="5550" spans="1:5" x14ac:dyDescent="0.25">
      <c r="A5550" s="3">
        <v>41797.459317129629</v>
      </c>
      <c r="B5550" s="2">
        <v>24.4</v>
      </c>
      <c r="C5550" s="2">
        <v>163.19999999999999</v>
      </c>
      <c r="D5550" s="2">
        <v>0</v>
      </c>
      <c r="E5550" s="2">
        <v>187.3999999999979</v>
      </c>
    </row>
    <row r="5551" spans="1:5" x14ac:dyDescent="0.25">
      <c r="A5551" s="3">
        <v>41797.460532407407</v>
      </c>
      <c r="B5551" s="2">
        <v>24.4</v>
      </c>
      <c r="C5551" s="2">
        <v>163</v>
      </c>
      <c r="D5551" s="2">
        <v>0</v>
      </c>
      <c r="E5551" s="2">
        <v>187.3999999999979</v>
      </c>
    </row>
    <row r="5552" spans="1:5" x14ac:dyDescent="0.25">
      <c r="A5552" s="3">
        <v>41797.460648148146</v>
      </c>
      <c r="B5552" s="2">
        <v>24.4</v>
      </c>
      <c r="C5552" s="2">
        <v>163.19999999999999</v>
      </c>
      <c r="D5552" s="2">
        <v>0</v>
      </c>
      <c r="E5552" s="2">
        <v>187.3999999999979</v>
      </c>
    </row>
    <row r="5553" spans="1:5" x14ac:dyDescent="0.25">
      <c r="A5553" s="3">
        <v>41797.465624999997</v>
      </c>
      <c r="B5553" s="2">
        <v>24.9</v>
      </c>
      <c r="C5553" s="2">
        <v>163</v>
      </c>
      <c r="D5553" s="2">
        <v>0</v>
      </c>
      <c r="E5553" s="2">
        <v>187.3999999999979</v>
      </c>
    </row>
    <row r="5554" spans="1:5" x14ac:dyDescent="0.25">
      <c r="A5554" s="3">
        <v>41797.465682870374</v>
      </c>
      <c r="B5554" s="2">
        <v>25</v>
      </c>
      <c r="C5554" s="2">
        <v>163.19999999999999</v>
      </c>
      <c r="D5554" s="2">
        <v>0</v>
      </c>
      <c r="E5554" s="2">
        <v>187.3999999999979</v>
      </c>
    </row>
    <row r="5555" spans="1:5" x14ac:dyDescent="0.25">
      <c r="A5555" s="3">
        <v>41797.470370370371</v>
      </c>
      <c r="B5555" s="2">
        <v>25.2</v>
      </c>
      <c r="C5555" s="2">
        <v>163</v>
      </c>
      <c r="D5555" s="2">
        <v>0</v>
      </c>
      <c r="E5555" s="2">
        <v>187.3999999999979</v>
      </c>
    </row>
    <row r="5556" spans="1:5" x14ac:dyDescent="0.25">
      <c r="A5556" s="3">
        <v>41797.470486111109</v>
      </c>
      <c r="B5556" s="2">
        <v>25.2</v>
      </c>
      <c r="C5556" s="2">
        <v>163.19999999999999</v>
      </c>
      <c r="D5556" s="2">
        <v>0</v>
      </c>
      <c r="E5556" s="2">
        <v>187.3999999999979</v>
      </c>
    </row>
    <row r="5557" spans="1:5" x14ac:dyDescent="0.25">
      <c r="A5557" s="3">
        <v>41797.473090277781</v>
      </c>
      <c r="B5557" s="2">
        <v>25.4</v>
      </c>
      <c r="C5557" s="2">
        <v>163</v>
      </c>
      <c r="D5557" s="2">
        <v>0</v>
      </c>
      <c r="E5557" s="2">
        <v>187.3999999999979</v>
      </c>
    </row>
    <row r="5558" spans="1:5" x14ac:dyDescent="0.25">
      <c r="A5558" s="3">
        <v>41797.47320601852</v>
      </c>
      <c r="B5558" s="2">
        <v>25.4</v>
      </c>
      <c r="C5558" s="2">
        <v>163.19999999999999</v>
      </c>
      <c r="D5558" s="2">
        <v>0</v>
      </c>
      <c r="E5558" s="2">
        <v>187.3999999999979</v>
      </c>
    </row>
    <row r="5559" spans="1:5" x14ac:dyDescent="0.25">
      <c r="A5559" s="3">
        <v>41797.473321759258</v>
      </c>
      <c r="B5559" s="2">
        <v>25.4</v>
      </c>
      <c r="C5559" s="2">
        <v>163</v>
      </c>
      <c r="D5559" s="2">
        <v>0</v>
      </c>
      <c r="E5559" s="2">
        <v>187.3999999999979</v>
      </c>
    </row>
    <row r="5560" spans="1:5" x14ac:dyDescent="0.25">
      <c r="A5560" s="3">
        <v>41797.476215277777</v>
      </c>
      <c r="B5560" s="2">
        <v>25.7</v>
      </c>
      <c r="C5560" s="2">
        <v>163.19999999999999</v>
      </c>
      <c r="D5560" s="2">
        <v>0</v>
      </c>
      <c r="E5560" s="2">
        <v>187.3999999999979</v>
      </c>
    </row>
    <row r="5561" spans="1:5" x14ac:dyDescent="0.25">
      <c r="A5561" s="3">
        <v>41797.476331018515</v>
      </c>
      <c r="B5561" s="2">
        <v>25.7</v>
      </c>
      <c r="C5561" s="2">
        <v>163</v>
      </c>
      <c r="D5561" s="2">
        <v>0</v>
      </c>
      <c r="E5561" s="2">
        <v>187.3999999999979</v>
      </c>
    </row>
    <row r="5562" spans="1:5" x14ac:dyDescent="0.25">
      <c r="A5562" s="3">
        <v>41797.476736111108</v>
      </c>
      <c r="B5562" s="2">
        <v>25.8</v>
      </c>
      <c r="C5562" s="2">
        <v>163.19999999999999</v>
      </c>
      <c r="D5562" s="2">
        <v>0</v>
      </c>
      <c r="E5562" s="2">
        <v>187.3999999999979</v>
      </c>
    </row>
    <row r="5563" spans="1:5" x14ac:dyDescent="0.25">
      <c r="A5563" s="3">
        <v>41797.476851851854</v>
      </c>
      <c r="B5563" s="2">
        <v>25.8</v>
      </c>
      <c r="C5563" s="2">
        <v>163</v>
      </c>
      <c r="D5563" s="2">
        <v>0</v>
      </c>
      <c r="E5563" s="2">
        <v>187.3999999999979</v>
      </c>
    </row>
    <row r="5564" spans="1:5" x14ac:dyDescent="0.25">
      <c r="A5564" s="3">
        <v>41797.531712962962</v>
      </c>
      <c r="B5564" s="2">
        <v>29.8</v>
      </c>
      <c r="C5564" s="2">
        <v>162.80000000000001</v>
      </c>
      <c r="D5564" s="2">
        <v>0</v>
      </c>
      <c r="E5564" s="2">
        <v>187.3999999999979</v>
      </c>
    </row>
    <row r="5565" spans="1:5" x14ac:dyDescent="0.25">
      <c r="A5565" s="3">
        <v>41797.531886574077</v>
      </c>
      <c r="B5565" s="2">
        <v>29.7</v>
      </c>
      <c r="C5565" s="2">
        <v>163</v>
      </c>
      <c r="D5565" s="2">
        <v>0</v>
      </c>
      <c r="E5565" s="2">
        <v>187.3999999999979</v>
      </c>
    </row>
    <row r="5566" spans="1:5" x14ac:dyDescent="0.25">
      <c r="A5566" s="3">
        <v>41797.532002314816</v>
      </c>
      <c r="B5566" s="2">
        <v>29.7</v>
      </c>
      <c r="C5566" s="2">
        <v>162.80000000000001</v>
      </c>
      <c r="D5566" s="2">
        <v>0</v>
      </c>
      <c r="E5566" s="2">
        <v>187.3999999999979</v>
      </c>
    </row>
    <row r="5567" spans="1:5" x14ac:dyDescent="0.25">
      <c r="A5567" s="3">
        <v>41797.562905092593</v>
      </c>
      <c r="B5567" s="2">
        <v>31.7</v>
      </c>
      <c r="C5567" s="2">
        <v>162.6</v>
      </c>
      <c r="D5567" s="2">
        <v>0</v>
      </c>
      <c r="E5567" s="2">
        <v>187.3999999999979</v>
      </c>
    </row>
    <row r="5568" spans="1:5" x14ac:dyDescent="0.25">
      <c r="A5568" s="3">
        <v>41797.584780092591</v>
      </c>
      <c r="B5568" s="2">
        <v>32.9</v>
      </c>
      <c r="C5568" s="2">
        <v>162.4</v>
      </c>
      <c r="D5568" s="2">
        <v>0</v>
      </c>
      <c r="E5568" s="2">
        <v>187.3999999999979</v>
      </c>
    </row>
    <row r="5569" spans="1:5" x14ac:dyDescent="0.25">
      <c r="A5569" s="3">
        <v>41797.585474537038</v>
      </c>
      <c r="B5569" s="2">
        <v>32.799999999999997</v>
      </c>
      <c r="C5569" s="2">
        <v>162.6</v>
      </c>
      <c r="D5569" s="2">
        <v>0</v>
      </c>
      <c r="E5569" s="2">
        <v>187.3999999999979</v>
      </c>
    </row>
    <row r="5570" spans="1:5" x14ac:dyDescent="0.25">
      <c r="A5570" s="3">
        <v>41797.585590277777</v>
      </c>
      <c r="B5570" s="2">
        <v>33</v>
      </c>
      <c r="C5570" s="2">
        <v>162.4</v>
      </c>
      <c r="D5570" s="2">
        <v>0</v>
      </c>
      <c r="E5570" s="2">
        <v>187.3999999999979</v>
      </c>
    </row>
    <row r="5571" spans="1:5" x14ac:dyDescent="0.25">
      <c r="A5571" s="3">
        <v>41797.602951388886</v>
      </c>
      <c r="B5571" s="2">
        <v>33.6</v>
      </c>
      <c r="C5571" s="2">
        <v>162.19999999999999</v>
      </c>
      <c r="D5571" s="2">
        <v>0</v>
      </c>
      <c r="E5571" s="2">
        <v>187.3999999999979</v>
      </c>
    </row>
    <row r="5572" spans="1:5" x14ac:dyDescent="0.25">
      <c r="A5572" s="3">
        <v>41797.624363425923</v>
      </c>
      <c r="B5572" s="2">
        <v>34.200000000000003</v>
      </c>
      <c r="C5572" s="2">
        <v>162</v>
      </c>
      <c r="D5572" s="2">
        <v>0</v>
      </c>
      <c r="E5572" s="2">
        <v>187.3999999999979</v>
      </c>
    </row>
    <row r="5573" spans="1:5" x14ac:dyDescent="0.25">
      <c r="A5573" s="3">
        <v>41797.627604166664</v>
      </c>
      <c r="B5573" s="2">
        <v>34.299999999999997</v>
      </c>
      <c r="C5573" s="2">
        <v>162.19999999999999</v>
      </c>
      <c r="D5573" s="2">
        <v>0</v>
      </c>
      <c r="E5573" s="2">
        <v>187.3999999999979</v>
      </c>
    </row>
    <row r="5574" spans="1:5" x14ac:dyDescent="0.25">
      <c r="A5574" s="3">
        <v>41797.62771990741</v>
      </c>
      <c r="B5574" s="2">
        <v>34.299999999999997</v>
      </c>
      <c r="C5574" s="2">
        <v>162</v>
      </c>
      <c r="D5574" s="2">
        <v>0</v>
      </c>
      <c r="E5574" s="2">
        <v>187.3999999999979</v>
      </c>
    </row>
    <row r="5575" spans="1:5" x14ac:dyDescent="0.25">
      <c r="A5575" s="3">
        <v>41797.65347222222</v>
      </c>
      <c r="B5575" s="2">
        <v>34.200000000000003</v>
      </c>
      <c r="C5575" s="2">
        <v>161.80000000000001</v>
      </c>
      <c r="D5575" s="2">
        <v>0</v>
      </c>
      <c r="E5575" s="2">
        <v>187.3999999999979</v>
      </c>
    </row>
    <row r="5576" spans="1:5" x14ac:dyDescent="0.25">
      <c r="A5576" s="3">
        <v>41797.653587962966</v>
      </c>
      <c r="B5576" s="2">
        <v>34.200000000000003</v>
      </c>
      <c r="C5576" s="2">
        <v>162</v>
      </c>
      <c r="D5576" s="2">
        <v>0</v>
      </c>
      <c r="E5576" s="2">
        <v>187.3999999999979</v>
      </c>
    </row>
    <row r="5577" spans="1:5" x14ac:dyDescent="0.25">
      <c r="A5577" s="3">
        <v>41797.653703703705</v>
      </c>
      <c r="B5577" s="2">
        <v>34.1</v>
      </c>
      <c r="C5577" s="2">
        <v>161.80000000000001</v>
      </c>
      <c r="D5577" s="2">
        <v>0</v>
      </c>
      <c r="E5577" s="2">
        <v>187.3999999999979</v>
      </c>
    </row>
    <row r="5578" spans="1:5" x14ac:dyDescent="0.25">
      <c r="A5578" s="3">
        <v>41797.655381944445</v>
      </c>
      <c r="B5578" s="2">
        <v>34</v>
      </c>
      <c r="C5578" s="2">
        <v>162</v>
      </c>
      <c r="D5578" s="2">
        <v>0</v>
      </c>
      <c r="E5578" s="2">
        <v>187.3999999999979</v>
      </c>
    </row>
    <row r="5579" spans="1:5" x14ac:dyDescent="0.25">
      <c r="A5579" s="3">
        <v>41797.655555555553</v>
      </c>
      <c r="B5579" s="2">
        <v>34</v>
      </c>
      <c r="C5579" s="2">
        <v>161.80000000000001</v>
      </c>
      <c r="D5579" s="2">
        <v>0</v>
      </c>
      <c r="E5579" s="2">
        <v>187.3999999999979</v>
      </c>
    </row>
    <row r="5580" spans="1:5" x14ac:dyDescent="0.25">
      <c r="A5580" s="3">
        <v>41797.668229166666</v>
      </c>
      <c r="B5580" s="2">
        <v>33.299999999999997</v>
      </c>
      <c r="C5580" s="2">
        <v>161.6</v>
      </c>
      <c r="D5580" s="2">
        <v>0</v>
      </c>
      <c r="E5580" s="2">
        <v>187.3999999999979</v>
      </c>
    </row>
    <row r="5581" spans="1:5" x14ac:dyDescent="0.25">
      <c r="A5581" s="3">
        <v>41797.668287037035</v>
      </c>
      <c r="B5581" s="2">
        <v>33.299999999999997</v>
      </c>
      <c r="C5581" s="2">
        <v>161.80000000000001</v>
      </c>
      <c r="D5581" s="2">
        <v>0</v>
      </c>
      <c r="E5581" s="2">
        <v>187.3999999999979</v>
      </c>
    </row>
    <row r="5582" spans="1:5" x14ac:dyDescent="0.25">
      <c r="A5582" s="3">
        <v>41797.66851851852</v>
      </c>
      <c r="B5582" s="2">
        <v>33.299999999999997</v>
      </c>
      <c r="C5582" s="2">
        <v>161.6</v>
      </c>
      <c r="D5582" s="2">
        <v>0</v>
      </c>
      <c r="E5582" s="2">
        <v>187.3999999999979</v>
      </c>
    </row>
    <row r="5583" spans="1:5" x14ac:dyDescent="0.25">
      <c r="A5583" s="3">
        <v>41797.682233796295</v>
      </c>
      <c r="B5583" s="2">
        <v>32.9</v>
      </c>
      <c r="C5583" s="2">
        <v>161.4</v>
      </c>
      <c r="D5583" s="2">
        <v>0</v>
      </c>
      <c r="E5583" s="2">
        <v>187.3999999999979</v>
      </c>
    </row>
    <row r="5584" spans="1:5" x14ac:dyDescent="0.25">
      <c r="A5584" s="3">
        <v>41797.682349537034</v>
      </c>
      <c r="B5584" s="2">
        <v>32.9</v>
      </c>
      <c r="C5584" s="2">
        <v>161.6</v>
      </c>
      <c r="D5584" s="2">
        <v>0</v>
      </c>
      <c r="E5584" s="2">
        <v>187.3999999999979</v>
      </c>
    </row>
    <row r="5585" spans="1:5" x14ac:dyDescent="0.25">
      <c r="A5585" s="3">
        <v>41797.682696759257</v>
      </c>
      <c r="B5585" s="2">
        <v>32.9</v>
      </c>
      <c r="C5585" s="2">
        <v>161.4</v>
      </c>
      <c r="D5585" s="2">
        <v>0</v>
      </c>
      <c r="E5585" s="2">
        <v>187.3999999999979</v>
      </c>
    </row>
    <row r="5586" spans="1:5" x14ac:dyDescent="0.25">
      <c r="A5586" s="3">
        <v>41797.698148148149</v>
      </c>
      <c r="B5586" s="2">
        <v>32.299999999999997</v>
      </c>
      <c r="C5586" s="2">
        <v>161.19999999999999</v>
      </c>
      <c r="D5586" s="2">
        <v>0</v>
      </c>
      <c r="E5586" s="2">
        <v>187.3999999999979</v>
      </c>
    </row>
    <row r="5587" spans="1:5" x14ac:dyDescent="0.25">
      <c r="A5587" s="3">
        <v>41797.713020833333</v>
      </c>
      <c r="B5587" s="2">
        <v>31.6</v>
      </c>
      <c r="C5587" s="2">
        <v>161</v>
      </c>
      <c r="D5587" s="2">
        <v>0</v>
      </c>
      <c r="E5587" s="2">
        <v>187.3999999999979</v>
      </c>
    </row>
    <row r="5588" spans="1:5" x14ac:dyDescent="0.25">
      <c r="A5588" s="3">
        <v>41797.7265625</v>
      </c>
      <c r="B5588" s="2">
        <v>31.4</v>
      </c>
      <c r="C5588" s="2">
        <v>160.80000000000001</v>
      </c>
      <c r="D5588" s="2">
        <v>0</v>
      </c>
      <c r="E5588" s="2">
        <v>187.3999999999979</v>
      </c>
    </row>
    <row r="5589" spans="1:5" x14ac:dyDescent="0.25">
      <c r="A5589" s="3">
        <v>41797.74322916667</v>
      </c>
      <c r="B5589" s="2">
        <v>31.4</v>
      </c>
      <c r="C5589" s="2">
        <v>160.6</v>
      </c>
      <c r="D5589" s="2">
        <v>0</v>
      </c>
      <c r="E5589" s="2">
        <v>187.3999999999979</v>
      </c>
    </row>
    <row r="5590" spans="1:5" x14ac:dyDescent="0.25">
      <c r="A5590" s="3">
        <v>41797.743287037039</v>
      </c>
      <c r="B5590" s="2">
        <v>31.4</v>
      </c>
      <c r="C5590" s="2">
        <v>160.80000000000001</v>
      </c>
      <c r="D5590" s="2">
        <v>0</v>
      </c>
      <c r="E5590" s="2">
        <v>187.3999999999979</v>
      </c>
    </row>
    <row r="5591" spans="1:5" x14ac:dyDescent="0.25">
      <c r="A5591" s="3">
        <v>41797.743981481479</v>
      </c>
      <c r="B5591" s="2">
        <v>31.4</v>
      </c>
      <c r="C5591" s="2">
        <v>160.6</v>
      </c>
      <c r="D5591" s="2">
        <v>0</v>
      </c>
      <c r="E5591" s="2">
        <v>187.3999999999979</v>
      </c>
    </row>
    <row r="5592" spans="1:5" x14ac:dyDescent="0.25">
      <c r="A5592" s="3">
        <v>41797.760069444441</v>
      </c>
      <c r="B5592" s="2">
        <v>31.1</v>
      </c>
      <c r="C5592" s="2">
        <v>160.4</v>
      </c>
      <c r="D5592" s="2">
        <v>0</v>
      </c>
      <c r="E5592" s="2">
        <v>187.3999999999979</v>
      </c>
    </row>
    <row r="5593" spans="1:5" x14ac:dyDescent="0.25">
      <c r="A5593" s="3">
        <v>41797.803240740737</v>
      </c>
      <c r="B5593" s="2">
        <v>29.8</v>
      </c>
      <c r="C5593" s="2">
        <v>160.19999999999999</v>
      </c>
      <c r="D5593" s="2">
        <v>0</v>
      </c>
      <c r="E5593" s="2">
        <v>187.3999999999979</v>
      </c>
    </row>
    <row r="5594" spans="1:5" x14ac:dyDescent="0.25">
      <c r="A5594" s="3">
        <v>41797.830729166664</v>
      </c>
      <c r="B5594" s="2">
        <v>28.9</v>
      </c>
      <c r="C5594" s="2">
        <v>160</v>
      </c>
      <c r="D5594" s="2">
        <v>0</v>
      </c>
      <c r="E5594" s="2">
        <v>187.3999999999979</v>
      </c>
    </row>
    <row r="5595" spans="1:5" x14ac:dyDescent="0.25">
      <c r="A5595" s="3">
        <v>41797.868055555555</v>
      </c>
      <c r="B5595" s="2">
        <v>27.7</v>
      </c>
      <c r="C5595" s="2">
        <v>159.80000000000001</v>
      </c>
      <c r="D5595" s="2">
        <v>0</v>
      </c>
      <c r="E5595" s="2">
        <v>187.3999999999979</v>
      </c>
    </row>
    <row r="5596" spans="1:5" x14ac:dyDescent="0.25">
      <c r="A5596" s="3">
        <v>41797.909259259257</v>
      </c>
      <c r="B5596" s="2">
        <v>26.5</v>
      </c>
      <c r="C5596" s="2">
        <v>159.6</v>
      </c>
      <c r="D5596" s="2">
        <v>0</v>
      </c>
      <c r="E5596" s="2">
        <v>187.3999999999979</v>
      </c>
    </row>
    <row r="5597" spans="1:5" x14ac:dyDescent="0.25">
      <c r="A5597" s="3">
        <v>41797.957696759258</v>
      </c>
      <c r="B5597" s="2">
        <v>25.2</v>
      </c>
      <c r="C5597" s="2">
        <v>159.4</v>
      </c>
      <c r="D5597" s="2">
        <v>0</v>
      </c>
      <c r="E5597" s="2">
        <v>187.3999999999979</v>
      </c>
    </row>
    <row r="5598" spans="1:5" x14ac:dyDescent="0.25">
      <c r="A5598" s="3">
        <v>41798.023668981485</v>
      </c>
      <c r="B5598" s="2">
        <v>23.6</v>
      </c>
      <c r="C5598" s="2">
        <v>159.19999999999999</v>
      </c>
      <c r="D5598" s="2">
        <v>0</v>
      </c>
      <c r="E5598" s="2">
        <v>187.3999999999979</v>
      </c>
    </row>
    <row r="5599" spans="1:5" x14ac:dyDescent="0.25">
      <c r="A5599" s="3">
        <v>41798.109085648146</v>
      </c>
      <c r="B5599" s="2">
        <v>21.7</v>
      </c>
      <c r="C5599" s="2">
        <v>159</v>
      </c>
      <c r="D5599" s="2">
        <v>0</v>
      </c>
      <c r="E5599" s="2">
        <v>187.3999999999979</v>
      </c>
    </row>
    <row r="5600" spans="1:5" x14ac:dyDescent="0.25">
      <c r="A5600" s="3">
        <v>41798.228761574072</v>
      </c>
      <c r="B5600" s="2">
        <v>19.5</v>
      </c>
      <c r="C5600" s="2">
        <v>158.80000000000001</v>
      </c>
      <c r="D5600" s="2">
        <v>0</v>
      </c>
      <c r="E5600" s="2">
        <v>187.3999999999979</v>
      </c>
    </row>
    <row r="5601" spans="1:5" x14ac:dyDescent="0.25">
      <c r="A5601" s="3">
        <v>41798.318807870368</v>
      </c>
      <c r="B5601" s="2">
        <v>18.7</v>
      </c>
      <c r="C5601" s="2">
        <v>158.6</v>
      </c>
      <c r="D5601" s="2">
        <v>0</v>
      </c>
      <c r="E5601" s="2">
        <v>187.3999999999979</v>
      </c>
    </row>
    <row r="5602" spans="1:5" x14ac:dyDescent="0.25">
      <c r="A5602" s="3">
        <v>41798.347974537035</v>
      </c>
      <c r="B5602" s="2">
        <v>18.8</v>
      </c>
      <c r="C5602" s="2">
        <v>158.4</v>
      </c>
      <c r="D5602" s="2">
        <v>0</v>
      </c>
      <c r="E5602" s="2">
        <v>187.3999999999979</v>
      </c>
    </row>
    <row r="5603" spans="1:5" x14ac:dyDescent="0.25">
      <c r="A5603" s="3">
        <v>41798.51666666667</v>
      </c>
      <c r="B5603" s="2">
        <v>30.1</v>
      </c>
      <c r="C5603" s="2">
        <v>158.19999999999999</v>
      </c>
      <c r="D5603" s="2">
        <v>0</v>
      </c>
      <c r="E5603" s="2">
        <v>187.3999999999979</v>
      </c>
    </row>
    <row r="5604" spans="1:5" x14ac:dyDescent="0.25">
      <c r="A5604" s="3">
        <v>41798.552256944444</v>
      </c>
      <c r="B5604" s="2">
        <v>32.5</v>
      </c>
      <c r="C5604" s="2">
        <v>158</v>
      </c>
      <c r="D5604" s="2">
        <v>0</v>
      </c>
      <c r="E5604" s="2">
        <v>187.3999999999979</v>
      </c>
    </row>
    <row r="5605" spans="1:5" x14ac:dyDescent="0.25">
      <c r="A5605" s="3">
        <v>41798.552719907406</v>
      </c>
      <c r="B5605" s="2">
        <v>32.4</v>
      </c>
      <c r="C5605" s="2">
        <v>158.19999999999999</v>
      </c>
      <c r="D5605" s="2">
        <v>0</v>
      </c>
      <c r="E5605" s="2">
        <v>187.3999999999979</v>
      </c>
    </row>
    <row r="5606" spans="1:5" x14ac:dyDescent="0.25">
      <c r="A5606" s="3">
        <v>41798.552835648145</v>
      </c>
      <c r="B5606" s="2">
        <v>32.4</v>
      </c>
      <c r="C5606" s="2">
        <v>158</v>
      </c>
      <c r="D5606" s="2">
        <v>0</v>
      </c>
      <c r="E5606" s="2">
        <v>187.3999999999979</v>
      </c>
    </row>
    <row r="5607" spans="1:5" x14ac:dyDescent="0.25">
      <c r="A5607" s="3">
        <v>41798.553067129629</v>
      </c>
      <c r="B5607" s="2">
        <v>32.4</v>
      </c>
      <c r="C5607" s="2">
        <v>158.19999999999999</v>
      </c>
      <c r="D5607" s="2">
        <v>0</v>
      </c>
      <c r="E5607" s="2">
        <v>187.3999999999979</v>
      </c>
    </row>
    <row r="5608" spans="1:5" x14ac:dyDescent="0.25">
      <c r="A5608" s="3">
        <v>41798.553530092591</v>
      </c>
      <c r="B5608" s="2">
        <v>32.4</v>
      </c>
      <c r="C5608" s="2">
        <v>158</v>
      </c>
      <c r="D5608" s="2">
        <v>0</v>
      </c>
      <c r="E5608" s="2">
        <v>187.3999999999979</v>
      </c>
    </row>
    <row r="5609" spans="1:5" x14ac:dyDescent="0.25">
      <c r="A5609" s="3">
        <v>41798.574189814812</v>
      </c>
      <c r="B5609" s="2">
        <v>33.5</v>
      </c>
      <c r="C5609" s="2">
        <v>157.80000000000001</v>
      </c>
      <c r="D5609" s="2">
        <v>0</v>
      </c>
      <c r="E5609" s="2">
        <v>187.3999999999979</v>
      </c>
    </row>
    <row r="5610" spans="1:5" x14ac:dyDescent="0.25">
      <c r="A5610" s="3">
        <v>41798.589814814812</v>
      </c>
      <c r="B5610" s="2">
        <v>34.200000000000003</v>
      </c>
      <c r="C5610" s="2">
        <v>157.6</v>
      </c>
      <c r="D5610" s="2">
        <v>0</v>
      </c>
      <c r="E5610" s="2">
        <v>187.3999999999979</v>
      </c>
    </row>
    <row r="5611" spans="1:5" x14ac:dyDescent="0.25">
      <c r="A5611" s="3">
        <v>41798.589988425927</v>
      </c>
      <c r="B5611" s="2">
        <v>34.200000000000003</v>
      </c>
      <c r="C5611" s="2">
        <v>157.80000000000001</v>
      </c>
      <c r="D5611" s="2">
        <v>0</v>
      </c>
      <c r="E5611" s="2">
        <v>187.3999999999979</v>
      </c>
    </row>
    <row r="5612" spans="1:5" x14ac:dyDescent="0.25">
      <c r="A5612" s="3">
        <v>41798.590046296296</v>
      </c>
      <c r="B5612" s="2">
        <v>34.200000000000003</v>
      </c>
      <c r="C5612" s="2">
        <v>157.6</v>
      </c>
      <c r="D5612" s="2">
        <v>0</v>
      </c>
      <c r="E5612" s="2">
        <v>187.3999999999979</v>
      </c>
    </row>
    <row r="5613" spans="1:5" x14ac:dyDescent="0.25">
      <c r="A5613" s="3">
        <v>41798.590162037035</v>
      </c>
      <c r="B5613" s="2">
        <v>34.200000000000003</v>
      </c>
      <c r="C5613" s="2">
        <v>157.80000000000001</v>
      </c>
      <c r="D5613" s="2">
        <v>0</v>
      </c>
      <c r="E5613" s="2">
        <v>187.3999999999979</v>
      </c>
    </row>
    <row r="5614" spans="1:5" x14ac:dyDescent="0.25">
      <c r="A5614" s="3">
        <v>41798.590451388889</v>
      </c>
      <c r="B5614" s="2">
        <v>34.1</v>
      </c>
      <c r="C5614" s="2">
        <v>157.6</v>
      </c>
      <c r="D5614" s="2">
        <v>0</v>
      </c>
      <c r="E5614" s="2">
        <v>187.3999999999979</v>
      </c>
    </row>
    <row r="5615" spans="1:5" x14ac:dyDescent="0.25">
      <c r="A5615" s="3">
        <v>41798.602199074077</v>
      </c>
      <c r="B5615" s="2">
        <v>34.5</v>
      </c>
      <c r="C5615" s="2">
        <v>157.4</v>
      </c>
      <c r="D5615" s="2">
        <v>0</v>
      </c>
      <c r="E5615" s="2">
        <v>187.3999999999979</v>
      </c>
    </row>
    <row r="5616" spans="1:5" x14ac:dyDescent="0.25">
      <c r="A5616" s="3">
        <v>41798.602256944447</v>
      </c>
      <c r="B5616" s="2">
        <v>34.5</v>
      </c>
      <c r="C5616" s="2">
        <v>157.6</v>
      </c>
      <c r="D5616" s="2">
        <v>0</v>
      </c>
      <c r="E5616" s="2">
        <v>187.3999999999979</v>
      </c>
    </row>
    <row r="5617" spans="1:5" x14ac:dyDescent="0.25">
      <c r="A5617" s="3">
        <v>41798.605266203704</v>
      </c>
      <c r="B5617" s="2">
        <v>34.700000000000003</v>
      </c>
      <c r="C5617" s="2">
        <v>157.4</v>
      </c>
      <c r="D5617" s="2">
        <v>0</v>
      </c>
      <c r="E5617" s="2">
        <v>187.3999999999979</v>
      </c>
    </row>
    <row r="5618" spans="1:5" x14ac:dyDescent="0.25">
      <c r="A5618" s="3">
        <v>41798.606886574074</v>
      </c>
      <c r="B5618" s="2">
        <v>34.700000000000003</v>
      </c>
      <c r="C5618" s="2">
        <v>157.6</v>
      </c>
      <c r="D5618" s="2">
        <v>0</v>
      </c>
      <c r="E5618" s="2">
        <v>187.3999999999979</v>
      </c>
    </row>
    <row r="5619" spans="1:5" x14ac:dyDescent="0.25">
      <c r="A5619" s="3">
        <v>41798.606944444444</v>
      </c>
      <c r="B5619" s="2">
        <v>34.700000000000003</v>
      </c>
      <c r="C5619" s="2">
        <v>157.4</v>
      </c>
      <c r="D5619" s="2">
        <v>0</v>
      </c>
      <c r="E5619" s="2">
        <v>187.3999999999979</v>
      </c>
    </row>
    <row r="5620" spans="1:5" x14ac:dyDescent="0.25">
      <c r="A5620" s="3">
        <v>41798.607002314813</v>
      </c>
      <c r="B5620" s="2">
        <v>34.700000000000003</v>
      </c>
      <c r="C5620" s="2">
        <v>157.6</v>
      </c>
      <c r="D5620" s="2">
        <v>0</v>
      </c>
      <c r="E5620" s="2">
        <v>187.3999999999979</v>
      </c>
    </row>
    <row r="5621" spans="1:5" x14ac:dyDescent="0.25">
      <c r="A5621" s="3">
        <v>41798.607060185182</v>
      </c>
      <c r="B5621" s="2">
        <v>34.700000000000003</v>
      </c>
      <c r="C5621" s="2">
        <v>157.4</v>
      </c>
      <c r="D5621" s="2">
        <v>0</v>
      </c>
      <c r="E5621" s="2">
        <v>187.3999999999979</v>
      </c>
    </row>
    <row r="5622" spans="1:5" x14ac:dyDescent="0.25">
      <c r="A5622" s="3">
        <v>41798.625231481485</v>
      </c>
      <c r="B5622" s="2">
        <v>35.1</v>
      </c>
      <c r="C5622" s="2">
        <v>157.19999999999999</v>
      </c>
      <c r="D5622" s="2">
        <v>0</v>
      </c>
      <c r="E5622" s="2">
        <v>187.3999999999979</v>
      </c>
    </row>
    <row r="5623" spans="1:5" x14ac:dyDescent="0.25">
      <c r="A5623" s="3">
        <v>41798.625636574077</v>
      </c>
      <c r="B5623" s="2">
        <v>35.1</v>
      </c>
      <c r="C5623" s="2">
        <v>157.4</v>
      </c>
      <c r="D5623" s="2">
        <v>0</v>
      </c>
      <c r="E5623" s="2">
        <v>187.3999999999979</v>
      </c>
    </row>
    <row r="5624" spans="1:5" x14ac:dyDescent="0.25">
      <c r="A5624" s="3">
        <v>41798.625925925924</v>
      </c>
      <c r="B5624" s="2">
        <v>35.1</v>
      </c>
      <c r="C5624" s="2">
        <v>157.19999999999999</v>
      </c>
      <c r="D5624" s="2">
        <v>0</v>
      </c>
      <c r="E5624" s="2">
        <v>187.3999999999979</v>
      </c>
    </row>
    <row r="5625" spans="1:5" x14ac:dyDescent="0.25">
      <c r="A5625" s="3">
        <v>41798.64947916667</v>
      </c>
      <c r="B5625" s="2">
        <v>34.9</v>
      </c>
      <c r="C5625" s="2">
        <v>157</v>
      </c>
      <c r="D5625" s="2">
        <v>0</v>
      </c>
      <c r="E5625" s="2">
        <v>187.3999999999979</v>
      </c>
    </row>
    <row r="5626" spans="1:5" x14ac:dyDescent="0.25">
      <c r="A5626" s="3">
        <v>41798.649884259263</v>
      </c>
      <c r="B5626" s="2">
        <v>34.9</v>
      </c>
      <c r="C5626" s="2">
        <v>157.19999999999999</v>
      </c>
      <c r="D5626" s="2">
        <v>0</v>
      </c>
      <c r="E5626" s="2">
        <v>187.3999999999979</v>
      </c>
    </row>
    <row r="5627" spans="1:5" x14ac:dyDescent="0.25">
      <c r="A5627" s="3">
        <v>41798.65</v>
      </c>
      <c r="B5627" s="2">
        <v>34.9</v>
      </c>
      <c r="C5627" s="2">
        <v>157</v>
      </c>
      <c r="D5627" s="2">
        <v>0</v>
      </c>
      <c r="E5627" s="2">
        <v>187.3999999999979</v>
      </c>
    </row>
    <row r="5628" spans="1:5" x14ac:dyDescent="0.25">
      <c r="A5628" s="3">
        <v>41798.651273148149</v>
      </c>
      <c r="B5628" s="2">
        <v>34.799999999999997</v>
      </c>
      <c r="C5628" s="2">
        <v>157.19999999999999</v>
      </c>
      <c r="D5628" s="2">
        <v>0</v>
      </c>
      <c r="E5628" s="2">
        <v>187.3999999999979</v>
      </c>
    </row>
    <row r="5629" spans="1:5" x14ac:dyDescent="0.25">
      <c r="A5629" s="3">
        <v>41798.651388888888</v>
      </c>
      <c r="B5629" s="2">
        <v>34.799999999999997</v>
      </c>
      <c r="C5629" s="2">
        <v>157</v>
      </c>
      <c r="D5629" s="2">
        <v>0</v>
      </c>
      <c r="E5629" s="2">
        <v>187.3999999999979</v>
      </c>
    </row>
    <row r="5630" spans="1:5" x14ac:dyDescent="0.25">
      <c r="A5630" s="3">
        <v>41798.665856481479</v>
      </c>
      <c r="B5630" s="2">
        <v>34</v>
      </c>
      <c r="C5630" s="2">
        <v>156.80000000000001</v>
      </c>
      <c r="D5630" s="2">
        <v>0</v>
      </c>
      <c r="E5630" s="2">
        <v>187.3999999999979</v>
      </c>
    </row>
    <row r="5631" spans="1:5" x14ac:dyDescent="0.25">
      <c r="A5631" s="3">
        <v>41798.678935185184</v>
      </c>
      <c r="B5631" s="2">
        <v>33.4</v>
      </c>
      <c r="C5631" s="2">
        <v>156.6</v>
      </c>
      <c r="D5631" s="2">
        <v>0</v>
      </c>
      <c r="E5631" s="2">
        <v>187.3999999999979</v>
      </c>
    </row>
    <row r="5632" spans="1:5" x14ac:dyDescent="0.25">
      <c r="A5632" s="3">
        <v>41798.694444444445</v>
      </c>
      <c r="B5632" s="2">
        <v>32.9</v>
      </c>
      <c r="C5632" s="2">
        <v>156.4</v>
      </c>
      <c r="D5632" s="2">
        <v>0</v>
      </c>
      <c r="E5632" s="2">
        <v>187.3999999999979</v>
      </c>
    </row>
    <row r="5633" spans="1:5" x14ac:dyDescent="0.25">
      <c r="A5633" s="3">
        <v>41798.694849537038</v>
      </c>
      <c r="B5633" s="2">
        <v>32.799999999999997</v>
      </c>
      <c r="C5633" s="2">
        <v>156.6</v>
      </c>
      <c r="D5633" s="2">
        <v>0</v>
      </c>
      <c r="E5633" s="2">
        <v>187.3999999999979</v>
      </c>
    </row>
    <row r="5634" spans="1:5" x14ac:dyDescent="0.25">
      <c r="A5634" s="3">
        <v>41798.695081018515</v>
      </c>
      <c r="B5634" s="2">
        <v>32.9</v>
      </c>
      <c r="C5634" s="2">
        <v>156.4</v>
      </c>
      <c r="D5634" s="2">
        <v>0</v>
      </c>
      <c r="E5634" s="2">
        <v>187.3999999999979</v>
      </c>
    </row>
    <row r="5635" spans="1:5" x14ac:dyDescent="0.25">
      <c r="A5635" s="3">
        <v>41798.710474537038</v>
      </c>
      <c r="B5635" s="2">
        <v>32.200000000000003</v>
      </c>
      <c r="C5635" s="2">
        <v>156.19999999999999</v>
      </c>
      <c r="D5635" s="2">
        <v>0</v>
      </c>
      <c r="E5635" s="2">
        <v>187.3999999999979</v>
      </c>
    </row>
    <row r="5636" spans="1:5" x14ac:dyDescent="0.25">
      <c r="A5636" s="3">
        <v>41798.710763888892</v>
      </c>
      <c r="B5636" s="2">
        <v>32.200000000000003</v>
      </c>
      <c r="C5636" s="2">
        <v>156.4</v>
      </c>
      <c r="D5636" s="2">
        <v>0</v>
      </c>
      <c r="E5636" s="2">
        <v>187.3999999999979</v>
      </c>
    </row>
    <row r="5637" spans="1:5" x14ac:dyDescent="0.25">
      <c r="A5637" s="3">
        <v>41798.7109375</v>
      </c>
      <c r="B5637" s="2">
        <v>32.200000000000003</v>
      </c>
      <c r="C5637" s="2">
        <v>156.19999999999999</v>
      </c>
      <c r="D5637" s="2">
        <v>0</v>
      </c>
      <c r="E5637" s="2">
        <v>187.3999999999979</v>
      </c>
    </row>
    <row r="5638" spans="1:5" x14ac:dyDescent="0.25">
      <c r="A5638" s="3">
        <v>41798.711574074077</v>
      </c>
      <c r="B5638" s="2">
        <v>32.1</v>
      </c>
      <c r="C5638" s="2">
        <v>156.4</v>
      </c>
      <c r="D5638" s="2">
        <v>0</v>
      </c>
      <c r="E5638" s="2">
        <v>187.3999999999979</v>
      </c>
    </row>
    <row r="5639" spans="1:5" x14ac:dyDescent="0.25">
      <c r="A5639" s="3">
        <v>41798.711689814816</v>
      </c>
      <c r="B5639" s="2">
        <v>32.1</v>
      </c>
      <c r="C5639" s="2">
        <v>156.19999999999999</v>
      </c>
      <c r="D5639" s="2">
        <v>0</v>
      </c>
      <c r="E5639" s="2">
        <v>187.3999999999979</v>
      </c>
    </row>
    <row r="5640" spans="1:5" x14ac:dyDescent="0.25">
      <c r="A5640" s="3">
        <v>41798.724421296298</v>
      </c>
      <c r="B5640" s="2">
        <v>31.9</v>
      </c>
      <c r="C5640" s="2">
        <v>156</v>
      </c>
      <c r="D5640" s="2">
        <v>0</v>
      </c>
      <c r="E5640" s="2">
        <v>187.3999999999979</v>
      </c>
    </row>
    <row r="5641" spans="1:5" x14ac:dyDescent="0.25">
      <c r="A5641" s="3">
        <v>41798.745081018518</v>
      </c>
      <c r="B5641" s="2">
        <v>31.7</v>
      </c>
      <c r="C5641" s="2">
        <v>155.80000000000001</v>
      </c>
      <c r="D5641" s="2">
        <v>0</v>
      </c>
      <c r="E5641" s="2">
        <v>187.3999999999979</v>
      </c>
    </row>
    <row r="5642" spans="1:5" x14ac:dyDescent="0.25">
      <c r="A5642" s="3">
        <v>41798.77065972222</v>
      </c>
      <c r="B5642" s="2">
        <v>31.5</v>
      </c>
      <c r="C5642" s="2">
        <v>155.6</v>
      </c>
      <c r="D5642" s="2">
        <v>0</v>
      </c>
      <c r="E5642" s="2">
        <v>187.3999999999979</v>
      </c>
    </row>
    <row r="5643" spans="1:5" x14ac:dyDescent="0.25">
      <c r="A5643" s="3">
        <v>41798.771006944444</v>
      </c>
      <c r="B5643" s="2">
        <v>31.5</v>
      </c>
      <c r="C5643" s="2">
        <v>155.80000000000001</v>
      </c>
      <c r="D5643" s="2">
        <v>0</v>
      </c>
      <c r="E5643" s="2">
        <v>187.3999999999979</v>
      </c>
    </row>
    <row r="5644" spans="1:5" x14ac:dyDescent="0.25">
      <c r="A5644" s="3">
        <v>41798.771064814813</v>
      </c>
      <c r="B5644" s="2">
        <v>31.5</v>
      </c>
      <c r="C5644" s="2">
        <v>155.6</v>
      </c>
      <c r="D5644" s="2">
        <v>0</v>
      </c>
      <c r="E5644" s="2">
        <v>187.3999999999979</v>
      </c>
    </row>
    <row r="5645" spans="1:5" x14ac:dyDescent="0.25">
      <c r="A5645" s="3">
        <v>41798.771874999999</v>
      </c>
      <c r="B5645" s="2">
        <v>31.5</v>
      </c>
      <c r="C5645" s="2">
        <v>155.80000000000001</v>
      </c>
      <c r="D5645" s="2">
        <v>0</v>
      </c>
      <c r="E5645" s="2">
        <v>187.3999999999979</v>
      </c>
    </row>
    <row r="5646" spans="1:5" x14ac:dyDescent="0.25">
      <c r="A5646" s="3">
        <v>41798.771932870368</v>
      </c>
      <c r="B5646" s="2">
        <v>31.5</v>
      </c>
      <c r="C5646" s="2">
        <v>155.6</v>
      </c>
      <c r="D5646" s="2">
        <v>0</v>
      </c>
      <c r="E5646" s="2">
        <v>187.3999999999979</v>
      </c>
    </row>
    <row r="5647" spans="1:5" x14ac:dyDescent="0.25">
      <c r="A5647" s="3">
        <v>41798.772337962961</v>
      </c>
      <c r="B5647" s="2">
        <v>31.5</v>
      </c>
      <c r="C5647" s="2">
        <v>155.80000000000001</v>
      </c>
      <c r="D5647" s="2">
        <v>0</v>
      </c>
      <c r="E5647" s="2">
        <v>187.3999999999979</v>
      </c>
    </row>
    <row r="5648" spans="1:5" x14ac:dyDescent="0.25">
      <c r="A5648" s="3">
        <v>41798.772511574076</v>
      </c>
      <c r="B5648" s="2">
        <v>31.5</v>
      </c>
      <c r="C5648" s="2">
        <v>155.6</v>
      </c>
      <c r="D5648" s="2">
        <v>0</v>
      </c>
      <c r="E5648" s="2">
        <v>187.3999999999979</v>
      </c>
    </row>
    <row r="5649" spans="1:5" x14ac:dyDescent="0.25">
      <c r="A5649" s="3">
        <v>41798.810763888891</v>
      </c>
      <c r="B5649" s="2">
        <v>30.3</v>
      </c>
      <c r="C5649" s="2">
        <v>155.4</v>
      </c>
      <c r="D5649" s="2">
        <v>0</v>
      </c>
      <c r="E5649" s="2">
        <v>187.3999999999979</v>
      </c>
    </row>
    <row r="5650" spans="1:5" x14ac:dyDescent="0.25">
      <c r="A5650" s="3">
        <v>41798.842361111114</v>
      </c>
      <c r="B5650" s="2">
        <v>29.1</v>
      </c>
      <c r="C5650" s="2">
        <v>155.19999999999999</v>
      </c>
      <c r="D5650" s="2">
        <v>0</v>
      </c>
      <c r="E5650" s="2">
        <v>187.3999999999979</v>
      </c>
    </row>
    <row r="5651" spans="1:5" x14ac:dyDescent="0.25">
      <c r="A5651" s="3">
        <v>41798.880844907406</v>
      </c>
      <c r="B5651" s="2">
        <v>28</v>
      </c>
      <c r="C5651" s="2">
        <v>155</v>
      </c>
      <c r="D5651" s="2">
        <v>0</v>
      </c>
      <c r="E5651" s="2">
        <v>187.3999999999979</v>
      </c>
    </row>
    <row r="5652" spans="1:5" x14ac:dyDescent="0.25">
      <c r="A5652" s="3">
        <v>41798.932638888888</v>
      </c>
      <c r="B5652" s="2">
        <v>26.5</v>
      </c>
      <c r="C5652" s="2">
        <v>154.80000000000001</v>
      </c>
      <c r="D5652" s="2">
        <v>0</v>
      </c>
      <c r="E5652" s="2">
        <v>187.3999999999979</v>
      </c>
    </row>
    <row r="5653" spans="1:5" x14ac:dyDescent="0.25">
      <c r="A5653" s="3">
        <v>41798.996817129628</v>
      </c>
      <c r="B5653" s="2">
        <v>25</v>
      </c>
      <c r="C5653" s="2">
        <v>154.6</v>
      </c>
      <c r="D5653" s="2">
        <v>0</v>
      </c>
      <c r="E5653" s="2">
        <v>187.3999999999979</v>
      </c>
    </row>
    <row r="5654" spans="1:5" x14ac:dyDescent="0.25">
      <c r="A5654" s="3">
        <v>41799.07534722222</v>
      </c>
      <c r="B5654" s="2">
        <v>23.3</v>
      </c>
      <c r="C5654" s="2">
        <v>154.4</v>
      </c>
      <c r="D5654" s="2">
        <v>0</v>
      </c>
      <c r="E5654" s="2">
        <v>187.3999999999979</v>
      </c>
    </row>
    <row r="5655" spans="1:5" x14ac:dyDescent="0.25">
      <c r="A5655" s="3">
        <v>41799.202199074076</v>
      </c>
      <c r="B5655" s="2">
        <v>21</v>
      </c>
      <c r="C5655" s="2">
        <v>154.19999999999999</v>
      </c>
      <c r="D5655" s="2">
        <v>0</v>
      </c>
      <c r="E5655" s="2">
        <v>187.3999999999979</v>
      </c>
    </row>
    <row r="5656" spans="1:5" x14ac:dyDescent="0.25">
      <c r="A5656" s="3">
        <v>41799.307233796295</v>
      </c>
      <c r="B5656" s="2">
        <v>19.8</v>
      </c>
      <c r="C5656" s="2">
        <v>154</v>
      </c>
      <c r="D5656" s="2">
        <v>0</v>
      </c>
      <c r="E5656" s="2">
        <v>187.3999999999979</v>
      </c>
    </row>
    <row r="5657" spans="1:5" x14ac:dyDescent="0.25">
      <c r="A5657" s="3">
        <v>41799.349421296298</v>
      </c>
      <c r="B5657" s="2">
        <v>20.2</v>
      </c>
      <c r="C5657" s="2">
        <v>153.80000000000001</v>
      </c>
      <c r="D5657" s="2">
        <v>0</v>
      </c>
      <c r="E5657" s="2">
        <v>187.3999999999979</v>
      </c>
    </row>
    <row r="5658" spans="1:5" x14ac:dyDescent="0.25">
      <c r="A5658" s="3">
        <v>41799.517129629632</v>
      </c>
      <c r="B5658" s="2">
        <v>31.4</v>
      </c>
      <c r="C5658" s="2">
        <v>153.6</v>
      </c>
      <c r="D5658" s="2">
        <v>0</v>
      </c>
      <c r="E5658" s="2">
        <v>187.3999999999979</v>
      </c>
    </row>
    <row r="5659" spans="1:5" x14ac:dyDescent="0.25">
      <c r="A5659" s="3">
        <v>41799.518518518518</v>
      </c>
      <c r="B5659" s="2">
        <v>31.6</v>
      </c>
      <c r="C5659" s="2">
        <v>153.80000000000001</v>
      </c>
      <c r="D5659" s="2">
        <v>0</v>
      </c>
      <c r="E5659" s="2">
        <v>187.3999999999979</v>
      </c>
    </row>
    <row r="5660" spans="1:5" x14ac:dyDescent="0.25">
      <c r="A5660" s="3">
        <v>41799.518923611111</v>
      </c>
      <c r="B5660" s="2">
        <v>31.5</v>
      </c>
      <c r="C5660" s="2">
        <v>153.6</v>
      </c>
      <c r="D5660" s="2">
        <v>0</v>
      </c>
      <c r="E5660" s="2">
        <v>187.3999999999979</v>
      </c>
    </row>
    <row r="5661" spans="1:5" x14ac:dyDescent="0.25">
      <c r="A5661" s="3">
        <v>41799.519733796296</v>
      </c>
      <c r="B5661" s="2">
        <v>31.7</v>
      </c>
      <c r="C5661" s="2">
        <v>153.80000000000001</v>
      </c>
      <c r="D5661" s="2">
        <v>0</v>
      </c>
      <c r="E5661" s="2">
        <v>187.3999999999979</v>
      </c>
    </row>
    <row r="5662" spans="1:5" x14ac:dyDescent="0.25">
      <c r="A5662" s="3">
        <v>41799.519849537035</v>
      </c>
      <c r="B5662" s="2">
        <v>31.7</v>
      </c>
      <c r="C5662" s="2">
        <v>153.6</v>
      </c>
      <c r="D5662" s="2">
        <v>0</v>
      </c>
      <c r="E5662" s="2">
        <v>187.3999999999979</v>
      </c>
    </row>
    <row r="5663" spans="1:5" x14ac:dyDescent="0.25">
      <c r="A5663" s="3">
        <v>41799.54855324074</v>
      </c>
      <c r="B5663" s="2">
        <v>33.299999999999997</v>
      </c>
      <c r="C5663" s="2">
        <v>153.4</v>
      </c>
      <c r="D5663" s="2">
        <v>0</v>
      </c>
      <c r="E5663" s="2">
        <v>187.3999999999979</v>
      </c>
    </row>
    <row r="5664" spans="1:5" x14ac:dyDescent="0.25">
      <c r="A5664" s="3">
        <v>41799.548726851855</v>
      </c>
      <c r="B5664" s="2">
        <v>33.299999999999997</v>
      </c>
      <c r="C5664" s="2">
        <v>153.6</v>
      </c>
      <c r="D5664" s="2">
        <v>0</v>
      </c>
      <c r="E5664" s="2">
        <v>187.3999999999979</v>
      </c>
    </row>
    <row r="5665" spans="1:5" x14ac:dyDescent="0.25">
      <c r="A5665" s="3">
        <v>41799.548900462964</v>
      </c>
      <c r="B5665" s="2">
        <v>33.4</v>
      </c>
      <c r="C5665" s="2">
        <v>153.4</v>
      </c>
      <c r="D5665" s="2">
        <v>0</v>
      </c>
      <c r="E5665" s="2">
        <v>187.3999999999979</v>
      </c>
    </row>
    <row r="5666" spans="1:5" x14ac:dyDescent="0.25">
      <c r="A5666" s="3">
        <v>41799.550173611111</v>
      </c>
      <c r="B5666" s="2">
        <v>33.5</v>
      </c>
      <c r="C5666" s="2">
        <v>153.6</v>
      </c>
      <c r="D5666" s="2">
        <v>0</v>
      </c>
      <c r="E5666" s="2">
        <v>187.3999999999979</v>
      </c>
    </row>
    <row r="5667" spans="1:5" x14ac:dyDescent="0.25">
      <c r="A5667" s="3">
        <v>41799.550347222219</v>
      </c>
      <c r="B5667" s="2">
        <v>33.5</v>
      </c>
      <c r="C5667" s="2">
        <v>153.4</v>
      </c>
      <c r="D5667" s="2">
        <v>0</v>
      </c>
      <c r="E5667" s="2">
        <v>187.3999999999979</v>
      </c>
    </row>
    <row r="5668" spans="1:5" x14ac:dyDescent="0.25">
      <c r="A5668" s="3">
        <v>41799.55196759259</v>
      </c>
      <c r="B5668" s="2">
        <v>33.5</v>
      </c>
      <c r="C5668" s="2">
        <v>153.6</v>
      </c>
      <c r="D5668" s="2">
        <v>0</v>
      </c>
      <c r="E5668" s="2">
        <v>187.3999999999979</v>
      </c>
    </row>
    <row r="5669" spans="1:5" x14ac:dyDescent="0.25">
      <c r="A5669" s="3">
        <v>41799.552141203705</v>
      </c>
      <c r="B5669" s="2">
        <v>33.6</v>
      </c>
      <c r="C5669" s="2">
        <v>153.4</v>
      </c>
      <c r="D5669" s="2">
        <v>0</v>
      </c>
      <c r="E5669" s="2">
        <v>187.3999999999979</v>
      </c>
    </row>
    <row r="5670" spans="1:5" x14ac:dyDescent="0.25">
      <c r="A5670" s="3">
        <v>41799.567476851851</v>
      </c>
      <c r="B5670" s="2">
        <v>34.6</v>
      </c>
      <c r="C5670" s="2">
        <v>153.19999999999999</v>
      </c>
      <c r="D5670" s="2">
        <v>0</v>
      </c>
      <c r="E5670" s="2">
        <v>187.3999999999979</v>
      </c>
    </row>
    <row r="5671" spans="1:5" x14ac:dyDescent="0.25">
      <c r="A5671" s="3">
        <v>41799.568055555559</v>
      </c>
      <c r="B5671" s="2">
        <v>34.4</v>
      </c>
      <c r="C5671" s="2">
        <v>153.4</v>
      </c>
      <c r="D5671" s="2">
        <v>0</v>
      </c>
      <c r="E5671" s="2">
        <v>187.3999999999979</v>
      </c>
    </row>
    <row r="5672" spans="1:5" x14ac:dyDescent="0.25">
      <c r="A5672" s="3">
        <v>41799.56863425926</v>
      </c>
      <c r="B5672" s="2">
        <v>34.5</v>
      </c>
      <c r="C5672" s="2">
        <v>153.19999999999999</v>
      </c>
      <c r="D5672" s="2">
        <v>0</v>
      </c>
      <c r="E5672" s="2">
        <v>187.3999999999979</v>
      </c>
    </row>
    <row r="5673" spans="1:5" x14ac:dyDescent="0.25">
      <c r="A5673" s="3">
        <v>41799.584432870368</v>
      </c>
      <c r="B5673" s="2">
        <v>35.1</v>
      </c>
      <c r="C5673" s="2">
        <v>153</v>
      </c>
      <c r="D5673" s="2">
        <v>0</v>
      </c>
      <c r="E5673" s="2">
        <v>187.3999999999979</v>
      </c>
    </row>
    <row r="5674" spans="1:5" x14ac:dyDescent="0.25">
      <c r="A5674" s="3">
        <v>41799.602025462962</v>
      </c>
      <c r="B5674" s="2">
        <v>35.799999999999997</v>
      </c>
      <c r="C5674" s="2">
        <v>152.80000000000001</v>
      </c>
      <c r="D5674" s="2">
        <v>0</v>
      </c>
      <c r="E5674" s="2">
        <v>187.3999999999979</v>
      </c>
    </row>
    <row r="5675" spans="1:5" x14ac:dyDescent="0.25">
      <c r="A5675" s="3">
        <v>41799.618344907409</v>
      </c>
      <c r="B5675" s="2">
        <v>36.1</v>
      </c>
      <c r="C5675" s="2">
        <v>152.6</v>
      </c>
      <c r="D5675" s="2">
        <v>0</v>
      </c>
      <c r="E5675" s="2">
        <v>187.3999999999979</v>
      </c>
    </row>
    <row r="5676" spans="1:5" x14ac:dyDescent="0.25">
      <c r="A5676" s="3">
        <v>41799.618402777778</v>
      </c>
      <c r="B5676" s="2">
        <v>36</v>
      </c>
      <c r="C5676" s="2">
        <v>152.80000000000001</v>
      </c>
      <c r="D5676" s="2">
        <v>0</v>
      </c>
      <c r="E5676" s="2">
        <v>187.3999999999979</v>
      </c>
    </row>
    <row r="5677" spans="1:5" x14ac:dyDescent="0.25">
      <c r="A5677" s="3">
        <v>41799.618692129632</v>
      </c>
      <c r="B5677" s="2">
        <v>36.1</v>
      </c>
      <c r="C5677" s="2">
        <v>152.6</v>
      </c>
      <c r="D5677" s="2">
        <v>0</v>
      </c>
      <c r="E5677" s="2">
        <v>187.3999999999979</v>
      </c>
    </row>
    <row r="5678" spans="1:5" x14ac:dyDescent="0.25">
      <c r="A5678" s="3">
        <v>41799.618923611109</v>
      </c>
      <c r="B5678" s="2">
        <v>36.1</v>
      </c>
      <c r="C5678" s="2">
        <v>152.80000000000001</v>
      </c>
      <c r="D5678" s="2">
        <v>0</v>
      </c>
      <c r="E5678" s="2">
        <v>187.3999999999979</v>
      </c>
    </row>
    <row r="5679" spans="1:5" x14ac:dyDescent="0.25">
      <c r="A5679" s="3">
        <v>41799.618981481479</v>
      </c>
      <c r="B5679" s="2">
        <v>36</v>
      </c>
      <c r="C5679" s="2">
        <v>152.6</v>
      </c>
      <c r="D5679" s="2">
        <v>0</v>
      </c>
      <c r="E5679" s="2">
        <v>187.3999999999979</v>
      </c>
    </row>
    <row r="5680" spans="1:5" x14ac:dyDescent="0.25">
      <c r="A5680" s="3">
        <v>41799.633738425924</v>
      </c>
      <c r="B5680" s="2">
        <v>36.1</v>
      </c>
      <c r="C5680" s="2">
        <v>152.4</v>
      </c>
      <c r="D5680" s="2">
        <v>0</v>
      </c>
      <c r="E5680" s="2">
        <v>187.3999999999979</v>
      </c>
    </row>
    <row r="5681" spans="1:5" x14ac:dyDescent="0.25">
      <c r="A5681" s="3">
        <v>41799.635300925926</v>
      </c>
      <c r="B5681" s="2">
        <v>36.200000000000003</v>
      </c>
      <c r="C5681" s="2">
        <v>152.6</v>
      </c>
      <c r="D5681" s="2">
        <v>0</v>
      </c>
      <c r="E5681" s="2">
        <v>187.3999999999979</v>
      </c>
    </row>
    <row r="5682" spans="1:5" x14ac:dyDescent="0.25">
      <c r="A5682" s="3">
        <v>41799.635474537034</v>
      </c>
      <c r="B5682" s="2">
        <v>36.200000000000003</v>
      </c>
      <c r="C5682" s="2">
        <v>152.4</v>
      </c>
      <c r="D5682" s="2">
        <v>0</v>
      </c>
      <c r="E5682" s="2">
        <v>187.3999999999979</v>
      </c>
    </row>
    <row r="5683" spans="1:5" x14ac:dyDescent="0.25">
      <c r="A5683" s="3">
        <v>41799.63559027778</v>
      </c>
      <c r="B5683" s="2">
        <v>36.200000000000003</v>
      </c>
      <c r="C5683" s="2">
        <v>152.6</v>
      </c>
      <c r="D5683" s="2">
        <v>0</v>
      </c>
      <c r="E5683" s="2">
        <v>187.3999999999979</v>
      </c>
    </row>
    <row r="5684" spans="1:5" x14ac:dyDescent="0.25">
      <c r="A5684" s="3">
        <v>41799.635648148149</v>
      </c>
      <c r="B5684" s="2">
        <v>36.200000000000003</v>
      </c>
      <c r="C5684" s="2">
        <v>152.4</v>
      </c>
      <c r="D5684" s="2">
        <v>0</v>
      </c>
      <c r="E5684" s="2">
        <v>187.3999999999979</v>
      </c>
    </row>
    <row r="5685" spans="1:5" x14ac:dyDescent="0.25">
      <c r="A5685" s="3">
        <v>41799.641377314816</v>
      </c>
      <c r="B5685" s="2">
        <v>36</v>
      </c>
      <c r="C5685" s="2">
        <v>152.6</v>
      </c>
      <c r="D5685" s="2">
        <v>0</v>
      </c>
      <c r="E5685" s="2">
        <v>187.3999999999979</v>
      </c>
    </row>
    <row r="5686" spans="1:5" x14ac:dyDescent="0.25">
      <c r="A5686" s="3">
        <v>41799.64166666667</v>
      </c>
      <c r="B5686" s="2">
        <v>36</v>
      </c>
      <c r="C5686" s="2">
        <v>152.4</v>
      </c>
      <c r="D5686" s="2">
        <v>0</v>
      </c>
      <c r="E5686" s="2">
        <v>187.3999999999979</v>
      </c>
    </row>
    <row r="5687" spans="1:5" x14ac:dyDescent="0.25">
      <c r="A5687" s="3">
        <v>41799.658101851855</v>
      </c>
      <c r="B5687" s="2">
        <v>35.200000000000003</v>
      </c>
      <c r="C5687" s="2">
        <v>152.19999999999999</v>
      </c>
      <c r="D5687" s="2">
        <v>0</v>
      </c>
      <c r="E5687" s="2">
        <v>187.3999999999979</v>
      </c>
    </row>
    <row r="5688" spans="1:5" x14ac:dyDescent="0.25">
      <c r="A5688" s="3">
        <v>41799.674189814818</v>
      </c>
      <c r="B5688" s="2">
        <v>34.299999999999997</v>
      </c>
      <c r="C5688" s="2">
        <v>152</v>
      </c>
      <c r="D5688" s="2">
        <v>0</v>
      </c>
      <c r="E5688" s="2">
        <v>187.3999999999979</v>
      </c>
    </row>
    <row r="5689" spans="1:5" x14ac:dyDescent="0.25">
      <c r="A5689" s="3">
        <v>41799.685127314813</v>
      </c>
      <c r="B5689" s="2">
        <v>33.9</v>
      </c>
      <c r="C5689" s="2">
        <v>151.80000000000001</v>
      </c>
      <c r="D5689" s="2">
        <v>0</v>
      </c>
      <c r="E5689" s="2">
        <v>187.3999999999979</v>
      </c>
    </row>
    <row r="5690" spans="1:5" x14ac:dyDescent="0.25">
      <c r="A5690" s="3">
        <v>41799.685185185182</v>
      </c>
      <c r="B5690" s="2">
        <v>33.799999999999997</v>
      </c>
      <c r="C5690" s="2">
        <v>152</v>
      </c>
      <c r="D5690" s="2">
        <v>0</v>
      </c>
      <c r="E5690" s="2">
        <v>187.3999999999979</v>
      </c>
    </row>
    <row r="5691" spans="1:5" x14ac:dyDescent="0.25">
      <c r="A5691" s="3">
        <v>41799.685474537036</v>
      </c>
      <c r="B5691" s="2">
        <v>33.799999999999997</v>
      </c>
      <c r="C5691" s="2">
        <v>151.80000000000001</v>
      </c>
      <c r="D5691" s="2">
        <v>0</v>
      </c>
      <c r="E5691" s="2">
        <v>187.3999999999979</v>
      </c>
    </row>
    <row r="5692" spans="1:5" x14ac:dyDescent="0.25">
      <c r="A5692" s="3">
        <v>41799.699537037035</v>
      </c>
      <c r="B5692" s="2">
        <v>33.200000000000003</v>
      </c>
      <c r="C5692" s="2">
        <v>151.6</v>
      </c>
      <c r="D5692" s="2">
        <v>0</v>
      </c>
      <c r="E5692" s="2">
        <v>187.3999999999979</v>
      </c>
    </row>
    <row r="5693" spans="1:5" x14ac:dyDescent="0.25">
      <c r="A5693" s="3">
        <v>41799.699652777781</v>
      </c>
      <c r="B5693" s="2">
        <v>33.200000000000003</v>
      </c>
      <c r="C5693" s="2">
        <v>151.80000000000001</v>
      </c>
      <c r="D5693" s="2">
        <v>0</v>
      </c>
      <c r="E5693" s="2">
        <v>187.3999999999979</v>
      </c>
    </row>
    <row r="5694" spans="1:5" x14ac:dyDescent="0.25">
      <c r="A5694" s="3">
        <v>41799.69971064815</v>
      </c>
      <c r="B5694" s="2">
        <v>33.200000000000003</v>
      </c>
      <c r="C5694" s="2">
        <v>151.6</v>
      </c>
      <c r="D5694" s="2">
        <v>0</v>
      </c>
      <c r="E5694" s="2">
        <v>187.3999999999979</v>
      </c>
    </row>
    <row r="5695" spans="1:5" x14ac:dyDescent="0.25">
      <c r="A5695" s="3">
        <v>41799.713831018518</v>
      </c>
      <c r="B5695" s="2">
        <v>32.700000000000003</v>
      </c>
      <c r="C5695" s="2">
        <v>151.4</v>
      </c>
      <c r="D5695" s="2">
        <v>0</v>
      </c>
      <c r="E5695" s="2">
        <v>187.3999999999979</v>
      </c>
    </row>
    <row r="5696" spans="1:5" x14ac:dyDescent="0.25">
      <c r="A5696" s="3">
        <v>41799.727430555555</v>
      </c>
      <c r="B5696" s="2">
        <v>32.299999999999997</v>
      </c>
      <c r="C5696" s="2">
        <v>151.19999999999999</v>
      </c>
      <c r="D5696" s="2">
        <v>0</v>
      </c>
      <c r="E5696" s="2">
        <v>187.3999999999979</v>
      </c>
    </row>
    <row r="5697" spans="1:5" x14ac:dyDescent="0.25">
      <c r="A5697" s="3">
        <v>41799.72760416667</v>
      </c>
      <c r="B5697" s="2">
        <v>32.299999999999997</v>
      </c>
      <c r="C5697" s="2">
        <v>151.4</v>
      </c>
      <c r="D5697" s="2">
        <v>0</v>
      </c>
      <c r="E5697" s="2">
        <v>187.3999999999979</v>
      </c>
    </row>
    <row r="5698" spans="1:5" x14ac:dyDescent="0.25">
      <c r="A5698" s="3">
        <v>41799.727835648147</v>
      </c>
      <c r="B5698" s="2">
        <v>32.299999999999997</v>
      </c>
      <c r="C5698" s="2">
        <v>151.19999999999999</v>
      </c>
      <c r="D5698" s="2">
        <v>0</v>
      </c>
      <c r="E5698" s="2">
        <v>187.3999999999979</v>
      </c>
    </row>
    <row r="5699" spans="1:5" x14ac:dyDescent="0.25">
      <c r="A5699" s="3">
        <v>41799.72824074074</v>
      </c>
      <c r="B5699" s="2">
        <v>32.299999999999997</v>
      </c>
      <c r="C5699" s="2">
        <v>151.4</v>
      </c>
      <c r="D5699" s="2">
        <v>0</v>
      </c>
      <c r="E5699" s="2">
        <v>187.3999999999979</v>
      </c>
    </row>
    <row r="5700" spans="1:5" x14ac:dyDescent="0.25">
      <c r="A5700" s="3">
        <v>41799.728530092594</v>
      </c>
      <c r="B5700" s="2">
        <v>32.299999999999997</v>
      </c>
      <c r="C5700" s="2">
        <v>151.19999999999999</v>
      </c>
      <c r="D5700" s="2">
        <v>0</v>
      </c>
      <c r="E5700" s="2">
        <v>187.3999999999979</v>
      </c>
    </row>
    <row r="5701" spans="1:5" x14ac:dyDescent="0.25">
      <c r="A5701" s="3">
        <v>41799.74560185185</v>
      </c>
      <c r="B5701" s="2">
        <v>32.1</v>
      </c>
      <c r="C5701" s="2">
        <v>151</v>
      </c>
      <c r="D5701" s="2">
        <v>0</v>
      </c>
      <c r="E5701" s="2">
        <v>187.3999999999979</v>
      </c>
    </row>
    <row r="5702" spans="1:5" x14ac:dyDescent="0.25">
      <c r="A5702" s="3">
        <v>41799.745949074073</v>
      </c>
      <c r="B5702" s="2">
        <v>32.1</v>
      </c>
      <c r="C5702" s="2">
        <v>151.19999999999999</v>
      </c>
      <c r="D5702" s="2">
        <v>0</v>
      </c>
      <c r="E5702" s="2">
        <v>187.3999999999979</v>
      </c>
    </row>
    <row r="5703" spans="1:5" x14ac:dyDescent="0.25">
      <c r="A5703" s="3">
        <v>41799.746006944442</v>
      </c>
      <c r="B5703" s="2">
        <v>32.1</v>
      </c>
      <c r="C5703" s="2">
        <v>151</v>
      </c>
      <c r="D5703" s="2">
        <v>0</v>
      </c>
      <c r="E5703" s="2">
        <v>187.3999999999979</v>
      </c>
    </row>
    <row r="5704" spans="1:5" x14ac:dyDescent="0.25">
      <c r="A5704" s="3">
        <v>41799.764872685184</v>
      </c>
      <c r="B5704" s="2">
        <v>31.8</v>
      </c>
      <c r="C5704" s="2">
        <v>150.80000000000001</v>
      </c>
      <c r="D5704" s="2">
        <v>0</v>
      </c>
      <c r="E5704" s="2">
        <v>187.3999999999979</v>
      </c>
    </row>
    <row r="5705" spans="1:5" x14ac:dyDescent="0.25">
      <c r="A5705" s="3">
        <v>41799.765509259261</v>
      </c>
      <c r="B5705" s="2">
        <v>31.8</v>
      </c>
      <c r="C5705" s="2">
        <v>151</v>
      </c>
      <c r="D5705" s="2">
        <v>0</v>
      </c>
      <c r="E5705" s="2">
        <v>187.3999999999979</v>
      </c>
    </row>
    <row r="5706" spans="1:5" x14ac:dyDescent="0.25">
      <c r="A5706" s="3">
        <v>41799.765798611108</v>
      </c>
      <c r="B5706" s="2">
        <v>31.8</v>
      </c>
      <c r="C5706" s="2">
        <v>150.80000000000001</v>
      </c>
      <c r="D5706" s="2">
        <v>0</v>
      </c>
      <c r="E5706" s="2">
        <v>187.3999999999979</v>
      </c>
    </row>
    <row r="5707" spans="1:5" x14ac:dyDescent="0.25">
      <c r="A5707" s="3">
        <v>41799.766377314816</v>
      </c>
      <c r="B5707" s="2">
        <v>31.8</v>
      </c>
      <c r="C5707" s="2">
        <v>151</v>
      </c>
      <c r="D5707" s="2">
        <v>0</v>
      </c>
      <c r="E5707" s="2">
        <v>187.3999999999979</v>
      </c>
    </row>
    <row r="5708" spans="1:5" x14ac:dyDescent="0.25">
      <c r="A5708" s="3">
        <v>41799.766435185185</v>
      </c>
      <c r="B5708" s="2">
        <v>31.8</v>
      </c>
      <c r="C5708" s="2">
        <v>150.80000000000001</v>
      </c>
      <c r="D5708" s="2">
        <v>0</v>
      </c>
      <c r="E5708" s="2">
        <v>187.3999999999979</v>
      </c>
    </row>
    <row r="5709" spans="1:5" x14ac:dyDescent="0.25">
      <c r="A5709" s="3">
        <v>41799.76730324074</v>
      </c>
      <c r="B5709" s="2">
        <v>31.8</v>
      </c>
      <c r="C5709" s="2">
        <v>151</v>
      </c>
      <c r="D5709" s="2">
        <v>0</v>
      </c>
      <c r="E5709" s="2">
        <v>187.3999999999979</v>
      </c>
    </row>
    <row r="5710" spans="1:5" x14ac:dyDescent="0.25">
      <c r="A5710" s="3">
        <v>41799.767592592594</v>
      </c>
      <c r="B5710" s="2">
        <v>31.8</v>
      </c>
      <c r="C5710" s="2">
        <v>150.80000000000001</v>
      </c>
      <c r="D5710" s="2">
        <v>0</v>
      </c>
      <c r="E5710" s="2">
        <v>187.3999999999979</v>
      </c>
    </row>
    <row r="5711" spans="1:5" x14ac:dyDescent="0.25">
      <c r="A5711" s="3">
        <v>41799.803877314815</v>
      </c>
      <c r="B5711" s="2">
        <v>30.4</v>
      </c>
      <c r="C5711" s="2">
        <v>150.6</v>
      </c>
      <c r="D5711" s="2">
        <v>0</v>
      </c>
      <c r="E5711" s="2">
        <v>187.3999999999979</v>
      </c>
    </row>
    <row r="5712" spans="1:5" x14ac:dyDescent="0.25">
      <c r="A5712" s="3">
        <v>41799.830266203702</v>
      </c>
      <c r="B5712" s="2">
        <v>29.5</v>
      </c>
      <c r="C5712" s="2">
        <v>150.4</v>
      </c>
      <c r="D5712" s="2">
        <v>0</v>
      </c>
      <c r="E5712" s="2">
        <v>187.3999999999979</v>
      </c>
    </row>
    <row r="5713" spans="1:5" x14ac:dyDescent="0.25">
      <c r="A5713" s="3">
        <v>41799.872164351851</v>
      </c>
      <c r="B5713" s="2">
        <v>28.2</v>
      </c>
      <c r="C5713" s="2">
        <v>150.19999999999999</v>
      </c>
      <c r="D5713" s="2">
        <v>0</v>
      </c>
      <c r="E5713" s="2">
        <v>187.3999999999979</v>
      </c>
    </row>
    <row r="5714" spans="1:5" x14ac:dyDescent="0.25">
      <c r="A5714" s="3">
        <v>41799.912499999999</v>
      </c>
      <c r="B5714" s="2">
        <v>27</v>
      </c>
      <c r="C5714" s="2">
        <v>150</v>
      </c>
      <c r="D5714" s="2">
        <v>0</v>
      </c>
      <c r="E5714" s="2">
        <v>187.3999999999979</v>
      </c>
    </row>
    <row r="5715" spans="1:5" x14ac:dyDescent="0.25">
      <c r="A5715" s="3">
        <v>41799.965856481482</v>
      </c>
      <c r="B5715" s="2">
        <v>25.7</v>
      </c>
      <c r="C5715" s="2">
        <v>149.80000000000001</v>
      </c>
      <c r="D5715" s="2">
        <v>0</v>
      </c>
      <c r="E5715" s="2">
        <v>187.3999999999979</v>
      </c>
    </row>
    <row r="5716" spans="1:5" x14ac:dyDescent="0.25">
      <c r="A5716" s="3">
        <v>41800.04184027778</v>
      </c>
      <c r="B5716" s="2">
        <v>23.9</v>
      </c>
      <c r="C5716" s="2">
        <v>149.6</v>
      </c>
      <c r="D5716" s="2">
        <v>0</v>
      </c>
      <c r="E5716" s="2">
        <v>187.3999999999979</v>
      </c>
    </row>
    <row r="5717" spans="1:5" x14ac:dyDescent="0.25">
      <c r="A5717" s="3">
        <v>41800.154050925928</v>
      </c>
      <c r="B5717" s="2">
        <v>21.6</v>
      </c>
      <c r="C5717" s="2">
        <v>149.4</v>
      </c>
      <c r="D5717" s="2">
        <v>0</v>
      </c>
      <c r="E5717" s="2">
        <v>187.3999999999979</v>
      </c>
    </row>
    <row r="5718" spans="1:5" x14ac:dyDescent="0.25">
      <c r="A5718" s="3">
        <v>41800.267824074072</v>
      </c>
      <c r="B5718" s="2">
        <v>19.8</v>
      </c>
      <c r="C5718" s="2">
        <v>149.19999999999999</v>
      </c>
      <c r="D5718" s="2">
        <v>0</v>
      </c>
      <c r="E5718" s="2">
        <v>187.3999999999979</v>
      </c>
    </row>
    <row r="5719" spans="1:5" x14ac:dyDescent="0.25">
      <c r="A5719" s="3">
        <v>41800.344502314816</v>
      </c>
      <c r="B5719" s="2">
        <v>19.8</v>
      </c>
      <c r="C5719" s="2">
        <v>149</v>
      </c>
      <c r="D5719" s="2">
        <v>0</v>
      </c>
      <c r="E5719" s="2">
        <v>187.3999999999979</v>
      </c>
    </row>
    <row r="5720" spans="1:5" x14ac:dyDescent="0.25">
      <c r="A5720" s="3">
        <v>41800.406134259261</v>
      </c>
      <c r="B5720" s="2">
        <v>23.2</v>
      </c>
      <c r="C5720" s="2">
        <v>148.80000000000001</v>
      </c>
      <c r="D5720" s="2">
        <v>0</v>
      </c>
      <c r="E5720" s="2">
        <v>187.3999999999979</v>
      </c>
    </row>
    <row r="5721" spans="1:5" x14ac:dyDescent="0.25">
      <c r="A5721" s="3">
        <v>41800.406423611108</v>
      </c>
      <c r="B5721" s="2">
        <v>23.2</v>
      </c>
      <c r="C5721" s="2">
        <v>149</v>
      </c>
      <c r="D5721" s="2">
        <v>0</v>
      </c>
      <c r="E5721" s="2">
        <v>187.3999999999979</v>
      </c>
    </row>
    <row r="5722" spans="1:5" x14ac:dyDescent="0.25">
      <c r="A5722" s="3">
        <v>41800.460300925923</v>
      </c>
      <c r="B5722" s="2">
        <v>27.5</v>
      </c>
      <c r="C5722" s="2">
        <v>148.80000000000001</v>
      </c>
      <c r="D5722" s="2">
        <v>0</v>
      </c>
      <c r="E5722" s="2">
        <v>187.3999999999979</v>
      </c>
    </row>
    <row r="5723" spans="1:5" x14ac:dyDescent="0.25">
      <c r="A5723" s="3">
        <v>41800.460358796299</v>
      </c>
      <c r="B5723" s="2">
        <v>27.5</v>
      </c>
      <c r="C5723" s="2">
        <v>149</v>
      </c>
      <c r="D5723" s="2">
        <v>0</v>
      </c>
      <c r="E5723" s="2">
        <v>187.3999999999979</v>
      </c>
    </row>
    <row r="5724" spans="1:5" x14ac:dyDescent="0.25">
      <c r="A5724" s="3">
        <v>41800.475868055553</v>
      </c>
      <c r="B5724" s="2">
        <v>28.8</v>
      </c>
      <c r="C5724" s="2">
        <v>148.80000000000001</v>
      </c>
      <c r="D5724" s="2">
        <v>0</v>
      </c>
      <c r="E5724" s="2">
        <v>187.3999999999979</v>
      </c>
    </row>
    <row r="5725" spans="1:5" x14ac:dyDescent="0.25">
      <c r="A5725" s="3">
        <v>41800.476041666669</v>
      </c>
      <c r="B5725" s="2">
        <v>28.7</v>
      </c>
      <c r="C5725" s="2">
        <v>149</v>
      </c>
      <c r="D5725" s="2">
        <v>0</v>
      </c>
      <c r="E5725" s="2">
        <v>187.3999999999979</v>
      </c>
    </row>
    <row r="5726" spans="1:5" x14ac:dyDescent="0.25">
      <c r="A5726" s="3">
        <v>41800.476157407407</v>
      </c>
      <c r="B5726" s="2">
        <v>28.7</v>
      </c>
      <c r="C5726" s="2">
        <v>148.80000000000001</v>
      </c>
      <c r="D5726" s="2">
        <v>0</v>
      </c>
      <c r="E5726" s="2">
        <v>187.3999999999979</v>
      </c>
    </row>
    <row r="5727" spans="1:5" x14ac:dyDescent="0.25">
      <c r="A5727" s="3">
        <v>41800.476273148146</v>
      </c>
      <c r="B5727" s="2">
        <v>28.7</v>
      </c>
      <c r="C5727" s="2">
        <v>149</v>
      </c>
      <c r="D5727" s="2">
        <v>0</v>
      </c>
      <c r="E5727" s="2">
        <v>187.3999999999979</v>
      </c>
    </row>
    <row r="5728" spans="1:5" x14ac:dyDescent="0.25">
      <c r="A5728" s="3">
        <v>41800.476446759261</v>
      </c>
      <c r="B5728" s="2">
        <v>28.7</v>
      </c>
      <c r="C5728" s="2">
        <v>148.80000000000001</v>
      </c>
      <c r="D5728" s="2">
        <v>0</v>
      </c>
      <c r="E5728" s="2">
        <v>187.3999999999979</v>
      </c>
    </row>
    <row r="5729" spans="1:5" x14ac:dyDescent="0.25">
      <c r="A5729" s="3">
        <v>41800.4765625</v>
      </c>
      <c r="B5729" s="2">
        <v>28.7</v>
      </c>
      <c r="C5729" s="2">
        <v>149</v>
      </c>
      <c r="D5729" s="2">
        <v>0</v>
      </c>
      <c r="E5729" s="2">
        <v>187.3999999999979</v>
      </c>
    </row>
    <row r="5730" spans="1:5" x14ac:dyDescent="0.25">
      <c r="A5730" s="3">
        <v>41800.476678240739</v>
      </c>
      <c r="B5730" s="2">
        <v>28.7</v>
      </c>
      <c r="C5730" s="2">
        <v>148.80000000000001</v>
      </c>
      <c r="D5730" s="2">
        <v>0</v>
      </c>
      <c r="E5730" s="2">
        <v>187.3999999999979</v>
      </c>
    </row>
    <row r="5731" spans="1:5" x14ac:dyDescent="0.25">
      <c r="A5731" s="3">
        <v>41800.476967592593</v>
      </c>
      <c r="B5731" s="2">
        <v>28.7</v>
      </c>
      <c r="C5731" s="2">
        <v>149</v>
      </c>
      <c r="D5731" s="2">
        <v>0</v>
      </c>
      <c r="E5731" s="2">
        <v>187.3999999999979</v>
      </c>
    </row>
    <row r="5732" spans="1:5" x14ac:dyDescent="0.25">
      <c r="A5732" s="3">
        <v>41800.477083333331</v>
      </c>
      <c r="B5732" s="2">
        <v>28.7</v>
      </c>
      <c r="C5732" s="2">
        <v>148.80000000000001</v>
      </c>
      <c r="D5732" s="2">
        <v>0</v>
      </c>
      <c r="E5732" s="2">
        <v>187.3999999999979</v>
      </c>
    </row>
    <row r="5733" spans="1:5" x14ac:dyDescent="0.25">
      <c r="A5733" s="3">
        <v>41800.530787037038</v>
      </c>
      <c r="B5733" s="2">
        <v>32.700000000000003</v>
      </c>
      <c r="C5733" s="2">
        <v>148.6</v>
      </c>
      <c r="D5733" s="2">
        <v>0</v>
      </c>
      <c r="E5733" s="2">
        <v>187.3999999999979</v>
      </c>
    </row>
    <row r="5734" spans="1:5" x14ac:dyDescent="0.25">
      <c r="A5734" s="3">
        <v>41800.531481481485</v>
      </c>
      <c r="B5734" s="2">
        <v>32.799999999999997</v>
      </c>
      <c r="C5734" s="2">
        <v>148.80000000000001</v>
      </c>
      <c r="D5734" s="2">
        <v>0</v>
      </c>
      <c r="E5734" s="2">
        <v>187.3999999999979</v>
      </c>
    </row>
    <row r="5735" spans="1:5" x14ac:dyDescent="0.25">
      <c r="A5735" s="3">
        <v>41800.531539351854</v>
      </c>
      <c r="B5735" s="2">
        <v>32.799999999999997</v>
      </c>
      <c r="C5735" s="2">
        <v>148.6</v>
      </c>
      <c r="D5735" s="2">
        <v>0</v>
      </c>
      <c r="E5735" s="2">
        <v>187.3999999999979</v>
      </c>
    </row>
    <row r="5736" spans="1:5" x14ac:dyDescent="0.25">
      <c r="A5736" s="3">
        <v>41800.531886574077</v>
      </c>
      <c r="B5736" s="2">
        <v>32.700000000000003</v>
      </c>
      <c r="C5736" s="2">
        <v>148.80000000000001</v>
      </c>
      <c r="D5736" s="2">
        <v>0</v>
      </c>
      <c r="E5736" s="2">
        <v>187.3999999999979</v>
      </c>
    </row>
    <row r="5737" spans="1:5" x14ac:dyDescent="0.25">
      <c r="A5737" s="3">
        <v>41800.532581018517</v>
      </c>
      <c r="B5737" s="2">
        <v>32.799999999999997</v>
      </c>
      <c r="C5737" s="2">
        <v>148.6</v>
      </c>
      <c r="D5737" s="2">
        <v>0</v>
      </c>
      <c r="E5737" s="2">
        <v>187.3999999999979</v>
      </c>
    </row>
    <row r="5738" spans="1:5" x14ac:dyDescent="0.25">
      <c r="A5738" s="3">
        <v>41800.534143518518</v>
      </c>
      <c r="B5738" s="2">
        <v>33</v>
      </c>
      <c r="C5738" s="2">
        <v>148.80000000000001</v>
      </c>
      <c r="D5738" s="2">
        <v>0</v>
      </c>
      <c r="E5738" s="2">
        <v>187.3999999999979</v>
      </c>
    </row>
    <row r="5739" spans="1:5" x14ac:dyDescent="0.25">
      <c r="A5739" s="3">
        <v>41800.534201388888</v>
      </c>
      <c r="B5739" s="2">
        <v>33</v>
      </c>
      <c r="C5739" s="2">
        <v>148.6</v>
      </c>
      <c r="D5739" s="2">
        <v>0</v>
      </c>
      <c r="E5739" s="2">
        <v>187.3999999999979</v>
      </c>
    </row>
    <row r="5740" spans="1:5" x14ac:dyDescent="0.25">
      <c r="A5740" s="3">
        <v>41800.554803240739</v>
      </c>
      <c r="B5740" s="2">
        <v>34.200000000000003</v>
      </c>
      <c r="C5740" s="2">
        <v>148.4</v>
      </c>
      <c r="D5740" s="2">
        <v>0</v>
      </c>
      <c r="E5740" s="2">
        <v>187.3999999999979</v>
      </c>
    </row>
    <row r="5741" spans="1:5" x14ac:dyDescent="0.25">
      <c r="A5741" s="3">
        <v>41800.556712962964</v>
      </c>
      <c r="B5741" s="2">
        <v>34.1</v>
      </c>
      <c r="C5741" s="2">
        <v>148.6</v>
      </c>
      <c r="D5741" s="2">
        <v>0</v>
      </c>
      <c r="E5741" s="2">
        <v>187.3999999999979</v>
      </c>
    </row>
    <row r="5742" spans="1:5" x14ac:dyDescent="0.25">
      <c r="A5742" s="3">
        <v>41800.556828703702</v>
      </c>
      <c r="B5742" s="2">
        <v>34.200000000000003</v>
      </c>
      <c r="C5742" s="2">
        <v>148.4</v>
      </c>
      <c r="D5742" s="2">
        <v>0</v>
      </c>
      <c r="E5742" s="2">
        <v>187.3999999999979</v>
      </c>
    </row>
    <row r="5743" spans="1:5" x14ac:dyDescent="0.25">
      <c r="A5743" s="3">
        <v>41800.570543981485</v>
      </c>
      <c r="B5743" s="2">
        <v>34.799999999999997</v>
      </c>
      <c r="C5743" s="2">
        <v>148.19999999999999</v>
      </c>
      <c r="D5743" s="2">
        <v>0</v>
      </c>
      <c r="E5743" s="2">
        <v>187.3999999999979</v>
      </c>
    </row>
    <row r="5744" spans="1:5" x14ac:dyDescent="0.25">
      <c r="A5744" s="3">
        <v>41800.586921296293</v>
      </c>
      <c r="B5744" s="2">
        <v>35.299999999999997</v>
      </c>
      <c r="C5744" s="2">
        <v>148</v>
      </c>
      <c r="D5744" s="2">
        <v>0</v>
      </c>
      <c r="E5744" s="2">
        <v>187.3999999999979</v>
      </c>
    </row>
    <row r="5745" spans="1:5" x14ac:dyDescent="0.25">
      <c r="A5745" s="3">
        <v>41800.6</v>
      </c>
      <c r="B5745" s="2">
        <v>35.799999999999997</v>
      </c>
      <c r="C5745" s="2">
        <v>147.80000000000001</v>
      </c>
      <c r="D5745" s="2">
        <v>0</v>
      </c>
      <c r="E5745" s="2">
        <v>187.3999999999979</v>
      </c>
    </row>
    <row r="5746" spans="1:5" x14ac:dyDescent="0.25">
      <c r="A5746" s="3">
        <v>41800.600057870368</v>
      </c>
      <c r="B5746" s="2">
        <v>35.799999999999997</v>
      </c>
      <c r="C5746" s="2">
        <v>148</v>
      </c>
      <c r="D5746" s="2">
        <v>0</v>
      </c>
      <c r="E5746" s="2">
        <v>187.3999999999979</v>
      </c>
    </row>
    <row r="5747" spans="1:5" x14ac:dyDescent="0.25">
      <c r="A5747" s="3">
        <v>41800.600289351853</v>
      </c>
      <c r="B5747" s="2">
        <v>35.700000000000003</v>
      </c>
      <c r="C5747" s="2">
        <v>147.80000000000001</v>
      </c>
      <c r="D5747" s="2">
        <v>0</v>
      </c>
      <c r="E5747" s="2">
        <v>187.3999999999979</v>
      </c>
    </row>
    <row r="5748" spans="1:5" x14ac:dyDescent="0.25">
      <c r="A5748" s="3">
        <v>41800.601504629631</v>
      </c>
      <c r="B5748" s="2">
        <v>36</v>
      </c>
      <c r="C5748" s="2">
        <v>148</v>
      </c>
      <c r="D5748" s="2">
        <v>0</v>
      </c>
      <c r="E5748" s="2">
        <v>187.3999999999979</v>
      </c>
    </row>
    <row r="5749" spans="1:5" x14ac:dyDescent="0.25">
      <c r="A5749" s="3">
        <v>41800.6015625</v>
      </c>
      <c r="B5749" s="2">
        <v>35.9</v>
      </c>
      <c r="C5749" s="2">
        <v>147.80000000000001</v>
      </c>
      <c r="D5749" s="2">
        <v>0</v>
      </c>
      <c r="E5749" s="2">
        <v>187.3999999999979</v>
      </c>
    </row>
    <row r="5750" spans="1:5" x14ac:dyDescent="0.25">
      <c r="A5750" s="3">
        <v>41800.615046296298</v>
      </c>
      <c r="B5750" s="2">
        <v>36.1</v>
      </c>
      <c r="C5750" s="2">
        <v>147.6</v>
      </c>
      <c r="D5750" s="2">
        <v>0</v>
      </c>
      <c r="E5750" s="2">
        <v>187.3999999999979</v>
      </c>
    </row>
    <row r="5751" spans="1:5" x14ac:dyDescent="0.25">
      <c r="A5751" s="3">
        <v>41800.63177083333</v>
      </c>
      <c r="B5751" s="2">
        <v>36.299999999999997</v>
      </c>
      <c r="C5751" s="2">
        <v>147.4</v>
      </c>
      <c r="D5751" s="2">
        <v>0</v>
      </c>
      <c r="E5751" s="2">
        <v>187.3999999999979</v>
      </c>
    </row>
    <row r="5752" spans="1:5" x14ac:dyDescent="0.25">
      <c r="A5752" s="3">
        <v>41800.631944444445</v>
      </c>
      <c r="B5752" s="2">
        <v>36.299999999999997</v>
      </c>
      <c r="C5752" s="2">
        <v>147.6</v>
      </c>
      <c r="D5752" s="2">
        <v>0</v>
      </c>
      <c r="E5752" s="2">
        <v>187.3999999999979</v>
      </c>
    </row>
    <row r="5753" spans="1:5" x14ac:dyDescent="0.25">
      <c r="A5753" s="3">
        <v>41800.632118055553</v>
      </c>
      <c r="B5753" s="2">
        <v>36.4</v>
      </c>
      <c r="C5753" s="2">
        <v>147.4</v>
      </c>
      <c r="D5753" s="2">
        <v>0</v>
      </c>
      <c r="E5753" s="2">
        <v>187.3999999999979</v>
      </c>
    </row>
    <row r="5754" spans="1:5" x14ac:dyDescent="0.25">
      <c r="A5754" s="3">
        <v>41800.632465277777</v>
      </c>
      <c r="B5754" s="2">
        <v>36.4</v>
      </c>
      <c r="C5754" s="2">
        <v>147.6</v>
      </c>
      <c r="D5754" s="2">
        <v>0</v>
      </c>
      <c r="E5754" s="2">
        <v>187.3999999999979</v>
      </c>
    </row>
    <row r="5755" spans="1:5" x14ac:dyDescent="0.25">
      <c r="A5755" s="3">
        <v>41800.632696759261</v>
      </c>
      <c r="B5755" s="2">
        <v>36.4</v>
      </c>
      <c r="C5755" s="2">
        <v>147.4</v>
      </c>
      <c r="D5755" s="2">
        <v>0</v>
      </c>
      <c r="E5755" s="2">
        <v>187.3999999999979</v>
      </c>
    </row>
    <row r="5756" spans="1:5" x14ac:dyDescent="0.25">
      <c r="A5756" s="3">
        <v>41800.633217592593</v>
      </c>
      <c r="B5756" s="2">
        <v>36.4</v>
      </c>
      <c r="C5756" s="2">
        <v>147.6</v>
      </c>
      <c r="D5756" s="2">
        <v>0</v>
      </c>
      <c r="E5756" s="2">
        <v>187.3999999999979</v>
      </c>
    </row>
    <row r="5757" spans="1:5" x14ac:dyDescent="0.25">
      <c r="A5757" s="3">
        <v>41800.633275462962</v>
      </c>
      <c r="B5757" s="2">
        <v>36.4</v>
      </c>
      <c r="C5757" s="2">
        <v>147.4</v>
      </c>
      <c r="D5757" s="2">
        <v>0</v>
      </c>
      <c r="E5757" s="2">
        <v>187.3999999999979</v>
      </c>
    </row>
    <row r="5758" spans="1:5" x14ac:dyDescent="0.25">
      <c r="A5758" s="3">
        <v>41800.658391203702</v>
      </c>
      <c r="B5758" s="2">
        <v>35.6</v>
      </c>
      <c r="C5758" s="2">
        <v>147.19999999999999</v>
      </c>
      <c r="D5758" s="2">
        <v>0</v>
      </c>
      <c r="E5758" s="2">
        <v>187.3999999999979</v>
      </c>
    </row>
    <row r="5759" spans="1:5" x14ac:dyDescent="0.25">
      <c r="A5759" s="3">
        <v>41800.672337962962</v>
      </c>
      <c r="B5759" s="2">
        <v>34.700000000000003</v>
      </c>
      <c r="C5759" s="2">
        <v>147</v>
      </c>
      <c r="D5759" s="2">
        <v>0</v>
      </c>
      <c r="E5759" s="2">
        <v>187.3999999999979</v>
      </c>
    </row>
    <row r="5760" spans="1:5" x14ac:dyDescent="0.25">
      <c r="A5760" s="3">
        <v>41800.672453703701</v>
      </c>
      <c r="B5760" s="2">
        <v>34.700000000000003</v>
      </c>
      <c r="C5760" s="2">
        <v>147.19999999999999</v>
      </c>
      <c r="D5760" s="2">
        <v>0</v>
      </c>
      <c r="E5760" s="2">
        <v>187.3999999999979</v>
      </c>
    </row>
    <row r="5761" spans="1:5" x14ac:dyDescent="0.25">
      <c r="A5761" s="3">
        <v>41800.672627314816</v>
      </c>
      <c r="B5761" s="2">
        <v>34.700000000000003</v>
      </c>
      <c r="C5761" s="2">
        <v>147</v>
      </c>
      <c r="D5761" s="2">
        <v>0</v>
      </c>
      <c r="E5761" s="2">
        <v>187.3999999999979</v>
      </c>
    </row>
    <row r="5762" spans="1:5" x14ac:dyDescent="0.25">
      <c r="A5762" s="3">
        <v>41800.683738425927</v>
      </c>
      <c r="B5762" s="2">
        <v>34.200000000000003</v>
      </c>
      <c r="C5762" s="2">
        <v>146.80000000000001</v>
      </c>
      <c r="D5762" s="2">
        <v>0</v>
      </c>
      <c r="E5762" s="2">
        <v>187.3999999999979</v>
      </c>
    </row>
    <row r="5763" spans="1:5" x14ac:dyDescent="0.25">
      <c r="A5763" s="3">
        <v>41800.684490740743</v>
      </c>
      <c r="B5763" s="2">
        <v>34.200000000000003</v>
      </c>
      <c r="C5763" s="2">
        <v>147</v>
      </c>
      <c r="D5763" s="2">
        <v>0</v>
      </c>
      <c r="E5763" s="2">
        <v>187.3999999999979</v>
      </c>
    </row>
    <row r="5764" spans="1:5" x14ac:dyDescent="0.25">
      <c r="A5764" s="3">
        <v>41800.684606481482</v>
      </c>
      <c r="B5764" s="2">
        <v>34.200000000000003</v>
      </c>
      <c r="C5764" s="2">
        <v>146.80000000000001</v>
      </c>
      <c r="D5764" s="2">
        <v>0</v>
      </c>
      <c r="E5764" s="2">
        <v>187.3999999999979</v>
      </c>
    </row>
    <row r="5765" spans="1:5" x14ac:dyDescent="0.25">
      <c r="A5765" s="3">
        <v>41800.684664351851</v>
      </c>
      <c r="B5765" s="2">
        <v>34.200000000000003</v>
      </c>
      <c r="C5765" s="2">
        <v>147</v>
      </c>
      <c r="D5765" s="2">
        <v>0</v>
      </c>
      <c r="E5765" s="2">
        <v>187.3999999999979</v>
      </c>
    </row>
    <row r="5766" spans="1:5" x14ac:dyDescent="0.25">
      <c r="A5766" s="3">
        <v>41800.68472222222</v>
      </c>
      <c r="B5766" s="2">
        <v>34.200000000000003</v>
      </c>
      <c r="C5766" s="2">
        <v>146.80000000000001</v>
      </c>
      <c r="D5766" s="2">
        <v>0</v>
      </c>
      <c r="E5766" s="2">
        <v>187.3999999999979</v>
      </c>
    </row>
    <row r="5767" spans="1:5" x14ac:dyDescent="0.25">
      <c r="A5767" s="3">
        <v>41800.698784722219</v>
      </c>
      <c r="B5767" s="2">
        <v>33.6</v>
      </c>
      <c r="C5767" s="2">
        <v>146.6</v>
      </c>
      <c r="D5767" s="2">
        <v>0</v>
      </c>
      <c r="E5767" s="2">
        <v>187.3999999999979</v>
      </c>
    </row>
    <row r="5768" spans="1:5" x14ac:dyDescent="0.25">
      <c r="A5768" s="3">
        <v>41800.699363425927</v>
      </c>
      <c r="B5768" s="2">
        <v>33.6</v>
      </c>
      <c r="C5768" s="2">
        <v>146.80000000000001</v>
      </c>
      <c r="D5768" s="2">
        <v>0</v>
      </c>
      <c r="E5768" s="2">
        <v>187.3999999999979</v>
      </c>
    </row>
    <row r="5769" spans="1:5" x14ac:dyDescent="0.25">
      <c r="A5769" s="3">
        <v>41800.699594907404</v>
      </c>
      <c r="B5769" s="2">
        <v>33.5</v>
      </c>
      <c r="C5769" s="2">
        <v>146.6</v>
      </c>
      <c r="D5769" s="2">
        <v>0</v>
      </c>
      <c r="E5769" s="2">
        <v>187.3999999999979</v>
      </c>
    </row>
    <row r="5770" spans="1:5" x14ac:dyDescent="0.25">
      <c r="A5770" s="3">
        <v>41800.712557870371</v>
      </c>
      <c r="B5770" s="2">
        <v>33</v>
      </c>
      <c r="C5770" s="2">
        <v>146.4</v>
      </c>
      <c r="D5770" s="2">
        <v>0</v>
      </c>
      <c r="E5770" s="2">
        <v>187.3999999999979</v>
      </c>
    </row>
    <row r="5771" spans="1:5" x14ac:dyDescent="0.25">
      <c r="A5771" s="3">
        <v>41800.712847222225</v>
      </c>
      <c r="B5771" s="2">
        <v>32.9</v>
      </c>
      <c r="C5771" s="2">
        <v>146.6</v>
      </c>
      <c r="D5771" s="2">
        <v>0</v>
      </c>
      <c r="E5771" s="2">
        <v>187.3999999999979</v>
      </c>
    </row>
    <row r="5772" spans="1:5" x14ac:dyDescent="0.25">
      <c r="A5772" s="3">
        <v>41800.712962962964</v>
      </c>
      <c r="B5772" s="2">
        <v>32.9</v>
      </c>
      <c r="C5772" s="2">
        <v>146.4</v>
      </c>
      <c r="D5772" s="2">
        <v>0</v>
      </c>
      <c r="E5772" s="2">
        <v>187.3999999999979</v>
      </c>
    </row>
    <row r="5773" spans="1:5" x14ac:dyDescent="0.25">
      <c r="A5773" s="3">
        <v>41800.713252314818</v>
      </c>
      <c r="B5773" s="2">
        <v>32.9</v>
      </c>
      <c r="C5773" s="2">
        <v>146.6</v>
      </c>
      <c r="D5773" s="2">
        <v>0</v>
      </c>
      <c r="E5773" s="2">
        <v>187.3999999999979</v>
      </c>
    </row>
    <row r="5774" spans="1:5" x14ac:dyDescent="0.25">
      <c r="A5774" s="3">
        <v>41800.713425925926</v>
      </c>
      <c r="B5774" s="2">
        <v>32.9</v>
      </c>
      <c r="C5774" s="2">
        <v>146.4</v>
      </c>
      <c r="D5774" s="2">
        <v>0</v>
      </c>
      <c r="E5774" s="2">
        <v>187.3999999999979</v>
      </c>
    </row>
    <row r="5775" spans="1:5" x14ac:dyDescent="0.25">
      <c r="A5775" s="3">
        <v>41800.713483796295</v>
      </c>
      <c r="B5775" s="2">
        <v>32.799999999999997</v>
      </c>
      <c r="C5775" s="2">
        <v>146.6</v>
      </c>
      <c r="D5775" s="2">
        <v>0</v>
      </c>
      <c r="E5775" s="2">
        <v>187.3999999999979</v>
      </c>
    </row>
    <row r="5776" spans="1:5" x14ac:dyDescent="0.25">
      <c r="A5776" s="3">
        <v>41800.71365740741</v>
      </c>
      <c r="B5776" s="2">
        <v>32.799999999999997</v>
      </c>
      <c r="C5776" s="2">
        <v>146.4</v>
      </c>
      <c r="D5776" s="2">
        <v>0</v>
      </c>
      <c r="E5776" s="2">
        <v>187.3999999999979</v>
      </c>
    </row>
    <row r="5777" spans="1:5" x14ac:dyDescent="0.25">
      <c r="A5777" s="3">
        <v>41800.725173611114</v>
      </c>
      <c r="B5777" s="2">
        <v>32.6</v>
      </c>
      <c r="C5777" s="2">
        <v>146.19999999999999</v>
      </c>
      <c r="D5777" s="2">
        <v>0</v>
      </c>
      <c r="E5777" s="2">
        <v>187.3999999999979</v>
      </c>
    </row>
    <row r="5778" spans="1:5" x14ac:dyDescent="0.25">
      <c r="A5778" s="3">
        <v>41800.744849537034</v>
      </c>
      <c r="B5778" s="2">
        <v>32.5</v>
      </c>
      <c r="C5778" s="2">
        <v>146</v>
      </c>
      <c r="D5778" s="2">
        <v>0</v>
      </c>
      <c r="E5778" s="2">
        <v>187.3999999999979</v>
      </c>
    </row>
    <row r="5779" spans="1:5" x14ac:dyDescent="0.25">
      <c r="A5779" s="3">
        <v>41800.74496527778</v>
      </c>
      <c r="B5779" s="2">
        <v>32.5</v>
      </c>
      <c r="C5779" s="2">
        <v>146.19999999999999</v>
      </c>
      <c r="D5779" s="2">
        <v>0</v>
      </c>
      <c r="E5779" s="2">
        <v>187.3999999999979</v>
      </c>
    </row>
    <row r="5780" spans="1:5" x14ac:dyDescent="0.25">
      <c r="A5780" s="3">
        <v>41800.745081018518</v>
      </c>
      <c r="B5780" s="2">
        <v>32.5</v>
      </c>
      <c r="C5780" s="2">
        <v>146</v>
      </c>
      <c r="D5780" s="2">
        <v>0</v>
      </c>
      <c r="E5780" s="2">
        <v>187.3999999999979</v>
      </c>
    </row>
    <row r="5781" spans="1:5" x14ac:dyDescent="0.25">
      <c r="A5781" s="3">
        <v>41800.762037037035</v>
      </c>
      <c r="B5781" s="2">
        <v>32.299999999999997</v>
      </c>
      <c r="C5781" s="2">
        <v>145.80000000000001</v>
      </c>
      <c r="D5781" s="2">
        <v>0</v>
      </c>
      <c r="E5781" s="2">
        <v>187.3999999999979</v>
      </c>
    </row>
    <row r="5782" spans="1:5" x14ac:dyDescent="0.25">
      <c r="A5782" s="3">
        <v>41800.770138888889</v>
      </c>
      <c r="B5782" s="2">
        <v>32.1</v>
      </c>
      <c r="C5782" s="2">
        <v>146</v>
      </c>
      <c r="D5782" s="2">
        <v>0</v>
      </c>
      <c r="E5782" s="2">
        <v>187.3999999999979</v>
      </c>
    </row>
    <row r="5783" spans="1:5" x14ac:dyDescent="0.25">
      <c r="A5783" s="3">
        <v>41800.770312499997</v>
      </c>
      <c r="B5783" s="2">
        <v>32.1</v>
      </c>
      <c r="C5783" s="2">
        <v>145.80000000000001</v>
      </c>
      <c r="D5783" s="2">
        <v>0</v>
      </c>
      <c r="E5783" s="2">
        <v>187.3999999999979</v>
      </c>
    </row>
    <row r="5784" spans="1:5" x14ac:dyDescent="0.25">
      <c r="A5784" s="3">
        <v>41800.802141203705</v>
      </c>
      <c r="B5784" s="2">
        <v>30.8</v>
      </c>
      <c r="C5784" s="2">
        <v>145.6</v>
      </c>
      <c r="D5784" s="2">
        <v>0</v>
      </c>
      <c r="E5784" s="2">
        <v>187.3999999999979</v>
      </c>
    </row>
    <row r="5785" spans="1:5" x14ac:dyDescent="0.25">
      <c r="A5785" s="3">
        <v>41800.82303240741</v>
      </c>
      <c r="B5785" s="2">
        <v>30</v>
      </c>
      <c r="C5785" s="2">
        <v>145.4</v>
      </c>
      <c r="D5785" s="2">
        <v>0</v>
      </c>
      <c r="E5785" s="2">
        <v>187.3999999999979</v>
      </c>
    </row>
    <row r="5786" spans="1:5" x14ac:dyDescent="0.25">
      <c r="A5786" s="3">
        <v>41800.823611111111</v>
      </c>
      <c r="B5786" s="2">
        <v>29.9</v>
      </c>
      <c r="C5786" s="2">
        <v>145.6</v>
      </c>
      <c r="D5786" s="2">
        <v>0</v>
      </c>
      <c r="E5786" s="2">
        <v>187.3999999999979</v>
      </c>
    </row>
    <row r="5787" spans="1:5" x14ac:dyDescent="0.25">
      <c r="A5787" s="3">
        <v>41800.823784722219</v>
      </c>
      <c r="B5787" s="2">
        <v>29.9</v>
      </c>
      <c r="C5787" s="2">
        <v>145.4</v>
      </c>
      <c r="D5787" s="2">
        <v>0</v>
      </c>
      <c r="E5787" s="2">
        <v>187.3999999999979</v>
      </c>
    </row>
    <row r="5788" spans="1:5" x14ac:dyDescent="0.25">
      <c r="A5788" s="3">
        <v>41800.85601851852</v>
      </c>
      <c r="B5788" s="2">
        <v>28.9</v>
      </c>
      <c r="C5788" s="2">
        <v>145.19999999999999</v>
      </c>
      <c r="D5788" s="2">
        <v>0</v>
      </c>
      <c r="E5788" s="2">
        <v>187.3999999999979</v>
      </c>
    </row>
    <row r="5789" spans="1:5" x14ac:dyDescent="0.25">
      <c r="A5789" s="3">
        <v>41800.906481481485</v>
      </c>
      <c r="B5789" s="2">
        <v>27.4</v>
      </c>
      <c r="C5789" s="2">
        <v>145</v>
      </c>
      <c r="D5789" s="2">
        <v>0</v>
      </c>
      <c r="E5789" s="2">
        <v>187.3999999999979</v>
      </c>
    </row>
    <row r="5790" spans="1:5" x14ac:dyDescent="0.25">
      <c r="A5790" s="3">
        <v>41800.964814814812</v>
      </c>
      <c r="B5790" s="2">
        <v>25.8</v>
      </c>
      <c r="C5790" s="2">
        <v>144.80000000000001</v>
      </c>
      <c r="D5790" s="2">
        <v>0</v>
      </c>
      <c r="E5790" s="2">
        <v>187.3999999999979</v>
      </c>
    </row>
    <row r="5791" spans="1:5" x14ac:dyDescent="0.25">
      <c r="A5791" s="3">
        <v>41801.048726851855</v>
      </c>
      <c r="B5791" s="2">
        <v>23.8</v>
      </c>
      <c r="C5791" s="2">
        <v>144.6</v>
      </c>
      <c r="D5791" s="2">
        <v>0</v>
      </c>
      <c r="E5791" s="2">
        <v>187.3999999999979</v>
      </c>
    </row>
    <row r="5792" spans="1:5" x14ac:dyDescent="0.25">
      <c r="A5792" s="3">
        <v>41801.157002314816</v>
      </c>
      <c r="B5792" s="2">
        <v>21.5</v>
      </c>
      <c r="C5792" s="2">
        <v>144.4</v>
      </c>
      <c r="D5792" s="2">
        <v>0</v>
      </c>
      <c r="E5792" s="2">
        <v>187.3999999999979</v>
      </c>
    </row>
    <row r="5793" spans="1:5" x14ac:dyDescent="0.25">
      <c r="A5793" s="3">
        <v>41801.245428240742</v>
      </c>
      <c r="B5793" s="2">
        <v>19.899999999999999</v>
      </c>
      <c r="C5793" s="2">
        <v>144.19999999999999</v>
      </c>
      <c r="D5793" s="2">
        <v>0</v>
      </c>
      <c r="E5793" s="2">
        <v>187.3999999999979</v>
      </c>
    </row>
    <row r="5794" spans="1:5" x14ac:dyDescent="0.25">
      <c r="A5794" s="3">
        <v>41801.34103009259</v>
      </c>
      <c r="B5794" s="2">
        <v>19.5</v>
      </c>
      <c r="C5794" s="2">
        <v>144</v>
      </c>
      <c r="D5794" s="2">
        <v>0</v>
      </c>
      <c r="E5794" s="2">
        <v>187.3999999999979</v>
      </c>
    </row>
    <row r="5795" spans="1:5" x14ac:dyDescent="0.25">
      <c r="A5795" s="3">
        <v>41801.35665509259</v>
      </c>
      <c r="B5795" s="2">
        <v>20.100000000000001</v>
      </c>
      <c r="C5795" s="2">
        <v>143.80000000000001</v>
      </c>
      <c r="D5795" s="2">
        <v>0</v>
      </c>
      <c r="E5795" s="2">
        <v>187.3999999999979</v>
      </c>
    </row>
    <row r="5796" spans="1:5" x14ac:dyDescent="0.25">
      <c r="A5796" s="3">
        <v>41801.411516203705</v>
      </c>
      <c r="B5796" s="2">
        <v>23.5</v>
      </c>
      <c r="C5796" s="2">
        <v>144</v>
      </c>
      <c r="D5796" s="2">
        <v>0</v>
      </c>
      <c r="E5796" s="2">
        <v>187.3999999999979</v>
      </c>
    </row>
    <row r="5797" spans="1:5" x14ac:dyDescent="0.25">
      <c r="A5797" s="3">
        <v>41801.411631944444</v>
      </c>
      <c r="B5797" s="2">
        <v>23.5</v>
      </c>
      <c r="C5797" s="2">
        <v>143.80000000000001</v>
      </c>
      <c r="D5797" s="2">
        <v>0</v>
      </c>
      <c r="E5797" s="2">
        <v>187.3999999999979</v>
      </c>
    </row>
    <row r="5798" spans="1:5" x14ac:dyDescent="0.25">
      <c r="A5798" s="3">
        <v>41801.428414351853</v>
      </c>
      <c r="B5798" s="2">
        <v>24.5</v>
      </c>
      <c r="C5798" s="2">
        <v>144</v>
      </c>
      <c r="D5798" s="2">
        <v>0</v>
      </c>
      <c r="E5798" s="2">
        <v>187.3999999999979</v>
      </c>
    </row>
    <row r="5799" spans="1:5" x14ac:dyDescent="0.25">
      <c r="A5799" s="3">
        <v>41801.428761574076</v>
      </c>
      <c r="B5799" s="2">
        <v>24.6</v>
      </c>
      <c r="C5799" s="2">
        <v>143.80000000000001</v>
      </c>
      <c r="D5799" s="2">
        <v>0</v>
      </c>
      <c r="E5799" s="2">
        <v>187.3999999999979</v>
      </c>
    </row>
    <row r="5800" spans="1:5" x14ac:dyDescent="0.25">
      <c r="A5800" s="3">
        <v>41801.469039351854</v>
      </c>
      <c r="B5800" s="2">
        <v>28.4</v>
      </c>
      <c r="C5800" s="2">
        <v>144</v>
      </c>
      <c r="D5800" s="2">
        <v>0</v>
      </c>
      <c r="E5800" s="2">
        <v>187.3999999999979</v>
      </c>
    </row>
    <row r="5801" spans="1:5" x14ac:dyDescent="0.25">
      <c r="A5801" s="3">
        <v>41801.469212962962</v>
      </c>
      <c r="B5801" s="2">
        <v>28.4</v>
      </c>
      <c r="C5801" s="2">
        <v>143.80000000000001</v>
      </c>
      <c r="D5801" s="2">
        <v>0</v>
      </c>
      <c r="E5801" s="2">
        <v>187.3999999999979</v>
      </c>
    </row>
    <row r="5802" spans="1:5" x14ac:dyDescent="0.25">
      <c r="A5802" s="3">
        <v>41801.525000000001</v>
      </c>
      <c r="B5802" s="2">
        <v>32.9</v>
      </c>
      <c r="C5802" s="2">
        <v>143.6</v>
      </c>
      <c r="D5802" s="2">
        <v>0</v>
      </c>
      <c r="E5802" s="2">
        <v>187.3999999999979</v>
      </c>
    </row>
    <row r="5803" spans="1:5" x14ac:dyDescent="0.25">
      <c r="A5803" s="3">
        <v>41801.525057870371</v>
      </c>
      <c r="B5803" s="2">
        <v>32.9</v>
      </c>
      <c r="C5803" s="2">
        <v>143.80000000000001</v>
      </c>
      <c r="D5803" s="2">
        <v>0</v>
      </c>
      <c r="E5803" s="2">
        <v>187.3999999999979</v>
      </c>
    </row>
    <row r="5804" spans="1:5" x14ac:dyDescent="0.25">
      <c r="A5804" s="3">
        <v>41801.525868055556</v>
      </c>
      <c r="B5804" s="2">
        <v>33</v>
      </c>
      <c r="C5804" s="2">
        <v>143.6</v>
      </c>
      <c r="D5804" s="2">
        <v>0</v>
      </c>
      <c r="E5804" s="2">
        <v>187.3999999999979</v>
      </c>
    </row>
    <row r="5805" spans="1:5" x14ac:dyDescent="0.25">
      <c r="A5805" s="3">
        <v>41801.525983796295</v>
      </c>
      <c r="B5805" s="2">
        <v>32.9</v>
      </c>
      <c r="C5805" s="2">
        <v>143.80000000000001</v>
      </c>
      <c r="D5805" s="2">
        <v>0</v>
      </c>
      <c r="E5805" s="2">
        <v>187.3999999999979</v>
      </c>
    </row>
    <row r="5806" spans="1:5" x14ac:dyDescent="0.25">
      <c r="A5806" s="3">
        <v>41801.526099537034</v>
      </c>
      <c r="B5806" s="2">
        <v>32.9</v>
      </c>
      <c r="C5806" s="2">
        <v>143.6</v>
      </c>
      <c r="D5806" s="2">
        <v>0</v>
      </c>
      <c r="E5806" s="2">
        <v>187.3999999999979</v>
      </c>
    </row>
    <row r="5807" spans="1:5" x14ac:dyDescent="0.25">
      <c r="A5807" s="3">
        <v>41801.526388888888</v>
      </c>
      <c r="B5807" s="2">
        <v>32.799999999999997</v>
      </c>
      <c r="C5807" s="2">
        <v>143.80000000000001</v>
      </c>
      <c r="D5807" s="2">
        <v>0</v>
      </c>
      <c r="E5807" s="2">
        <v>187.3999999999979</v>
      </c>
    </row>
    <row r="5808" spans="1:5" x14ac:dyDescent="0.25">
      <c r="A5808" s="3">
        <v>41801.526678240742</v>
      </c>
      <c r="B5808" s="2">
        <v>33</v>
      </c>
      <c r="C5808" s="2">
        <v>143.6</v>
      </c>
      <c r="D5808" s="2">
        <v>0</v>
      </c>
      <c r="E5808" s="2">
        <v>187.3999999999979</v>
      </c>
    </row>
    <row r="5809" spans="1:5" x14ac:dyDescent="0.25">
      <c r="A5809" s="3">
        <v>41801.552546296298</v>
      </c>
      <c r="B5809" s="2">
        <v>34.5</v>
      </c>
      <c r="C5809" s="2">
        <v>143.4</v>
      </c>
      <c r="D5809" s="2">
        <v>0</v>
      </c>
      <c r="E5809" s="2">
        <v>187.3999999999979</v>
      </c>
    </row>
    <row r="5810" spans="1:5" x14ac:dyDescent="0.25">
      <c r="A5810" s="3">
        <v>41801.571412037039</v>
      </c>
      <c r="B5810" s="2">
        <v>35.6</v>
      </c>
      <c r="C5810" s="2">
        <v>143.19999999999999</v>
      </c>
      <c r="D5810" s="2">
        <v>0</v>
      </c>
      <c r="E5810" s="2">
        <v>187.3999999999979</v>
      </c>
    </row>
    <row r="5811" spans="1:5" x14ac:dyDescent="0.25">
      <c r="A5811" s="3">
        <v>41801.590509259258</v>
      </c>
      <c r="B5811" s="2">
        <v>36.1</v>
      </c>
      <c r="C5811" s="2">
        <v>143</v>
      </c>
      <c r="D5811" s="2">
        <v>0</v>
      </c>
      <c r="E5811" s="2">
        <v>187.3999999999979</v>
      </c>
    </row>
    <row r="5812" spans="1:5" x14ac:dyDescent="0.25">
      <c r="A5812" s="3">
        <v>41801.591319444444</v>
      </c>
      <c r="B5812" s="2">
        <v>36.1</v>
      </c>
      <c r="C5812" s="2">
        <v>143.19999999999999</v>
      </c>
      <c r="D5812" s="2">
        <v>0</v>
      </c>
      <c r="E5812" s="2">
        <v>187.3999999999979</v>
      </c>
    </row>
    <row r="5813" spans="1:5" x14ac:dyDescent="0.25">
      <c r="A5813" s="3">
        <v>41801.591956018521</v>
      </c>
      <c r="B5813" s="2">
        <v>36.1</v>
      </c>
      <c r="C5813" s="2">
        <v>143</v>
      </c>
      <c r="D5813" s="2">
        <v>0</v>
      </c>
      <c r="E5813" s="2">
        <v>187.3999999999979</v>
      </c>
    </row>
    <row r="5814" spans="1:5" x14ac:dyDescent="0.25">
      <c r="A5814" s="3">
        <v>41801.59270833333</v>
      </c>
      <c r="B5814" s="2">
        <v>36.1</v>
      </c>
      <c r="C5814" s="2">
        <v>143.19999999999999</v>
      </c>
      <c r="D5814" s="2">
        <v>0</v>
      </c>
      <c r="E5814" s="2">
        <v>187.3999999999979</v>
      </c>
    </row>
    <row r="5815" spans="1:5" x14ac:dyDescent="0.25">
      <c r="A5815" s="3">
        <v>41801.592766203707</v>
      </c>
      <c r="B5815" s="2">
        <v>36.1</v>
      </c>
      <c r="C5815" s="2">
        <v>143</v>
      </c>
      <c r="D5815" s="2">
        <v>0</v>
      </c>
      <c r="E5815" s="2">
        <v>187.3999999999979</v>
      </c>
    </row>
    <row r="5816" spans="1:5" x14ac:dyDescent="0.25">
      <c r="A5816" s="3">
        <v>41801.607291666667</v>
      </c>
      <c r="B5816" s="2">
        <v>36.4</v>
      </c>
      <c r="C5816" s="2">
        <v>142.80000000000001</v>
      </c>
      <c r="D5816" s="2">
        <v>0</v>
      </c>
      <c r="E5816" s="2">
        <v>187.3999999999979</v>
      </c>
    </row>
    <row r="5817" spans="1:5" x14ac:dyDescent="0.25">
      <c r="A5817" s="3">
        <v>41801.619039351855</v>
      </c>
      <c r="B5817" s="2">
        <v>36.6</v>
      </c>
      <c r="C5817" s="2">
        <v>142.6</v>
      </c>
      <c r="D5817" s="2">
        <v>0</v>
      </c>
      <c r="E5817" s="2">
        <v>187.3999999999979</v>
      </c>
    </row>
    <row r="5818" spans="1:5" x14ac:dyDescent="0.25">
      <c r="A5818" s="3">
        <v>41801.656481481485</v>
      </c>
      <c r="B5818" s="2">
        <v>36.299999999999997</v>
      </c>
      <c r="C5818" s="2">
        <v>142.4</v>
      </c>
      <c r="D5818" s="2">
        <v>0</v>
      </c>
      <c r="E5818" s="2">
        <v>187.3999999999979</v>
      </c>
    </row>
    <row r="5819" spans="1:5" x14ac:dyDescent="0.25">
      <c r="A5819" s="3">
        <v>41801.656944444447</v>
      </c>
      <c r="B5819" s="2">
        <v>36.299999999999997</v>
      </c>
      <c r="C5819" s="2">
        <v>142.6</v>
      </c>
      <c r="D5819" s="2">
        <v>0</v>
      </c>
      <c r="E5819" s="2">
        <v>187.3999999999979</v>
      </c>
    </row>
    <row r="5820" spans="1:5" x14ac:dyDescent="0.25">
      <c r="A5820" s="3">
        <v>41801.657118055555</v>
      </c>
      <c r="B5820" s="2">
        <v>36.299999999999997</v>
      </c>
      <c r="C5820" s="2">
        <v>142.4</v>
      </c>
      <c r="D5820" s="2">
        <v>0</v>
      </c>
      <c r="E5820" s="2">
        <v>187.3999999999979</v>
      </c>
    </row>
    <row r="5821" spans="1:5" x14ac:dyDescent="0.25">
      <c r="A5821" s="3">
        <v>41801.657581018517</v>
      </c>
      <c r="B5821" s="2">
        <v>36.299999999999997</v>
      </c>
      <c r="C5821" s="2">
        <v>142.6</v>
      </c>
      <c r="D5821" s="2">
        <v>0</v>
      </c>
      <c r="E5821" s="2">
        <v>187.3999999999979</v>
      </c>
    </row>
    <row r="5822" spans="1:5" x14ac:dyDescent="0.25">
      <c r="A5822" s="3">
        <v>41801.657696759263</v>
      </c>
      <c r="B5822" s="2">
        <v>36.200000000000003</v>
      </c>
      <c r="C5822" s="2">
        <v>142.4</v>
      </c>
      <c r="D5822" s="2">
        <v>0</v>
      </c>
      <c r="E5822" s="2">
        <v>187.3999999999979</v>
      </c>
    </row>
    <row r="5823" spans="1:5" x14ac:dyDescent="0.25">
      <c r="A5823" s="3">
        <v>41801.671585648146</v>
      </c>
      <c r="B5823" s="2">
        <v>35.5</v>
      </c>
      <c r="C5823" s="2">
        <v>142.19999999999999</v>
      </c>
      <c r="D5823" s="2">
        <v>0</v>
      </c>
      <c r="E5823" s="2">
        <v>187.3999999999979</v>
      </c>
    </row>
    <row r="5824" spans="1:5" x14ac:dyDescent="0.25">
      <c r="A5824" s="3">
        <v>41801.671701388892</v>
      </c>
      <c r="B5824" s="2">
        <v>35.5</v>
      </c>
      <c r="C5824" s="2">
        <v>142.4</v>
      </c>
      <c r="D5824" s="2">
        <v>0</v>
      </c>
      <c r="E5824" s="2">
        <v>187.3999999999979</v>
      </c>
    </row>
    <row r="5825" spans="1:5" x14ac:dyDescent="0.25">
      <c r="A5825" s="3">
        <v>41801.671875</v>
      </c>
      <c r="B5825" s="2">
        <v>35.4</v>
      </c>
      <c r="C5825" s="2">
        <v>142.19999999999999</v>
      </c>
      <c r="D5825" s="2">
        <v>0</v>
      </c>
      <c r="E5825" s="2">
        <v>187.3999999999979</v>
      </c>
    </row>
    <row r="5826" spans="1:5" x14ac:dyDescent="0.25">
      <c r="A5826" s="3">
        <v>41801.672106481485</v>
      </c>
      <c r="B5826" s="2">
        <v>35.4</v>
      </c>
      <c r="C5826" s="2">
        <v>142.4</v>
      </c>
      <c r="D5826" s="2">
        <v>0</v>
      </c>
      <c r="E5826" s="2">
        <v>187.3999999999979</v>
      </c>
    </row>
    <row r="5827" spans="1:5" x14ac:dyDescent="0.25">
      <c r="A5827" s="3">
        <v>41801.672164351854</v>
      </c>
      <c r="B5827" s="2">
        <v>35.4</v>
      </c>
      <c r="C5827" s="2">
        <v>142.19999999999999</v>
      </c>
      <c r="D5827" s="2">
        <v>0</v>
      </c>
      <c r="E5827" s="2">
        <v>187.3999999999979</v>
      </c>
    </row>
    <row r="5828" spans="1:5" x14ac:dyDescent="0.25">
      <c r="A5828" s="3">
        <v>41801.681770833333</v>
      </c>
      <c r="B5828" s="2">
        <v>35.1</v>
      </c>
      <c r="C5828" s="2">
        <v>142</v>
      </c>
      <c r="D5828" s="2">
        <v>0</v>
      </c>
      <c r="E5828" s="2">
        <v>187.3999999999979</v>
      </c>
    </row>
    <row r="5829" spans="1:5" x14ac:dyDescent="0.25">
      <c r="A5829" s="3">
        <v>41801.681828703702</v>
      </c>
      <c r="B5829" s="2">
        <v>34.9</v>
      </c>
      <c r="C5829" s="2">
        <v>142.19999999999999</v>
      </c>
      <c r="D5829" s="2">
        <v>0</v>
      </c>
      <c r="E5829" s="2">
        <v>187.3999999999979</v>
      </c>
    </row>
    <row r="5830" spans="1:5" x14ac:dyDescent="0.25">
      <c r="A5830" s="3">
        <v>41801.682060185187</v>
      </c>
      <c r="B5830" s="2">
        <v>34.9</v>
      </c>
      <c r="C5830" s="2">
        <v>142</v>
      </c>
      <c r="D5830" s="2">
        <v>0</v>
      </c>
      <c r="E5830" s="2">
        <v>187.3999999999979</v>
      </c>
    </row>
    <row r="5831" spans="1:5" x14ac:dyDescent="0.25">
      <c r="A5831" s="3">
        <v>41801.694502314815</v>
      </c>
      <c r="B5831" s="2">
        <v>34.299999999999997</v>
      </c>
      <c r="C5831" s="2">
        <v>141.80000000000001</v>
      </c>
      <c r="D5831" s="2">
        <v>0</v>
      </c>
      <c r="E5831" s="2">
        <v>187.3999999999979</v>
      </c>
    </row>
    <row r="5832" spans="1:5" x14ac:dyDescent="0.25">
      <c r="A5832" s="3">
        <v>41801.706076388888</v>
      </c>
      <c r="B5832" s="2">
        <v>33.700000000000003</v>
      </c>
      <c r="C5832" s="2">
        <v>141.6</v>
      </c>
      <c r="D5832" s="2">
        <v>0</v>
      </c>
      <c r="E5832" s="2">
        <v>187.3999999999979</v>
      </c>
    </row>
    <row r="5833" spans="1:5" x14ac:dyDescent="0.25">
      <c r="A5833" s="3">
        <v>41801.717881944445</v>
      </c>
      <c r="B5833" s="2">
        <v>33.299999999999997</v>
      </c>
      <c r="C5833" s="2">
        <v>141.4</v>
      </c>
      <c r="D5833" s="2">
        <v>0</v>
      </c>
      <c r="E5833" s="2">
        <v>187.3999999999979</v>
      </c>
    </row>
    <row r="5834" spans="1:5" x14ac:dyDescent="0.25">
      <c r="A5834" s="3">
        <v>41801.732118055559</v>
      </c>
      <c r="B5834" s="2">
        <v>33.299999999999997</v>
      </c>
      <c r="C5834" s="2">
        <v>141.19999999999999</v>
      </c>
      <c r="D5834" s="2">
        <v>0</v>
      </c>
      <c r="E5834" s="2">
        <v>187.3999999999979</v>
      </c>
    </row>
    <row r="5835" spans="1:5" x14ac:dyDescent="0.25">
      <c r="A5835" s="3">
        <v>41801.74832175926</v>
      </c>
      <c r="B5835" s="2">
        <v>33.200000000000003</v>
      </c>
      <c r="C5835" s="2">
        <v>141</v>
      </c>
      <c r="D5835" s="2">
        <v>0</v>
      </c>
      <c r="E5835" s="2">
        <v>187.3999999999979</v>
      </c>
    </row>
    <row r="5836" spans="1:5" x14ac:dyDescent="0.25">
      <c r="A5836" s="3">
        <v>41801.776678240742</v>
      </c>
      <c r="B5836" s="2">
        <v>32.700000000000003</v>
      </c>
      <c r="C5836" s="2">
        <v>140.80000000000001</v>
      </c>
      <c r="D5836" s="2">
        <v>0</v>
      </c>
      <c r="E5836" s="2">
        <v>187.3999999999979</v>
      </c>
    </row>
    <row r="5837" spans="1:5" x14ac:dyDescent="0.25">
      <c r="A5837" s="3">
        <v>41801.778877314813</v>
      </c>
      <c r="B5837" s="2">
        <v>32.6</v>
      </c>
      <c r="C5837" s="2">
        <v>141</v>
      </c>
      <c r="D5837" s="2">
        <v>0</v>
      </c>
      <c r="E5837" s="2">
        <v>187.3999999999979</v>
      </c>
    </row>
    <row r="5838" spans="1:5" x14ac:dyDescent="0.25">
      <c r="A5838" s="3">
        <v>41801.784837962965</v>
      </c>
      <c r="B5838" s="2">
        <v>32.299999999999997</v>
      </c>
      <c r="C5838" s="2">
        <v>140.80000000000001</v>
      </c>
      <c r="D5838" s="2">
        <v>0</v>
      </c>
      <c r="E5838" s="2">
        <v>187.3999999999979</v>
      </c>
    </row>
    <row r="5839" spans="1:5" x14ac:dyDescent="0.25">
      <c r="A5839" s="3">
        <v>41801.808854166666</v>
      </c>
      <c r="B5839" s="2">
        <v>31.4</v>
      </c>
      <c r="C5839" s="2">
        <v>140.6</v>
      </c>
      <c r="D5839" s="2">
        <v>0</v>
      </c>
      <c r="E5839" s="2">
        <v>187.3999999999979</v>
      </c>
    </row>
    <row r="5840" spans="1:5" x14ac:dyDescent="0.25">
      <c r="A5840" s="3">
        <v>41801.840567129628</v>
      </c>
      <c r="B5840" s="2">
        <v>30.1</v>
      </c>
      <c r="C5840" s="2">
        <v>140.4</v>
      </c>
      <c r="D5840" s="2">
        <v>0</v>
      </c>
      <c r="E5840" s="2">
        <v>187.3999999999979</v>
      </c>
    </row>
    <row r="5841" spans="1:5" x14ac:dyDescent="0.25">
      <c r="A5841" s="3">
        <v>41801.890393518515</v>
      </c>
      <c r="B5841" s="2">
        <v>28.4</v>
      </c>
      <c r="C5841" s="2">
        <v>140.19999999999999</v>
      </c>
      <c r="D5841" s="2">
        <v>0</v>
      </c>
      <c r="E5841" s="2">
        <v>187.3999999999979</v>
      </c>
    </row>
    <row r="5842" spans="1:5" x14ac:dyDescent="0.25">
      <c r="A5842" s="3">
        <v>41801.946122685185</v>
      </c>
      <c r="B5842" s="2">
        <v>26.6</v>
      </c>
      <c r="C5842" s="2">
        <v>140</v>
      </c>
      <c r="D5842" s="2">
        <v>0</v>
      </c>
      <c r="E5842" s="2">
        <v>187.3999999999979</v>
      </c>
    </row>
    <row r="5843" spans="1:5" x14ac:dyDescent="0.25">
      <c r="A5843" s="3">
        <v>41802</v>
      </c>
      <c r="B5843" s="2">
        <v>25.2</v>
      </c>
      <c r="C5843" s="2">
        <v>139.80000000000001</v>
      </c>
      <c r="D5843" s="2">
        <v>0</v>
      </c>
      <c r="E5843" s="2">
        <v>187.3999999999979</v>
      </c>
    </row>
    <row r="5844" spans="1:5" x14ac:dyDescent="0.25">
      <c r="A5844" s="3">
        <v>41802.076678240737</v>
      </c>
      <c r="B5844" s="2">
        <v>23.4</v>
      </c>
      <c r="C5844" s="2">
        <v>139.6</v>
      </c>
      <c r="D5844" s="2">
        <v>0</v>
      </c>
      <c r="E5844" s="2">
        <v>187.3999999999979</v>
      </c>
    </row>
    <row r="5845" spans="1:5" x14ac:dyDescent="0.25">
      <c r="A5845" s="3">
        <v>41802.172743055555</v>
      </c>
      <c r="B5845" s="2">
        <v>21.5</v>
      </c>
      <c r="C5845" s="2">
        <v>139.4</v>
      </c>
      <c r="D5845" s="2">
        <v>0</v>
      </c>
      <c r="E5845" s="2">
        <v>187.3999999999979</v>
      </c>
    </row>
    <row r="5846" spans="1:5" x14ac:dyDescent="0.25">
      <c r="A5846" s="3">
        <v>41802.279976851853</v>
      </c>
      <c r="B5846" s="2">
        <v>20.3</v>
      </c>
      <c r="C5846" s="2">
        <v>139.19999999999999</v>
      </c>
      <c r="D5846" s="2">
        <v>0</v>
      </c>
      <c r="E5846" s="2">
        <v>187.3999999999979</v>
      </c>
    </row>
    <row r="5847" spans="1:5" x14ac:dyDescent="0.25">
      <c r="A5847" s="3">
        <v>41802.350347222222</v>
      </c>
      <c r="B5847" s="2">
        <v>20.8</v>
      </c>
      <c r="C5847" s="2">
        <v>139</v>
      </c>
      <c r="D5847" s="2">
        <v>0</v>
      </c>
      <c r="E5847" s="2">
        <v>187.3999999999979</v>
      </c>
    </row>
    <row r="5848" spans="1:5" x14ac:dyDescent="0.25">
      <c r="A5848" s="3">
        <v>41802.496238425927</v>
      </c>
      <c r="B5848" s="2">
        <v>31.1</v>
      </c>
      <c r="C5848" s="2">
        <v>138.80000000000001</v>
      </c>
      <c r="D5848" s="2">
        <v>0</v>
      </c>
      <c r="E5848" s="2">
        <v>187.3999999999979</v>
      </c>
    </row>
    <row r="5849" spans="1:5" x14ac:dyDescent="0.25">
      <c r="A5849" s="3">
        <v>41802.498379629629</v>
      </c>
      <c r="B5849" s="2">
        <v>31.2</v>
      </c>
      <c r="C5849" s="2">
        <v>139</v>
      </c>
      <c r="D5849" s="2">
        <v>0</v>
      </c>
      <c r="E5849" s="2">
        <v>187.3999999999979</v>
      </c>
    </row>
    <row r="5850" spans="1:5" x14ac:dyDescent="0.25">
      <c r="A5850" s="3">
        <v>41802.498726851853</v>
      </c>
      <c r="B5850" s="2">
        <v>31.3</v>
      </c>
      <c r="C5850" s="2">
        <v>138.80000000000001</v>
      </c>
      <c r="D5850" s="2">
        <v>0</v>
      </c>
      <c r="E5850" s="2">
        <v>187.3999999999979</v>
      </c>
    </row>
    <row r="5851" spans="1:5" x14ac:dyDescent="0.25">
      <c r="A5851" s="3">
        <v>41802.524652777778</v>
      </c>
      <c r="B5851" s="2">
        <v>32.9</v>
      </c>
      <c r="C5851" s="2">
        <v>138.6</v>
      </c>
      <c r="D5851" s="2">
        <v>0</v>
      </c>
      <c r="E5851" s="2">
        <v>187.3999999999979</v>
      </c>
    </row>
    <row r="5852" spans="1:5" x14ac:dyDescent="0.25">
      <c r="A5852" s="3">
        <v>41802.525868055556</v>
      </c>
      <c r="B5852" s="2">
        <v>32.9</v>
      </c>
      <c r="C5852" s="2">
        <v>138.80000000000001</v>
      </c>
      <c r="D5852" s="2">
        <v>0</v>
      </c>
      <c r="E5852" s="2">
        <v>187.3999999999979</v>
      </c>
    </row>
    <row r="5853" spans="1:5" x14ac:dyDescent="0.25">
      <c r="A5853" s="3">
        <v>41802.526041666664</v>
      </c>
      <c r="B5853" s="2">
        <v>32.799999999999997</v>
      </c>
      <c r="C5853" s="2">
        <v>138.6</v>
      </c>
      <c r="D5853" s="2">
        <v>0</v>
      </c>
      <c r="E5853" s="2">
        <v>187.3999999999979</v>
      </c>
    </row>
    <row r="5854" spans="1:5" x14ac:dyDescent="0.25">
      <c r="A5854" s="3">
        <v>41802.526099537034</v>
      </c>
      <c r="B5854" s="2">
        <v>32.799999999999997</v>
      </c>
      <c r="C5854" s="2">
        <v>138.80000000000001</v>
      </c>
      <c r="D5854" s="2">
        <v>0</v>
      </c>
      <c r="E5854" s="2">
        <v>187.3999999999979</v>
      </c>
    </row>
    <row r="5855" spans="1:5" x14ac:dyDescent="0.25">
      <c r="A5855" s="3">
        <v>41802.526273148149</v>
      </c>
      <c r="B5855" s="2">
        <v>32.9</v>
      </c>
      <c r="C5855" s="2">
        <v>138.6</v>
      </c>
      <c r="D5855" s="2">
        <v>0</v>
      </c>
      <c r="E5855" s="2">
        <v>187.3999999999979</v>
      </c>
    </row>
    <row r="5856" spans="1:5" x14ac:dyDescent="0.25">
      <c r="A5856" s="3">
        <v>41802.527199074073</v>
      </c>
      <c r="B5856" s="2">
        <v>33</v>
      </c>
      <c r="C5856" s="2">
        <v>138.80000000000001</v>
      </c>
      <c r="D5856" s="2">
        <v>0</v>
      </c>
      <c r="E5856" s="2">
        <v>187.3999999999979</v>
      </c>
    </row>
    <row r="5857" spans="1:5" x14ac:dyDescent="0.25">
      <c r="A5857" s="3">
        <v>41802.527256944442</v>
      </c>
      <c r="B5857" s="2">
        <v>33</v>
      </c>
      <c r="C5857" s="2">
        <v>138.6</v>
      </c>
      <c r="D5857" s="2">
        <v>0</v>
      </c>
      <c r="E5857" s="2">
        <v>187.3999999999979</v>
      </c>
    </row>
    <row r="5858" spans="1:5" x14ac:dyDescent="0.25">
      <c r="A5858" s="3">
        <v>41802.54583333333</v>
      </c>
      <c r="B5858" s="2">
        <v>34.200000000000003</v>
      </c>
      <c r="C5858" s="2">
        <v>138.4</v>
      </c>
      <c r="D5858" s="2">
        <v>0</v>
      </c>
      <c r="E5858" s="2">
        <v>187.3999999999979</v>
      </c>
    </row>
    <row r="5859" spans="1:5" x14ac:dyDescent="0.25">
      <c r="A5859" s="3">
        <v>41802.565162037034</v>
      </c>
      <c r="B5859" s="2">
        <v>35.299999999999997</v>
      </c>
      <c r="C5859" s="2">
        <v>138.19999999999999</v>
      </c>
      <c r="D5859" s="2">
        <v>0</v>
      </c>
      <c r="E5859" s="2">
        <v>187.3999999999979</v>
      </c>
    </row>
    <row r="5860" spans="1:5" x14ac:dyDescent="0.25">
      <c r="A5860" s="3">
        <v>41802.56521990741</v>
      </c>
      <c r="B5860" s="2">
        <v>35.200000000000003</v>
      </c>
      <c r="C5860" s="2">
        <v>138.4</v>
      </c>
      <c r="D5860" s="2">
        <v>0</v>
      </c>
      <c r="E5860" s="2">
        <v>187.3999999999979</v>
      </c>
    </row>
    <row r="5861" spans="1:5" x14ac:dyDescent="0.25">
      <c r="A5861" s="3">
        <v>41802.565798611111</v>
      </c>
      <c r="B5861" s="2">
        <v>35.1</v>
      </c>
      <c r="C5861" s="2">
        <v>138.19999999999999</v>
      </c>
      <c r="D5861" s="2">
        <v>0</v>
      </c>
      <c r="E5861" s="2">
        <v>187.3999999999979</v>
      </c>
    </row>
    <row r="5862" spans="1:5" x14ac:dyDescent="0.25">
      <c r="A5862" s="3">
        <v>41802.589930555558</v>
      </c>
      <c r="B5862" s="2">
        <v>35.6</v>
      </c>
      <c r="C5862" s="2">
        <v>138</v>
      </c>
      <c r="D5862" s="2">
        <v>0</v>
      </c>
      <c r="E5862" s="2">
        <v>187.3999999999979</v>
      </c>
    </row>
    <row r="5863" spans="1:5" x14ac:dyDescent="0.25">
      <c r="A5863" s="3">
        <v>41802.590509259258</v>
      </c>
      <c r="B5863" s="2">
        <v>35.5</v>
      </c>
      <c r="C5863" s="2">
        <v>138.19999999999999</v>
      </c>
      <c r="D5863" s="2">
        <v>0</v>
      </c>
      <c r="E5863" s="2">
        <v>187.3999999999979</v>
      </c>
    </row>
    <row r="5864" spans="1:5" x14ac:dyDescent="0.25">
      <c r="A5864" s="3">
        <v>41802.590856481482</v>
      </c>
      <c r="B5864" s="2">
        <v>35.5</v>
      </c>
      <c r="C5864" s="2">
        <v>138</v>
      </c>
      <c r="D5864" s="2">
        <v>0</v>
      </c>
      <c r="E5864" s="2">
        <v>187.3999999999979</v>
      </c>
    </row>
    <row r="5865" spans="1:5" x14ac:dyDescent="0.25">
      <c r="A5865" s="3">
        <v>41802.610763888886</v>
      </c>
      <c r="B5865" s="2">
        <v>34.6</v>
      </c>
      <c r="C5865" s="2">
        <v>137.80000000000001</v>
      </c>
      <c r="D5865" s="2">
        <v>0</v>
      </c>
      <c r="E5865" s="2">
        <v>187.3999999999979</v>
      </c>
    </row>
    <row r="5866" spans="1:5" x14ac:dyDescent="0.25">
      <c r="A5866" s="3">
        <v>41802.638888888891</v>
      </c>
      <c r="B5866" s="2">
        <v>33.5</v>
      </c>
      <c r="C5866" s="2">
        <v>137.6</v>
      </c>
      <c r="D5866" s="2">
        <v>0</v>
      </c>
      <c r="E5866" s="2">
        <v>187.3999999999979</v>
      </c>
    </row>
    <row r="5867" spans="1:5" x14ac:dyDescent="0.25">
      <c r="A5867" s="3">
        <v>41802.639988425923</v>
      </c>
      <c r="B5867" s="2">
        <v>33.4</v>
      </c>
      <c r="C5867" s="2">
        <v>137.80000000000001</v>
      </c>
      <c r="D5867" s="2">
        <v>0</v>
      </c>
      <c r="E5867" s="2">
        <v>187.3999999999979</v>
      </c>
    </row>
    <row r="5868" spans="1:5" x14ac:dyDescent="0.25">
      <c r="A5868" s="3">
        <v>41802.640393518515</v>
      </c>
      <c r="B5868" s="2">
        <v>33.4</v>
      </c>
      <c r="C5868" s="2">
        <v>137.6</v>
      </c>
      <c r="D5868" s="2">
        <v>0</v>
      </c>
      <c r="E5868" s="2">
        <v>187.3999999999979</v>
      </c>
    </row>
    <row r="5869" spans="1:5" x14ac:dyDescent="0.25">
      <c r="A5869" s="3">
        <v>41802.659201388888</v>
      </c>
      <c r="B5869" s="2">
        <v>32.700000000000003</v>
      </c>
      <c r="C5869" s="2">
        <v>137.4</v>
      </c>
      <c r="D5869" s="2">
        <v>0</v>
      </c>
      <c r="E5869" s="2">
        <v>187.3999999999979</v>
      </c>
    </row>
    <row r="5870" spans="1:5" x14ac:dyDescent="0.25">
      <c r="A5870" s="3">
        <v>41802.689467592594</v>
      </c>
      <c r="B5870" s="2">
        <v>31.5</v>
      </c>
      <c r="C5870" s="2">
        <v>137.19999999999999</v>
      </c>
      <c r="D5870" s="2">
        <v>0</v>
      </c>
      <c r="E5870" s="2">
        <v>187.3999999999979</v>
      </c>
    </row>
    <row r="5871" spans="1:5" x14ac:dyDescent="0.25">
      <c r="A5871" s="3">
        <v>41802.707986111112</v>
      </c>
      <c r="B5871" s="2">
        <v>30.1</v>
      </c>
      <c r="C5871" s="2">
        <v>137</v>
      </c>
      <c r="D5871" s="2">
        <v>0</v>
      </c>
      <c r="E5871" s="2">
        <v>187.3999999999979</v>
      </c>
    </row>
    <row r="5872" spans="1:5" x14ac:dyDescent="0.25">
      <c r="A5872" s="3">
        <v>41802.708506944444</v>
      </c>
      <c r="B5872" s="2">
        <v>30.1</v>
      </c>
      <c r="C5872" s="2">
        <v>137.19999999999999</v>
      </c>
      <c r="D5872" s="2">
        <v>0</v>
      </c>
      <c r="E5872" s="2">
        <v>187.3999999999979</v>
      </c>
    </row>
    <row r="5873" spans="1:5" x14ac:dyDescent="0.25">
      <c r="A5873" s="3">
        <v>41802.708680555559</v>
      </c>
      <c r="B5873" s="2">
        <v>30.1</v>
      </c>
      <c r="C5873" s="2">
        <v>137</v>
      </c>
      <c r="D5873" s="2">
        <v>0</v>
      </c>
      <c r="E5873" s="2">
        <v>187.3999999999979</v>
      </c>
    </row>
    <row r="5874" spans="1:5" x14ac:dyDescent="0.25">
      <c r="A5874" s="3">
        <v>41802.72042824074</v>
      </c>
      <c r="B5874" s="2">
        <v>29.4</v>
      </c>
      <c r="C5874" s="2">
        <v>136.80000000000001</v>
      </c>
      <c r="D5874" s="2">
        <v>0</v>
      </c>
      <c r="E5874" s="2">
        <v>187.3999999999979</v>
      </c>
    </row>
    <row r="5875" spans="1:5" x14ac:dyDescent="0.25">
      <c r="A5875" s="3">
        <v>41802.744039351855</v>
      </c>
      <c r="B5875" s="2">
        <v>28.4</v>
      </c>
      <c r="C5875" s="2">
        <v>136.6</v>
      </c>
      <c r="D5875" s="2">
        <v>0</v>
      </c>
      <c r="E5875" s="2">
        <v>187.3999999999979</v>
      </c>
    </row>
    <row r="5876" spans="1:5" x14ac:dyDescent="0.25">
      <c r="A5876" s="3">
        <v>41802.785879629628</v>
      </c>
      <c r="B5876" s="2">
        <v>26.7</v>
      </c>
      <c r="C5876" s="2">
        <v>136.6</v>
      </c>
      <c r="D5876" s="2">
        <v>0.2</v>
      </c>
      <c r="E5876" s="2">
        <v>187.59999999999789</v>
      </c>
    </row>
    <row r="5877" spans="1:5" x14ac:dyDescent="0.25">
      <c r="A5877" s="3">
        <v>41802.790567129632</v>
      </c>
      <c r="B5877" s="2">
        <v>26.5</v>
      </c>
      <c r="C5877" s="2">
        <v>136.80000000000001</v>
      </c>
      <c r="D5877" s="2">
        <v>0</v>
      </c>
      <c r="E5877" s="2">
        <v>187.59999999999789</v>
      </c>
    </row>
    <row r="5878" spans="1:5" x14ac:dyDescent="0.25">
      <c r="A5878" s="3">
        <v>41802.791435185187</v>
      </c>
      <c r="B5878" s="2">
        <v>26.5</v>
      </c>
      <c r="C5878" s="2">
        <v>136.80000000000001</v>
      </c>
      <c r="D5878" s="2">
        <v>0.2</v>
      </c>
      <c r="E5878" s="2">
        <v>187.79999999999788</v>
      </c>
    </row>
    <row r="5879" spans="1:5" x14ac:dyDescent="0.25">
      <c r="A5879" s="3">
        <v>41802.795428240737</v>
      </c>
      <c r="B5879" s="2">
        <v>26.2</v>
      </c>
      <c r="C5879" s="2">
        <v>136.80000000000001</v>
      </c>
      <c r="D5879" s="2">
        <v>0.2</v>
      </c>
      <c r="E5879" s="2">
        <v>187.99999999999787</v>
      </c>
    </row>
    <row r="5880" spans="1:5" x14ac:dyDescent="0.25">
      <c r="A5880" s="3">
        <v>41802.796701388892</v>
      </c>
      <c r="B5880" s="2">
        <v>26.2</v>
      </c>
      <c r="C5880" s="2">
        <v>137</v>
      </c>
      <c r="D5880" s="2">
        <v>0</v>
      </c>
      <c r="E5880" s="2">
        <v>187.99999999999787</v>
      </c>
    </row>
    <row r="5881" spans="1:5" x14ac:dyDescent="0.25">
      <c r="A5881" s="3">
        <v>41802.799710648149</v>
      </c>
      <c r="B5881" s="2">
        <v>26.1</v>
      </c>
      <c r="C5881" s="2">
        <v>137</v>
      </c>
      <c r="D5881" s="2">
        <v>0.2</v>
      </c>
      <c r="E5881" s="2">
        <v>188.19999999999786</v>
      </c>
    </row>
    <row r="5882" spans="1:5" x14ac:dyDescent="0.25">
      <c r="A5882" s="3">
        <v>41802.802488425928</v>
      </c>
      <c r="B5882" s="2">
        <v>26</v>
      </c>
      <c r="C5882" s="2">
        <v>137.19999999999999</v>
      </c>
      <c r="D5882" s="2">
        <v>0</v>
      </c>
      <c r="E5882" s="2">
        <v>188.19999999999786</v>
      </c>
    </row>
    <row r="5883" spans="1:5" x14ac:dyDescent="0.25">
      <c r="A5883" s="3">
        <v>41802.805324074077</v>
      </c>
      <c r="B5883" s="2">
        <v>25.8</v>
      </c>
      <c r="C5883" s="2">
        <v>137.19999999999999</v>
      </c>
      <c r="D5883" s="2">
        <v>0.2</v>
      </c>
      <c r="E5883" s="2">
        <v>188.39999999999785</v>
      </c>
    </row>
    <row r="5884" spans="1:5" x14ac:dyDescent="0.25">
      <c r="A5884" s="3">
        <v>41802.810995370368</v>
      </c>
      <c r="B5884" s="2">
        <v>25.6</v>
      </c>
      <c r="C5884" s="2">
        <v>137.4</v>
      </c>
      <c r="D5884" s="2">
        <v>0</v>
      </c>
      <c r="E5884" s="2">
        <v>188.39999999999785</v>
      </c>
    </row>
    <row r="5885" spans="1:5" x14ac:dyDescent="0.25">
      <c r="A5885" s="3">
        <v>41802.812037037038</v>
      </c>
      <c r="B5885" s="2">
        <v>25.6</v>
      </c>
      <c r="C5885" s="2">
        <v>137.4</v>
      </c>
      <c r="D5885" s="2">
        <v>0.2</v>
      </c>
      <c r="E5885" s="2">
        <v>188.59999999999783</v>
      </c>
    </row>
    <row r="5886" spans="1:5" x14ac:dyDescent="0.25">
      <c r="A5886" s="3">
        <v>41802.817303240743</v>
      </c>
      <c r="B5886" s="2">
        <v>25.4</v>
      </c>
      <c r="C5886" s="2">
        <v>137.4</v>
      </c>
      <c r="D5886" s="2">
        <v>0.2</v>
      </c>
      <c r="E5886" s="2">
        <v>188.79999999999782</v>
      </c>
    </row>
    <row r="5887" spans="1:5" x14ac:dyDescent="0.25">
      <c r="A5887" s="3">
        <v>41802.818981481483</v>
      </c>
      <c r="B5887" s="2">
        <v>25.4</v>
      </c>
      <c r="C5887" s="2">
        <v>137.6</v>
      </c>
      <c r="D5887" s="2">
        <v>0</v>
      </c>
      <c r="E5887" s="2">
        <v>188.79999999999782</v>
      </c>
    </row>
    <row r="5888" spans="1:5" x14ac:dyDescent="0.25">
      <c r="A5888" s="3">
        <v>41802.827662037038</v>
      </c>
      <c r="B5888" s="2">
        <v>24.9</v>
      </c>
      <c r="C5888" s="2">
        <v>137.6</v>
      </c>
      <c r="D5888" s="2">
        <v>0.2</v>
      </c>
      <c r="E5888" s="2">
        <v>188.99999999999781</v>
      </c>
    </row>
    <row r="5889" spans="1:5" x14ac:dyDescent="0.25">
      <c r="A5889" s="3">
        <v>41802.837962962964</v>
      </c>
      <c r="B5889" s="2">
        <v>24.8</v>
      </c>
      <c r="C5889" s="2">
        <v>137.80000000000001</v>
      </c>
      <c r="D5889" s="2">
        <v>0</v>
      </c>
      <c r="E5889" s="2">
        <v>188.99999999999781</v>
      </c>
    </row>
    <row r="5890" spans="1:5" x14ac:dyDescent="0.25">
      <c r="A5890" s="3">
        <v>41802.963310185187</v>
      </c>
      <c r="B5890" s="2">
        <v>22.4</v>
      </c>
      <c r="C5890" s="2">
        <v>137.6</v>
      </c>
      <c r="D5890" s="2">
        <v>0</v>
      </c>
      <c r="E5890" s="2">
        <v>188.99999999999781</v>
      </c>
    </row>
    <row r="5891" spans="1:5" x14ac:dyDescent="0.25">
      <c r="A5891" s="3">
        <v>41803.227546296293</v>
      </c>
      <c r="B5891" s="2">
        <v>19.2</v>
      </c>
      <c r="C5891" s="2">
        <v>137.6</v>
      </c>
      <c r="D5891" s="2">
        <v>0.2</v>
      </c>
      <c r="E5891" s="2">
        <v>189.1999999999978</v>
      </c>
    </row>
    <row r="5892" spans="1:5" x14ac:dyDescent="0.25">
      <c r="A5892" s="3">
        <v>41803.354456018518</v>
      </c>
      <c r="B5892" s="2">
        <v>19.5</v>
      </c>
      <c r="C5892" s="2">
        <v>137.4</v>
      </c>
      <c r="D5892" s="2">
        <v>0</v>
      </c>
      <c r="E5892" s="2">
        <v>189.1999999999978</v>
      </c>
    </row>
    <row r="5893" spans="1:5" x14ac:dyDescent="0.25">
      <c r="A5893" s="3">
        <v>41803.510300925926</v>
      </c>
      <c r="B5893" s="2">
        <v>29.5</v>
      </c>
      <c r="C5893" s="2">
        <v>137.19999999999999</v>
      </c>
      <c r="D5893" s="2">
        <v>0</v>
      </c>
      <c r="E5893" s="2">
        <v>189.1999999999978</v>
      </c>
    </row>
    <row r="5894" spans="1:5" x14ac:dyDescent="0.25">
      <c r="A5894" s="3">
        <v>41803.512499999997</v>
      </c>
      <c r="B5894" s="2">
        <v>29.6</v>
      </c>
      <c r="C5894" s="2">
        <v>137.4</v>
      </c>
      <c r="D5894" s="2">
        <v>0</v>
      </c>
      <c r="E5894" s="2">
        <v>189.1999999999978</v>
      </c>
    </row>
    <row r="5895" spans="1:5" x14ac:dyDescent="0.25">
      <c r="A5895" s="3">
        <v>41803.513715277775</v>
      </c>
      <c r="B5895" s="2">
        <v>29.8</v>
      </c>
      <c r="C5895" s="2">
        <v>137.19999999999999</v>
      </c>
      <c r="D5895" s="2">
        <v>0</v>
      </c>
      <c r="E5895" s="2">
        <v>189.1999999999978</v>
      </c>
    </row>
    <row r="5896" spans="1:5" x14ac:dyDescent="0.25">
      <c r="A5896" s="3">
        <v>41803.556712962964</v>
      </c>
      <c r="B5896" s="2">
        <v>32.9</v>
      </c>
      <c r="C5896" s="2">
        <v>137</v>
      </c>
      <c r="D5896" s="2">
        <v>0</v>
      </c>
      <c r="E5896" s="2">
        <v>189.1999999999978</v>
      </c>
    </row>
    <row r="5897" spans="1:5" x14ac:dyDescent="0.25">
      <c r="A5897" s="3">
        <v>41803.557812500003</v>
      </c>
      <c r="B5897" s="2">
        <v>32.700000000000003</v>
      </c>
      <c r="C5897" s="2">
        <v>137.19999999999999</v>
      </c>
      <c r="D5897" s="2">
        <v>0</v>
      </c>
      <c r="E5897" s="2">
        <v>189.1999999999978</v>
      </c>
    </row>
    <row r="5898" spans="1:5" x14ac:dyDescent="0.25">
      <c r="A5898" s="3">
        <v>41803.558449074073</v>
      </c>
      <c r="B5898" s="2">
        <v>32.799999999999997</v>
      </c>
      <c r="C5898" s="2">
        <v>137</v>
      </c>
      <c r="D5898" s="2">
        <v>0</v>
      </c>
      <c r="E5898" s="2">
        <v>189.1999999999978</v>
      </c>
    </row>
    <row r="5899" spans="1:5" x14ac:dyDescent="0.25">
      <c r="A5899" s="3">
        <v>41803.577777777777</v>
      </c>
      <c r="B5899" s="2">
        <v>33.799999999999997</v>
      </c>
      <c r="C5899" s="2">
        <v>136.80000000000001</v>
      </c>
      <c r="D5899" s="2">
        <v>0</v>
      </c>
      <c r="E5899" s="2">
        <v>189.1999999999978</v>
      </c>
    </row>
    <row r="5900" spans="1:5" x14ac:dyDescent="0.25">
      <c r="A5900" s="3">
        <v>41803.596701388888</v>
      </c>
      <c r="B5900" s="2">
        <v>34.299999999999997</v>
      </c>
      <c r="C5900" s="2">
        <v>136.6</v>
      </c>
      <c r="D5900" s="2">
        <v>0</v>
      </c>
      <c r="E5900" s="2">
        <v>189.1999999999978</v>
      </c>
    </row>
    <row r="5901" spans="1:5" x14ac:dyDescent="0.25">
      <c r="A5901" s="3">
        <v>41803.596932870372</v>
      </c>
      <c r="B5901" s="2">
        <v>34.299999999999997</v>
      </c>
      <c r="C5901" s="2">
        <v>136.80000000000001</v>
      </c>
      <c r="D5901" s="2">
        <v>0</v>
      </c>
      <c r="E5901" s="2">
        <v>189.1999999999978</v>
      </c>
    </row>
    <row r="5902" spans="1:5" x14ac:dyDescent="0.25">
      <c r="A5902" s="3">
        <v>41803.597627314812</v>
      </c>
      <c r="B5902" s="2">
        <v>34.299999999999997</v>
      </c>
      <c r="C5902" s="2">
        <v>136.6</v>
      </c>
      <c r="D5902" s="2">
        <v>0</v>
      </c>
      <c r="E5902" s="2">
        <v>189.1999999999978</v>
      </c>
    </row>
    <row r="5903" spans="1:5" x14ac:dyDescent="0.25">
      <c r="A5903" s="3">
        <v>41803.618923611109</v>
      </c>
      <c r="B5903" s="2">
        <v>34.799999999999997</v>
      </c>
      <c r="C5903" s="2">
        <v>136.4</v>
      </c>
      <c r="D5903" s="2">
        <v>0</v>
      </c>
      <c r="E5903" s="2">
        <v>189.1999999999978</v>
      </c>
    </row>
    <row r="5904" spans="1:5" x14ac:dyDescent="0.25">
      <c r="A5904" s="3">
        <v>41803.619097222225</v>
      </c>
      <c r="B5904" s="2">
        <v>34.799999999999997</v>
      </c>
      <c r="C5904" s="2">
        <v>136.6</v>
      </c>
      <c r="D5904" s="2">
        <v>0</v>
      </c>
      <c r="E5904" s="2">
        <v>189.1999999999978</v>
      </c>
    </row>
    <row r="5905" spans="1:5" x14ac:dyDescent="0.25">
      <c r="A5905" s="3">
        <v>41803.619212962964</v>
      </c>
      <c r="B5905" s="2">
        <v>34.799999999999997</v>
      </c>
      <c r="C5905" s="2">
        <v>136.4</v>
      </c>
      <c r="D5905" s="2">
        <v>0</v>
      </c>
      <c r="E5905" s="2">
        <v>189.1999999999978</v>
      </c>
    </row>
    <row r="5906" spans="1:5" x14ac:dyDescent="0.25">
      <c r="A5906" s="3">
        <v>41803.634027777778</v>
      </c>
      <c r="B5906" s="2">
        <v>35.200000000000003</v>
      </c>
      <c r="C5906" s="2">
        <v>136.19999999999999</v>
      </c>
      <c r="D5906" s="2">
        <v>0</v>
      </c>
      <c r="E5906" s="2">
        <v>189.1999999999978</v>
      </c>
    </row>
    <row r="5907" spans="1:5" x14ac:dyDescent="0.25">
      <c r="A5907" s="3">
        <v>41803.637557870374</v>
      </c>
      <c r="B5907" s="2">
        <v>35.200000000000003</v>
      </c>
      <c r="C5907" s="2">
        <v>136.4</v>
      </c>
      <c r="D5907" s="2">
        <v>0</v>
      </c>
      <c r="E5907" s="2">
        <v>189.1999999999978</v>
      </c>
    </row>
    <row r="5908" spans="1:5" x14ac:dyDescent="0.25">
      <c r="A5908" s="3">
        <v>41803.639641203707</v>
      </c>
      <c r="B5908" s="2">
        <v>35.1</v>
      </c>
      <c r="C5908" s="2">
        <v>136.19999999999999</v>
      </c>
      <c r="D5908" s="2">
        <v>0</v>
      </c>
      <c r="E5908" s="2">
        <v>189.1999999999978</v>
      </c>
    </row>
    <row r="5909" spans="1:5" x14ac:dyDescent="0.25">
      <c r="A5909" s="3">
        <v>41803.640219907407</v>
      </c>
      <c r="B5909" s="2">
        <v>35.1</v>
      </c>
      <c r="C5909" s="2">
        <v>136.4</v>
      </c>
      <c r="D5909" s="2">
        <v>0</v>
      </c>
      <c r="E5909" s="2">
        <v>189.1999999999978</v>
      </c>
    </row>
    <row r="5910" spans="1:5" x14ac:dyDescent="0.25">
      <c r="A5910" s="3">
        <v>41803.641724537039</v>
      </c>
      <c r="B5910" s="2">
        <v>34.9</v>
      </c>
      <c r="C5910" s="2">
        <v>136.19999999999999</v>
      </c>
      <c r="D5910" s="2">
        <v>0</v>
      </c>
      <c r="E5910" s="2">
        <v>189.1999999999978</v>
      </c>
    </row>
    <row r="5911" spans="1:5" x14ac:dyDescent="0.25">
      <c r="A5911" s="3">
        <v>41803.643229166664</v>
      </c>
      <c r="B5911" s="2">
        <v>34.9</v>
      </c>
      <c r="C5911" s="2">
        <v>136.4</v>
      </c>
      <c r="D5911" s="2">
        <v>0</v>
      </c>
      <c r="E5911" s="2">
        <v>189.1999999999978</v>
      </c>
    </row>
    <row r="5912" spans="1:5" x14ac:dyDescent="0.25">
      <c r="A5912" s="3">
        <v>41803.644212962965</v>
      </c>
      <c r="B5912" s="2">
        <v>34.799999999999997</v>
      </c>
      <c r="C5912" s="2">
        <v>136.19999999999999</v>
      </c>
      <c r="D5912" s="2">
        <v>0</v>
      </c>
      <c r="E5912" s="2">
        <v>189.1999999999978</v>
      </c>
    </row>
    <row r="5913" spans="1:5" x14ac:dyDescent="0.25">
      <c r="A5913" s="3">
        <v>41803.644907407404</v>
      </c>
      <c r="B5913" s="2">
        <v>34.700000000000003</v>
      </c>
      <c r="C5913" s="2">
        <v>136.4</v>
      </c>
      <c r="D5913" s="2">
        <v>0</v>
      </c>
      <c r="E5913" s="2">
        <v>189.1999999999978</v>
      </c>
    </row>
    <row r="5914" spans="1:5" x14ac:dyDescent="0.25">
      <c r="A5914" s="3">
        <v>41803.64508101852</v>
      </c>
      <c r="B5914" s="2">
        <v>34.700000000000003</v>
      </c>
      <c r="C5914" s="2">
        <v>136.19999999999999</v>
      </c>
      <c r="D5914" s="2">
        <v>0</v>
      </c>
      <c r="E5914" s="2">
        <v>189.1999999999978</v>
      </c>
    </row>
    <row r="5915" spans="1:5" x14ac:dyDescent="0.25">
      <c r="A5915" s="3">
        <v>41803.660937499997</v>
      </c>
      <c r="B5915" s="2">
        <v>34</v>
      </c>
      <c r="C5915" s="2">
        <v>136</v>
      </c>
      <c r="D5915" s="2">
        <v>0</v>
      </c>
      <c r="E5915" s="2">
        <v>189.1999999999978</v>
      </c>
    </row>
    <row r="5916" spans="1:5" x14ac:dyDescent="0.25">
      <c r="A5916" s="3">
        <v>41803.674768518518</v>
      </c>
      <c r="B5916" s="2">
        <v>33.299999999999997</v>
      </c>
      <c r="C5916" s="2">
        <v>135.80000000000001</v>
      </c>
      <c r="D5916" s="2">
        <v>0</v>
      </c>
      <c r="E5916" s="2">
        <v>189.1999999999978</v>
      </c>
    </row>
    <row r="5917" spans="1:5" x14ac:dyDescent="0.25">
      <c r="A5917" s="3">
        <v>41803.694386574076</v>
      </c>
      <c r="B5917" s="2">
        <v>32.6</v>
      </c>
      <c r="C5917" s="2">
        <v>135.6</v>
      </c>
      <c r="D5917" s="2">
        <v>0</v>
      </c>
      <c r="E5917" s="2">
        <v>189.1999999999978</v>
      </c>
    </row>
    <row r="5918" spans="1:5" x14ac:dyDescent="0.25">
      <c r="A5918" s="3">
        <v>41803.711631944447</v>
      </c>
      <c r="B5918" s="2">
        <v>31.8</v>
      </c>
      <c r="C5918" s="2">
        <v>135.4</v>
      </c>
      <c r="D5918" s="2">
        <v>0</v>
      </c>
      <c r="E5918" s="2">
        <v>189.1999999999978</v>
      </c>
    </row>
    <row r="5919" spans="1:5" x14ac:dyDescent="0.25">
      <c r="A5919" s="3">
        <v>41803.728009259263</v>
      </c>
      <c r="B5919" s="2">
        <v>31.4</v>
      </c>
      <c r="C5919" s="2">
        <v>135.19999999999999</v>
      </c>
      <c r="D5919" s="2">
        <v>0</v>
      </c>
      <c r="E5919" s="2">
        <v>189.1999999999978</v>
      </c>
    </row>
    <row r="5920" spans="1:5" x14ac:dyDescent="0.25">
      <c r="A5920" s="3">
        <v>41803.759085648147</v>
      </c>
      <c r="B5920" s="2">
        <v>30.1</v>
      </c>
      <c r="C5920" s="2">
        <v>135</v>
      </c>
      <c r="D5920" s="2">
        <v>0</v>
      </c>
      <c r="E5920" s="2">
        <v>189.1999999999978</v>
      </c>
    </row>
    <row r="5921" spans="1:5" x14ac:dyDescent="0.25">
      <c r="A5921" s="3">
        <v>41803.772280092591</v>
      </c>
      <c r="B5921" s="2">
        <v>29.5</v>
      </c>
      <c r="C5921" s="2">
        <v>134.80000000000001</v>
      </c>
      <c r="D5921" s="2">
        <v>0</v>
      </c>
      <c r="E5921" s="2">
        <v>189.1999999999978</v>
      </c>
    </row>
    <row r="5922" spans="1:5" x14ac:dyDescent="0.25">
      <c r="A5922" s="3">
        <v>41803.812268518515</v>
      </c>
      <c r="B5922" s="2">
        <v>27.7</v>
      </c>
      <c r="C5922" s="2">
        <v>134.6</v>
      </c>
      <c r="D5922" s="2">
        <v>0</v>
      </c>
      <c r="E5922" s="2">
        <v>189.1999999999978</v>
      </c>
    </row>
    <row r="5923" spans="1:5" x14ac:dyDescent="0.25">
      <c r="A5923" s="3">
        <v>41803.826678240737</v>
      </c>
      <c r="B5923" s="2">
        <v>26.6</v>
      </c>
      <c r="C5923" s="2">
        <v>134.80000000000001</v>
      </c>
      <c r="D5923" s="2">
        <v>0</v>
      </c>
      <c r="E5923" s="2">
        <v>189.1999999999978</v>
      </c>
    </row>
    <row r="5924" spans="1:5" x14ac:dyDescent="0.25">
      <c r="A5924" s="3">
        <v>41803.827719907407</v>
      </c>
      <c r="B5924" s="2">
        <v>26.4</v>
      </c>
      <c r="C5924" s="2">
        <v>135</v>
      </c>
      <c r="D5924" s="2">
        <v>0</v>
      </c>
      <c r="E5924" s="2">
        <v>189.1999999999978</v>
      </c>
    </row>
    <row r="5925" spans="1:5" x14ac:dyDescent="0.25">
      <c r="A5925" s="3">
        <v>41803.828298611108</v>
      </c>
      <c r="B5925" s="2">
        <v>26.3</v>
      </c>
      <c r="C5925" s="2">
        <v>135.19999999999999</v>
      </c>
      <c r="D5925" s="2">
        <v>0</v>
      </c>
      <c r="E5925" s="2">
        <v>189.1999999999978</v>
      </c>
    </row>
    <row r="5926" spans="1:5" x14ac:dyDescent="0.25">
      <c r="A5926" s="3">
        <v>41803.828761574077</v>
      </c>
      <c r="B5926" s="2">
        <v>26.2</v>
      </c>
      <c r="C5926" s="2">
        <v>135.4</v>
      </c>
      <c r="D5926" s="2">
        <v>0</v>
      </c>
      <c r="E5926" s="2">
        <v>189.1999999999978</v>
      </c>
    </row>
    <row r="5927" spans="1:5" x14ac:dyDescent="0.25">
      <c r="A5927" s="3">
        <v>41803.828993055555</v>
      </c>
      <c r="B5927" s="2">
        <v>26</v>
      </c>
      <c r="C5927" s="2">
        <v>135.6</v>
      </c>
      <c r="D5927" s="2">
        <v>0</v>
      </c>
      <c r="E5927" s="2">
        <v>189.1999999999978</v>
      </c>
    </row>
    <row r="5928" spans="1:5" x14ac:dyDescent="0.25">
      <c r="A5928" s="3">
        <v>41803.829224537039</v>
      </c>
      <c r="B5928" s="2">
        <v>26</v>
      </c>
      <c r="C5928" s="2">
        <v>135.80000000000001</v>
      </c>
      <c r="D5928" s="2">
        <v>0</v>
      </c>
      <c r="E5928" s="2">
        <v>189.1999999999978</v>
      </c>
    </row>
    <row r="5929" spans="1:5" x14ac:dyDescent="0.25">
      <c r="A5929" s="3">
        <v>41803.829282407409</v>
      </c>
      <c r="B5929" s="2">
        <v>26</v>
      </c>
      <c r="C5929" s="2">
        <v>135.80000000000001</v>
      </c>
      <c r="D5929" s="2">
        <v>0.2</v>
      </c>
      <c r="E5929" s="2">
        <v>189.39999999999779</v>
      </c>
    </row>
    <row r="5930" spans="1:5" x14ac:dyDescent="0.25">
      <c r="A5930" s="3">
        <v>41803.829571759263</v>
      </c>
      <c r="B5930" s="2">
        <v>26</v>
      </c>
      <c r="C5930" s="2">
        <v>136</v>
      </c>
      <c r="D5930" s="2">
        <v>0</v>
      </c>
      <c r="E5930" s="2">
        <v>189.39999999999779</v>
      </c>
    </row>
    <row r="5931" spans="1:5" x14ac:dyDescent="0.25">
      <c r="A5931" s="3">
        <v>41803.830150462964</v>
      </c>
      <c r="B5931" s="2">
        <v>26.3</v>
      </c>
      <c r="C5931" s="2">
        <v>136.19999999999999</v>
      </c>
      <c r="D5931" s="2">
        <v>0.2</v>
      </c>
      <c r="E5931" s="2">
        <v>189.59999999999778</v>
      </c>
    </row>
    <row r="5932" spans="1:5" x14ac:dyDescent="0.25">
      <c r="A5932" s="3">
        <v>41803.830787037034</v>
      </c>
      <c r="B5932" s="2">
        <v>26.1</v>
      </c>
      <c r="C5932" s="2">
        <v>136.4</v>
      </c>
      <c r="D5932" s="2">
        <v>0</v>
      </c>
      <c r="E5932" s="2">
        <v>189.59999999999778</v>
      </c>
    </row>
    <row r="5933" spans="1:5" x14ac:dyDescent="0.25">
      <c r="A5933" s="3">
        <v>41803.830960648149</v>
      </c>
      <c r="B5933" s="2">
        <v>26.1</v>
      </c>
      <c r="C5933" s="2">
        <v>136.4</v>
      </c>
      <c r="D5933" s="2">
        <v>0.2</v>
      </c>
      <c r="E5933" s="2">
        <v>189.79999999999777</v>
      </c>
    </row>
    <row r="5934" spans="1:5" x14ac:dyDescent="0.25">
      <c r="A5934" s="3">
        <v>41803.831423611111</v>
      </c>
      <c r="B5934" s="2">
        <v>26.2</v>
      </c>
      <c r="C5934" s="2">
        <v>136.6</v>
      </c>
      <c r="D5934" s="2">
        <v>0.2</v>
      </c>
      <c r="E5934" s="2">
        <v>189.99999999999775</v>
      </c>
    </row>
    <row r="5935" spans="1:5" x14ac:dyDescent="0.25">
      <c r="A5935" s="3">
        <v>41803.831712962965</v>
      </c>
      <c r="B5935" s="2">
        <v>26.1</v>
      </c>
      <c r="C5935" s="2">
        <v>136.6</v>
      </c>
      <c r="D5935" s="2">
        <v>0.2</v>
      </c>
      <c r="E5935" s="2">
        <v>190.19999999999774</v>
      </c>
    </row>
    <row r="5936" spans="1:5" x14ac:dyDescent="0.25">
      <c r="A5936" s="3">
        <v>41803.831886574073</v>
      </c>
      <c r="B5936" s="2">
        <v>26</v>
      </c>
      <c r="C5936" s="2">
        <v>136.80000000000001</v>
      </c>
      <c r="D5936" s="2">
        <v>0</v>
      </c>
      <c r="E5936" s="2">
        <v>190.19999999999774</v>
      </c>
    </row>
    <row r="5937" spans="1:5" x14ac:dyDescent="0.25">
      <c r="A5937" s="3">
        <v>41803.832233796296</v>
      </c>
      <c r="B5937" s="2">
        <v>26.1</v>
      </c>
      <c r="C5937" s="2">
        <v>136.80000000000001</v>
      </c>
      <c r="D5937" s="2">
        <v>0.2</v>
      </c>
      <c r="E5937" s="2">
        <v>190.39999999999773</v>
      </c>
    </row>
    <row r="5938" spans="1:5" x14ac:dyDescent="0.25">
      <c r="A5938" s="3">
        <v>41803.832407407404</v>
      </c>
      <c r="B5938" s="2">
        <v>26.3</v>
      </c>
      <c r="C5938" s="2">
        <v>137</v>
      </c>
      <c r="D5938" s="2">
        <v>0</v>
      </c>
      <c r="E5938" s="2">
        <v>190.39999999999773</v>
      </c>
    </row>
    <row r="5939" spans="1:5" x14ac:dyDescent="0.25">
      <c r="A5939" s="3">
        <v>41803.832638888889</v>
      </c>
      <c r="B5939" s="2">
        <v>26.1</v>
      </c>
      <c r="C5939" s="2">
        <v>137</v>
      </c>
      <c r="D5939" s="2">
        <v>0.2</v>
      </c>
      <c r="E5939" s="2">
        <v>190.59999999999772</v>
      </c>
    </row>
    <row r="5940" spans="1:5" x14ac:dyDescent="0.25">
      <c r="A5940" s="3">
        <v>41803.832812499997</v>
      </c>
      <c r="B5940" s="2">
        <v>26.2</v>
      </c>
      <c r="C5940" s="2">
        <v>137.19999999999999</v>
      </c>
      <c r="D5940" s="2">
        <v>0.2</v>
      </c>
      <c r="E5940" s="2">
        <v>190.79999999999771</v>
      </c>
    </row>
    <row r="5941" spans="1:5" x14ac:dyDescent="0.25">
      <c r="A5941" s="3">
        <v>41803.832928240743</v>
      </c>
      <c r="B5941" s="2">
        <v>26.3</v>
      </c>
      <c r="C5941" s="2">
        <v>137.19999999999999</v>
      </c>
      <c r="D5941" s="2">
        <v>0.2</v>
      </c>
      <c r="E5941" s="2">
        <v>190.9999999999977</v>
      </c>
    </row>
    <row r="5942" spans="1:5" x14ac:dyDescent="0.25">
      <c r="A5942" s="3">
        <v>41803.833043981482</v>
      </c>
      <c r="B5942" s="2">
        <v>26.3</v>
      </c>
      <c r="C5942" s="2">
        <v>137.4</v>
      </c>
      <c r="D5942" s="2">
        <v>0</v>
      </c>
      <c r="E5942" s="2">
        <v>190.9999999999977</v>
      </c>
    </row>
    <row r="5943" spans="1:5" x14ac:dyDescent="0.25">
      <c r="A5943" s="3">
        <v>41803.833101851851</v>
      </c>
      <c r="B5943" s="2">
        <v>26.3</v>
      </c>
      <c r="C5943" s="2">
        <v>137.4</v>
      </c>
      <c r="D5943" s="2">
        <v>0.2</v>
      </c>
      <c r="E5943" s="2">
        <v>191.19999999999769</v>
      </c>
    </row>
    <row r="5944" spans="1:5" x14ac:dyDescent="0.25">
      <c r="A5944" s="3">
        <v>41803.833275462966</v>
      </c>
      <c r="B5944" s="2">
        <v>26.1</v>
      </c>
      <c r="C5944" s="2">
        <v>137.6</v>
      </c>
      <c r="D5944" s="2">
        <v>0</v>
      </c>
      <c r="E5944" s="2">
        <v>191.19999999999769</v>
      </c>
    </row>
    <row r="5945" spans="1:5" x14ac:dyDescent="0.25">
      <c r="A5945" s="3">
        <v>41803.833333333336</v>
      </c>
      <c r="B5945" s="2">
        <v>26.2</v>
      </c>
      <c r="C5945" s="2">
        <v>137.6</v>
      </c>
      <c r="D5945" s="2">
        <v>0.2</v>
      </c>
      <c r="E5945" s="2">
        <v>191.39999999999768</v>
      </c>
    </row>
    <row r="5946" spans="1:5" x14ac:dyDescent="0.25">
      <c r="A5946" s="3">
        <v>41803.833506944444</v>
      </c>
      <c r="B5946" s="2">
        <v>26.1</v>
      </c>
      <c r="C5946" s="2">
        <v>137.80000000000001</v>
      </c>
      <c r="D5946" s="2">
        <v>0</v>
      </c>
      <c r="E5946" s="2">
        <v>191.39999999999768</v>
      </c>
    </row>
    <row r="5947" spans="1:5" x14ac:dyDescent="0.25">
      <c r="A5947" s="3">
        <v>41803.833680555559</v>
      </c>
      <c r="B5947" s="2">
        <v>26.2</v>
      </c>
      <c r="C5947" s="2">
        <v>137.80000000000001</v>
      </c>
      <c r="D5947" s="2">
        <v>0.2</v>
      </c>
      <c r="E5947" s="2">
        <v>191.59999999999766</v>
      </c>
    </row>
    <row r="5948" spans="1:5" x14ac:dyDescent="0.25">
      <c r="A5948" s="3">
        <v>41803.833738425928</v>
      </c>
      <c r="B5948" s="2">
        <v>26.2</v>
      </c>
      <c r="C5948" s="2">
        <v>138</v>
      </c>
      <c r="D5948" s="2">
        <v>0</v>
      </c>
      <c r="E5948" s="2">
        <v>191.59999999999766</v>
      </c>
    </row>
    <row r="5949" spans="1:5" x14ac:dyDescent="0.25">
      <c r="A5949" s="3">
        <v>41803.834085648145</v>
      </c>
      <c r="B5949" s="2">
        <v>25.8</v>
      </c>
      <c r="C5949" s="2">
        <v>138.19999999999999</v>
      </c>
      <c r="D5949" s="2">
        <v>0</v>
      </c>
      <c r="E5949" s="2">
        <v>191.59999999999766</v>
      </c>
    </row>
    <row r="5950" spans="1:5" x14ac:dyDescent="0.25">
      <c r="A5950" s="3">
        <v>41803.834201388891</v>
      </c>
      <c r="B5950" s="2">
        <v>25.8</v>
      </c>
      <c r="C5950" s="2">
        <v>138.19999999999999</v>
      </c>
      <c r="D5950" s="2">
        <v>0.2</v>
      </c>
      <c r="E5950" s="2">
        <v>191.79999999999765</v>
      </c>
    </row>
    <row r="5951" spans="1:5" x14ac:dyDescent="0.25">
      <c r="A5951" s="3">
        <v>41803.834548611114</v>
      </c>
      <c r="B5951" s="2">
        <v>25.7</v>
      </c>
      <c r="C5951" s="2">
        <v>138.4</v>
      </c>
      <c r="D5951" s="2">
        <v>0</v>
      </c>
      <c r="E5951" s="2">
        <v>191.79999999999765</v>
      </c>
    </row>
    <row r="5952" spans="1:5" x14ac:dyDescent="0.25">
      <c r="A5952" s="3">
        <v>41803.834664351853</v>
      </c>
      <c r="B5952" s="2">
        <v>25.7</v>
      </c>
      <c r="C5952" s="2">
        <v>138.4</v>
      </c>
      <c r="D5952" s="2">
        <v>0.2</v>
      </c>
      <c r="E5952" s="2">
        <v>191.99999999999764</v>
      </c>
    </row>
    <row r="5953" spans="1:5" x14ac:dyDescent="0.25">
      <c r="A5953" s="3">
        <v>41803.835011574076</v>
      </c>
      <c r="B5953" s="2">
        <v>25.7</v>
      </c>
      <c r="C5953" s="2">
        <v>138.4</v>
      </c>
      <c r="D5953" s="2">
        <v>0.2</v>
      </c>
      <c r="E5953" s="2">
        <v>192.19999999999763</v>
      </c>
    </row>
    <row r="5954" spans="1:5" x14ac:dyDescent="0.25">
      <c r="A5954" s="3">
        <v>41803.835069444445</v>
      </c>
      <c r="B5954" s="2">
        <v>25.7</v>
      </c>
      <c r="C5954" s="2">
        <v>138.6</v>
      </c>
      <c r="D5954" s="2">
        <v>0</v>
      </c>
      <c r="E5954" s="2">
        <v>192.19999999999763</v>
      </c>
    </row>
    <row r="5955" spans="1:5" x14ac:dyDescent="0.25">
      <c r="A5955" s="3">
        <v>41803.835648148146</v>
      </c>
      <c r="B5955" s="2">
        <v>25.7</v>
      </c>
      <c r="C5955" s="2">
        <v>138.80000000000001</v>
      </c>
      <c r="D5955" s="2">
        <v>0</v>
      </c>
      <c r="E5955" s="2">
        <v>192.19999999999763</v>
      </c>
    </row>
    <row r="5956" spans="1:5" x14ac:dyDescent="0.25">
      <c r="A5956" s="3">
        <v>41803.835879629631</v>
      </c>
      <c r="B5956" s="2">
        <v>25.9</v>
      </c>
      <c r="C5956" s="2">
        <v>138.80000000000001</v>
      </c>
      <c r="D5956" s="2">
        <v>0.2</v>
      </c>
      <c r="E5956" s="2">
        <v>192.39999999999762</v>
      </c>
    </row>
    <row r="5957" spans="1:5" x14ac:dyDescent="0.25">
      <c r="A5957" s="3">
        <v>41803.836574074077</v>
      </c>
      <c r="B5957" s="2">
        <v>25.6</v>
      </c>
      <c r="C5957" s="2">
        <v>139</v>
      </c>
      <c r="D5957" s="2">
        <v>0</v>
      </c>
      <c r="E5957" s="2">
        <v>192.39999999999762</v>
      </c>
    </row>
    <row r="5958" spans="1:5" x14ac:dyDescent="0.25">
      <c r="A5958" s="3">
        <v>41803.836863425924</v>
      </c>
      <c r="B5958" s="2">
        <v>25.6</v>
      </c>
      <c r="C5958" s="2">
        <v>139</v>
      </c>
      <c r="D5958" s="2">
        <v>0.2</v>
      </c>
      <c r="E5958" s="2">
        <v>192.59999999999761</v>
      </c>
    </row>
    <row r="5959" spans="1:5" x14ac:dyDescent="0.25">
      <c r="A5959" s="3">
        <v>41803.837384259263</v>
      </c>
      <c r="B5959" s="2">
        <v>25.6</v>
      </c>
      <c r="C5959" s="2">
        <v>139.19999999999999</v>
      </c>
      <c r="D5959" s="2">
        <v>0</v>
      </c>
      <c r="E5959" s="2">
        <v>192.59999999999761</v>
      </c>
    </row>
    <row r="5960" spans="1:5" x14ac:dyDescent="0.25">
      <c r="A5960" s="3">
        <v>41803.837847222225</v>
      </c>
      <c r="B5960" s="2">
        <v>25.4</v>
      </c>
      <c r="C5960" s="2">
        <v>139.19999999999999</v>
      </c>
      <c r="D5960" s="2">
        <v>0.2</v>
      </c>
      <c r="E5960" s="2">
        <v>192.7999999999976</v>
      </c>
    </row>
    <row r="5961" spans="1:5" x14ac:dyDescent="0.25">
      <c r="A5961" s="3">
        <v>41803.839004629626</v>
      </c>
      <c r="B5961" s="2">
        <v>25.4</v>
      </c>
      <c r="C5961" s="2">
        <v>139.4</v>
      </c>
      <c r="D5961" s="2">
        <v>0</v>
      </c>
      <c r="E5961" s="2">
        <v>192.7999999999976</v>
      </c>
    </row>
    <row r="5962" spans="1:5" x14ac:dyDescent="0.25">
      <c r="A5962" s="3">
        <v>41803.839062500003</v>
      </c>
      <c r="B5962" s="2">
        <v>25.4</v>
      </c>
      <c r="C5962" s="2">
        <v>139.4</v>
      </c>
      <c r="D5962" s="2">
        <v>0.2</v>
      </c>
      <c r="E5962" s="2">
        <v>192.99999999999758</v>
      </c>
    </row>
    <row r="5963" spans="1:5" x14ac:dyDescent="0.25">
      <c r="A5963" s="3">
        <v>41803.840219907404</v>
      </c>
      <c r="B5963" s="2">
        <v>25.2</v>
      </c>
      <c r="C5963" s="2">
        <v>139.6</v>
      </c>
      <c r="D5963" s="2">
        <v>0.2</v>
      </c>
      <c r="E5963" s="2">
        <v>193.19999999999757</v>
      </c>
    </row>
    <row r="5964" spans="1:5" x14ac:dyDescent="0.25">
      <c r="A5964" s="3">
        <v>41803.840914351851</v>
      </c>
      <c r="B5964" s="2">
        <v>25.2</v>
      </c>
      <c r="C5964" s="2">
        <v>139.80000000000001</v>
      </c>
      <c r="D5964" s="2">
        <v>0.2</v>
      </c>
      <c r="E5964" s="2">
        <v>193.39999999999756</v>
      </c>
    </row>
    <row r="5965" spans="1:5" x14ac:dyDescent="0.25">
      <c r="A5965" s="3">
        <v>41803.841435185182</v>
      </c>
      <c r="B5965" s="2">
        <v>25.2</v>
      </c>
      <c r="C5965" s="2">
        <v>139.80000000000001</v>
      </c>
      <c r="D5965" s="2">
        <v>0.2</v>
      </c>
      <c r="E5965" s="2">
        <v>193.59999999999755</v>
      </c>
    </row>
    <row r="5966" spans="1:5" x14ac:dyDescent="0.25">
      <c r="A5966" s="3">
        <v>41803.841550925928</v>
      </c>
      <c r="B5966" s="2">
        <v>25.2</v>
      </c>
      <c r="C5966" s="2">
        <v>140</v>
      </c>
      <c r="D5966" s="2">
        <v>0</v>
      </c>
      <c r="E5966" s="2">
        <v>193.59999999999755</v>
      </c>
    </row>
    <row r="5967" spans="1:5" x14ac:dyDescent="0.25">
      <c r="A5967" s="3">
        <v>41803.842013888891</v>
      </c>
      <c r="B5967" s="2">
        <v>25.2</v>
      </c>
      <c r="C5967" s="2">
        <v>140</v>
      </c>
      <c r="D5967" s="2">
        <v>0.2</v>
      </c>
      <c r="E5967" s="2">
        <v>193.79999999999754</v>
      </c>
    </row>
    <row r="5968" spans="1:5" x14ac:dyDescent="0.25">
      <c r="A5968" s="3">
        <v>41803.84207175926</v>
      </c>
      <c r="B5968" s="2">
        <v>25.2</v>
      </c>
      <c r="C5968" s="2">
        <v>140.19999999999999</v>
      </c>
      <c r="D5968" s="2">
        <v>0</v>
      </c>
      <c r="E5968" s="2">
        <v>193.79999999999754</v>
      </c>
    </row>
    <row r="5969" spans="1:5" x14ac:dyDescent="0.25">
      <c r="A5969" s="3">
        <v>41803.842534722222</v>
      </c>
      <c r="B5969" s="2">
        <v>25.2</v>
      </c>
      <c r="C5969" s="2">
        <v>140.19999999999999</v>
      </c>
      <c r="D5969" s="2">
        <v>0.2</v>
      </c>
      <c r="E5969" s="2">
        <v>193.99999999999753</v>
      </c>
    </row>
    <row r="5970" spans="1:5" x14ac:dyDescent="0.25">
      <c r="A5970" s="3">
        <v>41803.84270833333</v>
      </c>
      <c r="B5970" s="2">
        <v>25.2</v>
      </c>
      <c r="C5970" s="2">
        <v>140.4</v>
      </c>
      <c r="D5970" s="2">
        <v>0</v>
      </c>
      <c r="E5970" s="2">
        <v>193.99999999999753</v>
      </c>
    </row>
    <row r="5971" spans="1:5" x14ac:dyDescent="0.25">
      <c r="A5971" s="3">
        <v>41803.843171296299</v>
      </c>
      <c r="B5971" s="2">
        <v>25.1</v>
      </c>
      <c r="C5971" s="2">
        <v>140.4</v>
      </c>
      <c r="D5971" s="2">
        <v>0.2</v>
      </c>
      <c r="E5971" s="2">
        <v>194.19999999999752</v>
      </c>
    </row>
    <row r="5972" spans="1:5" x14ac:dyDescent="0.25">
      <c r="A5972" s="3">
        <v>41803.843460648146</v>
      </c>
      <c r="B5972" s="2">
        <v>25.2</v>
      </c>
      <c r="C5972" s="2">
        <v>140.6</v>
      </c>
      <c r="D5972" s="2">
        <v>0</v>
      </c>
      <c r="E5972" s="2">
        <v>194.19999999999752</v>
      </c>
    </row>
    <row r="5973" spans="1:5" x14ac:dyDescent="0.25">
      <c r="A5973" s="3">
        <v>41803.843981481485</v>
      </c>
      <c r="B5973" s="2">
        <v>25.1</v>
      </c>
      <c r="C5973" s="2">
        <v>140.6</v>
      </c>
      <c r="D5973" s="2">
        <v>0.2</v>
      </c>
      <c r="E5973" s="2">
        <v>194.3999999999975</v>
      </c>
    </row>
    <row r="5974" spans="1:5" x14ac:dyDescent="0.25">
      <c r="A5974" s="3">
        <v>41803.844560185185</v>
      </c>
      <c r="B5974" s="2">
        <v>25.1</v>
      </c>
      <c r="C5974" s="2">
        <v>140.80000000000001</v>
      </c>
      <c r="D5974" s="2">
        <v>0</v>
      </c>
      <c r="E5974" s="2">
        <v>194.3999999999975</v>
      </c>
    </row>
    <row r="5975" spans="1:5" x14ac:dyDescent="0.25">
      <c r="A5975" s="3">
        <v>41803.84479166667</v>
      </c>
      <c r="B5975" s="2">
        <v>25.1</v>
      </c>
      <c r="C5975" s="2">
        <v>140.80000000000001</v>
      </c>
      <c r="D5975" s="2">
        <v>0.2</v>
      </c>
      <c r="E5975" s="2">
        <v>194.59999999999749</v>
      </c>
    </row>
    <row r="5976" spans="1:5" x14ac:dyDescent="0.25">
      <c r="A5976" s="3">
        <v>41803.845254629632</v>
      </c>
      <c r="B5976" s="2">
        <v>25</v>
      </c>
      <c r="C5976" s="2">
        <v>141</v>
      </c>
      <c r="D5976" s="2">
        <v>0</v>
      </c>
      <c r="E5976" s="2">
        <v>194.59999999999749</v>
      </c>
    </row>
    <row r="5977" spans="1:5" x14ac:dyDescent="0.25">
      <c r="A5977" s="3">
        <v>41803.845370370371</v>
      </c>
      <c r="B5977" s="2">
        <v>25</v>
      </c>
      <c r="C5977" s="2">
        <v>141</v>
      </c>
      <c r="D5977" s="2">
        <v>0.2</v>
      </c>
      <c r="E5977" s="2">
        <v>194.79999999999748</v>
      </c>
    </row>
    <row r="5978" spans="1:5" x14ac:dyDescent="0.25">
      <c r="A5978" s="3">
        <v>41803.845949074072</v>
      </c>
      <c r="B5978" s="2">
        <v>25</v>
      </c>
      <c r="C5978" s="2">
        <v>141.19999999999999</v>
      </c>
      <c r="D5978" s="2">
        <v>0</v>
      </c>
      <c r="E5978" s="2">
        <v>194.79999999999748</v>
      </c>
    </row>
    <row r="5979" spans="1:5" x14ac:dyDescent="0.25">
      <c r="A5979" s="3">
        <v>41803.846296296295</v>
      </c>
      <c r="B5979" s="2">
        <v>25</v>
      </c>
      <c r="C5979" s="2">
        <v>141.19999999999999</v>
      </c>
      <c r="D5979" s="2">
        <v>0.2</v>
      </c>
      <c r="E5979" s="2">
        <v>194.99999999999747</v>
      </c>
    </row>
    <row r="5980" spans="1:5" x14ac:dyDescent="0.25">
      <c r="A5980" s="3">
        <v>41803.846932870372</v>
      </c>
      <c r="B5980" s="2">
        <v>25</v>
      </c>
      <c r="C5980" s="2">
        <v>141.4</v>
      </c>
      <c r="D5980" s="2">
        <v>0</v>
      </c>
      <c r="E5980" s="2">
        <v>194.99999999999747</v>
      </c>
    </row>
    <row r="5981" spans="1:5" x14ac:dyDescent="0.25">
      <c r="A5981" s="3">
        <v>41803.848495370374</v>
      </c>
      <c r="B5981" s="2">
        <v>24.9</v>
      </c>
      <c r="C5981" s="2">
        <v>141.4</v>
      </c>
      <c r="D5981" s="2">
        <v>0.2</v>
      </c>
      <c r="E5981" s="2">
        <v>195.19999999999746</v>
      </c>
    </row>
    <row r="5982" spans="1:5" x14ac:dyDescent="0.25">
      <c r="A5982" s="3">
        <v>41803.851909722223</v>
      </c>
      <c r="B5982" s="2">
        <v>24.7</v>
      </c>
      <c r="C5982" s="2">
        <v>141.6</v>
      </c>
      <c r="D5982" s="2">
        <v>0</v>
      </c>
      <c r="E5982" s="2">
        <v>195.19999999999746</v>
      </c>
    </row>
    <row r="5983" spans="1:5" x14ac:dyDescent="0.25">
      <c r="A5983" s="3">
        <v>41803.853472222225</v>
      </c>
      <c r="B5983" s="2">
        <v>24.5</v>
      </c>
      <c r="C5983" s="2">
        <v>141.6</v>
      </c>
      <c r="D5983" s="2">
        <v>0.2</v>
      </c>
      <c r="E5983" s="2">
        <v>195.39999999999745</v>
      </c>
    </row>
    <row r="5984" spans="1:5" x14ac:dyDescent="0.25">
      <c r="A5984" s="3">
        <v>41803.855381944442</v>
      </c>
      <c r="B5984" s="2">
        <v>24.4</v>
      </c>
      <c r="C5984" s="2">
        <v>141.80000000000001</v>
      </c>
      <c r="D5984" s="2">
        <v>0</v>
      </c>
      <c r="E5984" s="2">
        <v>195.39999999999745</v>
      </c>
    </row>
    <row r="5985" spans="1:5" x14ac:dyDescent="0.25">
      <c r="A5985" s="3">
        <v>41803.856307870374</v>
      </c>
      <c r="B5985" s="2">
        <v>24.4</v>
      </c>
      <c r="C5985" s="2">
        <v>141.80000000000001</v>
      </c>
      <c r="D5985" s="2">
        <v>0.2</v>
      </c>
      <c r="E5985" s="2">
        <v>195.59999999999744</v>
      </c>
    </row>
    <row r="5986" spans="1:5" x14ac:dyDescent="0.25">
      <c r="A5986" s="3">
        <v>41803.858043981483</v>
      </c>
      <c r="B5986" s="2">
        <v>24.4</v>
      </c>
      <c r="C5986" s="2">
        <v>142</v>
      </c>
      <c r="D5986" s="2">
        <v>0</v>
      </c>
      <c r="E5986" s="2">
        <v>195.59999999999744</v>
      </c>
    </row>
    <row r="5987" spans="1:5" x14ac:dyDescent="0.25">
      <c r="A5987" s="3">
        <v>41803.859490740739</v>
      </c>
      <c r="B5987" s="2">
        <v>24.3</v>
      </c>
      <c r="C5987" s="2">
        <v>142</v>
      </c>
      <c r="D5987" s="2">
        <v>0.2</v>
      </c>
      <c r="E5987" s="2">
        <v>195.79999999999742</v>
      </c>
    </row>
    <row r="5988" spans="1:5" x14ac:dyDescent="0.25">
      <c r="A5988" s="3">
        <v>41803.860821759263</v>
      </c>
      <c r="B5988" s="2">
        <v>24.2</v>
      </c>
      <c r="C5988" s="2">
        <v>142.19999999999999</v>
      </c>
      <c r="D5988" s="2">
        <v>0</v>
      </c>
      <c r="E5988" s="2">
        <v>195.79999999999742</v>
      </c>
    </row>
    <row r="5989" spans="1:5" x14ac:dyDescent="0.25">
      <c r="A5989" s="3">
        <v>41803.860995370371</v>
      </c>
      <c r="B5989" s="2">
        <v>24.3</v>
      </c>
      <c r="C5989" s="2">
        <v>142.19999999999999</v>
      </c>
      <c r="D5989" s="2">
        <v>0.2</v>
      </c>
      <c r="E5989" s="2">
        <v>195.99999999999741</v>
      </c>
    </row>
    <row r="5990" spans="1:5" x14ac:dyDescent="0.25">
      <c r="A5990" s="3">
        <v>41803.861805555556</v>
      </c>
      <c r="B5990" s="2">
        <v>24.2</v>
      </c>
      <c r="C5990" s="2">
        <v>142.4</v>
      </c>
      <c r="D5990" s="2">
        <v>0</v>
      </c>
      <c r="E5990" s="2">
        <v>195.99999999999741</v>
      </c>
    </row>
    <row r="5991" spans="1:5" x14ac:dyDescent="0.25">
      <c r="A5991" s="3">
        <v>41803.862326388888</v>
      </c>
      <c r="B5991" s="2">
        <v>24.1</v>
      </c>
      <c r="C5991" s="2">
        <v>142.4</v>
      </c>
      <c r="D5991" s="2">
        <v>0.2</v>
      </c>
      <c r="E5991" s="2">
        <v>196.1999999999974</v>
      </c>
    </row>
    <row r="5992" spans="1:5" x14ac:dyDescent="0.25">
      <c r="A5992" s="3">
        <v>41803.863425925927</v>
      </c>
      <c r="B5992" s="2">
        <v>24.1</v>
      </c>
      <c r="C5992" s="2">
        <v>142.4</v>
      </c>
      <c r="D5992" s="2">
        <v>0.2</v>
      </c>
      <c r="E5992" s="2">
        <v>196.39999999999739</v>
      </c>
    </row>
    <row r="5993" spans="1:5" x14ac:dyDescent="0.25">
      <c r="A5993" s="3">
        <v>41803.863657407404</v>
      </c>
      <c r="B5993" s="2">
        <v>24.1</v>
      </c>
      <c r="C5993" s="2">
        <v>142.6</v>
      </c>
      <c r="D5993" s="2">
        <v>0</v>
      </c>
      <c r="E5993" s="2">
        <v>196.39999999999739</v>
      </c>
    </row>
    <row r="5994" spans="1:5" x14ac:dyDescent="0.25">
      <c r="A5994" s="3">
        <v>41803.86440972222</v>
      </c>
      <c r="B5994" s="2">
        <v>24</v>
      </c>
      <c r="C5994" s="2">
        <v>142.6</v>
      </c>
      <c r="D5994" s="2">
        <v>0.2</v>
      </c>
      <c r="E5994" s="2">
        <v>196.59999999999738</v>
      </c>
    </row>
    <row r="5995" spans="1:5" x14ac:dyDescent="0.25">
      <c r="A5995" s="3">
        <v>41803.864756944444</v>
      </c>
      <c r="B5995" s="2">
        <v>24</v>
      </c>
      <c r="C5995" s="2">
        <v>142.80000000000001</v>
      </c>
      <c r="D5995" s="2">
        <v>0</v>
      </c>
      <c r="E5995" s="2">
        <v>196.59999999999738</v>
      </c>
    </row>
    <row r="5996" spans="1:5" x14ac:dyDescent="0.25">
      <c r="A5996" s="3">
        <v>41803.865567129629</v>
      </c>
      <c r="B5996" s="2">
        <v>23.9</v>
      </c>
      <c r="C5996" s="2">
        <v>142.80000000000001</v>
      </c>
      <c r="D5996" s="2">
        <v>0.2</v>
      </c>
      <c r="E5996" s="2">
        <v>196.79999999999737</v>
      </c>
    </row>
    <row r="5997" spans="1:5" x14ac:dyDescent="0.25">
      <c r="A5997" s="3">
        <v>41803.865856481483</v>
      </c>
      <c r="B5997" s="2">
        <v>23.9</v>
      </c>
      <c r="C5997" s="2">
        <v>143</v>
      </c>
      <c r="D5997" s="2">
        <v>0</v>
      </c>
      <c r="E5997" s="2">
        <v>196.79999999999737</v>
      </c>
    </row>
    <row r="5998" spans="1:5" x14ac:dyDescent="0.25">
      <c r="A5998" s="3">
        <v>41803.866840277777</v>
      </c>
      <c r="B5998" s="2">
        <v>23.9</v>
      </c>
      <c r="C5998" s="2">
        <v>143</v>
      </c>
      <c r="D5998" s="2">
        <v>0.2</v>
      </c>
      <c r="E5998" s="2">
        <v>196.99999999999736</v>
      </c>
    </row>
    <row r="5999" spans="1:5" x14ac:dyDescent="0.25">
      <c r="A5999" s="3">
        <v>41803.867245370369</v>
      </c>
      <c r="B5999" s="2">
        <v>23.8</v>
      </c>
      <c r="C5999" s="2">
        <v>143.19999999999999</v>
      </c>
      <c r="D5999" s="2">
        <v>0</v>
      </c>
      <c r="E5999" s="2">
        <v>196.99999999999736</v>
      </c>
    </row>
    <row r="6000" spans="1:5" x14ac:dyDescent="0.25">
      <c r="A6000" s="3">
        <v>41803.873842592591</v>
      </c>
      <c r="B6000" s="2">
        <v>23.6</v>
      </c>
      <c r="C6000" s="2">
        <v>143.19999999999999</v>
      </c>
      <c r="D6000" s="2">
        <v>0.2</v>
      </c>
      <c r="E6000" s="2">
        <v>197.19999999999735</v>
      </c>
    </row>
    <row r="6001" spans="1:5" x14ac:dyDescent="0.25">
      <c r="A6001" s="3">
        <v>41804.25677083333</v>
      </c>
      <c r="B6001" s="2">
        <v>18.899999999999999</v>
      </c>
      <c r="C6001" s="2">
        <v>143</v>
      </c>
      <c r="D6001" s="2">
        <v>0</v>
      </c>
      <c r="E6001" s="2">
        <v>197.19999999999735</v>
      </c>
    </row>
    <row r="6002" spans="1:5" x14ac:dyDescent="0.25">
      <c r="A6002" s="3">
        <v>41804.442303240743</v>
      </c>
      <c r="B6002" s="2">
        <v>22.1</v>
      </c>
      <c r="C6002" s="2">
        <v>142.80000000000001</v>
      </c>
      <c r="D6002" s="2">
        <v>0</v>
      </c>
      <c r="E6002" s="2">
        <v>197.19999999999735</v>
      </c>
    </row>
    <row r="6003" spans="1:5" x14ac:dyDescent="0.25">
      <c r="A6003" s="3">
        <v>41804.442361111112</v>
      </c>
      <c r="B6003" s="2">
        <v>22.1</v>
      </c>
      <c r="C6003" s="2">
        <v>143</v>
      </c>
      <c r="D6003" s="2">
        <v>0</v>
      </c>
      <c r="E6003" s="2">
        <v>197.19999999999735</v>
      </c>
    </row>
    <row r="6004" spans="1:5" x14ac:dyDescent="0.25">
      <c r="A6004" s="3">
        <v>41804.442650462966</v>
      </c>
      <c r="B6004" s="2">
        <v>22.2</v>
      </c>
      <c r="C6004" s="2">
        <v>142.80000000000001</v>
      </c>
      <c r="D6004" s="2">
        <v>0</v>
      </c>
      <c r="E6004" s="2">
        <v>197.19999999999735</v>
      </c>
    </row>
    <row r="6005" spans="1:5" x14ac:dyDescent="0.25">
      <c r="A6005" s="3">
        <v>41804.442766203705</v>
      </c>
      <c r="B6005" s="2">
        <v>22.2</v>
      </c>
      <c r="C6005" s="2">
        <v>143</v>
      </c>
      <c r="D6005" s="2">
        <v>0</v>
      </c>
      <c r="E6005" s="2">
        <v>197.19999999999735</v>
      </c>
    </row>
    <row r="6006" spans="1:5" x14ac:dyDescent="0.25">
      <c r="A6006" s="3">
        <v>41804.442939814813</v>
      </c>
      <c r="B6006" s="2">
        <v>22.3</v>
      </c>
      <c r="C6006" s="2">
        <v>142.80000000000001</v>
      </c>
      <c r="D6006" s="2">
        <v>0</v>
      </c>
      <c r="E6006" s="2">
        <v>197.19999999999735</v>
      </c>
    </row>
    <row r="6007" spans="1:5" x14ac:dyDescent="0.25">
      <c r="A6007" s="3">
        <v>41804.443113425928</v>
      </c>
      <c r="B6007" s="2">
        <v>22.3</v>
      </c>
      <c r="C6007" s="2">
        <v>143</v>
      </c>
      <c r="D6007" s="2">
        <v>0</v>
      </c>
      <c r="E6007" s="2">
        <v>197.19999999999735</v>
      </c>
    </row>
    <row r="6008" spans="1:5" x14ac:dyDescent="0.25">
      <c r="A6008" s="3">
        <v>41804.443344907406</v>
      </c>
      <c r="B6008" s="2">
        <v>22.3</v>
      </c>
      <c r="C6008" s="2">
        <v>142.80000000000001</v>
      </c>
      <c r="D6008" s="2">
        <v>0</v>
      </c>
      <c r="E6008" s="2">
        <v>197.19999999999735</v>
      </c>
    </row>
    <row r="6009" spans="1:5" x14ac:dyDescent="0.25">
      <c r="A6009" s="3">
        <v>41804.445428240739</v>
      </c>
      <c r="B6009" s="2">
        <v>22.4</v>
      </c>
      <c r="C6009" s="2">
        <v>143</v>
      </c>
      <c r="D6009" s="2">
        <v>0</v>
      </c>
      <c r="E6009" s="2">
        <v>197.19999999999735</v>
      </c>
    </row>
    <row r="6010" spans="1:5" x14ac:dyDescent="0.25">
      <c r="A6010" s="3">
        <v>41804.445659722223</v>
      </c>
      <c r="B6010" s="2">
        <v>22.5</v>
      </c>
      <c r="C6010" s="2">
        <v>142.80000000000001</v>
      </c>
      <c r="D6010" s="2">
        <v>0</v>
      </c>
      <c r="E6010" s="2">
        <v>197.19999999999735</v>
      </c>
    </row>
    <row r="6011" spans="1:5" x14ac:dyDescent="0.25">
      <c r="A6011" s="3">
        <v>41804.454745370371</v>
      </c>
      <c r="B6011" s="2">
        <v>23.1</v>
      </c>
      <c r="C6011" s="2">
        <v>143</v>
      </c>
      <c r="D6011" s="2">
        <v>0</v>
      </c>
      <c r="E6011" s="2">
        <v>197.19999999999735</v>
      </c>
    </row>
    <row r="6012" spans="1:5" x14ac:dyDescent="0.25">
      <c r="A6012" s="3">
        <v>41804.454976851855</v>
      </c>
      <c r="B6012" s="2">
        <v>23.1</v>
      </c>
      <c r="C6012" s="2">
        <v>142.80000000000001</v>
      </c>
      <c r="D6012" s="2">
        <v>0</v>
      </c>
      <c r="E6012" s="2">
        <v>197.19999999999735</v>
      </c>
    </row>
    <row r="6013" spans="1:5" x14ac:dyDescent="0.25">
      <c r="A6013" s="3">
        <v>41804.461574074077</v>
      </c>
      <c r="B6013" s="2">
        <v>23.5</v>
      </c>
      <c r="C6013" s="2">
        <v>143</v>
      </c>
      <c r="D6013" s="2">
        <v>0</v>
      </c>
      <c r="E6013" s="2">
        <v>197.19999999999735</v>
      </c>
    </row>
    <row r="6014" spans="1:5" x14ac:dyDescent="0.25">
      <c r="A6014" s="3">
        <v>41804.461805555555</v>
      </c>
      <c r="B6014" s="2">
        <v>23.5</v>
      </c>
      <c r="C6014" s="2">
        <v>142.80000000000001</v>
      </c>
      <c r="D6014" s="2">
        <v>0</v>
      </c>
      <c r="E6014" s="2">
        <v>197.19999999999735</v>
      </c>
    </row>
    <row r="6015" spans="1:5" x14ac:dyDescent="0.25">
      <c r="A6015" s="3">
        <v>41804.46197916667</v>
      </c>
      <c r="B6015" s="2">
        <v>23.5</v>
      </c>
      <c r="C6015" s="2">
        <v>143</v>
      </c>
      <c r="D6015" s="2">
        <v>0</v>
      </c>
      <c r="E6015" s="2">
        <v>197.19999999999735</v>
      </c>
    </row>
    <row r="6016" spans="1:5" x14ac:dyDescent="0.25">
      <c r="A6016" s="3">
        <v>41804.462326388886</v>
      </c>
      <c r="B6016" s="2">
        <v>23.6</v>
      </c>
      <c r="C6016" s="2">
        <v>142.80000000000001</v>
      </c>
      <c r="D6016" s="2">
        <v>0</v>
      </c>
      <c r="E6016" s="2">
        <v>197.19999999999735</v>
      </c>
    </row>
    <row r="6017" spans="1:5" x14ac:dyDescent="0.25">
      <c r="A6017" s="3">
        <v>41804.462673611109</v>
      </c>
      <c r="B6017" s="2">
        <v>23.6</v>
      </c>
      <c r="C6017" s="2">
        <v>143</v>
      </c>
      <c r="D6017" s="2">
        <v>0</v>
      </c>
      <c r="E6017" s="2">
        <v>197.19999999999735</v>
      </c>
    </row>
    <row r="6018" spans="1:5" x14ac:dyDescent="0.25">
      <c r="A6018" s="3">
        <v>41804.463136574072</v>
      </c>
      <c r="B6018" s="2">
        <v>23.7</v>
      </c>
      <c r="C6018" s="2">
        <v>142.80000000000001</v>
      </c>
      <c r="D6018" s="2">
        <v>0</v>
      </c>
      <c r="E6018" s="2">
        <v>197.19999999999735</v>
      </c>
    </row>
    <row r="6019" spans="1:5" x14ac:dyDescent="0.25">
      <c r="A6019" s="3">
        <v>41804.464641203704</v>
      </c>
      <c r="B6019" s="2">
        <v>24</v>
      </c>
      <c r="C6019" s="2">
        <v>143</v>
      </c>
      <c r="D6019" s="2">
        <v>0</v>
      </c>
      <c r="E6019" s="2">
        <v>197.19999999999735</v>
      </c>
    </row>
    <row r="6020" spans="1:5" x14ac:dyDescent="0.25">
      <c r="A6020" s="3">
        <v>41804.464872685188</v>
      </c>
      <c r="B6020" s="2">
        <v>23.9</v>
      </c>
      <c r="C6020" s="2">
        <v>142.80000000000001</v>
      </c>
      <c r="D6020" s="2">
        <v>0</v>
      </c>
      <c r="E6020" s="2">
        <v>197.19999999999735</v>
      </c>
    </row>
    <row r="6021" spans="1:5" x14ac:dyDescent="0.25">
      <c r="A6021" s="3">
        <v>41804.468807870369</v>
      </c>
      <c r="B6021" s="2">
        <v>24.1</v>
      </c>
      <c r="C6021" s="2">
        <v>143</v>
      </c>
      <c r="D6021" s="2">
        <v>0</v>
      </c>
      <c r="E6021" s="2">
        <v>197.19999999999735</v>
      </c>
    </row>
    <row r="6022" spans="1:5" x14ac:dyDescent="0.25">
      <c r="A6022" s="3">
        <v>41804.468923611108</v>
      </c>
      <c r="B6022" s="2">
        <v>24</v>
      </c>
      <c r="C6022" s="2">
        <v>142.80000000000001</v>
      </c>
      <c r="D6022" s="2">
        <v>0</v>
      </c>
      <c r="E6022" s="2">
        <v>197.19999999999735</v>
      </c>
    </row>
    <row r="6023" spans="1:5" x14ac:dyDescent="0.25">
      <c r="A6023" s="3">
        <v>41804.469444444447</v>
      </c>
      <c r="B6023" s="2">
        <v>24.1</v>
      </c>
      <c r="C6023" s="2">
        <v>143</v>
      </c>
      <c r="D6023" s="2">
        <v>0</v>
      </c>
      <c r="E6023" s="2">
        <v>197.19999999999735</v>
      </c>
    </row>
    <row r="6024" spans="1:5" x14ac:dyDescent="0.25">
      <c r="A6024" s="3">
        <v>41804.469618055555</v>
      </c>
      <c r="B6024" s="2">
        <v>24.1</v>
      </c>
      <c r="C6024" s="2">
        <v>142.80000000000001</v>
      </c>
      <c r="D6024" s="2">
        <v>0</v>
      </c>
      <c r="E6024" s="2">
        <v>197.19999999999735</v>
      </c>
    </row>
    <row r="6025" spans="1:5" x14ac:dyDescent="0.25">
      <c r="A6025" s="3">
        <v>41804.469849537039</v>
      </c>
      <c r="B6025" s="2">
        <v>24</v>
      </c>
      <c r="C6025" s="2">
        <v>143</v>
      </c>
      <c r="D6025" s="2">
        <v>0</v>
      </c>
      <c r="E6025" s="2">
        <v>197.19999999999735</v>
      </c>
    </row>
    <row r="6026" spans="1:5" x14ac:dyDescent="0.25">
      <c r="A6026" s="3">
        <v>41804.469907407409</v>
      </c>
      <c r="B6026" s="2">
        <v>24</v>
      </c>
      <c r="C6026" s="2">
        <v>142.80000000000001</v>
      </c>
      <c r="D6026" s="2">
        <v>0</v>
      </c>
      <c r="E6026" s="2">
        <v>197.19999999999735</v>
      </c>
    </row>
    <row r="6027" spans="1:5" x14ac:dyDescent="0.25">
      <c r="A6027" s="3">
        <v>41804.524189814816</v>
      </c>
      <c r="B6027" s="2">
        <v>28.2</v>
      </c>
      <c r="C6027" s="2">
        <v>142.6</v>
      </c>
      <c r="D6027" s="2">
        <v>0</v>
      </c>
      <c r="E6027" s="2">
        <v>197.19999999999735</v>
      </c>
    </row>
    <row r="6028" spans="1:5" x14ac:dyDescent="0.25">
      <c r="A6028" s="3">
        <v>41804.524537037039</v>
      </c>
      <c r="B6028" s="2">
        <v>28.1</v>
      </c>
      <c r="C6028" s="2">
        <v>142.80000000000001</v>
      </c>
      <c r="D6028" s="2">
        <v>0</v>
      </c>
      <c r="E6028" s="2">
        <v>197.19999999999735</v>
      </c>
    </row>
    <row r="6029" spans="1:5" x14ac:dyDescent="0.25">
      <c r="A6029" s="3">
        <v>41804.525173611109</v>
      </c>
      <c r="B6029" s="2">
        <v>28.2</v>
      </c>
      <c r="C6029" s="2">
        <v>142.6</v>
      </c>
      <c r="D6029" s="2">
        <v>0</v>
      </c>
      <c r="E6029" s="2">
        <v>197.19999999999735</v>
      </c>
    </row>
    <row r="6030" spans="1:5" x14ac:dyDescent="0.25">
      <c r="A6030" s="3">
        <v>41804.525347222225</v>
      </c>
      <c r="B6030" s="2">
        <v>28.2</v>
      </c>
      <c r="C6030" s="2">
        <v>142.80000000000001</v>
      </c>
      <c r="D6030" s="2">
        <v>0</v>
      </c>
      <c r="E6030" s="2">
        <v>197.19999999999735</v>
      </c>
    </row>
    <row r="6031" spans="1:5" x14ac:dyDescent="0.25">
      <c r="A6031" s="3">
        <v>41804.525578703702</v>
      </c>
      <c r="B6031" s="2">
        <v>28.2</v>
      </c>
      <c r="C6031" s="2">
        <v>142.6</v>
      </c>
      <c r="D6031" s="2">
        <v>0</v>
      </c>
      <c r="E6031" s="2">
        <v>197.19999999999735</v>
      </c>
    </row>
    <row r="6032" spans="1:5" x14ac:dyDescent="0.25">
      <c r="A6032" s="3">
        <v>41804.525925925926</v>
      </c>
      <c r="B6032" s="2">
        <v>28.1</v>
      </c>
      <c r="C6032" s="2">
        <v>142.80000000000001</v>
      </c>
      <c r="D6032" s="2">
        <v>0</v>
      </c>
      <c r="E6032" s="2">
        <v>197.19999999999735</v>
      </c>
    </row>
    <row r="6033" spans="1:5" x14ac:dyDescent="0.25">
      <c r="A6033" s="3">
        <v>41804.526273148149</v>
      </c>
      <c r="B6033" s="2">
        <v>28.2</v>
      </c>
      <c r="C6033" s="2">
        <v>142.6</v>
      </c>
      <c r="D6033" s="2">
        <v>0</v>
      </c>
      <c r="E6033" s="2">
        <v>197.19999999999735</v>
      </c>
    </row>
    <row r="6034" spans="1:5" x14ac:dyDescent="0.25">
      <c r="A6034" s="3">
        <v>41804.528819444444</v>
      </c>
      <c r="B6034" s="2">
        <v>28.5</v>
      </c>
      <c r="C6034" s="2">
        <v>142.80000000000001</v>
      </c>
      <c r="D6034" s="2">
        <v>0</v>
      </c>
      <c r="E6034" s="2">
        <v>197.19999999999735</v>
      </c>
    </row>
    <row r="6035" spans="1:5" x14ac:dyDescent="0.25">
      <c r="A6035" s="3">
        <v>41804.528935185182</v>
      </c>
      <c r="B6035" s="2">
        <v>28.5</v>
      </c>
      <c r="C6035" s="2">
        <v>142.6</v>
      </c>
      <c r="D6035" s="2">
        <v>0</v>
      </c>
      <c r="E6035" s="2">
        <v>197.19999999999735</v>
      </c>
    </row>
    <row r="6036" spans="1:5" x14ac:dyDescent="0.25">
      <c r="A6036" s="3">
        <v>41804.562847222223</v>
      </c>
      <c r="B6036" s="2">
        <v>30.1</v>
      </c>
      <c r="C6036" s="2">
        <v>142.4</v>
      </c>
      <c r="D6036" s="2">
        <v>0</v>
      </c>
      <c r="E6036" s="2">
        <v>197.19999999999735</v>
      </c>
    </row>
    <row r="6037" spans="1:5" x14ac:dyDescent="0.25">
      <c r="A6037" s="3">
        <v>41804.562905092593</v>
      </c>
      <c r="B6037" s="2">
        <v>30</v>
      </c>
      <c r="C6037" s="2">
        <v>142.6</v>
      </c>
      <c r="D6037" s="2">
        <v>0</v>
      </c>
      <c r="E6037" s="2">
        <v>197.19999999999735</v>
      </c>
    </row>
    <row r="6038" spans="1:5" x14ac:dyDescent="0.25">
      <c r="A6038" s="3">
        <v>41804.567303240743</v>
      </c>
      <c r="B6038" s="2">
        <v>30.1</v>
      </c>
      <c r="C6038" s="2">
        <v>142.4</v>
      </c>
      <c r="D6038" s="2">
        <v>0</v>
      </c>
      <c r="E6038" s="2">
        <v>197.19999999999735</v>
      </c>
    </row>
    <row r="6039" spans="1:5" x14ac:dyDescent="0.25">
      <c r="A6039" s="3">
        <v>41804.567418981482</v>
      </c>
      <c r="B6039" s="2">
        <v>30.1</v>
      </c>
      <c r="C6039" s="2">
        <v>142.6</v>
      </c>
      <c r="D6039" s="2">
        <v>0</v>
      </c>
      <c r="E6039" s="2">
        <v>197.19999999999735</v>
      </c>
    </row>
    <row r="6040" spans="1:5" x14ac:dyDescent="0.25">
      <c r="A6040" s="3">
        <v>41804.56759259259</v>
      </c>
      <c r="B6040" s="2">
        <v>30.2</v>
      </c>
      <c r="C6040" s="2">
        <v>142.4</v>
      </c>
      <c r="D6040" s="2">
        <v>0</v>
      </c>
      <c r="E6040" s="2">
        <v>197.19999999999735</v>
      </c>
    </row>
    <row r="6041" spans="1:5" x14ac:dyDescent="0.25">
      <c r="A6041" s="3">
        <v>41804.567650462966</v>
      </c>
      <c r="B6041" s="2">
        <v>30.2</v>
      </c>
      <c r="C6041" s="2">
        <v>142.6</v>
      </c>
      <c r="D6041" s="2">
        <v>0</v>
      </c>
      <c r="E6041" s="2">
        <v>197.19999999999735</v>
      </c>
    </row>
    <row r="6042" spans="1:5" x14ac:dyDescent="0.25">
      <c r="A6042" s="3">
        <v>41804.567708333336</v>
      </c>
      <c r="B6042" s="2">
        <v>30.3</v>
      </c>
      <c r="C6042" s="2">
        <v>142.4</v>
      </c>
      <c r="D6042" s="2">
        <v>0</v>
      </c>
      <c r="E6042" s="2">
        <v>197.19999999999735</v>
      </c>
    </row>
    <row r="6043" spans="1:5" x14ac:dyDescent="0.25">
      <c r="A6043" s="3">
        <v>41804.590046296296</v>
      </c>
      <c r="B6043" s="2">
        <v>30.5</v>
      </c>
      <c r="C6043" s="2">
        <v>142.19999999999999</v>
      </c>
      <c r="D6043" s="2">
        <v>0</v>
      </c>
      <c r="E6043" s="2">
        <v>197.19999999999735</v>
      </c>
    </row>
    <row r="6044" spans="1:5" x14ac:dyDescent="0.25">
      <c r="A6044" s="3">
        <v>41804.619212962964</v>
      </c>
      <c r="B6044" s="2">
        <v>30.1</v>
      </c>
      <c r="C6044" s="2">
        <v>142</v>
      </c>
      <c r="D6044" s="2">
        <v>0</v>
      </c>
      <c r="E6044" s="2">
        <v>197.19999999999735</v>
      </c>
    </row>
    <row r="6045" spans="1:5" x14ac:dyDescent="0.25">
      <c r="A6045" s="3">
        <v>41804.63958333333</v>
      </c>
      <c r="B6045" s="2">
        <v>29.4</v>
      </c>
      <c r="C6045" s="2">
        <v>141.80000000000001</v>
      </c>
      <c r="D6045" s="2">
        <v>0</v>
      </c>
      <c r="E6045" s="2">
        <v>197.19999999999735</v>
      </c>
    </row>
    <row r="6046" spans="1:5" x14ac:dyDescent="0.25">
      <c r="A6046" s="3">
        <v>41804.640219907407</v>
      </c>
      <c r="B6046" s="2">
        <v>29.4</v>
      </c>
      <c r="C6046" s="2">
        <v>142</v>
      </c>
      <c r="D6046" s="2">
        <v>0</v>
      </c>
      <c r="E6046" s="2">
        <v>197.19999999999735</v>
      </c>
    </row>
    <row r="6047" spans="1:5" x14ac:dyDescent="0.25">
      <c r="A6047" s="3">
        <v>41804.640567129631</v>
      </c>
      <c r="B6047" s="2">
        <v>29.4</v>
      </c>
      <c r="C6047" s="2">
        <v>141.80000000000001</v>
      </c>
      <c r="D6047" s="2">
        <v>0</v>
      </c>
      <c r="E6047" s="2">
        <v>197.19999999999735</v>
      </c>
    </row>
    <row r="6048" spans="1:5" x14ac:dyDescent="0.25">
      <c r="A6048" s="3">
        <v>41804.655787037038</v>
      </c>
      <c r="B6048" s="2">
        <v>28.9</v>
      </c>
      <c r="C6048" s="2">
        <v>141.6</v>
      </c>
      <c r="D6048" s="2">
        <v>0</v>
      </c>
      <c r="E6048" s="2">
        <v>197.19999999999735</v>
      </c>
    </row>
    <row r="6049" spans="1:5" x14ac:dyDescent="0.25">
      <c r="A6049" s="3">
        <v>41804.681134259263</v>
      </c>
      <c r="B6049" s="2">
        <v>28.2</v>
      </c>
      <c r="C6049" s="2">
        <v>141.4</v>
      </c>
      <c r="D6049" s="2">
        <v>0</v>
      </c>
      <c r="E6049" s="2">
        <v>197.19999999999735</v>
      </c>
    </row>
    <row r="6050" spans="1:5" x14ac:dyDescent="0.25">
      <c r="A6050" s="3">
        <v>41804.700925925928</v>
      </c>
      <c r="B6050" s="2">
        <v>27.6</v>
      </c>
      <c r="C6050" s="2">
        <v>141.19999999999999</v>
      </c>
      <c r="D6050" s="2">
        <v>0</v>
      </c>
      <c r="E6050" s="2">
        <v>197.19999999999735</v>
      </c>
    </row>
    <row r="6051" spans="1:5" x14ac:dyDescent="0.25">
      <c r="A6051" s="3">
        <v>41804.700983796298</v>
      </c>
      <c r="B6051" s="2">
        <v>27.6</v>
      </c>
      <c r="C6051" s="2">
        <v>141.4</v>
      </c>
      <c r="D6051" s="2">
        <v>0</v>
      </c>
      <c r="E6051" s="2">
        <v>197.19999999999735</v>
      </c>
    </row>
    <row r="6052" spans="1:5" x14ac:dyDescent="0.25">
      <c r="A6052" s="3">
        <v>41804.701157407406</v>
      </c>
      <c r="B6052" s="2">
        <v>27.6</v>
      </c>
      <c r="C6052" s="2">
        <v>141.19999999999999</v>
      </c>
      <c r="D6052" s="2">
        <v>0</v>
      </c>
      <c r="E6052" s="2">
        <v>197.19999999999735</v>
      </c>
    </row>
    <row r="6053" spans="1:5" x14ac:dyDescent="0.25">
      <c r="A6053" s="3">
        <v>41804.702256944445</v>
      </c>
      <c r="B6053" s="2">
        <v>27.6</v>
      </c>
      <c r="C6053" s="2">
        <v>141.4</v>
      </c>
      <c r="D6053" s="2">
        <v>0</v>
      </c>
      <c r="E6053" s="2">
        <v>197.19999999999735</v>
      </c>
    </row>
    <row r="6054" spans="1:5" x14ac:dyDescent="0.25">
      <c r="A6054" s="3">
        <v>41804.702662037038</v>
      </c>
      <c r="B6054" s="2">
        <v>27.6</v>
      </c>
      <c r="C6054" s="2">
        <v>141.19999999999999</v>
      </c>
      <c r="D6054" s="2">
        <v>0</v>
      </c>
      <c r="E6054" s="2">
        <v>197.19999999999735</v>
      </c>
    </row>
    <row r="6055" spans="1:5" x14ac:dyDescent="0.25">
      <c r="A6055" s="3">
        <v>41804.703009259261</v>
      </c>
      <c r="B6055" s="2">
        <v>27.5</v>
      </c>
      <c r="C6055" s="2">
        <v>141.4</v>
      </c>
      <c r="D6055" s="2">
        <v>0</v>
      </c>
      <c r="E6055" s="2">
        <v>197.19999999999735</v>
      </c>
    </row>
    <row r="6056" spans="1:5" x14ac:dyDescent="0.25">
      <c r="A6056" s="3">
        <v>41804.703182870369</v>
      </c>
      <c r="B6056" s="2">
        <v>27.5</v>
      </c>
      <c r="C6056" s="2">
        <v>141.19999999999999</v>
      </c>
      <c r="D6056" s="2">
        <v>0</v>
      </c>
      <c r="E6056" s="2">
        <v>197.19999999999735</v>
      </c>
    </row>
    <row r="6057" spans="1:5" x14ac:dyDescent="0.25">
      <c r="A6057" s="3">
        <v>41804.728125000001</v>
      </c>
      <c r="B6057" s="2">
        <v>26.7</v>
      </c>
      <c r="C6057" s="2">
        <v>141</v>
      </c>
      <c r="D6057" s="2">
        <v>0</v>
      </c>
      <c r="E6057" s="2">
        <v>197.19999999999735</v>
      </c>
    </row>
    <row r="6058" spans="1:5" x14ac:dyDescent="0.25">
      <c r="A6058" s="3">
        <v>41804.72824074074</v>
      </c>
      <c r="B6058" s="2">
        <v>26.7</v>
      </c>
      <c r="C6058" s="2">
        <v>141.19999999999999</v>
      </c>
      <c r="D6058" s="2">
        <v>0</v>
      </c>
      <c r="E6058" s="2">
        <v>197.19999999999735</v>
      </c>
    </row>
    <row r="6059" spans="1:5" x14ac:dyDescent="0.25">
      <c r="A6059" s="3">
        <v>41804.729108796295</v>
      </c>
      <c r="B6059" s="2">
        <v>26.7</v>
      </c>
      <c r="C6059" s="2">
        <v>141</v>
      </c>
      <c r="D6059" s="2">
        <v>0</v>
      </c>
      <c r="E6059" s="2">
        <v>197.19999999999735</v>
      </c>
    </row>
    <row r="6060" spans="1:5" x14ac:dyDescent="0.25">
      <c r="A6060" s="3">
        <v>41804.72928240741</v>
      </c>
      <c r="B6060" s="2">
        <v>26.7</v>
      </c>
      <c r="C6060" s="2">
        <v>141.19999999999999</v>
      </c>
      <c r="D6060" s="2">
        <v>0</v>
      </c>
      <c r="E6060" s="2">
        <v>197.19999999999735</v>
      </c>
    </row>
    <row r="6061" spans="1:5" x14ac:dyDescent="0.25">
      <c r="A6061" s="3">
        <v>41804.729745370372</v>
      </c>
      <c r="B6061" s="2">
        <v>26.6</v>
      </c>
      <c r="C6061" s="2">
        <v>141</v>
      </c>
      <c r="D6061" s="2">
        <v>0</v>
      </c>
      <c r="E6061" s="2">
        <v>197.19999999999735</v>
      </c>
    </row>
    <row r="6062" spans="1:5" x14ac:dyDescent="0.25">
      <c r="A6062" s="3">
        <v>41804.732060185182</v>
      </c>
      <c r="B6062" s="2">
        <v>26.6</v>
      </c>
      <c r="C6062" s="2">
        <v>141.19999999999999</v>
      </c>
      <c r="D6062" s="2">
        <v>0</v>
      </c>
      <c r="E6062" s="2">
        <v>197.19999999999735</v>
      </c>
    </row>
    <row r="6063" spans="1:5" x14ac:dyDescent="0.25">
      <c r="A6063" s="3">
        <v>41804.732118055559</v>
      </c>
      <c r="B6063" s="2">
        <v>26.6</v>
      </c>
      <c r="C6063" s="2">
        <v>141</v>
      </c>
      <c r="D6063" s="2">
        <v>0</v>
      </c>
      <c r="E6063" s="2">
        <v>197.19999999999735</v>
      </c>
    </row>
    <row r="6064" spans="1:5" x14ac:dyDescent="0.25">
      <c r="A6064" s="3">
        <v>41804.771238425928</v>
      </c>
      <c r="B6064" s="2">
        <v>25.4</v>
      </c>
      <c r="C6064" s="2">
        <v>140.80000000000001</v>
      </c>
      <c r="D6064" s="2">
        <v>0</v>
      </c>
      <c r="E6064" s="2">
        <v>197.19999999999735</v>
      </c>
    </row>
    <row r="6065" spans="1:5" x14ac:dyDescent="0.25">
      <c r="A6065" s="3">
        <v>41804.772511574076</v>
      </c>
      <c r="B6065" s="2">
        <v>25.4</v>
      </c>
      <c r="C6065" s="2">
        <v>141</v>
      </c>
      <c r="D6065" s="2">
        <v>0</v>
      </c>
      <c r="E6065" s="2">
        <v>197.19999999999735</v>
      </c>
    </row>
    <row r="6066" spans="1:5" x14ac:dyDescent="0.25">
      <c r="A6066" s="3">
        <v>41804.774074074077</v>
      </c>
      <c r="B6066" s="2">
        <v>25.3</v>
      </c>
      <c r="C6066" s="2">
        <v>140.80000000000001</v>
      </c>
      <c r="D6066" s="2">
        <v>0</v>
      </c>
      <c r="E6066" s="2">
        <v>197.19999999999735</v>
      </c>
    </row>
    <row r="6067" spans="1:5" x14ac:dyDescent="0.25">
      <c r="A6067" s="3">
        <v>41804.830324074072</v>
      </c>
      <c r="B6067" s="2">
        <v>23.6</v>
      </c>
      <c r="C6067" s="2">
        <v>140.80000000000001</v>
      </c>
      <c r="D6067" s="2">
        <v>0.2</v>
      </c>
      <c r="E6067" s="2">
        <v>197.39999999999733</v>
      </c>
    </row>
    <row r="6068" spans="1:5" x14ac:dyDescent="0.25">
      <c r="A6068" s="3">
        <v>41804.849363425928</v>
      </c>
      <c r="B6068" s="2">
        <v>23.1</v>
      </c>
      <c r="C6068" s="2">
        <v>140.6</v>
      </c>
      <c r="D6068" s="2">
        <v>0</v>
      </c>
      <c r="E6068" s="2">
        <v>197.39999999999733</v>
      </c>
    </row>
    <row r="6069" spans="1:5" x14ac:dyDescent="0.25">
      <c r="A6069" s="3">
        <v>41804.969270833331</v>
      </c>
      <c r="B6069" s="2">
        <v>20.6</v>
      </c>
      <c r="C6069" s="2">
        <v>140.4</v>
      </c>
      <c r="D6069" s="2">
        <v>0</v>
      </c>
      <c r="E6069" s="2">
        <v>197.39999999999733</v>
      </c>
    </row>
    <row r="6070" spans="1:5" x14ac:dyDescent="0.25">
      <c r="A6070" s="3">
        <v>41805.049421296295</v>
      </c>
      <c r="B6070" s="2">
        <v>19.100000000000001</v>
      </c>
      <c r="C6070" s="2">
        <v>140.19999999999999</v>
      </c>
      <c r="D6070" s="2">
        <v>0</v>
      </c>
      <c r="E6070" s="2">
        <v>197.39999999999733</v>
      </c>
    </row>
    <row r="6071" spans="1:5" x14ac:dyDescent="0.25">
      <c r="A6071" s="3">
        <v>41805.189641203702</v>
      </c>
      <c r="B6071" s="2">
        <v>17.399999999999999</v>
      </c>
      <c r="C6071" s="2">
        <v>140</v>
      </c>
      <c r="D6071" s="2">
        <v>0</v>
      </c>
      <c r="E6071" s="2">
        <v>197.39999999999733</v>
      </c>
    </row>
    <row r="6072" spans="1:5" x14ac:dyDescent="0.25">
      <c r="A6072" s="3">
        <v>41805.305324074077</v>
      </c>
      <c r="B6072" s="2">
        <v>16.8</v>
      </c>
      <c r="C6072" s="2">
        <v>139.80000000000001</v>
      </c>
      <c r="D6072" s="2">
        <v>0</v>
      </c>
      <c r="E6072" s="2">
        <v>197.39999999999733</v>
      </c>
    </row>
    <row r="6073" spans="1:5" x14ac:dyDescent="0.25">
      <c r="A6073" s="3">
        <v>41805.347569444442</v>
      </c>
      <c r="B6073" s="2">
        <v>17.2</v>
      </c>
      <c r="C6073" s="2">
        <v>139.6</v>
      </c>
      <c r="D6073" s="2">
        <v>0</v>
      </c>
      <c r="E6073" s="2">
        <v>197.39999999999733</v>
      </c>
    </row>
    <row r="6074" spans="1:5" x14ac:dyDescent="0.25">
      <c r="A6074" s="3">
        <v>41805.44091435185</v>
      </c>
      <c r="B6074" s="2">
        <v>22.6</v>
      </c>
      <c r="C6074" s="2">
        <v>139.4</v>
      </c>
      <c r="D6074" s="2">
        <v>0</v>
      </c>
      <c r="E6074" s="2">
        <v>197.39999999999733</v>
      </c>
    </row>
    <row r="6075" spans="1:5" x14ac:dyDescent="0.25">
      <c r="A6075" s="3">
        <v>41805.441782407404</v>
      </c>
      <c r="B6075" s="2">
        <v>22.7</v>
      </c>
      <c r="C6075" s="2">
        <v>139.6</v>
      </c>
      <c r="D6075" s="2">
        <v>0</v>
      </c>
      <c r="E6075" s="2">
        <v>197.39999999999733</v>
      </c>
    </row>
    <row r="6076" spans="1:5" x14ac:dyDescent="0.25">
      <c r="A6076" s="3">
        <v>41805.443402777775</v>
      </c>
      <c r="B6076" s="2">
        <v>23</v>
      </c>
      <c r="C6076" s="2">
        <v>139.4</v>
      </c>
      <c r="D6076" s="2">
        <v>0</v>
      </c>
      <c r="E6076" s="2">
        <v>197.39999999999733</v>
      </c>
    </row>
    <row r="6077" spans="1:5" x14ac:dyDescent="0.25">
      <c r="A6077" s="3">
        <v>41805.444097222222</v>
      </c>
      <c r="B6077" s="2">
        <v>23</v>
      </c>
      <c r="C6077" s="2">
        <v>139.6</v>
      </c>
      <c r="D6077" s="2">
        <v>0</v>
      </c>
      <c r="E6077" s="2">
        <v>197.39999999999733</v>
      </c>
    </row>
    <row r="6078" spans="1:5" x14ac:dyDescent="0.25">
      <c r="A6078" s="3">
        <v>41805.444502314815</v>
      </c>
      <c r="B6078" s="2">
        <v>23.1</v>
      </c>
      <c r="C6078" s="2">
        <v>139.4</v>
      </c>
      <c r="D6078" s="2">
        <v>0</v>
      </c>
      <c r="E6078" s="2">
        <v>197.39999999999733</v>
      </c>
    </row>
    <row r="6079" spans="1:5" x14ac:dyDescent="0.25">
      <c r="A6079" s="3">
        <v>41805.444560185184</v>
      </c>
      <c r="B6079" s="2">
        <v>23.1</v>
      </c>
      <c r="C6079" s="2">
        <v>139.6</v>
      </c>
      <c r="D6079" s="2">
        <v>0</v>
      </c>
      <c r="E6079" s="2">
        <v>197.39999999999733</v>
      </c>
    </row>
    <row r="6080" spans="1:5" x14ac:dyDescent="0.25">
      <c r="A6080" s="3">
        <v>41805.444791666669</v>
      </c>
      <c r="B6080" s="2">
        <v>23</v>
      </c>
      <c r="C6080" s="2">
        <v>139.4</v>
      </c>
      <c r="D6080" s="2">
        <v>0</v>
      </c>
      <c r="E6080" s="2">
        <v>197.39999999999733</v>
      </c>
    </row>
    <row r="6081" spans="1:5" x14ac:dyDescent="0.25">
      <c r="A6081" s="3">
        <v>41805.496180555558</v>
      </c>
      <c r="B6081" s="2">
        <v>26.8</v>
      </c>
      <c r="C6081" s="2">
        <v>139.19999999999999</v>
      </c>
      <c r="D6081" s="2">
        <v>0</v>
      </c>
      <c r="E6081" s="2">
        <v>197.39999999999733</v>
      </c>
    </row>
    <row r="6082" spans="1:5" x14ac:dyDescent="0.25">
      <c r="A6082" s="3">
        <v>41805.500520833331</v>
      </c>
      <c r="B6082" s="2">
        <v>27</v>
      </c>
      <c r="C6082" s="2">
        <v>139.4</v>
      </c>
      <c r="D6082" s="2">
        <v>0</v>
      </c>
      <c r="E6082" s="2">
        <v>197.39999999999733</v>
      </c>
    </row>
    <row r="6083" spans="1:5" x14ac:dyDescent="0.25">
      <c r="A6083" s="3">
        <v>41805.500752314816</v>
      </c>
      <c r="B6083" s="2">
        <v>26.9</v>
      </c>
      <c r="C6083" s="2">
        <v>139.19999999999999</v>
      </c>
      <c r="D6083" s="2">
        <v>0</v>
      </c>
      <c r="E6083" s="2">
        <v>197.39999999999733</v>
      </c>
    </row>
    <row r="6084" spans="1:5" x14ac:dyDescent="0.25">
      <c r="A6084" s="3">
        <v>41805.501967592594</v>
      </c>
      <c r="B6084" s="2">
        <v>26.7</v>
      </c>
      <c r="C6084" s="2">
        <v>139.4</v>
      </c>
      <c r="D6084" s="2">
        <v>0</v>
      </c>
      <c r="E6084" s="2">
        <v>197.39999999999733</v>
      </c>
    </row>
    <row r="6085" spans="1:5" x14ac:dyDescent="0.25">
      <c r="A6085" s="3">
        <v>41805.502083333333</v>
      </c>
      <c r="B6085" s="2">
        <v>26.7</v>
      </c>
      <c r="C6085" s="2">
        <v>139.19999999999999</v>
      </c>
      <c r="D6085" s="2">
        <v>0</v>
      </c>
      <c r="E6085" s="2">
        <v>197.39999999999733</v>
      </c>
    </row>
    <row r="6086" spans="1:5" x14ac:dyDescent="0.25">
      <c r="A6086" s="3">
        <v>41805.52615740741</v>
      </c>
      <c r="B6086" s="2">
        <v>27.8</v>
      </c>
      <c r="C6086" s="2">
        <v>139</v>
      </c>
      <c r="D6086" s="2">
        <v>0</v>
      </c>
      <c r="E6086" s="2">
        <v>197.39999999999733</v>
      </c>
    </row>
    <row r="6087" spans="1:5" x14ac:dyDescent="0.25">
      <c r="A6087" s="3">
        <v>41805.527256944442</v>
      </c>
      <c r="B6087" s="2">
        <v>27.9</v>
      </c>
      <c r="C6087" s="2">
        <v>139.19999999999999</v>
      </c>
      <c r="D6087" s="2">
        <v>0</v>
      </c>
      <c r="E6087" s="2">
        <v>197.39999999999733</v>
      </c>
    </row>
    <row r="6088" spans="1:5" x14ac:dyDescent="0.25">
      <c r="A6088" s="3">
        <v>41805.527314814812</v>
      </c>
      <c r="B6088" s="2">
        <v>27.8</v>
      </c>
      <c r="C6088" s="2">
        <v>139</v>
      </c>
      <c r="D6088" s="2">
        <v>0</v>
      </c>
      <c r="E6088" s="2">
        <v>197.39999999999733</v>
      </c>
    </row>
    <row r="6089" spans="1:5" x14ac:dyDescent="0.25">
      <c r="A6089" s="3">
        <v>41805.552199074074</v>
      </c>
      <c r="B6089" s="2">
        <v>28.8</v>
      </c>
      <c r="C6089" s="2">
        <v>138.80000000000001</v>
      </c>
      <c r="D6089" s="2">
        <v>0</v>
      </c>
      <c r="E6089" s="2">
        <v>197.39999999999733</v>
      </c>
    </row>
    <row r="6090" spans="1:5" x14ac:dyDescent="0.25">
      <c r="A6090" s="3">
        <v>41805.568807870368</v>
      </c>
      <c r="B6090" s="2">
        <v>29.3</v>
      </c>
      <c r="C6090" s="2">
        <v>138.6</v>
      </c>
      <c r="D6090" s="2">
        <v>0</v>
      </c>
      <c r="E6090" s="2">
        <v>197.39999999999733</v>
      </c>
    </row>
    <row r="6091" spans="1:5" x14ac:dyDescent="0.25">
      <c r="A6091" s="3">
        <v>41805.571006944447</v>
      </c>
      <c r="B6091" s="2">
        <v>29.3</v>
      </c>
      <c r="C6091" s="2">
        <v>138.80000000000001</v>
      </c>
      <c r="D6091" s="2">
        <v>0</v>
      </c>
      <c r="E6091" s="2">
        <v>197.39999999999733</v>
      </c>
    </row>
    <row r="6092" spans="1:5" x14ac:dyDescent="0.25">
      <c r="A6092" s="3">
        <v>41805.571122685185</v>
      </c>
      <c r="B6092" s="2">
        <v>29.3</v>
      </c>
      <c r="C6092" s="2">
        <v>138.6</v>
      </c>
      <c r="D6092" s="2">
        <v>0</v>
      </c>
      <c r="E6092" s="2">
        <v>197.39999999999733</v>
      </c>
    </row>
    <row r="6093" spans="1:5" x14ac:dyDescent="0.25">
      <c r="A6093" s="3">
        <v>41805.572280092594</v>
      </c>
      <c r="B6093" s="2">
        <v>29.4</v>
      </c>
      <c r="C6093" s="2">
        <v>138.80000000000001</v>
      </c>
      <c r="D6093" s="2">
        <v>0</v>
      </c>
      <c r="E6093" s="2">
        <v>197.39999999999733</v>
      </c>
    </row>
    <row r="6094" spans="1:5" x14ac:dyDescent="0.25">
      <c r="A6094" s="3">
        <v>41805.572395833333</v>
      </c>
      <c r="B6094" s="2">
        <v>29.3</v>
      </c>
      <c r="C6094" s="2">
        <v>138.6</v>
      </c>
      <c r="D6094" s="2">
        <v>0</v>
      </c>
      <c r="E6094" s="2">
        <v>197.39999999999733</v>
      </c>
    </row>
    <row r="6095" spans="1:5" x14ac:dyDescent="0.25">
      <c r="A6095" s="3">
        <v>41805.589988425927</v>
      </c>
      <c r="B6095" s="2">
        <v>28.7</v>
      </c>
      <c r="C6095" s="2">
        <v>138.4</v>
      </c>
      <c r="D6095" s="2">
        <v>0</v>
      </c>
      <c r="E6095" s="2">
        <v>197.39999999999733</v>
      </c>
    </row>
    <row r="6096" spans="1:5" x14ac:dyDescent="0.25">
      <c r="A6096" s="3">
        <v>41805.600057870368</v>
      </c>
      <c r="B6096" s="2">
        <v>28.7</v>
      </c>
      <c r="C6096" s="2">
        <v>138.19999999999999</v>
      </c>
      <c r="D6096" s="2">
        <v>0</v>
      </c>
      <c r="E6096" s="2">
        <v>197.39999999999733</v>
      </c>
    </row>
    <row r="6097" spans="1:5" x14ac:dyDescent="0.25">
      <c r="A6097" s="3">
        <v>41805.620717592596</v>
      </c>
      <c r="B6097" s="2">
        <v>28.7</v>
      </c>
      <c r="C6097" s="2">
        <v>138</v>
      </c>
      <c r="D6097" s="2">
        <v>0</v>
      </c>
      <c r="E6097" s="2">
        <v>197.39999999999733</v>
      </c>
    </row>
    <row r="6098" spans="1:5" x14ac:dyDescent="0.25">
      <c r="A6098" s="3">
        <v>41805.620775462965</v>
      </c>
      <c r="B6098" s="2">
        <v>28.7</v>
      </c>
      <c r="C6098" s="2">
        <v>138.19999999999999</v>
      </c>
      <c r="D6098" s="2">
        <v>0</v>
      </c>
      <c r="E6098" s="2">
        <v>197.39999999999733</v>
      </c>
    </row>
    <row r="6099" spans="1:5" x14ac:dyDescent="0.25">
      <c r="A6099" s="3">
        <v>41805.621180555558</v>
      </c>
      <c r="B6099" s="2">
        <v>28.7</v>
      </c>
      <c r="C6099" s="2">
        <v>138</v>
      </c>
      <c r="D6099" s="2">
        <v>0</v>
      </c>
      <c r="E6099" s="2">
        <v>197.39999999999733</v>
      </c>
    </row>
    <row r="6100" spans="1:5" x14ac:dyDescent="0.25">
      <c r="A6100" s="3">
        <v>41805.645428240743</v>
      </c>
      <c r="B6100" s="2">
        <v>28.5</v>
      </c>
      <c r="C6100" s="2">
        <v>137.80000000000001</v>
      </c>
      <c r="D6100" s="2">
        <v>0</v>
      </c>
      <c r="E6100" s="2">
        <v>197.39999999999733</v>
      </c>
    </row>
    <row r="6101" spans="1:5" x14ac:dyDescent="0.25">
      <c r="A6101" s="3">
        <v>41805.646122685182</v>
      </c>
      <c r="B6101" s="2">
        <v>28.5</v>
      </c>
      <c r="C6101" s="2">
        <v>138</v>
      </c>
      <c r="D6101" s="2">
        <v>0</v>
      </c>
      <c r="E6101" s="2">
        <v>197.39999999999733</v>
      </c>
    </row>
    <row r="6102" spans="1:5" x14ac:dyDescent="0.25">
      <c r="A6102" s="3">
        <v>41805.646527777775</v>
      </c>
      <c r="B6102" s="2">
        <v>28.5</v>
      </c>
      <c r="C6102" s="2">
        <v>137.80000000000001</v>
      </c>
      <c r="D6102" s="2">
        <v>0</v>
      </c>
      <c r="E6102" s="2">
        <v>197.39999999999733</v>
      </c>
    </row>
    <row r="6103" spans="1:5" x14ac:dyDescent="0.25">
      <c r="A6103" s="3">
        <v>41805.660243055558</v>
      </c>
      <c r="B6103" s="2">
        <v>27.9</v>
      </c>
      <c r="C6103" s="2">
        <v>137.6</v>
      </c>
      <c r="D6103" s="2">
        <v>0</v>
      </c>
      <c r="E6103" s="2">
        <v>197.39999999999733</v>
      </c>
    </row>
    <row r="6104" spans="1:5" x14ac:dyDescent="0.25">
      <c r="A6104" s="3">
        <v>41805.66064814815</v>
      </c>
      <c r="B6104" s="2">
        <v>27.9</v>
      </c>
      <c r="C6104" s="2">
        <v>137.80000000000001</v>
      </c>
      <c r="D6104" s="2">
        <v>0</v>
      </c>
      <c r="E6104" s="2">
        <v>197.39999999999733</v>
      </c>
    </row>
    <row r="6105" spans="1:5" x14ac:dyDescent="0.25">
      <c r="A6105" s="3">
        <v>41805.660937499997</v>
      </c>
      <c r="B6105" s="2">
        <v>27.8</v>
      </c>
      <c r="C6105" s="2">
        <v>137.6</v>
      </c>
      <c r="D6105" s="2">
        <v>0</v>
      </c>
      <c r="E6105" s="2">
        <v>197.39999999999733</v>
      </c>
    </row>
    <row r="6106" spans="1:5" x14ac:dyDescent="0.25">
      <c r="A6106" s="3">
        <v>41805.661168981482</v>
      </c>
      <c r="B6106" s="2">
        <v>27.8</v>
      </c>
      <c r="C6106" s="2">
        <v>137.80000000000001</v>
      </c>
      <c r="D6106" s="2">
        <v>0</v>
      </c>
      <c r="E6106" s="2">
        <v>197.39999999999733</v>
      </c>
    </row>
    <row r="6107" spans="1:5" x14ac:dyDescent="0.25">
      <c r="A6107" s="3">
        <v>41805.66134259259</v>
      </c>
      <c r="B6107" s="2">
        <v>27.8</v>
      </c>
      <c r="C6107" s="2">
        <v>137.6</v>
      </c>
      <c r="D6107" s="2">
        <v>0</v>
      </c>
      <c r="E6107" s="2">
        <v>197.39999999999733</v>
      </c>
    </row>
    <row r="6108" spans="1:5" x14ac:dyDescent="0.25">
      <c r="A6108" s="3">
        <v>41805.673495370371</v>
      </c>
      <c r="B6108" s="2">
        <v>27.2</v>
      </c>
      <c r="C6108" s="2">
        <v>137.4</v>
      </c>
      <c r="D6108" s="2">
        <v>0</v>
      </c>
      <c r="E6108" s="2">
        <v>197.39999999999733</v>
      </c>
    </row>
    <row r="6109" spans="1:5" x14ac:dyDescent="0.25">
      <c r="A6109" s="3">
        <v>41805.69363425926</v>
      </c>
      <c r="B6109" s="2">
        <v>26.5</v>
      </c>
      <c r="C6109" s="2">
        <v>137.19999999999999</v>
      </c>
      <c r="D6109" s="2">
        <v>0</v>
      </c>
      <c r="E6109" s="2">
        <v>197.39999999999733</v>
      </c>
    </row>
    <row r="6110" spans="1:5" x14ac:dyDescent="0.25">
      <c r="A6110" s="3">
        <v>41805.694675925923</v>
      </c>
      <c r="B6110" s="2">
        <v>26.5</v>
      </c>
      <c r="C6110" s="2">
        <v>137.4</v>
      </c>
      <c r="D6110" s="2">
        <v>0</v>
      </c>
      <c r="E6110" s="2">
        <v>197.39999999999733</v>
      </c>
    </row>
    <row r="6111" spans="1:5" x14ac:dyDescent="0.25">
      <c r="A6111" s="3">
        <v>41805.694849537038</v>
      </c>
      <c r="B6111" s="2">
        <v>26.5</v>
      </c>
      <c r="C6111" s="2">
        <v>137.19999999999999</v>
      </c>
      <c r="D6111" s="2">
        <v>0</v>
      </c>
      <c r="E6111" s="2">
        <v>197.39999999999733</v>
      </c>
    </row>
    <row r="6112" spans="1:5" x14ac:dyDescent="0.25">
      <c r="A6112" s="3">
        <v>41805.71429398148</v>
      </c>
      <c r="B6112" s="2">
        <v>25.8</v>
      </c>
      <c r="C6112" s="2">
        <v>137</v>
      </c>
      <c r="D6112" s="2">
        <v>0</v>
      </c>
      <c r="E6112" s="2">
        <v>197.39999999999733</v>
      </c>
    </row>
    <row r="6113" spans="1:5" x14ac:dyDescent="0.25">
      <c r="A6113" s="3">
        <v>41805.730439814812</v>
      </c>
      <c r="B6113" s="2">
        <v>25.6</v>
      </c>
      <c r="C6113" s="2">
        <v>136.80000000000001</v>
      </c>
      <c r="D6113" s="2">
        <v>0</v>
      </c>
      <c r="E6113" s="2">
        <v>197.39999999999733</v>
      </c>
    </row>
    <row r="6114" spans="1:5" x14ac:dyDescent="0.25">
      <c r="A6114" s="3">
        <v>41805.731134259258</v>
      </c>
      <c r="B6114" s="2">
        <v>25.6</v>
      </c>
      <c r="C6114" s="2">
        <v>137</v>
      </c>
      <c r="D6114" s="2">
        <v>0</v>
      </c>
      <c r="E6114" s="2">
        <v>197.39999999999733</v>
      </c>
    </row>
    <row r="6115" spans="1:5" x14ac:dyDescent="0.25">
      <c r="A6115" s="3">
        <v>41805.731423611112</v>
      </c>
      <c r="B6115" s="2">
        <v>25.6</v>
      </c>
      <c r="C6115" s="2">
        <v>136.80000000000001</v>
      </c>
      <c r="D6115" s="2">
        <v>0</v>
      </c>
      <c r="E6115" s="2">
        <v>197.39999999999733</v>
      </c>
    </row>
    <row r="6116" spans="1:5" x14ac:dyDescent="0.25">
      <c r="A6116" s="3">
        <v>41805.733275462961</v>
      </c>
      <c r="B6116" s="2">
        <v>25.6</v>
      </c>
      <c r="C6116" s="2">
        <v>137</v>
      </c>
      <c r="D6116" s="2">
        <v>0</v>
      </c>
      <c r="E6116" s="2">
        <v>197.39999999999733</v>
      </c>
    </row>
    <row r="6117" spans="1:5" x14ac:dyDescent="0.25">
      <c r="A6117" s="3">
        <v>41805.733506944445</v>
      </c>
      <c r="B6117" s="2">
        <v>25.5</v>
      </c>
      <c r="C6117" s="2">
        <v>136.80000000000001</v>
      </c>
      <c r="D6117" s="2">
        <v>0</v>
      </c>
      <c r="E6117" s="2">
        <v>197.39999999999733</v>
      </c>
    </row>
    <row r="6118" spans="1:5" x14ac:dyDescent="0.25">
      <c r="A6118" s="3">
        <v>41805.756249999999</v>
      </c>
      <c r="B6118" s="2">
        <v>25</v>
      </c>
      <c r="C6118" s="2">
        <v>136.6</v>
      </c>
      <c r="D6118" s="2">
        <v>0</v>
      </c>
      <c r="E6118" s="2">
        <v>197.39999999999733</v>
      </c>
    </row>
    <row r="6119" spans="1:5" x14ac:dyDescent="0.25">
      <c r="A6119" s="3">
        <v>41805.777604166666</v>
      </c>
      <c r="B6119" s="2">
        <v>24.5</v>
      </c>
      <c r="C6119" s="2">
        <v>136.4</v>
      </c>
      <c r="D6119" s="2">
        <v>0</v>
      </c>
      <c r="E6119" s="2">
        <v>197.39999999999733</v>
      </c>
    </row>
    <row r="6120" spans="1:5" x14ac:dyDescent="0.25">
      <c r="A6120" s="3">
        <v>41805.81145833333</v>
      </c>
      <c r="B6120" s="2">
        <v>23.3</v>
      </c>
      <c r="C6120" s="2">
        <v>136.19999999999999</v>
      </c>
      <c r="D6120" s="2">
        <v>0</v>
      </c>
      <c r="E6120" s="2">
        <v>197.39999999999733</v>
      </c>
    </row>
    <row r="6121" spans="1:5" x14ac:dyDescent="0.25">
      <c r="A6121" s="3">
        <v>41805.816261574073</v>
      </c>
      <c r="B6121" s="2">
        <v>23.1</v>
      </c>
      <c r="C6121" s="2">
        <v>136.4</v>
      </c>
      <c r="D6121" s="2">
        <v>0</v>
      </c>
      <c r="E6121" s="2">
        <v>197.39999999999733</v>
      </c>
    </row>
    <row r="6122" spans="1:5" x14ac:dyDescent="0.25">
      <c r="A6122" s="3">
        <v>41805.816608796296</v>
      </c>
      <c r="B6122" s="2">
        <v>23.1</v>
      </c>
      <c r="C6122" s="2">
        <v>136.19999999999999</v>
      </c>
      <c r="D6122" s="2">
        <v>0</v>
      </c>
      <c r="E6122" s="2">
        <v>197.39999999999733</v>
      </c>
    </row>
    <row r="6123" spans="1:5" x14ac:dyDescent="0.25">
      <c r="A6123" s="3">
        <v>41805.818055555559</v>
      </c>
      <c r="B6123" s="2">
        <v>23</v>
      </c>
      <c r="C6123" s="2">
        <v>136.4</v>
      </c>
      <c r="D6123" s="2">
        <v>0</v>
      </c>
      <c r="E6123" s="2">
        <v>197.39999999999733</v>
      </c>
    </row>
    <row r="6124" spans="1:5" x14ac:dyDescent="0.25">
      <c r="A6124" s="3">
        <v>41805.818171296298</v>
      </c>
      <c r="B6124" s="2">
        <v>23</v>
      </c>
      <c r="C6124" s="2">
        <v>136.19999999999999</v>
      </c>
      <c r="D6124" s="2">
        <v>0</v>
      </c>
      <c r="E6124" s="2">
        <v>197.39999999999733</v>
      </c>
    </row>
    <row r="6125" spans="1:5" x14ac:dyDescent="0.25">
      <c r="A6125" s="3">
        <v>41805.844212962962</v>
      </c>
      <c r="B6125" s="2">
        <v>22.2</v>
      </c>
      <c r="C6125" s="2">
        <v>136</v>
      </c>
      <c r="D6125" s="2">
        <v>0</v>
      </c>
      <c r="E6125" s="2">
        <v>197.39999999999733</v>
      </c>
    </row>
    <row r="6126" spans="1:5" x14ac:dyDescent="0.25">
      <c r="A6126" s="3">
        <v>41805.882523148146</v>
      </c>
      <c r="B6126" s="2">
        <v>21.1</v>
      </c>
      <c r="C6126" s="2">
        <v>135.80000000000001</v>
      </c>
      <c r="D6126" s="2">
        <v>0</v>
      </c>
      <c r="E6126" s="2">
        <v>197.39999999999733</v>
      </c>
    </row>
    <row r="6127" spans="1:5" x14ac:dyDescent="0.25">
      <c r="A6127" s="3">
        <v>41805.952372685184</v>
      </c>
      <c r="B6127" s="2">
        <v>19.399999999999999</v>
      </c>
      <c r="C6127" s="2">
        <v>135.6</v>
      </c>
      <c r="D6127" s="2">
        <v>0</v>
      </c>
      <c r="E6127" s="2">
        <v>197.39999999999733</v>
      </c>
    </row>
    <row r="6128" spans="1:5" x14ac:dyDescent="0.25">
      <c r="A6128" s="3">
        <v>41806.02853009259</v>
      </c>
      <c r="B6128" s="2">
        <v>18.100000000000001</v>
      </c>
      <c r="C6128" s="2">
        <v>135.4</v>
      </c>
      <c r="D6128" s="2">
        <v>0</v>
      </c>
      <c r="E6128" s="2">
        <v>197.39999999999733</v>
      </c>
    </row>
    <row r="6129" spans="1:5" x14ac:dyDescent="0.25">
      <c r="A6129" s="3">
        <v>41806.175347222219</v>
      </c>
      <c r="B6129" s="2">
        <v>16.5</v>
      </c>
      <c r="C6129" s="2">
        <v>135.19999999999999</v>
      </c>
      <c r="D6129" s="2">
        <v>0</v>
      </c>
      <c r="E6129" s="2">
        <v>197.39999999999733</v>
      </c>
    </row>
    <row r="6130" spans="1:5" x14ac:dyDescent="0.25">
      <c r="A6130" s="3">
        <v>41806.303761574076</v>
      </c>
      <c r="B6130" s="2">
        <v>15.8</v>
      </c>
      <c r="C6130" s="2">
        <v>135</v>
      </c>
      <c r="D6130" s="2">
        <v>0</v>
      </c>
      <c r="E6130" s="2">
        <v>197.39999999999733</v>
      </c>
    </row>
    <row r="6131" spans="1:5" x14ac:dyDescent="0.25">
      <c r="A6131" s="3">
        <v>41806.311921296299</v>
      </c>
      <c r="B6131" s="2">
        <v>15.9</v>
      </c>
      <c r="C6131" s="2">
        <v>135.19999999999999</v>
      </c>
      <c r="D6131" s="2">
        <v>0</v>
      </c>
      <c r="E6131" s="2">
        <v>197.39999999999733</v>
      </c>
    </row>
    <row r="6132" spans="1:5" x14ac:dyDescent="0.25">
      <c r="A6132" s="3">
        <v>41806.312037037038</v>
      </c>
      <c r="B6132" s="2">
        <v>15.9</v>
      </c>
      <c r="C6132" s="2">
        <v>135</v>
      </c>
      <c r="D6132" s="2">
        <v>0</v>
      </c>
      <c r="E6132" s="2">
        <v>197.39999999999733</v>
      </c>
    </row>
    <row r="6133" spans="1:5" x14ac:dyDescent="0.25">
      <c r="A6133" s="3">
        <v>41806.358854166669</v>
      </c>
      <c r="B6133" s="2">
        <v>16.5</v>
      </c>
      <c r="C6133" s="2">
        <v>134.80000000000001</v>
      </c>
      <c r="D6133" s="2">
        <v>0</v>
      </c>
      <c r="E6133" s="2">
        <v>197.39999999999733</v>
      </c>
    </row>
    <row r="6134" spans="1:5" x14ac:dyDescent="0.25">
      <c r="A6134" s="3">
        <v>41806.359259259261</v>
      </c>
      <c r="B6134" s="2">
        <v>16.5</v>
      </c>
      <c r="C6134" s="2">
        <v>135</v>
      </c>
      <c r="D6134" s="2">
        <v>0</v>
      </c>
      <c r="E6134" s="2">
        <v>197.39999999999733</v>
      </c>
    </row>
    <row r="6135" spans="1:5" x14ac:dyDescent="0.25">
      <c r="A6135" s="3">
        <v>41806.359895833331</v>
      </c>
      <c r="B6135" s="2">
        <v>16.5</v>
      </c>
      <c r="C6135" s="2">
        <v>134.80000000000001</v>
      </c>
      <c r="D6135" s="2">
        <v>0</v>
      </c>
      <c r="E6135" s="2">
        <v>197.39999999999733</v>
      </c>
    </row>
    <row r="6136" spans="1:5" x14ac:dyDescent="0.25">
      <c r="A6136" s="3">
        <v>41806.364351851851</v>
      </c>
      <c r="B6136" s="2">
        <v>16.600000000000001</v>
      </c>
      <c r="C6136" s="2">
        <v>135</v>
      </c>
      <c r="D6136" s="2">
        <v>0</v>
      </c>
      <c r="E6136" s="2">
        <v>197.39999999999733</v>
      </c>
    </row>
    <row r="6137" spans="1:5" x14ac:dyDescent="0.25">
      <c r="A6137" s="3">
        <v>41806.365046296298</v>
      </c>
      <c r="B6137" s="2">
        <v>16.600000000000001</v>
      </c>
      <c r="C6137" s="2">
        <v>134.80000000000001</v>
      </c>
      <c r="D6137" s="2">
        <v>0</v>
      </c>
      <c r="E6137" s="2">
        <v>197.39999999999733</v>
      </c>
    </row>
    <row r="6138" spans="1:5" x14ac:dyDescent="0.25">
      <c r="A6138" s="3">
        <v>41806.369502314818</v>
      </c>
      <c r="B6138" s="2">
        <v>16.7</v>
      </c>
      <c r="C6138" s="2">
        <v>135</v>
      </c>
      <c r="D6138" s="2">
        <v>0</v>
      </c>
      <c r="E6138" s="2">
        <v>197.39999999999733</v>
      </c>
    </row>
    <row r="6139" spans="1:5" x14ac:dyDescent="0.25">
      <c r="A6139" s="3">
        <v>41806.369791666664</v>
      </c>
      <c r="B6139" s="2">
        <v>16.600000000000001</v>
      </c>
      <c r="C6139" s="2">
        <v>134.80000000000001</v>
      </c>
      <c r="D6139" s="2">
        <v>0</v>
      </c>
      <c r="E6139" s="2">
        <v>197.39999999999733</v>
      </c>
    </row>
    <row r="6140" spans="1:5" x14ac:dyDescent="0.25">
      <c r="A6140" s="3">
        <v>41806.370196759257</v>
      </c>
      <c r="B6140" s="2">
        <v>16.7</v>
      </c>
      <c r="C6140" s="2">
        <v>135</v>
      </c>
      <c r="D6140" s="2">
        <v>0</v>
      </c>
      <c r="E6140" s="2">
        <v>197.39999999999733</v>
      </c>
    </row>
    <row r="6141" spans="1:5" x14ac:dyDescent="0.25">
      <c r="A6141" s="3">
        <v>41806.370370370372</v>
      </c>
      <c r="B6141" s="2">
        <v>16.7</v>
      </c>
      <c r="C6141" s="2">
        <v>134.80000000000001</v>
      </c>
      <c r="D6141" s="2">
        <v>0</v>
      </c>
      <c r="E6141" s="2">
        <v>197.39999999999733</v>
      </c>
    </row>
    <row r="6142" spans="1:5" x14ac:dyDescent="0.25">
      <c r="A6142" s="3">
        <v>41806.370891203704</v>
      </c>
      <c r="B6142" s="2">
        <v>16.7</v>
      </c>
      <c r="C6142" s="2">
        <v>135</v>
      </c>
      <c r="D6142" s="2">
        <v>0</v>
      </c>
      <c r="E6142" s="2">
        <v>197.39999999999733</v>
      </c>
    </row>
    <row r="6143" spans="1:5" x14ac:dyDescent="0.25">
      <c r="A6143" s="3">
        <v>41806.371296296296</v>
      </c>
      <c r="B6143" s="2">
        <v>16.7</v>
      </c>
      <c r="C6143" s="2">
        <v>134.80000000000001</v>
      </c>
      <c r="D6143" s="2">
        <v>0</v>
      </c>
      <c r="E6143" s="2">
        <v>197.39999999999733</v>
      </c>
    </row>
    <row r="6144" spans="1:5" x14ac:dyDescent="0.25">
      <c r="A6144" s="3">
        <v>41806.372569444444</v>
      </c>
      <c r="B6144" s="2">
        <v>16.7</v>
      </c>
      <c r="C6144" s="2">
        <v>135</v>
      </c>
      <c r="D6144" s="2">
        <v>0</v>
      </c>
      <c r="E6144" s="2">
        <v>197.39999999999733</v>
      </c>
    </row>
    <row r="6145" spans="1:5" x14ac:dyDescent="0.25">
      <c r="A6145" s="3">
        <v>41806.372685185182</v>
      </c>
      <c r="B6145" s="2">
        <v>16.7</v>
      </c>
      <c r="C6145" s="2">
        <v>134.80000000000001</v>
      </c>
      <c r="D6145" s="2">
        <v>0</v>
      </c>
      <c r="E6145" s="2">
        <v>197.39999999999733</v>
      </c>
    </row>
    <row r="6146" spans="1:5" x14ac:dyDescent="0.25">
      <c r="A6146" s="3">
        <v>41806.372800925928</v>
      </c>
      <c r="B6146" s="2">
        <v>16.7</v>
      </c>
      <c r="C6146" s="2">
        <v>135</v>
      </c>
      <c r="D6146" s="2">
        <v>0</v>
      </c>
      <c r="E6146" s="2">
        <v>197.39999999999733</v>
      </c>
    </row>
    <row r="6147" spans="1:5" x14ac:dyDescent="0.25">
      <c r="A6147" s="3">
        <v>41806.372974537036</v>
      </c>
      <c r="B6147" s="2">
        <v>16.7</v>
      </c>
      <c r="C6147" s="2">
        <v>134.80000000000001</v>
      </c>
      <c r="D6147" s="2">
        <v>0</v>
      </c>
      <c r="E6147" s="2">
        <v>197.39999999999733</v>
      </c>
    </row>
    <row r="6148" spans="1:5" x14ac:dyDescent="0.25">
      <c r="A6148" s="3">
        <v>41806.373379629629</v>
      </c>
      <c r="B6148" s="2">
        <v>16.7</v>
      </c>
      <c r="C6148" s="2">
        <v>135</v>
      </c>
      <c r="D6148" s="2">
        <v>0</v>
      </c>
      <c r="E6148" s="2">
        <v>197.39999999999733</v>
      </c>
    </row>
    <row r="6149" spans="1:5" x14ac:dyDescent="0.25">
      <c r="A6149" s="3">
        <v>41806.373726851853</v>
      </c>
      <c r="B6149" s="2">
        <v>16.7</v>
      </c>
      <c r="C6149" s="2">
        <v>134.80000000000001</v>
      </c>
      <c r="D6149" s="2">
        <v>0</v>
      </c>
      <c r="E6149" s="2">
        <v>197.39999999999733</v>
      </c>
    </row>
    <row r="6150" spans="1:5" x14ac:dyDescent="0.25">
      <c r="A6150" s="3">
        <v>41806.376331018517</v>
      </c>
      <c r="B6150" s="2">
        <v>16.8</v>
      </c>
      <c r="C6150" s="2">
        <v>135</v>
      </c>
      <c r="D6150" s="2">
        <v>0</v>
      </c>
      <c r="E6150" s="2">
        <v>197.39999999999733</v>
      </c>
    </row>
    <row r="6151" spans="1:5" x14ac:dyDescent="0.25">
      <c r="A6151" s="3">
        <v>41806.376446759263</v>
      </c>
      <c r="B6151" s="2">
        <v>16.8</v>
      </c>
      <c r="C6151" s="2">
        <v>134.80000000000001</v>
      </c>
      <c r="D6151" s="2">
        <v>0</v>
      </c>
      <c r="E6151" s="2">
        <v>197.39999999999733</v>
      </c>
    </row>
    <row r="6152" spans="1:5" x14ac:dyDescent="0.25">
      <c r="A6152" s="3">
        <v>41806.377141203702</v>
      </c>
      <c r="B6152" s="2">
        <v>16.7</v>
      </c>
      <c r="C6152" s="2">
        <v>135</v>
      </c>
      <c r="D6152" s="2">
        <v>0</v>
      </c>
      <c r="E6152" s="2">
        <v>197.39999999999733</v>
      </c>
    </row>
    <row r="6153" spans="1:5" x14ac:dyDescent="0.25">
      <c r="A6153" s="3">
        <v>41806.377314814818</v>
      </c>
      <c r="B6153" s="2">
        <v>16.7</v>
      </c>
      <c r="C6153" s="2">
        <v>134.80000000000001</v>
      </c>
      <c r="D6153" s="2">
        <v>0</v>
      </c>
      <c r="E6153" s="2">
        <v>197.39999999999733</v>
      </c>
    </row>
    <row r="6154" spans="1:5" x14ac:dyDescent="0.25">
      <c r="A6154" s="3">
        <v>41806.377430555556</v>
      </c>
      <c r="B6154" s="2">
        <v>16.7</v>
      </c>
      <c r="C6154" s="2">
        <v>135</v>
      </c>
      <c r="D6154" s="2">
        <v>0</v>
      </c>
      <c r="E6154" s="2">
        <v>197.39999999999733</v>
      </c>
    </row>
    <row r="6155" spans="1:5" x14ac:dyDescent="0.25">
      <c r="A6155" s="3">
        <v>41806.377604166664</v>
      </c>
      <c r="B6155" s="2">
        <v>16.7</v>
      </c>
      <c r="C6155" s="2">
        <v>134.80000000000001</v>
      </c>
      <c r="D6155" s="2">
        <v>0</v>
      </c>
      <c r="E6155" s="2">
        <v>197.39999999999733</v>
      </c>
    </row>
    <row r="6156" spans="1:5" x14ac:dyDescent="0.25">
      <c r="A6156" s="3">
        <v>41806.383680555555</v>
      </c>
      <c r="B6156" s="2">
        <v>16.899999999999999</v>
      </c>
      <c r="C6156" s="2">
        <v>135</v>
      </c>
      <c r="D6156" s="2">
        <v>0</v>
      </c>
      <c r="E6156" s="2">
        <v>197.39999999999733</v>
      </c>
    </row>
    <row r="6157" spans="1:5" x14ac:dyDescent="0.25">
      <c r="A6157" s="3">
        <v>41806.383912037039</v>
      </c>
      <c r="B6157" s="2">
        <v>16.899999999999999</v>
      </c>
      <c r="C6157" s="2">
        <v>134.80000000000001</v>
      </c>
      <c r="D6157" s="2">
        <v>0</v>
      </c>
      <c r="E6157" s="2">
        <v>197.39999999999733</v>
      </c>
    </row>
    <row r="6158" spans="1:5" x14ac:dyDescent="0.25">
      <c r="A6158" s="3">
        <v>41806.496817129628</v>
      </c>
      <c r="B6158" s="2">
        <v>19.5</v>
      </c>
      <c r="C6158" s="2">
        <v>134.6</v>
      </c>
      <c r="D6158" s="2">
        <v>0</v>
      </c>
      <c r="E6158" s="2">
        <v>197.39999999999733</v>
      </c>
    </row>
    <row r="6159" spans="1:5" x14ac:dyDescent="0.25">
      <c r="A6159" s="3">
        <v>41806.497048611112</v>
      </c>
      <c r="B6159" s="2">
        <v>19.600000000000001</v>
      </c>
      <c r="C6159" s="2">
        <v>134.80000000000001</v>
      </c>
      <c r="D6159" s="2">
        <v>0</v>
      </c>
      <c r="E6159" s="2">
        <v>197.39999999999733</v>
      </c>
    </row>
    <row r="6160" spans="1:5" x14ac:dyDescent="0.25">
      <c r="A6160" s="3">
        <v>41806.498784722222</v>
      </c>
      <c r="B6160" s="2">
        <v>19.7</v>
      </c>
      <c r="C6160" s="2">
        <v>134.6</v>
      </c>
      <c r="D6160" s="2">
        <v>0</v>
      </c>
      <c r="E6160" s="2">
        <v>197.39999999999733</v>
      </c>
    </row>
    <row r="6161" spans="1:5" x14ac:dyDescent="0.25">
      <c r="A6161" s="3">
        <v>41806.49895833333</v>
      </c>
      <c r="B6161" s="2">
        <v>19.600000000000001</v>
      </c>
      <c r="C6161" s="2">
        <v>134.80000000000001</v>
      </c>
      <c r="D6161" s="2">
        <v>0</v>
      </c>
      <c r="E6161" s="2">
        <v>197.39999999999733</v>
      </c>
    </row>
    <row r="6162" spans="1:5" x14ac:dyDescent="0.25">
      <c r="A6162" s="3">
        <v>41806.499074074076</v>
      </c>
      <c r="B6162" s="2">
        <v>19.600000000000001</v>
      </c>
      <c r="C6162" s="2">
        <v>134.6</v>
      </c>
      <c r="D6162" s="2">
        <v>0</v>
      </c>
      <c r="E6162" s="2">
        <v>197.39999999999733</v>
      </c>
    </row>
    <row r="6163" spans="1:5" x14ac:dyDescent="0.25">
      <c r="A6163" s="3">
        <v>41806.499537037038</v>
      </c>
      <c r="B6163" s="2">
        <v>19.600000000000001</v>
      </c>
      <c r="C6163" s="2">
        <v>134.80000000000001</v>
      </c>
      <c r="D6163" s="2">
        <v>0</v>
      </c>
      <c r="E6163" s="2">
        <v>197.39999999999733</v>
      </c>
    </row>
    <row r="6164" spans="1:5" x14ac:dyDescent="0.25">
      <c r="A6164" s="3">
        <v>41806.501851851855</v>
      </c>
      <c r="B6164" s="2">
        <v>19.7</v>
      </c>
      <c r="C6164" s="2">
        <v>134.6</v>
      </c>
      <c r="D6164" s="2">
        <v>0</v>
      </c>
      <c r="E6164" s="2">
        <v>197.39999999999733</v>
      </c>
    </row>
    <row r="6165" spans="1:5" x14ac:dyDescent="0.25">
      <c r="A6165" s="3">
        <v>41806.501967592594</v>
      </c>
      <c r="B6165" s="2">
        <v>19.7</v>
      </c>
      <c r="C6165" s="2">
        <v>134.80000000000001</v>
      </c>
      <c r="D6165" s="2">
        <v>0</v>
      </c>
      <c r="E6165" s="2">
        <v>197.39999999999733</v>
      </c>
    </row>
    <row r="6166" spans="1:5" x14ac:dyDescent="0.25">
      <c r="A6166" s="3">
        <v>41806.50277777778</v>
      </c>
      <c r="B6166" s="2">
        <v>19.600000000000001</v>
      </c>
      <c r="C6166" s="2">
        <v>134.6</v>
      </c>
      <c r="D6166" s="2">
        <v>0</v>
      </c>
      <c r="E6166" s="2">
        <v>197.39999999999733</v>
      </c>
    </row>
    <row r="6167" spans="1:5" x14ac:dyDescent="0.25">
      <c r="A6167" s="3">
        <v>41806.502835648149</v>
      </c>
      <c r="B6167" s="2">
        <v>19.600000000000001</v>
      </c>
      <c r="C6167" s="2">
        <v>134.80000000000001</v>
      </c>
      <c r="D6167" s="2">
        <v>0</v>
      </c>
      <c r="E6167" s="2">
        <v>197.39999999999733</v>
      </c>
    </row>
    <row r="6168" spans="1:5" x14ac:dyDescent="0.25">
      <c r="A6168" s="3">
        <v>41806.503587962965</v>
      </c>
      <c r="B6168" s="2">
        <v>19.7</v>
      </c>
      <c r="C6168" s="2">
        <v>134.6</v>
      </c>
      <c r="D6168" s="2">
        <v>0</v>
      </c>
      <c r="E6168" s="2">
        <v>197.39999999999733</v>
      </c>
    </row>
    <row r="6169" spans="1:5" x14ac:dyDescent="0.25">
      <c r="A6169" s="3">
        <v>41806.506712962961</v>
      </c>
      <c r="B6169" s="2">
        <v>19.7</v>
      </c>
      <c r="C6169" s="2">
        <v>134.80000000000001</v>
      </c>
      <c r="D6169" s="2">
        <v>0</v>
      </c>
      <c r="E6169" s="2">
        <v>197.39999999999733</v>
      </c>
    </row>
    <row r="6170" spans="1:5" x14ac:dyDescent="0.25">
      <c r="A6170" s="3">
        <v>41806.507465277777</v>
      </c>
      <c r="B6170" s="2">
        <v>19.7</v>
      </c>
      <c r="C6170" s="2">
        <v>134.6</v>
      </c>
      <c r="D6170" s="2">
        <v>0</v>
      </c>
      <c r="E6170" s="2">
        <v>197.39999999999733</v>
      </c>
    </row>
    <row r="6171" spans="1:5" x14ac:dyDescent="0.25">
      <c r="A6171" s="3">
        <v>41806.507523148146</v>
      </c>
      <c r="B6171" s="2">
        <v>19.7</v>
      </c>
      <c r="C6171" s="2">
        <v>134.80000000000001</v>
      </c>
      <c r="D6171" s="2">
        <v>0</v>
      </c>
      <c r="E6171" s="2">
        <v>197.39999999999733</v>
      </c>
    </row>
    <row r="6172" spans="1:5" x14ac:dyDescent="0.25">
      <c r="A6172" s="3">
        <v>41806.508622685185</v>
      </c>
      <c r="B6172" s="2">
        <v>19.7</v>
      </c>
      <c r="C6172" s="2">
        <v>134.6</v>
      </c>
      <c r="D6172" s="2">
        <v>0</v>
      </c>
      <c r="E6172" s="2">
        <v>197.39999999999733</v>
      </c>
    </row>
    <row r="6173" spans="1:5" x14ac:dyDescent="0.25">
      <c r="A6173" s="3">
        <v>41806.512326388889</v>
      </c>
      <c r="B6173" s="2">
        <v>19.7</v>
      </c>
      <c r="C6173" s="2">
        <v>134.80000000000001</v>
      </c>
      <c r="D6173" s="2">
        <v>0</v>
      </c>
      <c r="E6173" s="2">
        <v>197.39999999999733</v>
      </c>
    </row>
    <row r="6174" spans="1:5" x14ac:dyDescent="0.25">
      <c r="A6174" s="3">
        <v>41806.512442129628</v>
      </c>
      <c r="B6174" s="2">
        <v>19.7</v>
      </c>
      <c r="C6174" s="2">
        <v>134.6</v>
      </c>
      <c r="D6174" s="2">
        <v>0</v>
      </c>
      <c r="E6174" s="2">
        <v>197.39999999999733</v>
      </c>
    </row>
    <row r="6175" spans="1:5" x14ac:dyDescent="0.25">
      <c r="A6175" s="3">
        <v>41806.561168981483</v>
      </c>
      <c r="B6175" s="2">
        <v>20.100000000000001</v>
      </c>
      <c r="C6175" s="2">
        <v>134.4</v>
      </c>
      <c r="D6175" s="2">
        <v>0</v>
      </c>
      <c r="E6175" s="2">
        <v>197.39999999999733</v>
      </c>
    </row>
    <row r="6176" spans="1:5" x14ac:dyDescent="0.25">
      <c r="A6176" s="3">
        <v>41806.564293981479</v>
      </c>
      <c r="B6176" s="2">
        <v>20.100000000000001</v>
      </c>
      <c r="C6176" s="2">
        <v>134.6</v>
      </c>
      <c r="D6176" s="2">
        <v>0</v>
      </c>
      <c r="E6176" s="2">
        <v>197.39999999999733</v>
      </c>
    </row>
    <row r="6177" spans="1:5" x14ac:dyDescent="0.25">
      <c r="A6177" s="3">
        <v>41806.564409722225</v>
      </c>
      <c r="B6177" s="2">
        <v>20.100000000000001</v>
      </c>
      <c r="C6177" s="2">
        <v>134.4</v>
      </c>
      <c r="D6177" s="2">
        <v>0</v>
      </c>
      <c r="E6177" s="2">
        <v>197.39999999999733</v>
      </c>
    </row>
    <row r="6178" spans="1:5" x14ac:dyDescent="0.25">
      <c r="A6178" s="3">
        <v>41806.565451388888</v>
      </c>
      <c r="B6178" s="2">
        <v>20.100000000000001</v>
      </c>
      <c r="C6178" s="2">
        <v>134.6</v>
      </c>
      <c r="D6178" s="2">
        <v>0</v>
      </c>
      <c r="E6178" s="2">
        <v>197.39999999999733</v>
      </c>
    </row>
    <row r="6179" spans="1:5" x14ac:dyDescent="0.25">
      <c r="A6179" s="3">
        <v>41806.565740740742</v>
      </c>
      <c r="B6179" s="2">
        <v>20.100000000000001</v>
      </c>
      <c r="C6179" s="2">
        <v>134.4</v>
      </c>
      <c r="D6179" s="2">
        <v>0</v>
      </c>
      <c r="E6179" s="2">
        <v>197.39999999999733</v>
      </c>
    </row>
    <row r="6180" spans="1:5" x14ac:dyDescent="0.25">
      <c r="A6180" s="3">
        <v>41806.631423611114</v>
      </c>
      <c r="B6180" s="2">
        <v>20.7</v>
      </c>
      <c r="C6180" s="2">
        <v>134.19999999999999</v>
      </c>
      <c r="D6180" s="2">
        <v>0</v>
      </c>
      <c r="E6180" s="2">
        <v>197.39999999999733</v>
      </c>
    </row>
    <row r="6181" spans="1:5" x14ac:dyDescent="0.25">
      <c r="A6181" s="3">
        <v>41806.633622685185</v>
      </c>
      <c r="B6181" s="2">
        <v>20.7</v>
      </c>
      <c r="C6181" s="2">
        <v>134.4</v>
      </c>
      <c r="D6181" s="2">
        <v>0</v>
      </c>
      <c r="E6181" s="2">
        <v>197.39999999999733</v>
      </c>
    </row>
    <row r="6182" spans="1:5" x14ac:dyDescent="0.25">
      <c r="A6182" s="3">
        <v>41806.633738425924</v>
      </c>
      <c r="B6182" s="2">
        <v>20.7</v>
      </c>
      <c r="C6182" s="2">
        <v>134.19999999999999</v>
      </c>
      <c r="D6182" s="2">
        <v>0</v>
      </c>
      <c r="E6182" s="2">
        <v>197.39999999999733</v>
      </c>
    </row>
    <row r="6183" spans="1:5" x14ac:dyDescent="0.25">
      <c r="A6183" s="3">
        <v>41806.639293981483</v>
      </c>
      <c r="B6183" s="2">
        <v>20.7</v>
      </c>
      <c r="C6183" s="2">
        <v>134.4</v>
      </c>
      <c r="D6183" s="2">
        <v>0</v>
      </c>
      <c r="E6183" s="2">
        <v>197.39999999999733</v>
      </c>
    </row>
    <row r="6184" spans="1:5" x14ac:dyDescent="0.25">
      <c r="A6184" s="3">
        <v>41806.639409722222</v>
      </c>
      <c r="B6184" s="2">
        <v>20.7</v>
      </c>
      <c r="C6184" s="2">
        <v>134.19999999999999</v>
      </c>
      <c r="D6184" s="2">
        <v>0</v>
      </c>
      <c r="E6184" s="2">
        <v>197.39999999999733</v>
      </c>
    </row>
    <row r="6185" spans="1:5" x14ac:dyDescent="0.25">
      <c r="A6185" s="3">
        <v>41806.693344907406</v>
      </c>
      <c r="B6185" s="2">
        <v>21.3</v>
      </c>
      <c r="C6185" s="2">
        <v>134</v>
      </c>
      <c r="D6185" s="2">
        <v>0</v>
      </c>
      <c r="E6185" s="2">
        <v>197.39999999999733</v>
      </c>
    </row>
    <row r="6186" spans="1:5" x14ac:dyDescent="0.25">
      <c r="A6186" s="3">
        <v>41806.747106481482</v>
      </c>
      <c r="B6186" s="2">
        <v>20.8</v>
      </c>
      <c r="C6186" s="2">
        <v>133.80000000000001</v>
      </c>
      <c r="D6186" s="2">
        <v>0</v>
      </c>
      <c r="E6186" s="2">
        <v>197.39999999999733</v>
      </c>
    </row>
    <row r="6187" spans="1:5" x14ac:dyDescent="0.25">
      <c r="A6187" s="3">
        <v>41806.752256944441</v>
      </c>
      <c r="B6187" s="2">
        <v>20.8</v>
      </c>
      <c r="C6187" s="2">
        <v>134</v>
      </c>
      <c r="D6187" s="2">
        <v>0</v>
      </c>
      <c r="E6187" s="2">
        <v>197.39999999999733</v>
      </c>
    </row>
    <row r="6188" spans="1:5" x14ac:dyDescent="0.25">
      <c r="A6188" s="3">
        <v>41806.752430555556</v>
      </c>
      <c r="B6188" s="2">
        <v>20.8</v>
      </c>
      <c r="C6188" s="2">
        <v>133.80000000000001</v>
      </c>
      <c r="D6188" s="2">
        <v>0</v>
      </c>
      <c r="E6188" s="2">
        <v>197.39999999999733</v>
      </c>
    </row>
    <row r="6189" spans="1:5" x14ac:dyDescent="0.25">
      <c r="A6189" s="3">
        <v>41806.842824074076</v>
      </c>
      <c r="B6189" s="2">
        <v>19.8</v>
      </c>
      <c r="C6189" s="2">
        <v>133.6</v>
      </c>
      <c r="D6189" s="2">
        <v>0</v>
      </c>
      <c r="E6189" s="2">
        <v>197.39999999999733</v>
      </c>
    </row>
    <row r="6190" spans="1:5" x14ac:dyDescent="0.25">
      <c r="A6190" s="3">
        <v>41806.943113425928</v>
      </c>
      <c r="B6190" s="2">
        <v>18.3</v>
      </c>
      <c r="C6190" s="2">
        <v>133.4</v>
      </c>
      <c r="D6190" s="2">
        <v>0</v>
      </c>
      <c r="E6190" s="2">
        <v>197.39999999999733</v>
      </c>
    </row>
    <row r="6191" spans="1:5" x14ac:dyDescent="0.25">
      <c r="A6191" s="3">
        <v>41807.275057870371</v>
      </c>
      <c r="B6191" s="2">
        <v>15.7</v>
      </c>
      <c r="C6191" s="2">
        <v>133.19999999999999</v>
      </c>
      <c r="D6191" s="2">
        <v>0</v>
      </c>
      <c r="E6191" s="2">
        <v>197.39999999999733</v>
      </c>
    </row>
    <row r="6192" spans="1:5" x14ac:dyDescent="0.25">
      <c r="A6192" s="3">
        <v>41807.346875000003</v>
      </c>
      <c r="B6192" s="2">
        <v>16.5</v>
      </c>
      <c r="C6192" s="2">
        <v>133</v>
      </c>
      <c r="D6192" s="2">
        <v>0</v>
      </c>
      <c r="E6192" s="2">
        <v>197.39999999999733</v>
      </c>
    </row>
    <row r="6193" spans="1:5" x14ac:dyDescent="0.25">
      <c r="A6193" s="3">
        <v>41807.402719907404</v>
      </c>
      <c r="B6193" s="2">
        <v>17.7</v>
      </c>
      <c r="C6193" s="2">
        <v>132.80000000000001</v>
      </c>
      <c r="D6193" s="2">
        <v>0</v>
      </c>
      <c r="E6193" s="2">
        <v>197.39999999999733</v>
      </c>
    </row>
    <row r="6194" spans="1:5" x14ac:dyDescent="0.25">
      <c r="A6194" s="3">
        <v>41807.430960648147</v>
      </c>
      <c r="B6194" s="2">
        <v>18.600000000000001</v>
      </c>
      <c r="C6194" s="2">
        <v>132.80000000000001</v>
      </c>
      <c r="D6194" s="2">
        <v>0</v>
      </c>
      <c r="E6194" s="2">
        <v>197.39999999999733</v>
      </c>
    </row>
    <row r="6195" spans="1:5" x14ac:dyDescent="0.25">
      <c r="A6195" s="3">
        <v>41807.486458333333</v>
      </c>
      <c r="B6195" s="2">
        <v>20.6</v>
      </c>
      <c r="C6195" s="2">
        <v>133</v>
      </c>
      <c r="D6195" s="2">
        <v>0</v>
      </c>
      <c r="E6195" s="2">
        <v>197.39999999999733</v>
      </c>
    </row>
    <row r="6196" spans="1:5" x14ac:dyDescent="0.25">
      <c r="A6196" s="3">
        <v>41807.486574074072</v>
      </c>
      <c r="B6196" s="2">
        <v>20.6</v>
      </c>
      <c r="C6196" s="2">
        <v>132.80000000000001</v>
      </c>
      <c r="D6196" s="2">
        <v>0</v>
      </c>
      <c r="E6196" s="2">
        <v>197.39999999999733</v>
      </c>
    </row>
    <row r="6197" spans="1:5" x14ac:dyDescent="0.25">
      <c r="A6197" s="3">
        <v>41807.557986111111</v>
      </c>
      <c r="B6197" s="2">
        <v>20.7</v>
      </c>
      <c r="C6197" s="2">
        <v>132.6</v>
      </c>
      <c r="D6197" s="2">
        <v>0</v>
      </c>
      <c r="E6197" s="2">
        <v>197.39999999999733</v>
      </c>
    </row>
    <row r="6198" spans="1:5" x14ac:dyDescent="0.25">
      <c r="A6198" s="3">
        <v>41807.606307870374</v>
      </c>
      <c r="B6198" s="2">
        <v>22.2</v>
      </c>
      <c r="C6198" s="2">
        <v>132.4</v>
      </c>
      <c r="D6198" s="2">
        <v>0</v>
      </c>
      <c r="E6198" s="2">
        <v>197.39999999999733</v>
      </c>
    </row>
    <row r="6199" spans="1:5" x14ac:dyDescent="0.25">
      <c r="A6199" s="3">
        <v>41807.606770833336</v>
      </c>
      <c r="B6199" s="2">
        <v>22.2</v>
      </c>
      <c r="C6199" s="2">
        <v>132.6</v>
      </c>
      <c r="D6199" s="2">
        <v>0</v>
      </c>
      <c r="E6199" s="2">
        <v>197.39999999999733</v>
      </c>
    </row>
    <row r="6200" spans="1:5" x14ac:dyDescent="0.25">
      <c r="A6200" s="3">
        <v>41807.607349537036</v>
      </c>
      <c r="B6200" s="2">
        <v>22.3</v>
      </c>
      <c r="C6200" s="2">
        <v>132.4</v>
      </c>
      <c r="D6200" s="2">
        <v>0</v>
      </c>
      <c r="E6200" s="2">
        <v>197.39999999999733</v>
      </c>
    </row>
    <row r="6201" spans="1:5" x14ac:dyDescent="0.25">
      <c r="A6201" s="3">
        <v>41807.607465277775</v>
      </c>
      <c r="B6201" s="2">
        <v>22.3</v>
      </c>
      <c r="C6201" s="2">
        <v>132.6</v>
      </c>
      <c r="D6201" s="2">
        <v>0</v>
      </c>
      <c r="E6201" s="2">
        <v>197.39999999999733</v>
      </c>
    </row>
    <row r="6202" spans="1:5" x14ac:dyDescent="0.25">
      <c r="A6202" s="3">
        <v>41807.608506944445</v>
      </c>
      <c r="B6202" s="2">
        <v>22.3</v>
      </c>
      <c r="C6202" s="2">
        <v>132.4</v>
      </c>
      <c r="D6202" s="2">
        <v>0</v>
      </c>
      <c r="E6202" s="2">
        <v>197.39999999999733</v>
      </c>
    </row>
    <row r="6203" spans="1:5" x14ac:dyDescent="0.25">
      <c r="A6203" s="3">
        <v>41807.661516203705</v>
      </c>
      <c r="B6203" s="2">
        <v>23.3</v>
      </c>
      <c r="C6203" s="2">
        <v>132.19999999999999</v>
      </c>
      <c r="D6203" s="2">
        <v>0</v>
      </c>
      <c r="E6203" s="2">
        <v>197.39999999999733</v>
      </c>
    </row>
    <row r="6204" spans="1:5" x14ac:dyDescent="0.25">
      <c r="A6204" s="3">
        <v>41807.661631944444</v>
      </c>
      <c r="B6204" s="2">
        <v>23.3</v>
      </c>
      <c r="C6204" s="2">
        <v>132.4</v>
      </c>
      <c r="D6204" s="2">
        <v>0</v>
      </c>
      <c r="E6204" s="2">
        <v>197.39999999999733</v>
      </c>
    </row>
    <row r="6205" spans="1:5" x14ac:dyDescent="0.25">
      <c r="A6205" s="3">
        <v>41807.661921296298</v>
      </c>
      <c r="B6205" s="2">
        <v>23.4</v>
      </c>
      <c r="C6205" s="2">
        <v>132.19999999999999</v>
      </c>
      <c r="D6205" s="2">
        <v>0</v>
      </c>
      <c r="E6205" s="2">
        <v>197.39999999999733</v>
      </c>
    </row>
    <row r="6206" spans="1:5" x14ac:dyDescent="0.25">
      <c r="A6206" s="3">
        <v>41807.662673611114</v>
      </c>
      <c r="B6206" s="2">
        <v>23.4</v>
      </c>
      <c r="C6206" s="2">
        <v>132.4</v>
      </c>
      <c r="D6206" s="2">
        <v>0</v>
      </c>
      <c r="E6206" s="2">
        <v>197.39999999999733</v>
      </c>
    </row>
    <row r="6207" spans="1:5" x14ac:dyDescent="0.25">
      <c r="A6207" s="3">
        <v>41807.662905092591</v>
      </c>
      <c r="B6207" s="2">
        <v>23.4</v>
      </c>
      <c r="C6207" s="2">
        <v>132.19999999999999</v>
      </c>
      <c r="D6207" s="2">
        <v>0</v>
      </c>
      <c r="E6207" s="2">
        <v>197.39999999999733</v>
      </c>
    </row>
    <row r="6208" spans="1:5" x14ac:dyDescent="0.25">
      <c r="A6208" s="3">
        <v>41807.663078703707</v>
      </c>
      <c r="B6208" s="2">
        <v>23.4</v>
      </c>
      <c r="C6208" s="2">
        <v>132.4</v>
      </c>
      <c r="D6208" s="2">
        <v>0</v>
      </c>
      <c r="E6208" s="2">
        <v>197.39999999999733</v>
      </c>
    </row>
    <row r="6209" spans="1:5" x14ac:dyDescent="0.25">
      <c r="A6209" s="3">
        <v>41807.663310185184</v>
      </c>
      <c r="B6209" s="2">
        <v>23.4</v>
      </c>
      <c r="C6209" s="2">
        <v>132.19999999999999</v>
      </c>
      <c r="D6209" s="2">
        <v>0</v>
      </c>
      <c r="E6209" s="2">
        <v>197.39999999999733</v>
      </c>
    </row>
    <row r="6210" spans="1:5" x14ac:dyDescent="0.25">
      <c r="A6210" s="3">
        <v>41807.702719907407</v>
      </c>
      <c r="B6210" s="2">
        <v>23.3</v>
      </c>
      <c r="C6210" s="2">
        <v>132</v>
      </c>
      <c r="D6210" s="2">
        <v>0</v>
      </c>
      <c r="E6210" s="2">
        <v>197.39999999999733</v>
      </c>
    </row>
    <row r="6211" spans="1:5" x14ac:dyDescent="0.25">
      <c r="A6211" s="3">
        <v>41807.703587962962</v>
      </c>
      <c r="B6211" s="2">
        <v>23.3</v>
      </c>
      <c r="C6211" s="2">
        <v>132.19999999999999</v>
      </c>
      <c r="D6211" s="2">
        <v>0</v>
      </c>
      <c r="E6211" s="2">
        <v>197.39999999999733</v>
      </c>
    </row>
    <row r="6212" spans="1:5" x14ac:dyDescent="0.25">
      <c r="A6212" s="3">
        <v>41807.704224537039</v>
      </c>
      <c r="B6212" s="2">
        <v>23.3</v>
      </c>
      <c r="C6212" s="2">
        <v>132</v>
      </c>
      <c r="D6212" s="2">
        <v>0</v>
      </c>
      <c r="E6212" s="2">
        <v>197.39999999999733</v>
      </c>
    </row>
    <row r="6213" spans="1:5" x14ac:dyDescent="0.25">
      <c r="A6213" s="3">
        <v>41807.735069444447</v>
      </c>
      <c r="B6213" s="2">
        <v>23</v>
      </c>
      <c r="C6213" s="2">
        <v>131.80000000000001</v>
      </c>
      <c r="D6213" s="2">
        <v>0</v>
      </c>
      <c r="E6213" s="2">
        <v>197.39999999999733</v>
      </c>
    </row>
    <row r="6214" spans="1:5" x14ac:dyDescent="0.25">
      <c r="A6214" s="3">
        <v>41807.735763888886</v>
      </c>
      <c r="B6214" s="2">
        <v>23</v>
      </c>
      <c r="C6214" s="2">
        <v>132</v>
      </c>
      <c r="D6214" s="2">
        <v>0</v>
      </c>
      <c r="E6214" s="2">
        <v>197.39999999999733</v>
      </c>
    </row>
    <row r="6215" spans="1:5" x14ac:dyDescent="0.25">
      <c r="A6215" s="3">
        <v>41807.735937500001</v>
      </c>
      <c r="B6215" s="2">
        <v>23</v>
      </c>
      <c r="C6215" s="2">
        <v>131.80000000000001</v>
      </c>
      <c r="D6215" s="2">
        <v>0</v>
      </c>
      <c r="E6215" s="2">
        <v>197.39999999999733</v>
      </c>
    </row>
    <row r="6216" spans="1:5" x14ac:dyDescent="0.25">
      <c r="A6216" s="3">
        <v>41807.736574074072</v>
      </c>
      <c r="B6216" s="2">
        <v>23</v>
      </c>
      <c r="C6216" s="2">
        <v>132</v>
      </c>
      <c r="D6216" s="2">
        <v>0</v>
      </c>
      <c r="E6216" s="2">
        <v>197.39999999999733</v>
      </c>
    </row>
    <row r="6217" spans="1:5" x14ac:dyDescent="0.25">
      <c r="A6217" s="3">
        <v>41807.736863425926</v>
      </c>
      <c r="B6217" s="2">
        <v>23</v>
      </c>
      <c r="C6217" s="2">
        <v>131.80000000000001</v>
      </c>
      <c r="D6217" s="2">
        <v>0</v>
      </c>
      <c r="E6217" s="2">
        <v>197.39999999999733</v>
      </c>
    </row>
    <row r="6218" spans="1:5" x14ac:dyDescent="0.25">
      <c r="A6218" s="3">
        <v>41807.73709490741</v>
      </c>
      <c r="B6218" s="2">
        <v>23</v>
      </c>
      <c r="C6218" s="2">
        <v>132</v>
      </c>
      <c r="D6218" s="2">
        <v>0</v>
      </c>
      <c r="E6218" s="2">
        <v>197.39999999999733</v>
      </c>
    </row>
    <row r="6219" spans="1:5" x14ac:dyDescent="0.25">
      <c r="A6219" s="3">
        <v>41807.737326388888</v>
      </c>
      <c r="B6219" s="2">
        <v>23</v>
      </c>
      <c r="C6219" s="2">
        <v>131.80000000000001</v>
      </c>
      <c r="D6219" s="2">
        <v>0</v>
      </c>
      <c r="E6219" s="2">
        <v>197.39999999999733</v>
      </c>
    </row>
    <row r="6220" spans="1:5" x14ac:dyDescent="0.25">
      <c r="A6220" s="3">
        <v>41807.761979166666</v>
      </c>
      <c r="B6220" s="2">
        <v>23.2</v>
      </c>
      <c r="C6220" s="2">
        <v>131.6</v>
      </c>
      <c r="D6220" s="2">
        <v>0</v>
      </c>
      <c r="E6220" s="2">
        <v>197.39999999999733</v>
      </c>
    </row>
    <row r="6221" spans="1:5" x14ac:dyDescent="0.25">
      <c r="A6221" s="3">
        <v>41807.762037037035</v>
      </c>
      <c r="B6221" s="2">
        <v>23.2</v>
      </c>
      <c r="C6221" s="2">
        <v>131.80000000000001</v>
      </c>
      <c r="D6221" s="2">
        <v>0</v>
      </c>
      <c r="E6221" s="2">
        <v>197.39999999999733</v>
      </c>
    </row>
    <row r="6222" spans="1:5" x14ac:dyDescent="0.25">
      <c r="A6222" s="3">
        <v>41807.77175925926</v>
      </c>
      <c r="B6222" s="2">
        <v>22.9</v>
      </c>
      <c r="C6222" s="2">
        <v>131.6</v>
      </c>
      <c r="D6222" s="2">
        <v>0</v>
      </c>
      <c r="E6222" s="2">
        <v>197.39999999999733</v>
      </c>
    </row>
    <row r="6223" spans="1:5" x14ac:dyDescent="0.25">
      <c r="A6223" s="3">
        <v>41807.809317129628</v>
      </c>
      <c r="B6223" s="2">
        <v>22.3</v>
      </c>
      <c r="C6223" s="2">
        <v>131.4</v>
      </c>
      <c r="D6223" s="2">
        <v>0</v>
      </c>
      <c r="E6223" s="2">
        <v>197.39999999999733</v>
      </c>
    </row>
    <row r="6224" spans="1:5" x14ac:dyDescent="0.25">
      <c r="A6224" s="3">
        <v>41807.809432870374</v>
      </c>
      <c r="B6224" s="2">
        <v>22.3</v>
      </c>
      <c r="C6224" s="2">
        <v>131.6</v>
      </c>
      <c r="D6224" s="2">
        <v>0</v>
      </c>
      <c r="E6224" s="2">
        <v>197.39999999999733</v>
      </c>
    </row>
    <row r="6225" spans="1:5" x14ac:dyDescent="0.25">
      <c r="A6225" s="3">
        <v>41807.809548611112</v>
      </c>
      <c r="B6225" s="2">
        <v>22.3</v>
      </c>
      <c r="C6225" s="2">
        <v>131.4</v>
      </c>
      <c r="D6225" s="2">
        <v>0</v>
      </c>
      <c r="E6225" s="2">
        <v>197.39999999999733</v>
      </c>
    </row>
    <row r="6226" spans="1:5" x14ac:dyDescent="0.25">
      <c r="A6226" s="3">
        <v>41807.81354166667</v>
      </c>
      <c r="B6226" s="2">
        <v>22.1</v>
      </c>
      <c r="C6226" s="2">
        <v>131.6</v>
      </c>
      <c r="D6226" s="2">
        <v>0</v>
      </c>
      <c r="E6226" s="2">
        <v>197.39999999999733</v>
      </c>
    </row>
    <row r="6227" spans="1:5" x14ac:dyDescent="0.25">
      <c r="A6227" s="3">
        <v>41807.813715277778</v>
      </c>
      <c r="B6227" s="2">
        <v>22.1</v>
      </c>
      <c r="C6227" s="2">
        <v>131.4</v>
      </c>
      <c r="D6227" s="2">
        <v>0</v>
      </c>
      <c r="E6227" s="2">
        <v>197.39999999999733</v>
      </c>
    </row>
    <row r="6228" spans="1:5" x14ac:dyDescent="0.25">
      <c r="A6228" s="3">
        <v>41807.846875000003</v>
      </c>
      <c r="B6228" s="2">
        <v>21.3</v>
      </c>
      <c r="C6228" s="2">
        <v>131.19999999999999</v>
      </c>
      <c r="D6228" s="2">
        <v>0</v>
      </c>
      <c r="E6228" s="2">
        <v>197.39999999999733</v>
      </c>
    </row>
    <row r="6229" spans="1:5" x14ac:dyDescent="0.25">
      <c r="A6229" s="3">
        <v>41807.905555555553</v>
      </c>
      <c r="B6229" s="2">
        <v>20</v>
      </c>
      <c r="C6229" s="2">
        <v>131</v>
      </c>
      <c r="D6229" s="2">
        <v>0</v>
      </c>
      <c r="E6229" s="2">
        <v>197.39999999999733</v>
      </c>
    </row>
    <row r="6230" spans="1:5" x14ac:dyDescent="0.25">
      <c r="A6230" s="3">
        <v>41808.026736111111</v>
      </c>
      <c r="B6230" s="2">
        <v>18.2</v>
      </c>
      <c r="C6230" s="2">
        <v>130.80000000000001</v>
      </c>
      <c r="D6230" s="2">
        <v>0</v>
      </c>
      <c r="E6230" s="2">
        <v>197.39999999999733</v>
      </c>
    </row>
    <row r="6231" spans="1:5" x14ac:dyDescent="0.25">
      <c r="A6231" s="3">
        <v>41808.231828703705</v>
      </c>
      <c r="B6231" s="2">
        <v>15.4</v>
      </c>
      <c r="C6231" s="2">
        <v>130.6</v>
      </c>
      <c r="D6231" s="2">
        <v>0</v>
      </c>
      <c r="E6231" s="2">
        <v>197.39999999999733</v>
      </c>
    </row>
    <row r="6232" spans="1:5" x14ac:dyDescent="0.25">
      <c r="A6232" s="3">
        <v>41808.331423611111</v>
      </c>
      <c r="B6232" s="2">
        <v>14.9</v>
      </c>
      <c r="C6232" s="2">
        <v>130.4</v>
      </c>
      <c r="D6232" s="2">
        <v>0</v>
      </c>
      <c r="E6232" s="2">
        <v>197.39999999999733</v>
      </c>
    </row>
    <row r="6233" spans="1:5" x14ac:dyDescent="0.25">
      <c r="A6233" s="3">
        <v>41808.359490740739</v>
      </c>
      <c r="B6233" s="2">
        <v>15.5</v>
      </c>
      <c r="C6233" s="2">
        <v>130.19999999999999</v>
      </c>
      <c r="D6233" s="2">
        <v>0</v>
      </c>
      <c r="E6233" s="2">
        <v>197.39999999999733</v>
      </c>
    </row>
    <row r="6234" spans="1:5" x14ac:dyDescent="0.25">
      <c r="A6234" s="3">
        <v>41808.488946759258</v>
      </c>
      <c r="B6234" s="2">
        <v>23.6</v>
      </c>
      <c r="C6234" s="2">
        <v>130</v>
      </c>
      <c r="D6234" s="2">
        <v>0</v>
      </c>
      <c r="E6234" s="2">
        <v>197.39999999999733</v>
      </c>
    </row>
    <row r="6235" spans="1:5" x14ac:dyDescent="0.25">
      <c r="A6235" s="3">
        <v>41808.489062499997</v>
      </c>
      <c r="B6235" s="2">
        <v>23.6</v>
      </c>
      <c r="C6235" s="2">
        <v>130.19999999999999</v>
      </c>
      <c r="D6235" s="2">
        <v>0</v>
      </c>
      <c r="E6235" s="2">
        <v>197.39999999999733</v>
      </c>
    </row>
    <row r="6236" spans="1:5" x14ac:dyDescent="0.25">
      <c r="A6236" s="3">
        <v>41808.495081018518</v>
      </c>
      <c r="B6236" s="2">
        <v>24</v>
      </c>
      <c r="C6236" s="2">
        <v>130</v>
      </c>
      <c r="D6236" s="2">
        <v>0</v>
      </c>
      <c r="E6236" s="2">
        <v>197.39999999999733</v>
      </c>
    </row>
    <row r="6237" spans="1:5" x14ac:dyDescent="0.25">
      <c r="A6237" s="3">
        <v>41808.49560185185</v>
      </c>
      <c r="B6237" s="2">
        <v>24</v>
      </c>
      <c r="C6237" s="2">
        <v>130.19999999999999</v>
      </c>
      <c r="D6237" s="2">
        <v>0</v>
      </c>
      <c r="E6237" s="2">
        <v>197.39999999999733</v>
      </c>
    </row>
    <row r="6238" spans="1:5" x14ac:dyDescent="0.25">
      <c r="A6238" s="3">
        <v>41808.495775462965</v>
      </c>
      <c r="B6238" s="2">
        <v>24</v>
      </c>
      <c r="C6238" s="2">
        <v>130</v>
      </c>
      <c r="D6238" s="2">
        <v>0</v>
      </c>
      <c r="E6238" s="2">
        <v>197.39999999999733</v>
      </c>
    </row>
    <row r="6239" spans="1:5" x14ac:dyDescent="0.25">
      <c r="A6239" s="3">
        <v>41808.496990740743</v>
      </c>
      <c r="B6239" s="2">
        <v>24</v>
      </c>
      <c r="C6239" s="2">
        <v>130.19999999999999</v>
      </c>
      <c r="D6239" s="2">
        <v>0</v>
      </c>
      <c r="E6239" s="2">
        <v>197.39999999999733</v>
      </c>
    </row>
    <row r="6240" spans="1:5" x14ac:dyDescent="0.25">
      <c r="A6240" s="3">
        <v>41808.497685185182</v>
      </c>
      <c r="B6240" s="2">
        <v>24.1</v>
      </c>
      <c r="C6240" s="2">
        <v>130</v>
      </c>
      <c r="D6240" s="2">
        <v>0</v>
      </c>
      <c r="E6240" s="2">
        <v>197.39999999999733</v>
      </c>
    </row>
    <row r="6241" spans="1:5" x14ac:dyDescent="0.25">
      <c r="A6241" s="3">
        <v>41808.498668981483</v>
      </c>
      <c r="B6241" s="2">
        <v>24.1</v>
      </c>
      <c r="C6241" s="2">
        <v>130.19999999999999</v>
      </c>
      <c r="D6241" s="2">
        <v>0</v>
      </c>
      <c r="E6241" s="2">
        <v>197.39999999999733</v>
      </c>
    </row>
    <row r="6242" spans="1:5" x14ac:dyDescent="0.25">
      <c r="A6242" s="3">
        <v>41808.498784722222</v>
      </c>
      <c r="B6242" s="2">
        <v>24.2</v>
      </c>
      <c r="C6242" s="2">
        <v>130</v>
      </c>
      <c r="D6242" s="2">
        <v>0</v>
      </c>
      <c r="E6242" s="2">
        <v>197.39999999999733</v>
      </c>
    </row>
    <row r="6243" spans="1:5" x14ac:dyDescent="0.25">
      <c r="A6243" s="3">
        <v>41808.499247685184</v>
      </c>
      <c r="B6243" s="2">
        <v>24.2</v>
      </c>
      <c r="C6243" s="2">
        <v>130.19999999999999</v>
      </c>
      <c r="D6243" s="2">
        <v>0</v>
      </c>
      <c r="E6243" s="2">
        <v>197.39999999999733</v>
      </c>
    </row>
    <row r="6244" spans="1:5" x14ac:dyDescent="0.25">
      <c r="A6244" s="3">
        <v>41808.499305555553</v>
      </c>
      <c r="B6244" s="2">
        <v>24.2</v>
      </c>
      <c r="C6244" s="2">
        <v>130</v>
      </c>
      <c r="D6244" s="2">
        <v>0</v>
      </c>
      <c r="E6244" s="2">
        <v>197.39999999999733</v>
      </c>
    </row>
    <row r="6245" spans="1:5" x14ac:dyDescent="0.25">
      <c r="A6245" s="3">
        <v>41808.499826388892</v>
      </c>
      <c r="B6245" s="2">
        <v>24.3</v>
      </c>
      <c r="C6245" s="2">
        <v>130.19999999999999</v>
      </c>
      <c r="D6245" s="2">
        <v>0</v>
      </c>
      <c r="E6245" s="2">
        <v>197.39999999999733</v>
      </c>
    </row>
    <row r="6246" spans="1:5" x14ac:dyDescent="0.25">
      <c r="A6246" s="3">
        <v>41808.500057870369</v>
      </c>
      <c r="B6246" s="2">
        <v>24.4</v>
      </c>
      <c r="C6246" s="2">
        <v>130</v>
      </c>
      <c r="D6246" s="2">
        <v>0</v>
      </c>
      <c r="E6246" s="2">
        <v>197.39999999999733</v>
      </c>
    </row>
    <row r="6247" spans="1:5" x14ac:dyDescent="0.25">
      <c r="A6247" s="3">
        <v>41808.506076388891</v>
      </c>
      <c r="B6247" s="2">
        <v>24.7</v>
      </c>
      <c r="C6247" s="2">
        <v>130.19999999999999</v>
      </c>
      <c r="D6247" s="2">
        <v>0</v>
      </c>
      <c r="E6247" s="2">
        <v>197.39999999999733</v>
      </c>
    </row>
    <row r="6248" spans="1:5" x14ac:dyDescent="0.25">
      <c r="A6248" s="3">
        <v>41808.506249999999</v>
      </c>
      <c r="B6248" s="2">
        <v>24.7</v>
      </c>
      <c r="C6248" s="2">
        <v>130</v>
      </c>
      <c r="D6248" s="2">
        <v>0</v>
      </c>
      <c r="E6248" s="2">
        <v>197.39999999999733</v>
      </c>
    </row>
    <row r="6249" spans="1:5" x14ac:dyDescent="0.25">
      <c r="A6249" s="3">
        <v>41808.539641203701</v>
      </c>
      <c r="B6249" s="2">
        <v>26.8</v>
      </c>
      <c r="C6249" s="2">
        <v>129.80000000000001</v>
      </c>
      <c r="D6249" s="2">
        <v>0</v>
      </c>
      <c r="E6249" s="2">
        <v>197.39999999999733</v>
      </c>
    </row>
    <row r="6250" spans="1:5" x14ac:dyDescent="0.25">
      <c r="A6250" s="3">
        <v>41808.539756944447</v>
      </c>
      <c r="B6250" s="2">
        <v>26.8</v>
      </c>
      <c r="C6250" s="2">
        <v>130</v>
      </c>
      <c r="D6250" s="2">
        <v>0</v>
      </c>
      <c r="E6250" s="2">
        <v>197.39999999999733</v>
      </c>
    </row>
    <row r="6251" spans="1:5" x14ac:dyDescent="0.25">
      <c r="A6251" s="3">
        <v>41808.540162037039</v>
      </c>
      <c r="B6251" s="2">
        <v>26.8</v>
      </c>
      <c r="C6251" s="2">
        <v>129.80000000000001</v>
      </c>
      <c r="D6251" s="2">
        <v>0</v>
      </c>
      <c r="E6251" s="2">
        <v>197.39999999999733</v>
      </c>
    </row>
    <row r="6252" spans="1:5" x14ac:dyDescent="0.25">
      <c r="A6252" s="3">
        <v>41808.540277777778</v>
      </c>
      <c r="B6252" s="2">
        <v>26.8</v>
      </c>
      <c r="C6252" s="2">
        <v>130</v>
      </c>
      <c r="D6252" s="2">
        <v>0</v>
      </c>
      <c r="E6252" s="2">
        <v>197.39999999999733</v>
      </c>
    </row>
    <row r="6253" spans="1:5" x14ac:dyDescent="0.25">
      <c r="A6253" s="3">
        <v>41808.546354166669</v>
      </c>
      <c r="B6253" s="2">
        <v>26.9</v>
      </c>
      <c r="C6253" s="2">
        <v>129.80000000000001</v>
      </c>
      <c r="D6253" s="2">
        <v>0</v>
      </c>
      <c r="E6253" s="2">
        <v>197.39999999999733</v>
      </c>
    </row>
    <row r="6254" spans="1:5" x14ac:dyDescent="0.25">
      <c r="A6254" s="3">
        <v>41808.573958333334</v>
      </c>
      <c r="B6254" s="2">
        <v>27.2</v>
      </c>
      <c r="C6254" s="2">
        <v>129.6</v>
      </c>
      <c r="D6254" s="2">
        <v>0</v>
      </c>
      <c r="E6254" s="2">
        <v>197.39999999999733</v>
      </c>
    </row>
    <row r="6255" spans="1:5" x14ac:dyDescent="0.25">
      <c r="A6255" s="3">
        <v>41808.574652777781</v>
      </c>
      <c r="B6255" s="2">
        <v>27.2</v>
      </c>
      <c r="C6255" s="2">
        <v>129.80000000000001</v>
      </c>
      <c r="D6255" s="2">
        <v>0</v>
      </c>
      <c r="E6255" s="2">
        <v>197.39999999999733</v>
      </c>
    </row>
    <row r="6256" spans="1:5" x14ac:dyDescent="0.25">
      <c r="A6256" s="3">
        <v>41808.57476851852</v>
      </c>
      <c r="B6256" s="2">
        <v>27.2</v>
      </c>
      <c r="C6256" s="2">
        <v>129.6</v>
      </c>
      <c r="D6256" s="2">
        <v>0</v>
      </c>
      <c r="E6256" s="2">
        <v>197.39999999999733</v>
      </c>
    </row>
    <row r="6257" spans="1:5" x14ac:dyDescent="0.25">
      <c r="A6257" s="3">
        <v>41808.574884259258</v>
      </c>
      <c r="B6257" s="2">
        <v>27.2</v>
      </c>
      <c r="C6257" s="2">
        <v>129.80000000000001</v>
      </c>
      <c r="D6257" s="2">
        <v>0</v>
      </c>
      <c r="E6257" s="2">
        <v>197.39999999999733</v>
      </c>
    </row>
    <row r="6258" spans="1:5" x14ac:dyDescent="0.25">
      <c r="A6258" s="3">
        <v>41808.57534722222</v>
      </c>
      <c r="B6258" s="2">
        <v>27.2</v>
      </c>
      <c r="C6258" s="2">
        <v>129.6</v>
      </c>
      <c r="D6258" s="2">
        <v>0</v>
      </c>
      <c r="E6258" s="2">
        <v>197.39999999999733</v>
      </c>
    </row>
    <row r="6259" spans="1:5" x14ac:dyDescent="0.25">
      <c r="A6259" s="3">
        <v>41808.57540509259</v>
      </c>
      <c r="B6259" s="2">
        <v>27.2</v>
      </c>
      <c r="C6259" s="2">
        <v>129.80000000000001</v>
      </c>
      <c r="D6259" s="2">
        <v>0</v>
      </c>
      <c r="E6259" s="2">
        <v>197.39999999999733</v>
      </c>
    </row>
    <row r="6260" spans="1:5" x14ac:dyDescent="0.25">
      <c r="A6260" s="3">
        <v>41808.575520833336</v>
      </c>
      <c r="B6260" s="2">
        <v>27.2</v>
      </c>
      <c r="C6260" s="2">
        <v>129.6</v>
      </c>
      <c r="D6260" s="2">
        <v>0</v>
      </c>
      <c r="E6260" s="2">
        <v>197.39999999999733</v>
      </c>
    </row>
    <row r="6261" spans="1:5" x14ac:dyDescent="0.25">
      <c r="A6261" s="3">
        <v>41808.575868055559</v>
      </c>
      <c r="B6261" s="2">
        <v>27.2</v>
      </c>
      <c r="C6261" s="2">
        <v>129.80000000000001</v>
      </c>
      <c r="D6261" s="2">
        <v>0</v>
      </c>
      <c r="E6261" s="2">
        <v>197.39999999999733</v>
      </c>
    </row>
    <row r="6262" spans="1:5" x14ac:dyDescent="0.25">
      <c r="A6262" s="3">
        <v>41808.575925925928</v>
      </c>
      <c r="B6262" s="2">
        <v>27.2</v>
      </c>
      <c r="C6262" s="2">
        <v>129.6</v>
      </c>
      <c r="D6262" s="2">
        <v>0</v>
      </c>
      <c r="E6262" s="2">
        <v>197.39999999999733</v>
      </c>
    </row>
    <row r="6263" spans="1:5" x14ac:dyDescent="0.25">
      <c r="A6263" s="3">
        <v>41808.576215277775</v>
      </c>
      <c r="B6263" s="2">
        <v>27.2</v>
      </c>
      <c r="C6263" s="2">
        <v>129.80000000000001</v>
      </c>
      <c r="D6263" s="2">
        <v>0</v>
      </c>
      <c r="E6263" s="2">
        <v>197.39999999999733</v>
      </c>
    </row>
    <row r="6264" spans="1:5" x14ac:dyDescent="0.25">
      <c r="A6264" s="3">
        <v>41808.576273148145</v>
      </c>
      <c r="B6264" s="2">
        <v>27.2</v>
      </c>
      <c r="C6264" s="2">
        <v>129.6</v>
      </c>
      <c r="D6264" s="2">
        <v>0</v>
      </c>
      <c r="E6264" s="2">
        <v>197.39999999999733</v>
      </c>
    </row>
    <row r="6265" spans="1:5" x14ac:dyDescent="0.25">
      <c r="A6265" s="3">
        <v>41808.576331018521</v>
      </c>
      <c r="B6265" s="2">
        <v>27.2</v>
      </c>
      <c r="C6265" s="2">
        <v>129.80000000000001</v>
      </c>
      <c r="D6265" s="2">
        <v>0</v>
      </c>
      <c r="E6265" s="2">
        <v>197.39999999999733</v>
      </c>
    </row>
    <row r="6266" spans="1:5" x14ac:dyDescent="0.25">
      <c r="A6266" s="3">
        <v>41808.576388888891</v>
      </c>
      <c r="B6266" s="2">
        <v>27.2</v>
      </c>
      <c r="C6266" s="2">
        <v>129.6</v>
      </c>
      <c r="D6266" s="2">
        <v>0</v>
      </c>
      <c r="E6266" s="2">
        <v>197.39999999999733</v>
      </c>
    </row>
    <row r="6267" spans="1:5" x14ac:dyDescent="0.25">
      <c r="A6267" s="3">
        <v>41808.577025462961</v>
      </c>
      <c r="B6267" s="2">
        <v>27.2</v>
      </c>
      <c r="C6267" s="2">
        <v>129.80000000000001</v>
      </c>
      <c r="D6267" s="2">
        <v>0</v>
      </c>
      <c r="E6267" s="2">
        <v>197.39999999999733</v>
      </c>
    </row>
    <row r="6268" spans="1:5" x14ac:dyDescent="0.25">
      <c r="A6268" s="3">
        <v>41808.577141203707</v>
      </c>
      <c r="B6268" s="2">
        <v>27.2</v>
      </c>
      <c r="C6268" s="2">
        <v>129.6</v>
      </c>
      <c r="D6268" s="2">
        <v>0</v>
      </c>
      <c r="E6268" s="2">
        <v>197.39999999999733</v>
      </c>
    </row>
    <row r="6269" spans="1:5" x14ac:dyDescent="0.25">
      <c r="A6269" s="3">
        <v>41808.577372685184</v>
      </c>
      <c r="B6269" s="2">
        <v>27.2</v>
      </c>
      <c r="C6269" s="2">
        <v>129.80000000000001</v>
      </c>
      <c r="D6269" s="2">
        <v>0</v>
      </c>
      <c r="E6269" s="2">
        <v>197.39999999999733</v>
      </c>
    </row>
    <row r="6270" spans="1:5" x14ac:dyDescent="0.25">
      <c r="A6270" s="3">
        <v>41808.577777777777</v>
      </c>
      <c r="B6270" s="2">
        <v>27.2</v>
      </c>
      <c r="C6270" s="2">
        <v>129.6</v>
      </c>
      <c r="D6270" s="2">
        <v>0</v>
      </c>
      <c r="E6270" s="2">
        <v>197.39999999999733</v>
      </c>
    </row>
    <row r="6271" spans="1:5" x14ac:dyDescent="0.25">
      <c r="A6271" s="3">
        <v>41808.578182870369</v>
      </c>
      <c r="B6271" s="2">
        <v>27.2</v>
      </c>
      <c r="C6271" s="2">
        <v>129.80000000000001</v>
      </c>
      <c r="D6271" s="2">
        <v>0</v>
      </c>
      <c r="E6271" s="2">
        <v>197.39999999999733</v>
      </c>
    </row>
    <row r="6272" spans="1:5" x14ac:dyDescent="0.25">
      <c r="A6272" s="3">
        <v>41808.578298611108</v>
      </c>
      <c r="B6272" s="2">
        <v>27.2</v>
      </c>
      <c r="C6272" s="2">
        <v>129.6</v>
      </c>
      <c r="D6272" s="2">
        <v>0</v>
      </c>
      <c r="E6272" s="2">
        <v>197.39999999999733</v>
      </c>
    </row>
    <row r="6273" spans="1:5" x14ac:dyDescent="0.25">
      <c r="A6273" s="3">
        <v>41808.579629629632</v>
      </c>
      <c r="B6273" s="2">
        <v>27.2</v>
      </c>
      <c r="C6273" s="2">
        <v>129.80000000000001</v>
      </c>
      <c r="D6273" s="2">
        <v>0</v>
      </c>
      <c r="E6273" s="2">
        <v>197.39999999999733</v>
      </c>
    </row>
    <row r="6274" spans="1:5" x14ac:dyDescent="0.25">
      <c r="A6274" s="3">
        <v>41808.579687500001</v>
      </c>
      <c r="B6274" s="2">
        <v>27.2</v>
      </c>
      <c r="C6274" s="2">
        <v>129.6</v>
      </c>
      <c r="D6274" s="2">
        <v>0</v>
      </c>
      <c r="E6274" s="2">
        <v>197.39999999999733</v>
      </c>
    </row>
    <row r="6275" spans="1:5" x14ac:dyDescent="0.25">
      <c r="A6275" s="3">
        <v>41808.58148148148</v>
      </c>
      <c r="B6275" s="2">
        <v>27.2</v>
      </c>
      <c r="C6275" s="2">
        <v>129.80000000000001</v>
      </c>
      <c r="D6275" s="2">
        <v>0</v>
      </c>
      <c r="E6275" s="2">
        <v>197.39999999999733</v>
      </c>
    </row>
    <row r="6276" spans="1:5" x14ac:dyDescent="0.25">
      <c r="A6276" s="3">
        <v>41808.581597222219</v>
      </c>
      <c r="B6276" s="2">
        <v>27.2</v>
      </c>
      <c r="C6276" s="2">
        <v>129.6</v>
      </c>
      <c r="D6276" s="2">
        <v>0</v>
      </c>
      <c r="E6276" s="2">
        <v>197.39999999999733</v>
      </c>
    </row>
    <row r="6277" spans="1:5" x14ac:dyDescent="0.25">
      <c r="A6277" s="3">
        <v>41808.597916666666</v>
      </c>
      <c r="B6277" s="2">
        <v>27.2</v>
      </c>
      <c r="C6277" s="2">
        <v>129.4</v>
      </c>
      <c r="D6277" s="2">
        <v>0</v>
      </c>
      <c r="E6277" s="2">
        <v>197.39999999999733</v>
      </c>
    </row>
    <row r="6278" spans="1:5" x14ac:dyDescent="0.25">
      <c r="A6278" s="3">
        <v>41808.598321759258</v>
      </c>
      <c r="B6278" s="2">
        <v>27.2</v>
      </c>
      <c r="C6278" s="2">
        <v>129.6</v>
      </c>
      <c r="D6278" s="2">
        <v>0</v>
      </c>
      <c r="E6278" s="2">
        <v>197.39999999999733</v>
      </c>
    </row>
    <row r="6279" spans="1:5" x14ac:dyDescent="0.25">
      <c r="A6279" s="3">
        <v>41808.598495370374</v>
      </c>
      <c r="B6279" s="2">
        <v>27.2</v>
      </c>
      <c r="C6279" s="2">
        <v>129.4</v>
      </c>
      <c r="D6279" s="2">
        <v>0</v>
      </c>
      <c r="E6279" s="2">
        <v>197.39999999999733</v>
      </c>
    </row>
    <row r="6280" spans="1:5" x14ac:dyDescent="0.25">
      <c r="A6280" s="3">
        <v>41808.615277777775</v>
      </c>
      <c r="B6280" s="2">
        <v>27.6</v>
      </c>
      <c r="C6280" s="2">
        <v>129.19999999999999</v>
      </c>
      <c r="D6280" s="2">
        <v>0</v>
      </c>
      <c r="E6280" s="2">
        <v>197.39999999999733</v>
      </c>
    </row>
    <row r="6281" spans="1:5" x14ac:dyDescent="0.25">
      <c r="A6281" s="3">
        <v>41808.616261574076</v>
      </c>
      <c r="B6281" s="2">
        <v>27.5</v>
      </c>
      <c r="C6281" s="2">
        <v>129.4</v>
      </c>
      <c r="D6281" s="2">
        <v>0</v>
      </c>
      <c r="E6281" s="2">
        <v>197.39999999999733</v>
      </c>
    </row>
    <row r="6282" spans="1:5" x14ac:dyDescent="0.25">
      <c r="A6282" s="3">
        <v>41808.616377314815</v>
      </c>
      <c r="B6282" s="2">
        <v>27.5</v>
      </c>
      <c r="C6282" s="2">
        <v>129.19999999999999</v>
      </c>
      <c r="D6282" s="2">
        <v>0</v>
      </c>
      <c r="E6282" s="2">
        <v>197.39999999999733</v>
      </c>
    </row>
    <row r="6283" spans="1:5" x14ac:dyDescent="0.25">
      <c r="A6283" s="3">
        <v>41808.61822916667</v>
      </c>
      <c r="B6283" s="2">
        <v>27.6</v>
      </c>
      <c r="C6283" s="2">
        <v>129.4</v>
      </c>
      <c r="D6283" s="2">
        <v>0</v>
      </c>
      <c r="E6283" s="2">
        <v>197.39999999999733</v>
      </c>
    </row>
    <row r="6284" spans="1:5" x14ac:dyDescent="0.25">
      <c r="A6284" s="3">
        <v>41808.618807870371</v>
      </c>
      <c r="B6284" s="2">
        <v>27.6</v>
      </c>
      <c r="C6284" s="2">
        <v>129.19999999999999</v>
      </c>
      <c r="D6284" s="2">
        <v>0</v>
      </c>
      <c r="E6284" s="2">
        <v>197.39999999999733</v>
      </c>
    </row>
    <row r="6285" spans="1:5" x14ac:dyDescent="0.25">
      <c r="A6285" s="3">
        <v>41808.618981481479</v>
      </c>
      <c r="B6285" s="2">
        <v>27.5</v>
      </c>
      <c r="C6285" s="2">
        <v>129.4</v>
      </c>
      <c r="D6285" s="2">
        <v>0</v>
      </c>
      <c r="E6285" s="2">
        <v>197.39999999999733</v>
      </c>
    </row>
    <row r="6286" spans="1:5" x14ac:dyDescent="0.25">
      <c r="A6286" s="3">
        <v>41808.620833333334</v>
      </c>
      <c r="B6286" s="2">
        <v>27.5</v>
      </c>
      <c r="C6286" s="2">
        <v>129.19999999999999</v>
      </c>
      <c r="D6286" s="2">
        <v>0</v>
      </c>
      <c r="E6286" s="2">
        <v>197.39999999999733</v>
      </c>
    </row>
    <row r="6287" spans="1:5" x14ac:dyDescent="0.25">
      <c r="A6287" s="3">
        <v>41808.621180555558</v>
      </c>
      <c r="B6287" s="2">
        <v>27.5</v>
      </c>
      <c r="C6287" s="2">
        <v>129.4</v>
      </c>
      <c r="D6287" s="2">
        <v>0</v>
      </c>
      <c r="E6287" s="2">
        <v>197.39999999999733</v>
      </c>
    </row>
    <row r="6288" spans="1:5" x14ac:dyDescent="0.25">
      <c r="A6288" s="3">
        <v>41808.621296296296</v>
      </c>
      <c r="B6288" s="2">
        <v>27.5</v>
      </c>
      <c r="C6288" s="2">
        <v>129.19999999999999</v>
      </c>
      <c r="D6288" s="2">
        <v>0</v>
      </c>
      <c r="E6288" s="2">
        <v>197.39999999999733</v>
      </c>
    </row>
    <row r="6289" spans="1:5" x14ac:dyDescent="0.25">
      <c r="A6289" s="3">
        <v>41808.621759259258</v>
      </c>
      <c r="B6289" s="2">
        <v>27.5</v>
      </c>
      <c r="C6289" s="2">
        <v>129.4</v>
      </c>
      <c r="D6289" s="2">
        <v>0</v>
      </c>
      <c r="E6289" s="2">
        <v>197.39999999999733</v>
      </c>
    </row>
    <row r="6290" spans="1:5" x14ac:dyDescent="0.25">
      <c r="A6290" s="3">
        <v>41808.621990740743</v>
      </c>
      <c r="B6290" s="2">
        <v>27.5</v>
      </c>
      <c r="C6290" s="2">
        <v>129.19999999999999</v>
      </c>
      <c r="D6290" s="2">
        <v>0</v>
      </c>
      <c r="E6290" s="2">
        <v>197.39999999999733</v>
      </c>
    </row>
    <row r="6291" spans="1:5" x14ac:dyDescent="0.25">
      <c r="A6291" s="3">
        <v>41808.647106481483</v>
      </c>
      <c r="B6291" s="2">
        <v>27.2</v>
      </c>
      <c r="C6291" s="2">
        <v>129</v>
      </c>
      <c r="D6291" s="2">
        <v>0</v>
      </c>
      <c r="E6291" s="2">
        <v>197.39999999999733</v>
      </c>
    </row>
    <row r="6292" spans="1:5" x14ac:dyDescent="0.25">
      <c r="A6292" s="3">
        <v>41808.647222222222</v>
      </c>
      <c r="B6292" s="2">
        <v>27.2</v>
      </c>
      <c r="C6292" s="2">
        <v>129.19999999999999</v>
      </c>
      <c r="D6292" s="2">
        <v>0</v>
      </c>
      <c r="E6292" s="2">
        <v>197.39999999999733</v>
      </c>
    </row>
    <row r="6293" spans="1:5" x14ac:dyDescent="0.25">
      <c r="A6293" s="3">
        <v>41808.647685185184</v>
      </c>
      <c r="B6293" s="2">
        <v>27.2</v>
      </c>
      <c r="C6293" s="2">
        <v>129</v>
      </c>
      <c r="D6293" s="2">
        <v>0</v>
      </c>
      <c r="E6293" s="2">
        <v>197.39999999999733</v>
      </c>
    </row>
    <row r="6294" spans="1:5" x14ac:dyDescent="0.25">
      <c r="A6294" s="3">
        <v>41808.647800925923</v>
      </c>
      <c r="B6294" s="2">
        <v>27.2</v>
      </c>
      <c r="C6294" s="2">
        <v>129.19999999999999</v>
      </c>
      <c r="D6294" s="2">
        <v>0</v>
      </c>
      <c r="E6294" s="2">
        <v>197.39999999999733</v>
      </c>
    </row>
    <row r="6295" spans="1:5" x14ac:dyDescent="0.25">
      <c r="A6295" s="3">
        <v>41808.648958333331</v>
      </c>
      <c r="B6295" s="2">
        <v>27.2</v>
      </c>
      <c r="C6295" s="2">
        <v>129</v>
      </c>
      <c r="D6295" s="2">
        <v>0</v>
      </c>
      <c r="E6295" s="2">
        <v>197.39999999999733</v>
      </c>
    </row>
    <row r="6296" spans="1:5" x14ac:dyDescent="0.25">
      <c r="A6296" s="3">
        <v>41808.649189814816</v>
      </c>
      <c r="B6296" s="2">
        <v>27.2</v>
      </c>
      <c r="C6296" s="2">
        <v>129.19999999999999</v>
      </c>
      <c r="D6296" s="2">
        <v>0</v>
      </c>
      <c r="E6296" s="2">
        <v>197.39999999999733</v>
      </c>
    </row>
    <row r="6297" spans="1:5" x14ac:dyDescent="0.25">
      <c r="A6297" s="3">
        <v>41808.649363425924</v>
      </c>
      <c r="B6297" s="2">
        <v>27.2</v>
      </c>
      <c r="C6297" s="2">
        <v>129</v>
      </c>
      <c r="D6297" s="2">
        <v>0</v>
      </c>
      <c r="E6297" s="2">
        <v>197.39999999999733</v>
      </c>
    </row>
    <row r="6298" spans="1:5" x14ac:dyDescent="0.25">
      <c r="A6298" s="3">
        <v>41808.649768518517</v>
      </c>
      <c r="B6298" s="2">
        <v>27.2</v>
      </c>
      <c r="C6298" s="2">
        <v>129.19999999999999</v>
      </c>
      <c r="D6298" s="2">
        <v>0</v>
      </c>
      <c r="E6298" s="2">
        <v>197.39999999999733</v>
      </c>
    </row>
    <row r="6299" spans="1:5" x14ac:dyDescent="0.25">
      <c r="A6299" s="3">
        <v>41808.649942129632</v>
      </c>
      <c r="B6299" s="2">
        <v>27.2</v>
      </c>
      <c r="C6299" s="2">
        <v>129</v>
      </c>
      <c r="D6299" s="2">
        <v>0</v>
      </c>
      <c r="E6299" s="2">
        <v>197.39999999999733</v>
      </c>
    </row>
    <row r="6300" spans="1:5" x14ac:dyDescent="0.25">
      <c r="A6300" s="3">
        <v>41808.65011574074</v>
      </c>
      <c r="B6300" s="2">
        <v>27.2</v>
      </c>
      <c r="C6300" s="2">
        <v>129.19999999999999</v>
      </c>
      <c r="D6300" s="2">
        <v>0</v>
      </c>
      <c r="E6300" s="2">
        <v>197.39999999999733</v>
      </c>
    </row>
    <row r="6301" spans="1:5" x14ac:dyDescent="0.25">
      <c r="A6301" s="3">
        <v>41808.650231481479</v>
      </c>
      <c r="B6301" s="2">
        <v>27.2</v>
      </c>
      <c r="C6301" s="2">
        <v>129</v>
      </c>
      <c r="D6301" s="2">
        <v>0</v>
      </c>
      <c r="E6301" s="2">
        <v>197.39999999999733</v>
      </c>
    </row>
    <row r="6302" spans="1:5" x14ac:dyDescent="0.25">
      <c r="A6302" s="3">
        <v>41808.676099537035</v>
      </c>
      <c r="B6302" s="2">
        <v>26.3</v>
      </c>
      <c r="C6302" s="2">
        <v>128.80000000000001</v>
      </c>
      <c r="D6302" s="2">
        <v>0</v>
      </c>
      <c r="E6302" s="2">
        <v>197.39999999999733</v>
      </c>
    </row>
    <row r="6303" spans="1:5" x14ac:dyDescent="0.25">
      <c r="A6303" s="3">
        <v>41808.705150462964</v>
      </c>
      <c r="B6303" s="2">
        <v>25.7</v>
      </c>
      <c r="C6303" s="2">
        <v>128.6</v>
      </c>
      <c r="D6303" s="2">
        <v>0</v>
      </c>
      <c r="E6303" s="2">
        <v>197.39999999999733</v>
      </c>
    </row>
    <row r="6304" spans="1:5" x14ac:dyDescent="0.25">
      <c r="A6304" s="3">
        <v>41808.73778935185</v>
      </c>
      <c r="B6304" s="2">
        <v>25.2</v>
      </c>
      <c r="C6304" s="2">
        <v>128.4</v>
      </c>
      <c r="D6304" s="2">
        <v>0</v>
      </c>
      <c r="E6304" s="2">
        <v>197.39999999999733</v>
      </c>
    </row>
    <row r="6305" spans="1:5" x14ac:dyDescent="0.25">
      <c r="A6305" s="3">
        <v>41808.785474537035</v>
      </c>
      <c r="B6305" s="2">
        <v>24.4</v>
      </c>
      <c r="C6305" s="2">
        <v>128.19999999999999</v>
      </c>
      <c r="D6305" s="2">
        <v>0</v>
      </c>
      <c r="E6305" s="2">
        <v>197.39999999999733</v>
      </c>
    </row>
    <row r="6306" spans="1:5" x14ac:dyDescent="0.25">
      <c r="A6306" s="3">
        <v>41808.834548611114</v>
      </c>
      <c r="B6306" s="2">
        <v>23.5</v>
      </c>
      <c r="C6306" s="2">
        <v>128</v>
      </c>
      <c r="D6306" s="2">
        <v>0</v>
      </c>
      <c r="E6306" s="2">
        <v>197.39999999999733</v>
      </c>
    </row>
    <row r="6307" spans="1:5" x14ac:dyDescent="0.25">
      <c r="A6307" s="3">
        <v>41808.836516203701</v>
      </c>
      <c r="B6307" s="2">
        <v>23.4</v>
      </c>
      <c r="C6307" s="2">
        <v>128.19999999999999</v>
      </c>
      <c r="D6307" s="2">
        <v>0</v>
      </c>
      <c r="E6307" s="2">
        <v>197.39999999999733</v>
      </c>
    </row>
    <row r="6308" spans="1:5" x14ac:dyDescent="0.25">
      <c r="A6308" s="3">
        <v>41808.837268518517</v>
      </c>
      <c r="B6308" s="2">
        <v>23.4</v>
      </c>
      <c r="C6308" s="2">
        <v>128</v>
      </c>
      <c r="D6308" s="2">
        <v>0</v>
      </c>
      <c r="E6308" s="2">
        <v>197.39999999999733</v>
      </c>
    </row>
    <row r="6309" spans="1:5" x14ac:dyDescent="0.25">
      <c r="A6309" s="3">
        <v>41808.926678240743</v>
      </c>
      <c r="B6309" s="2">
        <v>21.3</v>
      </c>
      <c r="C6309" s="2">
        <v>127.8</v>
      </c>
      <c r="D6309" s="2">
        <v>0</v>
      </c>
      <c r="E6309" s="2">
        <v>197.39999999999733</v>
      </c>
    </row>
    <row r="6310" spans="1:5" x14ac:dyDescent="0.25">
      <c r="A6310" s="3">
        <v>41809.00885416667</v>
      </c>
      <c r="B6310" s="2">
        <v>19.5</v>
      </c>
      <c r="C6310" s="2">
        <v>127.6</v>
      </c>
      <c r="D6310" s="2">
        <v>0</v>
      </c>
      <c r="E6310" s="2">
        <v>197.39999999999733</v>
      </c>
    </row>
    <row r="6311" spans="1:5" x14ac:dyDescent="0.25">
      <c r="A6311" s="3">
        <v>41809.150462962964</v>
      </c>
      <c r="B6311" s="2">
        <v>16.8</v>
      </c>
      <c r="C6311" s="2">
        <v>127.4</v>
      </c>
      <c r="D6311" s="2">
        <v>0</v>
      </c>
      <c r="E6311" s="2">
        <v>197.39999999999733</v>
      </c>
    </row>
    <row r="6312" spans="1:5" x14ac:dyDescent="0.25">
      <c r="A6312" s="3">
        <v>41809.306770833333</v>
      </c>
      <c r="B6312" s="2">
        <v>14.8</v>
      </c>
      <c r="C6312" s="2">
        <v>127.2</v>
      </c>
      <c r="D6312" s="2">
        <v>0</v>
      </c>
      <c r="E6312" s="2">
        <v>197.39999999999733</v>
      </c>
    </row>
    <row r="6313" spans="1:5" x14ac:dyDescent="0.25">
      <c r="A6313" s="3">
        <v>41809.307581018518</v>
      </c>
      <c r="B6313" s="2">
        <v>14.8</v>
      </c>
      <c r="C6313" s="2">
        <v>127.4</v>
      </c>
      <c r="D6313" s="2">
        <v>0</v>
      </c>
      <c r="E6313" s="2">
        <v>197.39999999999733</v>
      </c>
    </row>
    <row r="6314" spans="1:5" x14ac:dyDescent="0.25">
      <c r="A6314" s="3">
        <v>41809.307928240742</v>
      </c>
      <c r="B6314" s="2">
        <v>14.8</v>
      </c>
      <c r="C6314" s="2">
        <v>127.2</v>
      </c>
      <c r="D6314" s="2">
        <v>0</v>
      </c>
      <c r="E6314" s="2">
        <v>197.39999999999733</v>
      </c>
    </row>
    <row r="6315" spans="1:5" x14ac:dyDescent="0.25">
      <c r="A6315" s="3">
        <v>41809.347858796296</v>
      </c>
      <c r="B6315" s="2">
        <v>15</v>
      </c>
      <c r="C6315" s="2">
        <v>127</v>
      </c>
      <c r="D6315" s="2">
        <v>0</v>
      </c>
      <c r="E6315" s="2">
        <v>197.39999999999733</v>
      </c>
    </row>
    <row r="6316" spans="1:5" x14ac:dyDescent="0.25">
      <c r="A6316" s="3">
        <v>41809.522337962961</v>
      </c>
      <c r="B6316" s="2">
        <v>24.1</v>
      </c>
      <c r="C6316" s="2">
        <v>126.8</v>
      </c>
      <c r="D6316" s="2">
        <v>0</v>
      </c>
      <c r="E6316" s="2">
        <v>197.39999999999733</v>
      </c>
    </row>
    <row r="6317" spans="1:5" x14ac:dyDescent="0.25">
      <c r="A6317" s="3">
        <v>41809.544270833336</v>
      </c>
      <c r="B6317" s="2">
        <v>25.2</v>
      </c>
      <c r="C6317" s="2">
        <v>126.6</v>
      </c>
      <c r="D6317" s="2">
        <v>0</v>
      </c>
      <c r="E6317" s="2">
        <v>197.39999999999733</v>
      </c>
    </row>
    <row r="6318" spans="1:5" x14ac:dyDescent="0.25">
      <c r="A6318" s="3">
        <v>41809.545601851853</v>
      </c>
      <c r="B6318" s="2">
        <v>25.2</v>
      </c>
      <c r="C6318" s="2">
        <v>126.8</v>
      </c>
      <c r="D6318" s="2">
        <v>0</v>
      </c>
      <c r="E6318" s="2">
        <v>197.39999999999733</v>
      </c>
    </row>
    <row r="6319" spans="1:5" x14ac:dyDescent="0.25">
      <c r="A6319" s="3">
        <v>41809.546064814815</v>
      </c>
      <c r="B6319" s="2">
        <v>25.2</v>
      </c>
      <c r="C6319" s="2">
        <v>126.6</v>
      </c>
      <c r="D6319" s="2">
        <v>0</v>
      </c>
      <c r="E6319" s="2">
        <v>197.39999999999733</v>
      </c>
    </row>
    <row r="6320" spans="1:5" x14ac:dyDescent="0.25">
      <c r="A6320" s="3">
        <v>41809.546412037038</v>
      </c>
      <c r="B6320" s="2">
        <v>25.2</v>
      </c>
      <c r="C6320" s="2">
        <v>126.8</v>
      </c>
      <c r="D6320" s="2">
        <v>0</v>
      </c>
      <c r="E6320" s="2">
        <v>197.39999999999733</v>
      </c>
    </row>
    <row r="6321" spans="1:5" x14ac:dyDescent="0.25">
      <c r="A6321" s="3">
        <v>41809.547164351854</v>
      </c>
      <c r="B6321" s="2">
        <v>25.2</v>
      </c>
      <c r="C6321" s="2">
        <v>126.6</v>
      </c>
      <c r="D6321" s="2">
        <v>0</v>
      </c>
      <c r="E6321" s="2">
        <v>197.39999999999733</v>
      </c>
    </row>
    <row r="6322" spans="1:5" x14ac:dyDescent="0.25">
      <c r="A6322" s="3">
        <v>41809.547511574077</v>
      </c>
      <c r="B6322" s="2">
        <v>25.2</v>
      </c>
      <c r="C6322" s="2">
        <v>126.8</v>
      </c>
      <c r="D6322" s="2">
        <v>0</v>
      </c>
      <c r="E6322" s="2">
        <v>197.39999999999733</v>
      </c>
    </row>
    <row r="6323" spans="1:5" x14ac:dyDescent="0.25">
      <c r="A6323" s="3">
        <v>41809.553993055553</v>
      </c>
      <c r="B6323" s="2">
        <v>25.2</v>
      </c>
      <c r="C6323" s="2">
        <v>126.6</v>
      </c>
      <c r="D6323" s="2">
        <v>0</v>
      </c>
      <c r="E6323" s="2">
        <v>197.39999999999733</v>
      </c>
    </row>
    <row r="6324" spans="1:5" x14ac:dyDescent="0.25">
      <c r="A6324" s="3">
        <v>41809.554050925923</v>
      </c>
      <c r="B6324" s="2">
        <v>25.2</v>
      </c>
      <c r="C6324" s="2">
        <v>126.8</v>
      </c>
      <c r="D6324" s="2">
        <v>0</v>
      </c>
      <c r="E6324" s="2">
        <v>197.39999999999733</v>
      </c>
    </row>
    <row r="6325" spans="1:5" x14ac:dyDescent="0.25">
      <c r="A6325" s="3">
        <v>41809.561979166669</v>
      </c>
      <c r="B6325" s="2">
        <v>25.1</v>
      </c>
      <c r="C6325" s="2">
        <v>126.6</v>
      </c>
      <c r="D6325" s="2">
        <v>0</v>
      </c>
      <c r="E6325" s="2">
        <v>197.39999999999733</v>
      </c>
    </row>
    <row r="6326" spans="1:5" x14ac:dyDescent="0.25">
      <c r="A6326" s="3">
        <v>41809.583391203705</v>
      </c>
      <c r="B6326" s="2">
        <v>25.4</v>
      </c>
      <c r="C6326" s="2">
        <v>126.4</v>
      </c>
      <c r="D6326" s="2">
        <v>0</v>
      </c>
      <c r="E6326" s="2">
        <v>197.39999999999733</v>
      </c>
    </row>
    <row r="6327" spans="1:5" x14ac:dyDescent="0.25">
      <c r="A6327" s="3">
        <v>41809.604050925926</v>
      </c>
      <c r="B6327" s="2">
        <v>26.6</v>
      </c>
      <c r="C6327" s="2">
        <v>126.2</v>
      </c>
      <c r="D6327" s="2">
        <v>0</v>
      </c>
      <c r="E6327" s="2">
        <v>197.39999999999733</v>
      </c>
    </row>
    <row r="6328" spans="1:5" x14ac:dyDescent="0.25">
      <c r="A6328" s="3">
        <v>41809.604687500003</v>
      </c>
      <c r="B6328" s="2">
        <v>26.6</v>
      </c>
      <c r="C6328" s="2">
        <v>126.4</v>
      </c>
      <c r="D6328" s="2">
        <v>0</v>
      </c>
      <c r="E6328" s="2">
        <v>197.39999999999733</v>
      </c>
    </row>
    <row r="6329" spans="1:5" x14ac:dyDescent="0.25">
      <c r="A6329" s="3">
        <v>41809.605613425927</v>
      </c>
      <c r="B6329" s="2">
        <v>26.7</v>
      </c>
      <c r="C6329" s="2">
        <v>126.2</v>
      </c>
      <c r="D6329" s="2">
        <v>0</v>
      </c>
      <c r="E6329" s="2">
        <v>197.39999999999733</v>
      </c>
    </row>
    <row r="6330" spans="1:5" x14ac:dyDescent="0.25">
      <c r="A6330" s="3">
        <v>41809.607638888891</v>
      </c>
      <c r="B6330" s="2">
        <v>26.8</v>
      </c>
      <c r="C6330" s="2">
        <v>126.4</v>
      </c>
      <c r="D6330" s="2">
        <v>0</v>
      </c>
      <c r="E6330" s="2">
        <v>197.39999999999733</v>
      </c>
    </row>
    <row r="6331" spans="1:5" x14ac:dyDescent="0.25">
      <c r="A6331" s="3">
        <v>41809.607812499999</v>
      </c>
      <c r="B6331" s="2">
        <v>26.8</v>
      </c>
      <c r="C6331" s="2">
        <v>126.2</v>
      </c>
      <c r="D6331" s="2">
        <v>0</v>
      </c>
      <c r="E6331" s="2">
        <v>197.39999999999733</v>
      </c>
    </row>
    <row r="6332" spans="1:5" x14ac:dyDescent="0.25">
      <c r="A6332" s="3">
        <v>41809.608217592591</v>
      </c>
      <c r="B6332" s="2">
        <v>26.9</v>
      </c>
      <c r="C6332" s="2">
        <v>126.4</v>
      </c>
      <c r="D6332" s="2">
        <v>0</v>
      </c>
      <c r="E6332" s="2">
        <v>197.39999999999733</v>
      </c>
    </row>
    <row r="6333" spans="1:5" x14ac:dyDescent="0.25">
      <c r="A6333" s="3">
        <v>41809.608275462961</v>
      </c>
      <c r="B6333" s="2">
        <v>26.9</v>
      </c>
      <c r="C6333" s="2">
        <v>126.2</v>
      </c>
      <c r="D6333" s="2">
        <v>0</v>
      </c>
      <c r="E6333" s="2">
        <v>197.39999999999733</v>
      </c>
    </row>
    <row r="6334" spans="1:5" x14ac:dyDescent="0.25">
      <c r="A6334" s="3">
        <v>41809.60833333333</v>
      </c>
      <c r="B6334" s="2">
        <v>26.9</v>
      </c>
      <c r="C6334" s="2">
        <v>126.4</v>
      </c>
      <c r="D6334" s="2">
        <v>0</v>
      </c>
      <c r="E6334" s="2">
        <v>197.39999999999733</v>
      </c>
    </row>
    <row r="6335" spans="1:5" x14ac:dyDescent="0.25">
      <c r="A6335" s="3">
        <v>41809.608796296299</v>
      </c>
      <c r="B6335" s="2">
        <v>26.9</v>
      </c>
      <c r="C6335" s="2">
        <v>126.2</v>
      </c>
      <c r="D6335" s="2">
        <v>0</v>
      </c>
      <c r="E6335" s="2">
        <v>197.39999999999733</v>
      </c>
    </row>
    <row r="6336" spans="1:5" x14ac:dyDescent="0.25">
      <c r="A6336" s="3">
        <v>41809.609375</v>
      </c>
      <c r="B6336" s="2">
        <v>26.9</v>
      </c>
      <c r="C6336" s="2">
        <v>126.4</v>
      </c>
      <c r="D6336" s="2">
        <v>0</v>
      </c>
      <c r="E6336" s="2">
        <v>197.39999999999733</v>
      </c>
    </row>
    <row r="6337" spans="1:5" x14ac:dyDescent="0.25">
      <c r="A6337" s="3">
        <v>41809.611342592594</v>
      </c>
      <c r="B6337" s="2">
        <v>27.1</v>
      </c>
      <c r="C6337" s="2">
        <v>126.2</v>
      </c>
      <c r="D6337" s="2">
        <v>0</v>
      </c>
      <c r="E6337" s="2">
        <v>197.39999999999733</v>
      </c>
    </row>
    <row r="6338" spans="1:5" x14ac:dyDescent="0.25">
      <c r="A6338" s="3">
        <v>41809.664409722223</v>
      </c>
      <c r="B6338" s="2">
        <v>27.8</v>
      </c>
      <c r="C6338" s="2">
        <v>126</v>
      </c>
      <c r="D6338" s="2">
        <v>0</v>
      </c>
      <c r="E6338" s="2">
        <v>197.39999999999733</v>
      </c>
    </row>
    <row r="6339" spans="1:5" x14ac:dyDescent="0.25">
      <c r="A6339" s="3">
        <v>41809.664872685185</v>
      </c>
      <c r="B6339" s="2">
        <v>27.7</v>
      </c>
      <c r="C6339" s="2">
        <v>126.2</v>
      </c>
      <c r="D6339" s="2">
        <v>0</v>
      </c>
      <c r="E6339" s="2">
        <v>197.39999999999733</v>
      </c>
    </row>
    <row r="6340" spans="1:5" x14ac:dyDescent="0.25">
      <c r="A6340" s="3">
        <v>41809.665046296293</v>
      </c>
      <c r="B6340" s="2">
        <v>27.7</v>
      </c>
      <c r="C6340" s="2">
        <v>126</v>
      </c>
      <c r="D6340" s="2">
        <v>0</v>
      </c>
      <c r="E6340" s="2">
        <v>197.39999999999733</v>
      </c>
    </row>
    <row r="6341" spans="1:5" x14ac:dyDescent="0.25">
      <c r="A6341" s="3">
        <v>41809.665451388886</v>
      </c>
      <c r="B6341" s="2">
        <v>27.7</v>
      </c>
      <c r="C6341" s="2">
        <v>126.2</v>
      </c>
      <c r="D6341" s="2">
        <v>0</v>
      </c>
      <c r="E6341" s="2">
        <v>197.39999999999733</v>
      </c>
    </row>
    <row r="6342" spans="1:5" x14ac:dyDescent="0.25">
      <c r="A6342" s="3">
        <v>41809.665509259263</v>
      </c>
      <c r="B6342" s="2">
        <v>27.7</v>
      </c>
      <c r="C6342" s="2">
        <v>126</v>
      </c>
      <c r="D6342" s="2">
        <v>0</v>
      </c>
      <c r="E6342" s="2">
        <v>197.39999999999733</v>
      </c>
    </row>
    <row r="6343" spans="1:5" x14ac:dyDescent="0.25">
      <c r="A6343" s="3">
        <v>41809.687673611108</v>
      </c>
      <c r="B6343" s="2">
        <v>27.2</v>
      </c>
      <c r="C6343" s="2">
        <v>125.8</v>
      </c>
      <c r="D6343" s="2">
        <v>0</v>
      </c>
      <c r="E6343" s="2">
        <v>197.39999999999733</v>
      </c>
    </row>
    <row r="6344" spans="1:5" x14ac:dyDescent="0.25">
      <c r="A6344" s="3">
        <v>41809.687731481485</v>
      </c>
      <c r="B6344" s="2">
        <v>27.2</v>
      </c>
      <c r="C6344" s="2">
        <v>126</v>
      </c>
      <c r="D6344" s="2">
        <v>0</v>
      </c>
      <c r="E6344" s="2">
        <v>197.39999999999733</v>
      </c>
    </row>
    <row r="6345" spans="1:5" x14ac:dyDescent="0.25">
      <c r="A6345" s="3">
        <v>41809.688136574077</v>
      </c>
      <c r="B6345" s="2">
        <v>27.2</v>
      </c>
      <c r="C6345" s="2">
        <v>125.8</v>
      </c>
      <c r="D6345" s="2">
        <v>0</v>
      </c>
      <c r="E6345" s="2">
        <v>197.39999999999733</v>
      </c>
    </row>
    <row r="6346" spans="1:5" x14ac:dyDescent="0.25">
      <c r="A6346" s="3">
        <v>41809.712962962964</v>
      </c>
      <c r="B6346" s="2">
        <v>26.5</v>
      </c>
      <c r="C6346" s="2">
        <v>125.6</v>
      </c>
      <c r="D6346" s="2">
        <v>0</v>
      </c>
      <c r="E6346" s="2">
        <v>197.39999999999733</v>
      </c>
    </row>
    <row r="6347" spans="1:5" x14ac:dyDescent="0.25">
      <c r="A6347" s="3">
        <v>41809.713368055556</v>
      </c>
      <c r="B6347" s="2">
        <v>26.5</v>
      </c>
      <c r="C6347" s="2">
        <v>125.8</v>
      </c>
      <c r="D6347" s="2">
        <v>0</v>
      </c>
      <c r="E6347" s="2">
        <v>197.39999999999733</v>
      </c>
    </row>
    <row r="6348" spans="1:5" x14ac:dyDescent="0.25">
      <c r="A6348" s="3">
        <v>41809.713541666664</v>
      </c>
      <c r="B6348" s="2">
        <v>26.5</v>
      </c>
      <c r="C6348" s="2">
        <v>125.6</v>
      </c>
      <c r="D6348" s="2">
        <v>0</v>
      </c>
      <c r="E6348" s="2">
        <v>197.39999999999733</v>
      </c>
    </row>
    <row r="6349" spans="1:5" x14ac:dyDescent="0.25">
      <c r="A6349" s="3">
        <v>41809.715682870374</v>
      </c>
      <c r="B6349" s="2">
        <v>26.5</v>
      </c>
      <c r="C6349" s="2">
        <v>125.8</v>
      </c>
      <c r="D6349" s="2">
        <v>0</v>
      </c>
      <c r="E6349" s="2">
        <v>197.39999999999733</v>
      </c>
    </row>
    <row r="6350" spans="1:5" x14ac:dyDescent="0.25">
      <c r="A6350" s="3">
        <v>41809.715856481482</v>
      </c>
      <c r="B6350" s="2">
        <v>26.5</v>
      </c>
      <c r="C6350" s="2">
        <v>125.6</v>
      </c>
      <c r="D6350" s="2">
        <v>0</v>
      </c>
      <c r="E6350" s="2">
        <v>197.39999999999733</v>
      </c>
    </row>
    <row r="6351" spans="1:5" x14ac:dyDescent="0.25">
      <c r="A6351" s="3">
        <v>41809.727719907409</v>
      </c>
      <c r="B6351" s="2">
        <v>26.4</v>
      </c>
      <c r="C6351" s="2">
        <v>125.4</v>
      </c>
      <c r="D6351" s="2">
        <v>0</v>
      </c>
      <c r="E6351" s="2">
        <v>197.39999999999733</v>
      </c>
    </row>
    <row r="6352" spans="1:5" x14ac:dyDescent="0.25">
      <c r="A6352" s="3">
        <v>41809.754571759258</v>
      </c>
      <c r="B6352" s="2">
        <v>26.7</v>
      </c>
      <c r="C6352" s="2">
        <v>125.2</v>
      </c>
      <c r="D6352" s="2">
        <v>0</v>
      </c>
      <c r="E6352" s="2">
        <v>197.39999999999733</v>
      </c>
    </row>
    <row r="6353" spans="1:5" x14ac:dyDescent="0.25">
      <c r="A6353" s="3">
        <v>41809.754918981482</v>
      </c>
      <c r="B6353" s="2">
        <v>26.7</v>
      </c>
      <c r="C6353" s="2">
        <v>125.4</v>
      </c>
      <c r="D6353" s="2">
        <v>0</v>
      </c>
      <c r="E6353" s="2">
        <v>197.39999999999733</v>
      </c>
    </row>
    <row r="6354" spans="1:5" x14ac:dyDescent="0.25">
      <c r="A6354" s="3">
        <v>41809.75503472222</v>
      </c>
      <c r="B6354" s="2">
        <v>26.7</v>
      </c>
      <c r="C6354" s="2">
        <v>125.2</v>
      </c>
      <c r="D6354" s="2">
        <v>0</v>
      </c>
      <c r="E6354" s="2">
        <v>197.39999999999733</v>
      </c>
    </row>
    <row r="6355" spans="1:5" x14ac:dyDescent="0.25">
      <c r="A6355" s="3">
        <v>41809.810590277775</v>
      </c>
      <c r="B6355" s="2">
        <v>25.6</v>
      </c>
      <c r="C6355" s="2">
        <v>125</v>
      </c>
      <c r="D6355" s="2">
        <v>0</v>
      </c>
      <c r="E6355" s="2">
        <v>197.39999999999733</v>
      </c>
    </row>
    <row r="6356" spans="1:5" x14ac:dyDescent="0.25">
      <c r="A6356" s="3">
        <v>41809.850347222222</v>
      </c>
      <c r="B6356" s="2">
        <v>24.8</v>
      </c>
      <c r="C6356" s="2">
        <v>124.8</v>
      </c>
      <c r="D6356" s="2">
        <v>0</v>
      </c>
      <c r="E6356" s="2">
        <v>197.39999999999733</v>
      </c>
    </row>
    <row r="6357" spans="1:5" x14ac:dyDescent="0.25">
      <c r="A6357" s="3">
        <v>41809.851446759261</v>
      </c>
      <c r="B6357" s="2">
        <v>24.8</v>
      </c>
      <c r="C6357" s="2">
        <v>125</v>
      </c>
      <c r="D6357" s="2">
        <v>0</v>
      </c>
      <c r="E6357" s="2">
        <v>197.39999999999733</v>
      </c>
    </row>
    <row r="6358" spans="1:5" x14ac:dyDescent="0.25">
      <c r="A6358" s="3">
        <v>41809.8515625</v>
      </c>
      <c r="B6358" s="2">
        <v>24.8</v>
      </c>
      <c r="C6358" s="2">
        <v>124.8</v>
      </c>
      <c r="D6358" s="2">
        <v>0</v>
      </c>
      <c r="E6358" s="2">
        <v>197.39999999999733</v>
      </c>
    </row>
    <row r="6359" spans="1:5" x14ac:dyDescent="0.25">
      <c r="A6359" s="3">
        <v>41809.908564814818</v>
      </c>
      <c r="B6359" s="2">
        <v>23.4</v>
      </c>
      <c r="C6359" s="2">
        <v>124.6</v>
      </c>
      <c r="D6359" s="2">
        <v>0</v>
      </c>
      <c r="E6359" s="2">
        <v>197.39999999999733</v>
      </c>
    </row>
    <row r="6360" spans="1:5" x14ac:dyDescent="0.25">
      <c r="A6360" s="3">
        <v>41810.03292824074</v>
      </c>
      <c r="B6360" s="2">
        <v>20.6</v>
      </c>
      <c r="C6360" s="2">
        <v>124.4</v>
      </c>
      <c r="D6360" s="2">
        <v>0</v>
      </c>
      <c r="E6360" s="2">
        <v>197.39999999999733</v>
      </c>
    </row>
    <row r="6361" spans="1:5" x14ac:dyDescent="0.25">
      <c r="A6361" s="3">
        <v>41810.142939814818</v>
      </c>
      <c r="B6361" s="2">
        <v>18.5</v>
      </c>
      <c r="C6361" s="2">
        <v>124.2</v>
      </c>
      <c r="D6361" s="2">
        <v>0</v>
      </c>
      <c r="E6361" s="2">
        <v>197.39999999999733</v>
      </c>
    </row>
    <row r="6362" spans="1:5" x14ac:dyDescent="0.25">
      <c r="A6362" s="3">
        <v>41810.272800925923</v>
      </c>
      <c r="B6362" s="2">
        <v>16.899999999999999</v>
      </c>
      <c r="C6362" s="2">
        <v>124</v>
      </c>
      <c r="D6362" s="2">
        <v>0</v>
      </c>
      <c r="E6362" s="2">
        <v>197.39999999999733</v>
      </c>
    </row>
    <row r="6363" spans="1:5" x14ac:dyDescent="0.25">
      <c r="A6363" s="3">
        <v>41810.373263888891</v>
      </c>
      <c r="B6363" s="2">
        <v>16.899999999999999</v>
      </c>
      <c r="C6363" s="2">
        <v>124</v>
      </c>
      <c r="D6363" s="2">
        <v>0.2</v>
      </c>
      <c r="E6363" s="2">
        <v>197.59999999999732</v>
      </c>
    </row>
    <row r="6364" spans="1:5" x14ac:dyDescent="0.25">
      <c r="A6364" s="3">
        <v>41810.393634259257</v>
      </c>
      <c r="B6364" s="2">
        <v>17.399999999999999</v>
      </c>
      <c r="C6364" s="2">
        <v>123.8</v>
      </c>
      <c r="D6364" s="2">
        <v>0</v>
      </c>
      <c r="E6364" s="2">
        <v>197.59999999999732</v>
      </c>
    </row>
    <row r="6365" spans="1:5" x14ac:dyDescent="0.25">
      <c r="A6365" s="3">
        <v>41810.407638888886</v>
      </c>
      <c r="B6365" s="2">
        <v>18.399999999999999</v>
      </c>
      <c r="C6365" s="2">
        <v>123.6</v>
      </c>
      <c r="D6365" s="2">
        <v>0</v>
      </c>
      <c r="E6365" s="2">
        <v>197.59999999999732</v>
      </c>
    </row>
    <row r="6366" spans="1:5" x14ac:dyDescent="0.25">
      <c r="A6366" s="3">
        <v>41810.419502314813</v>
      </c>
      <c r="B6366" s="2">
        <v>19.5</v>
      </c>
      <c r="C6366" s="2">
        <v>123.6</v>
      </c>
      <c r="D6366" s="2">
        <v>0</v>
      </c>
      <c r="E6366" s="2">
        <v>197.59999999999732</v>
      </c>
    </row>
    <row r="6367" spans="1:5" x14ac:dyDescent="0.25">
      <c r="A6367" s="3">
        <v>41810.455555555556</v>
      </c>
      <c r="B6367" s="2">
        <v>21.3</v>
      </c>
      <c r="C6367" s="2">
        <v>123.8</v>
      </c>
      <c r="D6367" s="2">
        <v>0</v>
      </c>
      <c r="E6367" s="2">
        <v>197.59999999999732</v>
      </c>
    </row>
    <row r="6368" spans="1:5" x14ac:dyDescent="0.25">
      <c r="A6368" s="3">
        <v>41810.455613425926</v>
      </c>
      <c r="B6368" s="2">
        <v>21.3</v>
      </c>
      <c r="C6368" s="2">
        <v>123.6</v>
      </c>
      <c r="D6368" s="2">
        <v>0</v>
      </c>
      <c r="E6368" s="2">
        <v>197.59999999999732</v>
      </c>
    </row>
    <row r="6369" spans="1:5" x14ac:dyDescent="0.25">
      <c r="A6369" s="3">
        <v>41810.488020833334</v>
      </c>
      <c r="B6369" s="2">
        <v>23.1</v>
      </c>
      <c r="C6369" s="2">
        <v>123.8</v>
      </c>
      <c r="D6369" s="2">
        <v>0</v>
      </c>
      <c r="E6369" s="2">
        <v>197.59999999999732</v>
      </c>
    </row>
    <row r="6370" spans="1:5" x14ac:dyDescent="0.25">
      <c r="A6370" s="3">
        <v>41810.488078703704</v>
      </c>
      <c r="B6370" s="2">
        <v>23.1</v>
      </c>
      <c r="C6370" s="2">
        <v>123.6</v>
      </c>
      <c r="D6370" s="2">
        <v>0</v>
      </c>
      <c r="E6370" s="2">
        <v>197.59999999999732</v>
      </c>
    </row>
    <row r="6371" spans="1:5" x14ac:dyDescent="0.25">
      <c r="A6371" s="3">
        <v>41810.489699074074</v>
      </c>
      <c r="B6371" s="2">
        <v>23.1</v>
      </c>
      <c r="C6371" s="2">
        <v>123.8</v>
      </c>
      <c r="D6371" s="2">
        <v>0</v>
      </c>
      <c r="E6371" s="2">
        <v>197.59999999999732</v>
      </c>
    </row>
    <row r="6372" spans="1:5" x14ac:dyDescent="0.25">
      <c r="A6372" s="3">
        <v>41810.489756944444</v>
      </c>
      <c r="B6372" s="2">
        <v>23.1</v>
      </c>
      <c r="C6372" s="2">
        <v>123.6</v>
      </c>
      <c r="D6372" s="2">
        <v>0</v>
      </c>
      <c r="E6372" s="2">
        <v>197.59999999999732</v>
      </c>
    </row>
    <row r="6373" spans="1:5" x14ac:dyDescent="0.25">
      <c r="A6373" s="3">
        <v>41810.550694444442</v>
      </c>
      <c r="B6373" s="2">
        <v>27</v>
      </c>
      <c r="C6373" s="2">
        <v>123.4</v>
      </c>
      <c r="D6373" s="2">
        <v>0</v>
      </c>
      <c r="E6373" s="2">
        <v>197.59999999999732</v>
      </c>
    </row>
    <row r="6374" spans="1:5" x14ac:dyDescent="0.25">
      <c r="A6374" s="3">
        <v>41810.550925925927</v>
      </c>
      <c r="B6374" s="2">
        <v>27</v>
      </c>
      <c r="C6374" s="2">
        <v>123.6</v>
      </c>
      <c r="D6374" s="2">
        <v>0</v>
      </c>
      <c r="E6374" s="2">
        <v>197.59999999999732</v>
      </c>
    </row>
    <row r="6375" spans="1:5" x14ac:dyDescent="0.25">
      <c r="A6375" s="3">
        <v>41810.551041666666</v>
      </c>
      <c r="B6375" s="2">
        <v>27</v>
      </c>
      <c r="C6375" s="2">
        <v>123.4</v>
      </c>
      <c r="D6375" s="2">
        <v>0</v>
      </c>
      <c r="E6375" s="2">
        <v>197.59999999999732</v>
      </c>
    </row>
    <row r="6376" spans="1:5" x14ac:dyDescent="0.25">
      <c r="A6376" s="3">
        <v>41810.557175925926</v>
      </c>
      <c r="B6376" s="2">
        <v>27.4</v>
      </c>
      <c r="C6376" s="2">
        <v>123.6</v>
      </c>
      <c r="D6376" s="2">
        <v>0</v>
      </c>
      <c r="E6376" s="2">
        <v>197.59999999999732</v>
      </c>
    </row>
    <row r="6377" spans="1:5" x14ac:dyDescent="0.25">
      <c r="A6377" s="3">
        <v>41810.557233796295</v>
      </c>
      <c r="B6377" s="2">
        <v>27.4</v>
      </c>
      <c r="C6377" s="2">
        <v>123.4</v>
      </c>
      <c r="D6377" s="2">
        <v>0</v>
      </c>
      <c r="E6377" s="2">
        <v>197.59999999999732</v>
      </c>
    </row>
    <row r="6378" spans="1:5" x14ac:dyDescent="0.25">
      <c r="A6378" s="3">
        <v>41810.561516203707</v>
      </c>
      <c r="B6378" s="2">
        <v>27.6</v>
      </c>
      <c r="C6378" s="2">
        <v>123.6</v>
      </c>
      <c r="D6378" s="2">
        <v>0</v>
      </c>
      <c r="E6378" s="2">
        <v>197.59999999999732</v>
      </c>
    </row>
    <row r="6379" spans="1:5" x14ac:dyDescent="0.25">
      <c r="A6379" s="3">
        <v>41810.56521990741</v>
      </c>
      <c r="B6379" s="2">
        <v>27.5</v>
      </c>
      <c r="C6379" s="2">
        <v>123.4</v>
      </c>
      <c r="D6379" s="2">
        <v>0</v>
      </c>
      <c r="E6379" s="2">
        <v>197.59999999999732</v>
      </c>
    </row>
    <row r="6380" spans="1:5" x14ac:dyDescent="0.25">
      <c r="A6380" s="3">
        <v>41810.56527777778</v>
      </c>
      <c r="B6380" s="2">
        <v>27.5</v>
      </c>
      <c r="C6380" s="2">
        <v>123.6</v>
      </c>
      <c r="D6380" s="2">
        <v>0</v>
      </c>
      <c r="E6380" s="2">
        <v>197.59999999999732</v>
      </c>
    </row>
    <row r="6381" spans="1:5" x14ac:dyDescent="0.25">
      <c r="A6381" s="3">
        <v>41810.57309027778</v>
      </c>
      <c r="B6381" s="2">
        <v>27.3</v>
      </c>
      <c r="C6381" s="2">
        <v>123.4</v>
      </c>
      <c r="D6381" s="2">
        <v>0</v>
      </c>
      <c r="E6381" s="2">
        <v>197.59999999999732</v>
      </c>
    </row>
    <row r="6382" spans="1:5" x14ac:dyDescent="0.25">
      <c r="A6382" s="3">
        <v>41810.599421296298</v>
      </c>
      <c r="B6382" s="2">
        <v>26.6</v>
      </c>
      <c r="C6382" s="2">
        <v>123.6</v>
      </c>
      <c r="D6382" s="2">
        <v>0</v>
      </c>
      <c r="E6382" s="2">
        <v>197.59999999999732</v>
      </c>
    </row>
    <row r="6383" spans="1:5" x14ac:dyDescent="0.25">
      <c r="A6383" s="3">
        <v>41810.599652777775</v>
      </c>
      <c r="B6383" s="2">
        <v>26.6</v>
      </c>
      <c r="C6383" s="2">
        <v>123.6</v>
      </c>
      <c r="D6383" s="2">
        <v>0.2</v>
      </c>
      <c r="E6383" s="2">
        <v>197.79999999999731</v>
      </c>
    </row>
    <row r="6384" spans="1:5" x14ac:dyDescent="0.25">
      <c r="A6384" s="3">
        <v>41810.601736111108</v>
      </c>
      <c r="B6384" s="2">
        <v>26.5</v>
      </c>
      <c r="C6384" s="2">
        <v>123.6</v>
      </c>
      <c r="D6384" s="2">
        <v>0.2</v>
      </c>
      <c r="E6384" s="2">
        <v>197.9999999999973</v>
      </c>
    </row>
    <row r="6385" spans="1:5" x14ac:dyDescent="0.25">
      <c r="A6385" s="3">
        <v>41810.602546296293</v>
      </c>
      <c r="B6385" s="2">
        <v>26.5</v>
      </c>
      <c r="C6385" s="2">
        <v>123.8</v>
      </c>
      <c r="D6385" s="2">
        <v>0</v>
      </c>
      <c r="E6385" s="2">
        <v>197.9999999999973</v>
      </c>
    </row>
    <row r="6386" spans="1:5" x14ac:dyDescent="0.25">
      <c r="A6386" s="3">
        <v>41810.603182870371</v>
      </c>
      <c r="B6386" s="2">
        <v>26.4</v>
      </c>
      <c r="C6386" s="2">
        <v>123.8</v>
      </c>
      <c r="D6386" s="2">
        <v>0.2</v>
      </c>
      <c r="E6386" s="2">
        <v>198.19999999999729</v>
      </c>
    </row>
    <row r="6387" spans="1:5" x14ac:dyDescent="0.25">
      <c r="A6387" s="3">
        <v>41810.62054398148</v>
      </c>
      <c r="B6387" s="2">
        <v>26.3</v>
      </c>
      <c r="C6387" s="2">
        <v>123.6</v>
      </c>
      <c r="D6387" s="2">
        <v>0</v>
      </c>
      <c r="E6387" s="2">
        <v>198.19999999999729</v>
      </c>
    </row>
    <row r="6388" spans="1:5" x14ac:dyDescent="0.25">
      <c r="A6388" s="3">
        <v>41810.679629629631</v>
      </c>
      <c r="B6388" s="2">
        <v>26.5</v>
      </c>
      <c r="C6388" s="2">
        <v>123.4</v>
      </c>
      <c r="D6388" s="2">
        <v>0</v>
      </c>
      <c r="E6388" s="2">
        <v>198.19999999999729</v>
      </c>
    </row>
    <row r="6389" spans="1:5" x14ac:dyDescent="0.25">
      <c r="A6389" s="3">
        <v>41810.679745370369</v>
      </c>
      <c r="B6389" s="2">
        <v>26.5</v>
      </c>
      <c r="C6389" s="2">
        <v>123.6</v>
      </c>
      <c r="D6389" s="2">
        <v>0</v>
      </c>
      <c r="E6389" s="2">
        <v>198.19999999999729</v>
      </c>
    </row>
    <row r="6390" spans="1:5" x14ac:dyDescent="0.25">
      <c r="A6390" s="3">
        <v>41810.680034722223</v>
      </c>
      <c r="B6390" s="2">
        <v>26.5</v>
      </c>
      <c r="C6390" s="2">
        <v>123.4</v>
      </c>
      <c r="D6390" s="2">
        <v>0</v>
      </c>
      <c r="E6390" s="2">
        <v>198.19999999999729</v>
      </c>
    </row>
    <row r="6391" spans="1:5" x14ac:dyDescent="0.25">
      <c r="A6391" s="3">
        <v>41810.680150462962</v>
      </c>
      <c r="B6391" s="2">
        <v>26.5</v>
      </c>
      <c r="C6391" s="2">
        <v>123.6</v>
      </c>
      <c r="D6391" s="2">
        <v>0</v>
      </c>
      <c r="E6391" s="2">
        <v>198.19999999999729</v>
      </c>
    </row>
    <row r="6392" spans="1:5" x14ac:dyDescent="0.25">
      <c r="A6392" s="3">
        <v>41810.680381944447</v>
      </c>
      <c r="B6392" s="2">
        <v>26.5</v>
      </c>
      <c r="C6392" s="2">
        <v>123.4</v>
      </c>
      <c r="D6392" s="2">
        <v>0</v>
      </c>
      <c r="E6392" s="2">
        <v>198.19999999999729</v>
      </c>
    </row>
    <row r="6393" spans="1:5" x14ac:dyDescent="0.25">
      <c r="A6393" s="3">
        <v>41810.680497685185</v>
      </c>
      <c r="B6393" s="2">
        <v>26.5</v>
      </c>
      <c r="C6393" s="2">
        <v>123.6</v>
      </c>
      <c r="D6393" s="2">
        <v>0</v>
      </c>
      <c r="E6393" s="2">
        <v>198.19999999999729</v>
      </c>
    </row>
    <row r="6394" spans="1:5" x14ac:dyDescent="0.25">
      <c r="A6394" s="3">
        <v>41810.680613425924</v>
      </c>
      <c r="B6394" s="2">
        <v>26.5</v>
      </c>
      <c r="C6394" s="2">
        <v>123.4</v>
      </c>
      <c r="D6394" s="2">
        <v>0</v>
      </c>
      <c r="E6394" s="2">
        <v>198.19999999999729</v>
      </c>
    </row>
    <row r="6395" spans="1:5" x14ac:dyDescent="0.25">
      <c r="A6395" s="3">
        <v>41810.699884259258</v>
      </c>
      <c r="B6395" s="2">
        <v>26.2</v>
      </c>
      <c r="C6395" s="2">
        <v>123.6</v>
      </c>
      <c r="D6395" s="2">
        <v>0</v>
      </c>
      <c r="E6395" s="2">
        <v>198.19999999999729</v>
      </c>
    </row>
    <row r="6396" spans="1:5" x14ac:dyDescent="0.25">
      <c r="A6396" s="3">
        <v>41810.699999999997</v>
      </c>
      <c r="B6396" s="2">
        <v>26.2</v>
      </c>
      <c r="C6396" s="2">
        <v>123.4</v>
      </c>
      <c r="D6396" s="2">
        <v>0</v>
      </c>
      <c r="E6396" s="2">
        <v>198.19999999999729</v>
      </c>
    </row>
    <row r="6397" spans="1:5" x14ac:dyDescent="0.25">
      <c r="A6397" s="3">
        <v>41810.72552083333</v>
      </c>
      <c r="B6397" s="2">
        <v>25.4</v>
      </c>
      <c r="C6397" s="2">
        <v>123.4</v>
      </c>
      <c r="D6397" s="2">
        <v>0.2</v>
      </c>
      <c r="E6397" s="2">
        <v>198.39999999999728</v>
      </c>
    </row>
    <row r="6398" spans="1:5" x14ac:dyDescent="0.25">
      <c r="A6398" s="3">
        <v>41810.72997685185</v>
      </c>
      <c r="B6398" s="2">
        <v>25.3</v>
      </c>
      <c r="C6398" s="2">
        <v>123.4</v>
      </c>
      <c r="D6398" s="2">
        <v>0.2</v>
      </c>
      <c r="E6398" s="2">
        <v>198.59999999999727</v>
      </c>
    </row>
    <row r="6399" spans="1:5" x14ac:dyDescent="0.25">
      <c r="A6399" s="3">
        <v>41810.730208333334</v>
      </c>
      <c r="B6399" s="2">
        <v>25.2</v>
      </c>
      <c r="C6399" s="2">
        <v>123.6</v>
      </c>
      <c r="D6399" s="2">
        <v>0</v>
      </c>
      <c r="E6399" s="2">
        <v>198.59999999999727</v>
      </c>
    </row>
    <row r="6400" spans="1:5" x14ac:dyDescent="0.25">
      <c r="A6400" s="3">
        <v>41810.731770833336</v>
      </c>
      <c r="B6400" s="2">
        <v>25.2</v>
      </c>
      <c r="C6400" s="2">
        <v>123.6</v>
      </c>
      <c r="D6400" s="2">
        <v>0.2</v>
      </c>
      <c r="E6400" s="2">
        <v>198.79999999999725</v>
      </c>
    </row>
    <row r="6401" spans="1:5" x14ac:dyDescent="0.25">
      <c r="A6401" s="3">
        <v>41810.732523148145</v>
      </c>
      <c r="B6401" s="2">
        <v>25.2</v>
      </c>
      <c r="C6401" s="2">
        <v>123.8</v>
      </c>
      <c r="D6401" s="2">
        <v>0</v>
      </c>
      <c r="E6401" s="2">
        <v>198.79999999999725</v>
      </c>
    </row>
    <row r="6402" spans="1:5" x14ac:dyDescent="0.25">
      <c r="A6402" s="3">
        <v>41810.73269675926</v>
      </c>
      <c r="B6402" s="2">
        <v>25.2</v>
      </c>
      <c r="C6402" s="2">
        <v>123.6</v>
      </c>
      <c r="D6402" s="2">
        <v>0</v>
      </c>
      <c r="E6402" s="2">
        <v>198.79999999999725</v>
      </c>
    </row>
    <row r="6403" spans="1:5" x14ac:dyDescent="0.25">
      <c r="A6403" s="3">
        <v>41810.735821759263</v>
      </c>
      <c r="B6403" s="2">
        <v>25.1</v>
      </c>
      <c r="C6403" s="2">
        <v>123.8</v>
      </c>
      <c r="D6403" s="2">
        <v>0</v>
      </c>
      <c r="E6403" s="2">
        <v>198.79999999999725</v>
      </c>
    </row>
    <row r="6404" spans="1:5" x14ac:dyDescent="0.25">
      <c r="A6404" s="3">
        <v>41810.737326388888</v>
      </c>
      <c r="B6404" s="2">
        <v>25</v>
      </c>
      <c r="C6404" s="2">
        <v>123.8</v>
      </c>
      <c r="D6404" s="2">
        <v>0.2</v>
      </c>
      <c r="E6404" s="2">
        <v>198.99999999999724</v>
      </c>
    </row>
    <row r="6405" spans="1:5" x14ac:dyDescent="0.25">
      <c r="A6405" s="3">
        <v>41810.75341435185</v>
      </c>
      <c r="B6405" s="2">
        <v>24.7</v>
      </c>
      <c r="C6405" s="2">
        <v>123.6</v>
      </c>
      <c r="D6405" s="2">
        <v>0</v>
      </c>
      <c r="E6405" s="2">
        <v>198.99999999999724</v>
      </c>
    </row>
    <row r="6406" spans="1:5" x14ac:dyDescent="0.25">
      <c r="A6406" s="3">
        <v>41810.753761574073</v>
      </c>
      <c r="B6406" s="2">
        <v>24.7</v>
      </c>
      <c r="C6406" s="2">
        <v>123.8</v>
      </c>
      <c r="D6406" s="2">
        <v>0</v>
      </c>
      <c r="E6406" s="2">
        <v>198.99999999999724</v>
      </c>
    </row>
    <row r="6407" spans="1:5" x14ac:dyDescent="0.25">
      <c r="A6407" s="3">
        <v>41810.754108796296</v>
      </c>
      <c r="B6407" s="2">
        <v>24.7</v>
      </c>
      <c r="C6407" s="2">
        <v>123.6</v>
      </c>
      <c r="D6407" s="2">
        <v>0</v>
      </c>
      <c r="E6407" s="2">
        <v>198.99999999999724</v>
      </c>
    </row>
    <row r="6408" spans="1:5" x14ac:dyDescent="0.25">
      <c r="A6408" s="3">
        <v>41810.771122685182</v>
      </c>
      <c r="B6408" s="2">
        <v>24.7</v>
      </c>
      <c r="C6408" s="2">
        <v>123.8</v>
      </c>
      <c r="D6408" s="2">
        <v>0</v>
      </c>
      <c r="E6408" s="2">
        <v>198.99999999999724</v>
      </c>
    </row>
    <row r="6409" spans="1:5" x14ac:dyDescent="0.25">
      <c r="A6409" s="3">
        <v>41810.791666666664</v>
      </c>
      <c r="B6409" s="2">
        <v>24.1</v>
      </c>
      <c r="C6409" s="2">
        <v>123.6</v>
      </c>
      <c r="D6409" s="2">
        <v>0</v>
      </c>
      <c r="E6409" s="2">
        <v>198.99999999999724</v>
      </c>
    </row>
    <row r="6410" spans="1:5" x14ac:dyDescent="0.25">
      <c r="A6410" s="3">
        <v>41810.816435185188</v>
      </c>
      <c r="B6410" s="2">
        <v>23.6</v>
      </c>
      <c r="C6410" s="2">
        <v>123.8</v>
      </c>
      <c r="D6410" s="2">
        <v>0</v>
      </c>
      <c r="E6410" s="2">
        <v>198.99999999999724</v>
      </c>
    </row>
    <row r="6411" spans="1:5" x14ac:dyDescent="0.25">
      <c r="A6411" s="3">
        <v>41810.817071759258</v>
      </c>
      <c r="B6411" s="2">
        <v>23.6</v>
      </c>
      <c r="C6411" s="2">
        <v>123.8</v>
      </c>
      <c r="D6411" s="2">
        <v>0.2</v>
      </c>
      <c r="E6411" s="2">
        <v>199.19999999999723</v>
      </c>
    </row>
    <row r="6412" spans="1:5" x14ac:dyDescent="0.25">
      <c r="A6412" s="3">
        <v>41810.835127314815</v>
      </c>
      <c r="B6412" s="2">
        <v>23.3</v>
      </c>
      <c r="C6412" s="2">
        <v>123.8</v>
      </c>
      <c r="D6412" s="2">
        <v>0.2</v>
      </c>
      <c r="E6412" s="2">
        <v>199.39999999999722</v>
      </c>
    </row>
    <row r="6413" spans="1:5" x14ac:dyDescent="0.25">
      <c r="A6413" s="3">
        <v>41810.839583333334</v>
      </c>
      <c r="B6413" s="2">
        <v>23.1</v>
      </c>
      <c r="C6413" s="2">
        <v>123.8</v>
      </c>
      <c r="D6413" s="2">
        <v>0.2</v>
      </c>
      <c r="E6413" s="2">
        <v>199.59999999999721</v>
      </c>
    </row>
    <row r="6414" spans="1:5" x14ac:dyDescent="0.25">
      <c r="A6414" s="3">
        <v>41810.839988425927</v>
      </c>
      <c r="B6414" s="2">
        <v>23.1</v>
      </c>
      <c r="C6414" s="2">
        <v>124</v>
      </c>
      <c r="D6414" s="2">
        <v>0</v>
      </c>
      <c r="E6414" s="2">
        <v>199.59999999999721</v>
      </c>
    </row>
    <row r="6415" spans="1:5" x14ac:dyDescent="0.25">
      <c r="A6415" s="3">
        <v>41810.891956018517</v>
      </c>
      <c r="B6415" s="2">
        <v>22.2</v>
      </c>
      <c r="C6415" s="2">
        <v>124</v>
      </c>
      <c r="D6415" s="2">
        <v>0.2</v>
      </c>
      <c r="E6415" s="2">
        <v>199.7999999999972</v>
      </c>
    </row>
    <row r="6416" spans="1:5" x14ac:dyDescent="0.25">
      <c r="A6416" s="3">
        <v>41810.938888888886</v>
      </c>
      <c r="B6416" s="2">
        <v>21.3</v>
      </c>
      <c r="C6416" s="2">
        <v>124</v>
      </c>
      <c r="D6416" s="2">
        <v>0.2</v>
      </c>
      <c r="E6416" s="2">
        <v>199.99999999999719</v>
      </c>
    </row>
    <row r="6417" spans="1:5" x14ac:dyDescent="0.25">
      <c r="A6417" s="3">
        <v>41810.940162037034</v>
      </c>
      <c r="B6417" s="2">
        <v>21.2</v>
      </c>
      <c r="C6417" s="2">
        <v>124.2</v>
      </c>
      <c r="D6417" s="2">
        <v>0</v>
      </c>
      <c r="E6417" s="2">
        <v>199.99999999999719</v>
      </c>
    </row>
    <row r="6418" spans="1:5" x14ac:dyDescent="0.25">
      <c r="A6418" s="3">
        <v>41810.940740740742</v>
      </c>
      <c r="B6418" s="2">
        <v>21.2</v>
      </c>
      <c r="C6418" s="2">
        <v>124.2</v>
      </c>
      <c r="D6418" s="2">
        <v>0.2</v>
      </c>
      <c r="E6418" s="2">
        <v>200.19999999999717</v>
      </c>
    </row>
    <row r="6419" spans="1:5" x14ac:dyDescent="0.25">
      <c r="A6419" s="3">
        <v>41810.941493055558</v>
      </c>
      <c r="B6419" s="2">
        <v>21.2</v>
      </c>
      <c r="C6419" s="2">
        <v>124.4</v>
      </c>
      <c r="D6419" s="2">
        <v>0</v>
      </c>
      <c r="E6419" s="2">
        <v>200.19999999999717</v>
      </c>
    </row>
    <row r="6420" spans="1:5" x14ac:dyDescent="0.25">
      <c r="A6420" s="3">
        <v>41810.941724537035</v>
      </c>
      <c r="B6420" s="2">
        <v>21.2</v>
      </c>
      <c r="C6420" s="2">
        <v>124.4</v>
      </c>
      <c r="D6420" s="2">
        <v>0.2</v>
      </c>
      <c r="E6420" s="2">
        <v>200.39999999999716</v>
      </c>
    </row>
    <row r="6421" spans="1:5" x14ac:dyDescent="0.25">
      <c r="A6421" s="3">
        <v>41810.942245370374</v>
      </c>
      <c r="B6421" s="2">
        <v>21.1</v>
      </c>
      <c r="C6421" s="2">
        <v>124.6</v>
      </c>
      <c r="D6421" s="2">
        <v>0</v>
      </c>
      <c r="E6421" s="2">
        <v>200.39999999999716</v>
      </c>
    </row>
    <row r="6422" spans="1:5" x14ac:dyDescent="0.25">
      <c r="A6422" s="3">
        <v>41810.942418981482</v>
      </c>
      <c r="B6422" s="2">
        <v>21.1</v>
      </c>
      <c r="C6422" s="2">
        <v>124.6</v>
      </c>
      <c r="D6422" s="2">
        <v>0.2</v>
      </c>
      <c r="E6422" s="2">
        <v>200.59999999999715</v>
      </c>
    </row>
    <row r="6423" spans="1:5" x14ac:dyDescent="0.25">
      <c r="A6423" s="3">
        <v>41810.943229166667</v>
      </c>
      <c r="B6423" s="2">
        <v>21.1</v>
      </c>
      <c r="C6423" s="2">
        <v>124.8</v>
      </c>
      <c r="D6423" s="2">
        <v>0</v>
      </c>
      <c r="E6423" s="2">
        <v>200.59999999999715</v>
      </c>
    </row>
    <row r="6424" spans="1:5" x14ac:dyDescent="0.25">
      <c r="A6424" s="3">
        <v>41810.943807870368</v>
      </c>
      <c r="B6424" s="2">
        <v>21.1</v>
      </c>
      <c r="C6424" s="2">
        <v>124.8</v>
      </c>
      <c r="D6424" s="2">
        <v>0.2</v>
      </c>
      <c r="E6424" s="2">
        <v>200.79999999999714</v>
      </c>
    </row>
    <row r="6425" spans="1:5" x14ac:dyDescent="0.25">
      <c r="A6425" s="3">
        <v>41810.988194444442</v>
      </c>
      <c r="B6425" s="2">
        <v>20.3</v>
      </c>
      <c r="C6425" s="2">
        <v>124.8</v>
      </c>
      <c r="D6425" s="2">
        <v>0.2</v>
      </c>
      <c r="E6425" s="2">
        <v>200.99999999999713</v>
      </c>
    </row>
    <row r="6426" spans="1:5" x14ac:dyDescent="0.25">
      <c r="A6426" s="3">
        <v>41810.99554398148</v>
      </c>
      <c r="B6426" s="2">
        <v>20.2</v>
      </c>
      <c r="C6426" s="2">
        <v>125</v>
      </c>
      <c r="D6426" s="2">
        <v>0</v>
      </c>
      <c r="E6426" s="2">
        <v>200.99999999999713</v>
      </c>
    </row>
    <row r="6427" spans="1:5" x14ac:dyDescent="0.25">
      <c r="A6427" s="3">
        <v>41811.044907407406</v>
      </c>
      <c r="B6427" s="2">
        <v>19.3</v>
      </c>
      <c r="C6427" s="2">
        <v>124.8</v>
      </c>
      <c r="D6427" s="2">
        <v>0</v>
      </c>
      <c r="E6427" s="2">
        <v>200.99999999999713</v>
      </c>
    </row>
    <row r="6428" spans="1:5" x14ac:dyDescent="0.25">
      <c r="A6428" s="3">
        <v>41811.342303240737</v>
      </c>
      <c r="B6428" s="2">
        <v>16.7</v>
      </c>
      <c r="C6428" s="2">
        <v>124.6</v>
      </c>
      <c r="D6428" s="2">
        <v>0</v>
      </c>
      <c r="E6428" s="2">
        <v>200.99999999999713</v>
      </c>
    </row>
    <row r="6429" spans="1:5" x14ac:dyDescent="0.25">
      <c r="A6429" s="3">
        <v>41811.51284722222</v>
      </c>
      <c r="B6429" s="2">
        <v>24.9</v>
      </c>
      <c r="C6429" s="2">
        <v>124.4</v>
      </c>
      <c r="D6429" s="2">
        <v>0</v>
      </c>
      <c r="E6429" s="2">
        <v>200.99999999999713</v>
      </c>
    </row>
    <row r="6430" spans="1:5" x14ac:dyDescent="0.25">
      <c r="A6430" s="3">
        <v>41811.513020833336</v>
      </c>
      <c r="B6430" s="2">
        <v>24.9</v>
      </c>
      <c r="C6430" s="2">
        <v>124.6</v>
      </c>
      <c r="D6430" s="2">
        <v>0</v>
      </c>
      <c r="E6430" s="2">
        <v>200.99999999999713</v>
      </c>
    </row>
    <row r="6431" spans="1:5" x14ac:dyDescent="0.25">
      <c r="A6431" s="3">
        <v>41811.516145833331</v>
      </c>
      <c r="B6431" s="2">
        <v>25</v>
      </c>
      <c r="C6431" s="2">
        <v>124.4</v>
      </c>
      <c r="D6431" s="2">
        <v>0</v>
      </c>
      <c r="E6431" s="2">
        <v>200.99999999999713</v>
      </c>
    </row>
    <row r="6432" spans="1:5" x14ac:dyDescent="0.25">
      <c r="A6432" s="3">
        <v>41811.518171296295</v>
      </c>
      <c r="B6432" s="2">
        <v>25.3</v>
      </c>
      <c r="C6432" s="2">
        <v>124.6</v>
      </c>
      <c r="D6432" s="2">
        <v>0</v>
      </c>
      <c r="E6432" s="2">
        <v>200.99999999999713</v>
      </c>
    </row>
    <row r="6433" spans="1:5" x14ac:dyDescent="0.25">
      <c r="A6433" s="3">
        <v>41811.51840277778</v>
      </c>
      <c r="B6433" s="2">
        <v>25.3</v>
      </c>
      <c r="C6433" s="2">
        <v>124.4</v>
      </c>
      <c r="D6433" s="2">
        <v>0</v>
      </c>
      <c r="E6433" s="2">
        <v>200.99999999999713</v>
      </c>
    </row>
    <row r="6434" spans="1:5" x14ac:dyDescent="0.25">
      <c r="A6434" s="3">
        <v>41811.558275462965</v>
      </c>
      <c r="B6434" s="2">
        <v>27.4</v>
      </c>
      <c r="C6434" s="2">
        <v>124.2</v>
      </c>
      <c r="D6434" s="2">
        <v>0</v>
      </c>
      <c r="E6434" s="2">
        <v>200.99999999999713</v>
      </c>
    </row>
    <row r="6435" spans="1:5" x14ac:dyDescent="0.25">
      <c r="A6435" s="3">
        <v>41811.558333333334</v>
      </c>
      <c r="B6435" s="2">
        <v>27.4</v>
      </c>
      <c r="C6435" s="2">
        <v>124.4</v>
      </c>
      <c r="D6435" s="2">
        <v>0</v>
      </c>
      <c r="E6435" s="2">
        <v>200.99999999999713</v>
      </c>
    </row>
    <row r="6436" spans="1:5" x14ac:dyDescent="0.25">
      <c r="A6436" s="3">
        <v>41811.558506944442</v>
      </c>
      <c r="B6436" s="2">
        <v>27.4</v>
      </c>
      <c r="C6436" s="2">
        <v>124.2</v>
      </c>
      <c r="D6436" s="2">
        <v>0</v>
      </c>
      <c r="E6436" s="2">
        <v>200.99999999999713</v>
      </c>
    </row>
    <row r="6437" spans="1:5" x14ac:dyDescent="0.25">
      <c r="A6437" s="3">
        <v>41811.559432870374</v>
      </c>
      <c r="B6437" s="2">
        <v>27.4</v>
      </c>
      <c r="C6437" s="2">
        <v>124.4</v>
      </c>
      <c r="D6437" s="2">
        <v>0</v>
      </c>
      <c r="E6437" s="2">
        <v>200.99999999999713</v>
      </c>
    </row>
    <row r="6438" spans="1:5" x14ac:dyDescent="0.25">
      <c r="A6438" s="3">
        <v>41811.559953703705</v>
      </c>
      <c r="B6438" s="2">
        <v>27.5</v>
      </c>
      <c r="C6438" s="2">
        <v>124.2</v>
      </c>
      <c r="D6438" s="2">
        <v>0</v>
      </c>
      <c r="E6438" s="2">
        <v>200.99999999999713</v>
      </c>
    </row>
    <row r="6439" spans="1:5" x14ac:dyDescent="0.25">
      <c r="A6439" s="3">
        <v>41811.560185185182</v>
      </c>
      <c r="B6439" s="2">
        <v>27.5</v>
      </c>
      <c r="C6439" s="2">
        <v>124.4</v>
      </c>
      <c r="D6439" s="2">
        <v>0</v>
      </c>
      <c r="E6439" s="2">
        <v>200.99999999999713</v>
      </c>
    </row>
    <row r="6440" spans="1:5" x14ac:dyDescent="0.25">
      <c r="A6440" s="3">
        <v>41811.560358796298</v>
      </c>
      <c r="B6440" s="2">
        <v>27.5</v>
      </c>
      <c r="C6440" s="2">
        <v>124.2</v>
      </c>
      <c r="D6440" s="2">
        <v>0</v>
      </c>
      <c r="E6440" s="2">
        <v>200.99999999999713</v>
      </c>
    </row>
    <row r="6441" spans="1:5" x14ac:dyDescent="0.25">
      <c r="A6441" s="3">
        <v>41811.563368055555</v>
      </c>
      <c r="B6441" s="2">
        <v>27.7</v>
      </c>
      <c r="C6441" s="2">
        <v>124.4</v>
      </c>
      <c r="D6441" s="2">
        <v>0</v>
      </c>
      <c r="E6441" s="2">
        <v>200.99999999999713</v>
      </c>
    </row>
    <row r="6442" spans="1:5" x14ac:dyDescent="0.25">
      <c r="A6442" s="3">
        <v>41811.56354166667</v>
      </c>
      <c r="B6442" s="2">
        <v>27.7</v>
      </c>
      <c r="C6442" s="2">
        <v>124.2</v>
      </c>
      <c r="D6442" s="2">
        <v>0</v>
      </c>
      <c r="E6442" s="2">
        <v>200.99999999999713</v>
      </c>
    </row>
    <row r="6443" spans="1:5" x14ac:dyDescent="0.25">
      <c r="A6443" s="3">
        <v>41811.564062500001</v>
      </c>
      <c r="B6443" s="2">
        <v>27.7</v>
      </c>
      <c r="C6443" s="2">
        <v>124.4</v>
      </c>
      <c r="D6443" s="2">
        <v>0</v>
      </c>
      <c r="E6443" s="2">
        <v>200.99999999999713</v>
      </c>
    </row>
    <row r="6444" spans="1:5" x14ac:dyDescent="0.25">
      <c r="A6444" s="3">
        <v>41811.564120370371</v>
      </c>
      <c r="B6444" s="2">
        <v>27.7</v>
      </c>
      <c r="C6444" s="2">
        <v>124.2</v>
      </c>
      <c r="D6444" s="2">
        <v>0</v>
      </c>
      <c r="E6444" s="2">
        <v>200.99999999999713</v>
      </c>
    </row>
    <row r="6445" spans="1:5" x14ac:dyDescent="0.25">
      <c r="A6445" s="3">
        <v>41811.564409722225</v>
      </c>
      <c r="B6445" s="2">
        <v>27.7</v>
      </c>
      <c r="C6445" s="2">
        <v>124.4</v>
      </c>
      <c r="D6445" s="2">
        <v>0</v>
      </c>
      <c r="E6445" s="2">
        <v>200.99999999999713</v>
      </c>
    </row>
    <row r="6446" spans="1:5" x14ac:dyDescent="0.25">
      <c r="A6446" s="3">
        <v>41811.564641203702</v>
      </c>
      <c r="B6446" s="2">
        <v>27.7</v>
      </c>
      <c r="C6446" s="2">
        <v>124.2</v>
      </c>
      <c r="D6446" s="2">
        <v>0</v>
      </c>
      <c r="E6446" s="2">
        <v>200.99999999999713</v>
      </c>
    </row>
    <row r="6447" spans="1:5" x14ac:dyDescent="0.25">
      <c r="A6447" s="3">
        <v>41811.589988425927</v>
      </c>
      <c r="B6447" s="2">
        <v>28.4</v>
      </c>
      <c r="C6447" s="2">
        <v>124</v>
      </c>
      <c r="D6447" s="2">
        <v>0</v>
      </c>
      <c r="E6447" s="2">
        <v>200.99999999999713</v>
      </c>
    </row>
    <row r="6448" spans="1:5" x14ac:dyDescent="0.25">
      <c r="A6448" s="3">
        <v>41811.590219907404</v>
      </c>
      <c r="B6448" s="2">
        <v>28.4</v>
      </c>
      <c r="C6448" s="2">
        <v>124.2</v>
      </c>
      <c r="D6448" s="2">
        <v>0</v>
      </c>
      <c r="E6448" s="2">
        <v>200.99999999999713</v>
      </c>
    </row>
    <row r="6449" spans="1:5" x14ac:dyDescent="0.25">
      <c r="A6449" s="3">
        <v>41811.590740740743</v>
      </c>
      <c r="B6449" s="2">
        <v>28.4</v>
      </c>
      <c r="C6449" s="2">
        <v>124</v>
      </c>
      <c r="D6449" s="2">
        <v>0</v>
      </c>
      <c r="E6449" s="2">
        <v>200.99999999999713</v>
      </c>
    </row>
    <row r="6450" spans="1:5" x14ac:dyDescent="0.25">
      <c r="A6450" s="3">
        <v>41811.591261574074</v>
      </c>
      <c r="B6450" s="2">
        <v>28.4</v>
      </c>
      <c r="C6450" s="2">
        <v>124.2</v>
      </c>
      <c r="D6450" s="2">
        <v>0</v>
      </c>
      <c r="E6450" s="2">
        <v>200.99999999999713</v>
      </c>
    </row>
    <row r="6451" spans="1:5" x14ac:dyDescent="0.25">
      <c r="A6451" s="3">
        <v>41811.591319444444</v>
      </c>
      <c r="B6451" s="2">
        <v>28.4</v>
      </c>
      <c r="C6451" s="2">
        <v>124</v>
      </c>
      <c r="D6451" s="2">
        <v>0</v>
      </c>
      <c r="E6451" s="2">
        <v>200.99999999999713</v>
      </c>
    </row>
    <row r="6452" spans="1:5" x14ac:dyDescent="0.25">
      <c r="A6452" s="3">
        <v>41811.596759259257</v>
      </c>
      <c r="B6452" s="2">
        <v>28.4</v>
      </c>
      <c r="C6452" s="2">
        <v>124.2</v>
      </c>
      <c r="D6452" s="2">
        <v>0</v>
      </c>
      <c r="E6452" s="2">
        <v>200.99999999999713</v>
      </c>
    </row>
    <row r="6453" spans="1:5" x14ac:dyDescent="0.25">
      <c r="A6453" s="3">
        <v>41811.597048611111</v>
      </c>
      <c r="B6453" s="2">
        <v>28.5</v>
      </c>
      <c r="C6453" s="2">
        <v>124</v>
      </c>
      <c r="D6453" s="2">
        <v>0</v>
      </c>
      <c r="E6453" s="2">
        <v>200.99999999999713</v>
      </c>
    </row>
    <row r="6454" spans="1:5" x14ac:dyDescent="0.25">
      <c r="A6454" s="3">
        <v>41811.626736111109</v>
      </c>
      <c r="B6454" s="2">
        <v>28.7</v>
      </c>
      <c r="C6454" s="2">
        <v>123.8</v>
      </c>
      <c r="D6454" s="2">
        <v>0</v>
      </c>
      <c r="E6454" s="2">
        <v>200.99999999999713</v>
      </c>
    </row>
    <row r="6455" spans="1:5" x14ac:dyDescent="0.25">
      <c r="A6455" s="3">
        <v>41811.626793981479</v>
      </c>
      <c r="B6455" s="2">
        <v>28.7</v>
      </c>
      <c r="C6455" s="2">
        <v>124</v>
      </c>
      <c r="D6455" s="2">
        <v>0</v>
      </c>
      <c r="E6455" s="2">
        <v>200.99999999999713</v>
      </c>
    </row>
    <row r="6456" spans="1:5" x14ac:dyDescent="0.25">
      <c r="A6456" s="3">
        <v>41811.628009259257</v>
      </c>
      <c r="B6456" s="2">
        <v>28.7</v>
      </c>
      <c r="C6456" s="2">
        <v>123.8</v>
      </c>
      <c r="D6456" s="2">
        <v>0</v>
      </c>
      <c r="E6456" s="2">
        <v>200.99999999999713</v>
      </c>
    </row>
    <row r="6457" spans="1:5" x14ac:dyDescent="0.25">
      <c r="A6457" s="3">
        <v>41811.628240740742</v>
      </c>
      <c r="B6457" s="2">
        <v>28.7</v>
      </c>
      <c r="C6457" s="2">
        <v>124</v>
      </c>
      <c r="D6457" s="2">
        <v>0</v>
      </c>
      <c r="E6457" s="2">
        <v>200.99999999999713</v>
      </c>
    </row>
    <row r="6458" spans="1:5" x14ac:dyDescent="0.25">
      <c r="A6458" s="3">
        <v>41811.628587962965</v>
      </c>
      <c r="B6458" s="2">
        <v>28.7</v>
      </c>
      <c r="C6458" s="2">
        <v>123.8</v>
      </c>
      <c r="D6458" s="2">
        <v>0</v>
      </c>
      <c r="E6458" s="2">
        <v>200.99999999999713</v>
      </c>
    </row>
    <row r="6459" spans="1:5" x14ac:dyDescent="0.25">
      <c r="A6459" s="3">
        <v>41811.628819444442</v>
      </c>
      <c r="B6459" s="2">
        <v>28.7</v>
      </c>
      <c r="C6459" s="2">
        <v>124</v>
      </c>
      <c r="D6459" s="2">
        <v>0</v>
      </c>
      <c r="E6459" s="2">
        <v>200.99999999999713</v>
      </c>
    </row>
    <row r="6460" spans="1:5" x14ac:dyDescent="0.25">
      <c r="A6460" s="3">
        <v>41811.628877314812</v>
      </c>
      <c r="B6460" s="2">
        <v>28.7</v>
      </c>
      <c r="C6460" s="2">
        <v>123.8</v>
      </c>
      <c r="D6460" s="2">
        <v>0</v>
      </c>
      <c r="E6460" s="2">
        <v>200.99999999999713</v>
      </c>
    </row>
    <row r="6461" spans="1:5" x14ac:dyDescent="0.25">
      <c r="A6461" s="3">
        <v>41811.630497685182</v>
      </c>
      <c r="B6461" s="2">
        <v>28.7</v>
      </c>
      <c r="C6461" s="2">
        <v>124</v>
      </c>
      <c r="D6461" s="2">
        <v>0</v>
      </c>
      <c r="E6461" s="2">
        <v>200.99999999999713</v>
      </c>
    </row>
    <row r="6462" spans="1:5" x14ac:dyDescent="0.25">
      <c r="A6462" s="3">
        <v>41811.630555555559</v>
      </c>
      <c r="B6462" s="2">
        <v>28.7</v>
      </c>
      <c r="C6462" s="2">
        <v>123.8</v>
      </c>
      <c r="D6462" s="2">
        <v>0</v>
      </c>
      <c r="E6462" s="2">
        <v>200.99999999999713</v>
      </c>
    </row>
    <row r="6463" spans="1:5" x14ac:dyDescent="0.25">
      <c r="A6463" s="3">
        <v>41811.664351851854</v>
      </c>
      <c r="B6463" s="2">
        <v>28.6</v>
      </c>
      <c r="C6463" s="2">
        <v>123.6</v>
      </c>
      <c r="D6463" s="2">
        <v>0</v>
      </c>
      <c r="E6463" s="2">
        <v>200.99999999999713</v>
      </c>
    </row>
    <row r="6464" spans="1:5" x14ac:dyDescent="0.25">
      <c r="A6464" s="3">
        <v>41811.66510416667</v>
      </c>
      <c r="B6464" s="2">
        <v>28.6</v>
      </c>
      <c r="C6464" s="2">
        <v>123.8</v>
      </c>
      <c r="D6464" s="2">
        <v>0</v>
      </c>
      <c r="E6464" s="2">
        <v>200.99999999999713</v>
      </c>
    </row>
    <row r="6465" spans="1:5" x14ac:dyDescent="0.25">
      <c r="A6465" s="3">
        <v>41811.665277777778</v>
      </c>
      <c r="B6465" s="2">
        <v>28.6</v>
      </c>
      <c r="C6465" s="2">
        <v>123.6</v>
      </c>
      <c r="D6465" s="2">
        <v>0</v>
      </c>
      <c r="E6465" s="2">
        <v>200.99999999999713</v>
      </c>
    </row>
    <row r="6466" spans="1:5" x14ac:dyDescent="0.25">
      <c r="A6466" s="3">
        <v>41811.675694444442</v>
      </c>
      <c r="B6466" s="2">
        <v>28.4</v>
      </c>
      <c r="C6466" s="2">
        <v>123.4</v>
      </c>
      <c r="D6466" s="2">
        <v>0</v>
      </c>
      <c r="E6466" s="2">
        <v>200.99999999999713</v>
      </c>
    </row>
    <row r="6467" spans="1:5" x14ac:dyDescent="0.25">
      <c r="A6467" s="3">
        <v>41811.675983796296</v>
      </c>
      <c r="B6467" s="2">
        <v>28.4</v>
      </c>
      <c r="C6467" s="2">
        <v>123.6</v>
      </c>
      <c r="D6467" s="2">
        <v>0</v>
      </c>
      <c r="E6467" s="2">
        <v>200.99999999999713</v>
      </c>
    </row>
    <row r="6468" spans="1:5" x14ac:dyDescent="0.25">
      <c r="A6468" s="3">
        <v>41811.676041666666</v>
      </c>
      <c r="B6468" s="2">
        <v>28.4</v>
      </c>
      <c r="C6468" s="2">
        <v>123.4</v>
      </c>
      <c r="D6468" s="2">
        <v>0</v>
      </c>
      <c r="E6468" s="2">
        <v>200.99999999999713</v>
      </c>
    </row>
    <row r="6469" spans="1:5" x14ac:dyDescent="0.25">
      <c r="A6469" s="3">
        <v>41811.68472222222</v>
      </c>
      <c r="B6469" s="2">
        <v>28.2</v>
      </c>
      <c r="C6469" s="2">
        <v>123.6</v>
      </c>
      <c r="D6469" s="2">
        <v>0</v>
      </c>
      <c r="E6469" s="2">
        <v>200.99999999999713</v>
      </c>
    </row>
    <row r="6470" spans="1:5" x14ac:dyDescent="0.25">
      <c r="A6470" s="3">
        <v>41811.68478009259</v>
      </c>
      <c r="B6470" s="2">
        <v>28.2</v>
      </c>
      <c r="C6470" s="2">
        <v>123.4</v>
      </c>
      <c r="D6470" s="2">
        <v>0</v>
      </c>
      <c r="E6470" s="2">
        <v>200.99999999999713</v>
      </c>
    </row>
    <row r="6471" spans="1:5" x14ac:dyDescent="0.25">
      <c r="A6471" s="3">
        <v>41811.69699074074</v>
      </c>
      <c r="B6471" s="2">
        <v>27.9</v>
      </c>
      <c r="C6471" s="2">
        <v>123.2</v>
      </c>
      <c r="D6471" s="2">
        <v>0</v>
      </c>
      <c r="E6471" s="2">
        <v>200.99999999999713</v>
      </c>
    </row>
    <row r="6472" spans="1:5" x14ac:dyDescent="0.25">
      <c r="A6472" s="3">
        <v>41811.719907407409</v>
      </c>
      <c r="B6472" s="2">
        <v>27.4</v>
      </c>
      <c r="C6472" s="2">
        <v>123</v>
      </c>
      <c r="D6472" s="2">
        <v>0</v>
      </c>
      <c r="E6472" s="2">
        <v>200.99999999999713</v>
      </c>
    </row>
    <row r="6473" spans="1:5" x14ac:dyDescent="0.25">
      <c r="A6473" s="3">
        <v>41811.752314814818</v>
      </c>
      <c r="B6473" s="2">
        <v>26.9</v>
      </c>
      <c r="C6473" s="2">
        <v>122.8</v>
      </c>
      <c r="D6473" s="2">
        <v>0</v>
      </c>
      <c r="E6473" s="2">
        <v>200.99999999999713</v>
      </c>
    </row>
    <row r="6474" spans="1:5" x14ac:dyDescent="0.25">
      <c r="A6474" s="3">
        <v>41811.756655092591</v>
      </c>
      <c r="B6474" s="2">
        <v>26.8</v>
      </c>
      <c r="C6474" s="2">
        <v>123</v>
      </c>
      <c r="D6474" s="2">
        <v>0</v>
      </c>
      <c r="E6474" s="2">
        <v>200.99999999999713</v>
      </c>
    </row>
    <row r="6475" spans="1:5" x14ac:dyDescent="0.25">
      <c r="A6475" s="3">
        <v>41811.75677083333</v>
      </c>
      <c r="B6475" s="2">
        <v>26.8</v>
      </c>
      <c r="C6475" s="2">
        <v>122.8</v>
      </c>
      <c r="D6475" s="2">
        <v>0</v>
      </c>
      <c r="E6475" s="2">
        <v>200.99999999999713</v>
      </c>
    </row>
    <row r="6476" spans="1:5" x14ac:dyDescent="0.25">
      <c r="A6476" s="3">
        <v>41811.768923611111</v>
      </c>
      <c r="B6476" s="2">
        <v>26.8</v>
      </c>
      <c r="C6476" s="2">
        <v>122.6</v>
      </c>
      <c r="D6476" s="2">
        <v>0</v>
      </c>
      <c r="E6476" s="2">
        <v>200.99999999999713</v>
      </c>
    </row>
    <row r="6477" spans="1:5" x14ac:dyDescent="0.25">
      <c r="A6477" s="3">
        <v>41811.769097222219</v>
      </c>
      <c r="B6477" s="2">
        <v>26.8</v>
      </c>
      <c r="C6477" s="2">
        <v>122.8</v>
      </c>
      <c r="D6477" s="2">
        <v>0</v>
      </c>
      <c r="E6477" s="2">
        <v>200.99999999999713</v>
      </c>
    </row>
    <row r="6478" spans="1:5" x14ac:dyDescent="0.25">
      <c r="A6478" s="3">
        <v>41811.769212962965</v>
      </c>
      <c r="B6478" s="2">
        <v>26.8</v>
      </c>
      <c r="C6478" s="2">
        <v>122.6</v>
      </c>
      <c r="D6478" s="2">
        <v>0</v>
      </c>
      <c r="E6478" s="2">
        <v>200.99999999999713</v>
      </c>
    </row>
    <row r="6479" spans="1:5" x14ac:dyDescent="0.25">
      <c r="A6479" s="3">
        <v>41811.771180555559</v>
      </c>
      <c r="B6479" s="2">
        <v>26.8</v>
      </c>
      <c r="C6479" s="2">
        <v>122.8</v>
      </c>
      <c r="D6479" s="2">
        <v>0</v>
      </c>
      <c r="E6479" s="2">
        <v>200.99999999999713</v>
      </c>
    </row>
    <row r="6480" spans="1:5" x14ac:dyDescent="0.25">
      <c r="A6480" s="3">
        <v>41811.771354166667</v>
      </c>
      <c r="B6480" s="2">
        <v>26.8</v>
      </c>
      <c r="C6480" s="2">
        <v>122.6</v>
      </c>
      <c r="D6480" s="2">
        <v>0</v>
      </c>
      <c r="E6480" s="2">
        <v>200.99999999999713</v>
      </c>
    </row>
    <row r="6481" spans="1:5" x14ac:dyDescent="0.25">
      <c r="A6481" s="3">
        <v>41811.775347222225</v>
      </c>
      <c r="B6481" s="2">
        <v>26.8</v>
      </c>
      <c r="C6481" s="2">
        <v>122.8</v>
      </c>
      <c r="D6481" s="2">
        <v>0</v>
      </c>
      <c r="E6481" s="2">
        <v>200.99999999999713</v>
      </c>
    </row>
    <row r="6482" spans="1:5" x14ac:dyDescent="0.25">
      <c r="A6482" s="3">
        <v>41811.776041666664</v>
      </c>
      <c r="B6482" s="2">
        <v>26.7</v>
      </c>
      <c r="C6482" s="2">
        <v>122.6</v>
      </c>
      <c r="D6482" s="2">
        <v>0</v>
      </c>
      <c r="E6482" s="2">
        <v>200.99999999999713</v>
      </c>
    </row>
    <row r="6483" spans="1:5" x14ac:dyDescent="0.25">
      <c r="A6483" s="3">
        <v>41811.776562500003</v>
      </c>
      <c r="B6483" s="2">
        <v>26.7</v>
      </c>
      <c r="C6483" s="2">
        <v>122.8</v>
      </c>
      <c r="D6483" s="2">
        <v>0</v>
      </c>
      <c r="E6483" s="2">
        <v>200.99999999999713</v>
      </c>
    </row>
    <row r="6484" spans="1:5" x14ac:dyDescent="0.25">
      <c r="A6484" s="3">
        <v>41811.776620370372</v>
      </c>
      <c r="B6484" s="2">
        <v>26.7</v>
      </c>
      <c r="C6484" s="2">
        <v>122.6</v>
      </c>
      <c r="D6484" s="2">
        <v>0</v>
      </c>
      <c r="E6484" s="2">
        <v>200.99999999999713</v>
      </c>
    </row>
    <row r="6485" spans="1:5" x14ac:dyDescent="0.25">
      <c r="A6485" s="3">
        <v>41811.820486111108</v>
      </c>
      <c r="B6485" s="2">
        <v>25.4</v>
      </c>
      <c r="C6485" s="2">
        <v>122.4</v>
      </c>
      <c r="D6485" s="2">
        <v>0</v>
      </c>
      <c r="E6485" s="2">
        <v>200.99999999999713</v>
      </c>
    </row>
    <row r="6486" spans="1:5" x14ac:dyDescent="0.25">
      <c r="A6486" s="3">
        <v>41811.861921296295</v>
      </c>
      <c r="B6486" s="2">
        <v>24.3</v>
      </c>
      <c r="C6486" s="2">
        <v>122.2</v>
      </c>
      <c r="D6486" s="2">
        <v>0</v>
      </c>
      <c r="E6486" s="2">
        <v>200.99999999999713</v>
      </c>
    </row>
    <row r="6487" spans="1:5" x14ac:dyDescent="0.25">
      <c r="A6487" s="3">
        <v>41811.911747685182</v>
      </c>
      <c r="B6487" s="2">
        <v>23</v>
      </c>
      <c r="C6487" s="2">
        <v>122</v>
      </c>
      <c r="D6487" s="2">
        <v>0</v>
      </c>
      <c r="E6487" s="2">
        <v>200.99999999999713</v>
      </c>
    </row>
    <row r="6488" spans="1:5" x14ac:dyDescent="0.25">
      <c r="A6488" s="3">
        <v>41811.967766203707</v>
      </c>
      <c r="B6488" s="2">
        <v>21.7</v>
      </c>
      <c r="C6488" s="2">
        <v>121.8</v>
      </c>
      <c r="D6488" s="2">
        <v>0</v>
      </c>
      <c r="E6488" s="2">
        <v>200.99999999999713</v>
      </c>
    </row>
    <row r="6489" spans="1:5" x14ac:dyDescent="0.25">
      <c r="A6489" s="3">
        <v>41812.046180555553</v>
      </c>
      <c r="B6489" s="2">
        <v>19.899999999999999</v>
      </c>
      <c r="C6489" s="2">
        <v>121.6</v>
      </c>
      <c r="D6489" s="2">
        <v>0</v>
      </c>
      <c r="E6489" s="2">
        <v>200.99999999999713</v>
      </c>
    </row>
    <row r="6490" spans="1:5" x14ac:dyDescent="0.25">
      <c r="A6490" s="3">
        <v>41812.127662037034</v>
      </c>
      <c r="B6490" s="2">
        <v>18.3</v>
      </c>
      <c r="C6490" s="2">
        <v>121.4</v>
      </c>
      <c r="D6490" s="2">
        <v>0</v>
      </c>
      <c r="E6490" s="2">
        <v>200.99999999999713</v>
      </c>
    </row>
    <row r="6491" spans="1:5" x14ac:dyDescent="0.25">
      <c r="A6491" s="3">
        <v>41812.250057870369</v>
      </c>
      <c r="B6491" s="2">
        <v>16.399999999999999</v>
      </c>
      <c r="C6491" s="2">
        <v>121.2</v>
      </c>
      <c r="D6491" s="2">
        <v>0</v>
      </c>
      <c r="E6491" s="2">
        <v>200.99999999999713</v>
      </c>
    </row>
    <row r="6492" spans="1:5" x14ac:dyDescent="0.25">
      <c r="A6492" s="3">
        <v>41812.34479166667</v>
      </c>
      <c r="B6492" s="2">
        <v>16.2</v>
      </c>
      <c r="C6492" s="2">
        <v>121</v>
      </c>
      <c r="D6492" s="2">
        <v>0</v>
      </c>
      <c r="E6492" s="2">
        <v>200.99999999999713</v>
      </c>
    </row>
    <row r="6493" spans="1:5" x14ac:dyDescent="0.25">
      <c r="A6493" s="3">
        <v>41812.391898148147</v>
      </c>
      <c r="B6493" s="2">
        <v>17.7</v>
      </c>
      <c r="C6493" s="2">
        <v>120.8</v>
      </c>
      <c r="D6493" s="2">
        <v>0</v>
      </c>
      <c r="E6493" s="2">
        <v>200.99999999999713</v>
      </c>
    </row>
    <row r="6494" spans="1:5" x14ac:dyDescent="0.25">
      <c r="A6494" s="3">
        <v>41812.392766203702</v>
      </c>
      <c r="B6494" s="2">
        <v>17.7</v>
      </c>
      <c r="C6494" s="2">
        <v>121</v>
      </c>
      <c r="D6494" s="2">
        <v>0</v>
      </c>
      <c r="E6494" s="2">
        <v>200.99999999999713</v>
      </c>
    </row>
    <row r="6495" spans="1:5" x14ac:dyDescent="0.25">
      <c r="A6495" s="3">
        <v>41812.39334490741</v>
      </c>
      <c r="B6495" s="2">
        <v>17.7</v>
      </c>
      <c r="C6495" s="2">
        <v>120.8</v>
      </c>
      <c r="D6495" s="2">
        <v>0</v>
      </c>
      <c r="E6495" s="2">
        <v>200.99999999999713</v>
      </c>
    </row>
    <row r="6496" spans="1:5" x14ac:dyDescent="0.25">
      <c r="A6496" s="3">
        <v>41812.394328703704</v>
      </c>
      <c r="B6496" s="2">
        <v>17.8</v>
      </c>
      <c r="C6496" s="2">
        <v>121</v>
      </c>
      <c r="D6496" s="2">
        <v>0</v>
      </c>
      <c r="E6496" s="2">
        <v>200.99999999999713</v>
      </c>
    </row>
    <row r="6497" spans="1:5" x14ac:dyDescent="0.25">
      <c r="A6497" s="3">
        <v>41812.394502314812</v>
      </c>
      <c r="B6497" s="2">
        <v>17.8</v>
      </c>
      <c r="C6497" s="2">
        <v>120.8</v>
      </c>
      <c r="D6497" s="2">
        <v>0</v>
      </c>
      <c r="E6497" s="2">
        <v>200.99999999999713</v>
      </c>
    </row>
    <row r="6498" spans="1:5" x14ac:dyDescent="0.25">
      <c r="A6498" s="3">
        <v>41812.399594907409</v>
      </c>
      <c r="B6498" s="2">
        <v>18.100000000000001</v>
      </c>
      <c r="C6498" s="2">
        <v>121</v>
      </c>
      <c r="D6498" s="2">
        <v>0</v>
      </c>
      <c r="E6498" s="2">
        <v>200.99999999999713</v>
      </c>
    </row>
    <row r="6499" spans="1:5" x14ac:dyDescent="0.25">
      <c r="A6499" s="3">
        <v>41812.399942129632</v>
      </c>
      <c r="B6499" s="2">
        <v>18.100000000000001</v>
      </c>
      <c r="C6499" s="2">
        <v>120.8</v>
      </c>
      <c r="D6499" s="2">
        <v>0</v>
      </c>
      <c r="E6499" s="2">
        <v>200.99999999999713</v>
      </c>
    </row>
    <row r="6500" spans="1:5" x14ac:dyDescent="0.25">
      <c r="A6500" s="3">
        <v>41812.402546296296</v>
      </c>
      <c r="B6500" s="2">
        <v>18.2</v>
      </c>
      <c r="C6500" s="2">
        <v>121</v>
      </c>
      <c r="D6500" s="2">
        <v>0</v>
      </c>
      <c r="E6500" s="2">
        <v>200.99999999999713</v>
      </c>
    </row>
    <row r="6501" spans="1:5" x14ac:dyDescent="0.25">
      <c r="A6501" s="3">
        <v>41812.402777777781</v>
      </c>
      <c r="B6501" s="2">
        <v>18.2</v>
      </c>
      <c r="C6501" s="2">
        <v>120.8</v>
      </c>
      <c r="D6501" s="2">
        <v>0</v>
      </c>
      <c r="E6501" s="2">
        <v>200.99999999999713</v>
      </c>
    </row>
    <row r="6502" spans="1:5" x14ac:dyDescent="0.25">
      <c r="A6502" s="3">
        <v>41812.404224537036</v>
      </c>
      <c r="B6502" s="2">
        <v>18.3</v>
      </c>
      <c r="C6502" s="2">
        <v>121</v>
      </c>
      <c r="D6502" s="2">
        <v>0</v>
      </c>
      <c r="E6502" s="2">
        <v>200.99999999999713</v>
      </c>
    </row>
    <row r="6503" spans="1:5" x14ac:dyDescent="0.25">
      <c r="A6503" s="3">
        <v>41812.404398148145</v>
      </c>
      <c r="B6503" s="2">
        <v>18.3</v>
      </c>
      <c r="C6503" s="2">
        <v>120.8</v>
      </c>
      <c r="D6503" s="2">
        <v>0</v>
      </c>
      <c r="E6503" s="2">
        <v>200.99999999999713</v>
      </c>
    </row>
    <row r="6504" spans="1:5" x14ac:dyDescent="0.25">
      <c r="A6504" s="3">
        <v>41812.41684027778</v>
      </c>
      <c r="B6504" s="2">
        <v>19.100000000000001</v>
      </c>
      <c r="C6504" s="2">
        <v>121</v>
      </c>
      <c r="D6504" s="2">
        <v>0</v>
      </c>
      <c r="E6504" s="2">
        <v>200.99999999999713</v>
      </c>
    </row>
    <row r="6505" spans="1:5" x14ac:dyDescent="0.25">
      <c r="A6505" s="3">
        <v>41812.417129629626</v>
      </c>
      <c r="B6505" s="2">
        <v>19.100000000000001</v>
      </c>
      <c r="C6505" s="2">
        <v>120.8</v>
      </c>
      <c r="D6505" s="2">
        <v>0</v>
      </c>
      <c r="E6505" s="2">
        <v>200.99999999999713</v>
      </c>
    </row>
    <row r="6506" spans="1:5" x14ac:dyDescent="0.25">
      <c r="A6506" s="3">
        <v>41812.417361111111</v>
      </c>
      <c r="B6506" s="2">
        <v>19.100000000000001</v>
      </c>
      <c r="C6506" s="2">
        <v>121</v>
      </c>
      <c r="D6506" s="2">
        <v>0</v>
      </c>
      <c r="E6506" s="2">
        <v>200.99999999999713</v>
      </c>
    </row>
    <row r="6507" spans="1:5" x14ac:dyDescent="0.25">
      <c r="A6507" s="3">
        <v>41812.417650462965</v>
      </c>
      <c r="B6507" s="2">
        <v>19.100000000000001</v>
      </c>
      <c r="C6507" s="2">
        <v>120.8</v>
      </c>
      <c r="D6507" s="2">
        <v>0</v>
      </c>
      <c r="E6507" s="2">
        <v>200.99999999999713</v>
      </c>
    </row>
    <row r="6508" spans="1:5" x14ac:dyDescent="0.25">
      <c r="A6508" s="3">
        <v>41812.417708333334</v>
      </c>
      <c r="B6508" s="2">
        <v>19.100000000000001</v>
      </c>
      <c r="C6508" s="2">
        <v>121</v>
      </c>
      <c r="D6508" s="2">
        <v>0</v>
      </c>
      <c r="E6508" s="2">
        <v>200.99999999999713</v>
      </c>
    </row>
    <row r="6509" spans="1:5" x14ac:dyDescent="0.25">
      <c r="A6509" s="3">
        <v>41812.419965277775</v>
      </c>
      <c r="B6509" s="2">
        <v>19.2</v>
      </c>
      <c r="C6509" s="2">
        <v>120.8</v>
      </c>
      <c r="D6509" s="2">
        <v>0</v>
      </c>
      <c r="E6509" s="2">
        <v>200.99999999999713</v>
      </c>
    </row>
    <row r="6510" spans="1:5" x14ac:dyDescent="0.25">
      <c r="A6510" s="3">
        <v>41812.422395833331</v>
      </c>
      <c r="B6510" s="2">
        <v>19.399999999999999</v>
      </c>
      <c r="C6510" s="2">
        <v>121</v>
      </c>
      <c r="D6510" s="2">
        <v>0</v>
      </c>
      <c r="E6510" s="2">
        <v>200.99999999999713</v>
      </c>
    </row>
    <row r="6511" spans="1:5" x14ac:dyDescent="0.25">
      <c r="A6511" s="3">
        <v>41812.425347222219</v>
      </c>
      <c r="B6511" s="2">
        <v>19.5</v>
      </c>
      <c r="C6511" s="2">
        <v>120.8</v>
      </c>
      <c r="D6511" s="2">
        <v>0</v>
      </c>
      <c r="E6511" s="2">
        <v>200.99999999999713</v>
      </c>
    </row>
    <row r="6512" spans="1:5" x14ac:dyDescent="0.25">
      <c r="A6512" s="3">
        <v>41812.425578703704</v>
      </c>
      <c r="B6512" s="2">
        <v>19.5</v>
      </c>
      <c r="C6512" s="2">
        <v>121</v>
      </c>
      <c r="D6512" s="2">
        <v>0</v>
      </c>
      <c r="E6512" s="2">
        <v>200.99999999999713</v>
      </c>
    </row>
    <row r="6513" spans="1:5" x14ac:dyDescent="0.25">
      <c r="A6513" s="3">
        <v>41812.429456018515</v>
      </c>
      <c r="B6513" s="2">
        <v>19.8</v>
      </c>
      <c r="C6513" s="2">
        <v>120.8</v>
      </c>
      <c r="D6513" s="2">
        <v>0</v>
      </c>
      <c r="E6513" s="2">
        <v>200.99999999999713</v>
      </c>
    </row>
    <row r="6514" spans="1:5" x14ac:dyDescent="0.25">
      <c r="A6514" s="3">
        <v>41812.43240740741</v>
      </c>
      <c r="B6514" s="2">
        <v>20</v>
      </c>
      <c r="C6514" s="2">
        <v>121</v>
      </c>
      <c r="D6514" s="2">
        <v>0</v>
      </c>
      <c r="E6514" s="2">
        <v>200.99999999999713</v>
      </c>
    </row>
    <row r="6515" spans="1:5" x14ac:dyDescent="0.25">
      <c r="A6515" s="3">
        <v>41812.460185185184</v>
      </c>
      <c r="B6515" s="2">
        <v>22</v>
      </c>
      <c r="C6515" s="2">
        <v>120.8</v>
      </c>
      <c r="D6515" s="2">
        <v>0</v>
      </c>
      <c r="E6515" s="2">
        <v>200.99999999999713</v>
      </c>
    </row>
    <row r="6516" spans="1:5" x14ac:dyDescent="0.25">
      <c r="A6516" s="3">
        <v>41812.460300925923</v>
      </c>
      <c r="B6516" s="2">
        <v>22</v>
      </c>
      <c r="C6516" s="2">
        <v>121</v>
      </c>
      <c r="D6516" s="2">
        <v>0</v>
      </c>
      <c r="E6516" s="2">
        <v>200.99999999999713</v>
      </c>
    </row>
    <row r="6517" spans="1:5" x14ac:dyDescent="0.25">
      <c r="A6517" s="3">
        <v>41812.461111111108</v>
      </c>
      <c r="B6517" s="2">
        <v>22.1</v>
      </c>
      <c r="C6517" s="2">
        <v>120.8</v>
      </c>
      <c r="D6517" s="2">
        <v>0</v>
      </c>
      <c r="E6517" s="2">
        <v>200.99999999999713</v>
      </c>
    </row>
    <row r="6518" spans="1:5" x14ac:dyDescent="0.25">
      <c r="A6518" s="3">
        <v>41812.461168981485</v>
      </c>
      <c r="B6518" s="2">
        <v>22.1</v>
      </c>
      <c r="C6518" s="2">
        <v>121</v>
      </c>
      <c r="D6518" s="2">
        <v>0</v>
      </c>
      <c r="E6518" s="2">
        <v>200.99999999999713</v>
      </c>
    </row>
    <row r="6519" spans="1:5" x14ac:dyDescent="0.25">
      <c r="A6519" s="3">
        <v>41812.464525462965</v>
      </c>
      <c r="B6519" s="2">
        <v>22.3</v>
      </c>
      <c r="C6519" s="2">
        <v>120.8</v>
      </c>
      <c r="D6519" s="2">
        <v>0</v>
      </c>
      <c r="E6519" s="2">
        <v>200.99999999999713</v>
      </c>
    </row>
    <row r="6520" spans="1:5" x14ac:dyDescent="0.25">
      <c r="A6520" s="3">
        <v>41812.464814814812</v>
      </c>
      <c r="B6520" s="2">
        <v>22.4</v>
      </c>
      <c r="C6520" s="2">
        <v>121</v>
      </c>
      <c r="D6520" s="2">
        <v>0</v>
      </c>
      <c r="E6520" s="2">
        <v>200.99999999999713</v>
      </c>
    </row>
    <row r="6521" spans="1:5" x14ac:dyDescent="0.25">
      <c r="A6521" s="3">
        <v>41812.465277777781</v>
      </c>
      <c r="B6521" s="2">
        <v>22.4</v>
      </c>
      <c r="C6521" s="2">
        <v>120.8</v>
      </c>
      <c r="D6521" s="2">
        <v>0</v>
      </c>
      <c r="E6521" s="2">
        <v>200.99999999999713</v>
      </c>
    </row>
    <row r="6522" spans="1:5" x14ac:dyDescent="0.25">
      <c r="A6522" s="3">
        <v>41812.46533564815</v>
      </c>
      <c r="B6522" s="2">
        <v>22.4</v>
      </c>
      <c r="C6522" s="2">
        <v>121</v>
      </c>
      <c r="D6522" s="2">
        <v>0</v>
      </c>
      <c r="E6522" s="2">
        <v>200.99999999999713</v>
      </c>
    </row>
    <row r="6523" spans="1:5" x14ac:dyDescent="0.25">
      <c r="A6523" s="3">
        <v>41812.466377314813</v>
      </c>
      <c r="B6523" s="2">
        <v>22.4</v>
      </c>
      <c r="C6523" s="2">
        <v>120.8</v>
      </c>
      <c r="D6523" s="2">
        <v>0</v>
      </c>
      <c r="E6523" s="2">
        <v>200.99999999999713</v>
      </c>
    </row>
    <row r="6524" spans="1:5" x14ac:dyDescent="0.25">
      <c r="A6524" s="3">
        <v>41812.466782407406</v>
      </c>
      <c r="B6524" s="2">
        <v>22.5</v>
      </c>
      <c r="C6524" s="2">
        <v>121</v>
      </c>
      <c r="D6524" s="2">
        <v>0</v>
      </c>
      <c r="E6524" s="2">
        <v>200.99999999999713</v>
      </c>
    </row>
    <row r="6525" spans="1:5" x14ac:dyDescent="0.25">
      <c r="A6525" s="3">
        <v>41812.469386574077</v>
      </c>
      <c r="B6525" s="2">
        <v>22.7</v>
      </c>
      <c r="C6525" s="2">
        <v>120.8</v>
      </c>
      <c r="D6525" s="2">
        <v>0</v>
      </c>
      <c r="E6525" s="2">
        <v>200.99999999999713</v>
      </c>
    </row>
    <row r="6526" spans="1:5" x14ac:dyDescent="0.25">
      <c r="A6526" s="3">
        <v>41812.469444444447</v>
      </c>
      <c r="B6526" s="2">
        <v>22.7</v>
      </c>
      <c r="C6526" s="2">
        <v>121</v>
      </c>
      <c r="D6526" s="2">
        <v>0</v>
      </c>
      <c r="E6526" s="2">
        <v>200.99999999999713</v>
      </c>
    </row>
    <row r="6527" spans="1:5" x14ac:dyDescent="0.25">
      <c r="A6527" s="3">
        <v>41812.47488425926</v>
      </c>
      <c r="B6527" s="2">
        <v>23.1</v>
      </c>
      <c r="C6527" s="2">
        <v>120.8</v>
      </c>
      <c r="D6527" s="2">
        <v>0</v>
      </c>
      <c r="E6527" s="2">
        <v>200.99999999999713</v>
      </c>
    </row>
    <row r="6528" spans="1:5" x14ac:dyDescent="0.25">
      <c r="A6528" s="3">
        <v>41812.474942129629</v>
      </c>
      <c r="B6528" s="2">
        <v>23.1</v>
      </c>
      <c r="C6528" s="2">
        <v>121</v>
      </c>
      <c r="D6528" s="2">
        <v>0</v>
      </c>
      <c r="E6528" s="2">
        <v>200.99999999999713</v>
      </c>
    </row>
    <row r="6529" spans="1:5" x14ac:dyDescent="0.25">
      <c r="A6529" s="3">
        <v>41812.477141203701</v>
      </c>
      <c r="B6529" s="2">
        <v>23.3</v>
      </c>
      <c r="C6529" s="2">
        <v>120.8</v>
      </c>
      <c r="D6529" s="2">
        <v>0</v>
      </c>
      <c r="E6529" s="2">
        <v>200.99999999999713</v>
      </c>
    </row>
    <row r="6530" spans="1:5" x14ac:dyDescent="0.25">
      <c r="A6530" s="3">
        <v>41812.477199074077</v>
      </c>
      <c r="B6530" s="2">
        <v>23.2</v>
      </c>
      <c r="C6530" s="2">
        <v>121</v>
      </c>
      <c r="D6530" s="2">
        <v>0</v>
      </c>
      <c r="E6530" s="2">
        <v>200.99999999999713</v>
      </c>
    </row>
    <row r="6531" spans="1:5" x14ac:dyDescent="0.25">
      <c r="A6531" s="3">
        <v>41812.477372685185</v>
      </c>
      <c r="B6531" s="2">
        <v>23.2</v>
      </c>
      <c r="C6531" s="2">
        <v>120.8</v>
      </c>
      <c r="D6531" s="2">
        <v>0</v>
      </c>
      <c r="E6531" s="2">
        <v>200.99999999999713</v>
      </c>
    </row>
    <row r="6532" spans="1:5" x14ac:dyDescent="0.25">
      <c r="A6532" s="3">
        <v>41812.477488425924</v>
      </c>
      <c r="B6532" s="2">
        <v>23.3</v>
      </c>
      <c r="C6532" s="2">
        <v>121</v>
      </c>
      <c r="D6532" s="2">
        <v>0</v>
      </c>
      <c r="E6532" s="2">
        <v>200.99999999999713</v>
      </c>
    </row>
    <row r="6533" spans="1:5" x14ac:dyDescent="0.25">
      <c r="A6533" s="3">
        <v>41812.47760416667</v>
      </c>
      <c r="B6533" s="2">
        <v>23.3</v>
      </c>
      <c r="C6533" s="2">
        <v>120.8</v>
      </c>
      <c r="D6533" s="2">
        <v>0</v>
      </c>
      <c r="E6533" s="2">
        <v>200.99999999999713</v>
      </c>
    </row>
    <row r="6534" spans="1:5" x14ac:dyDescent="0.25">
      <c r="A6534" s="3">
        <v>41812.477835648147</v>
      </c>
      <c r="B6534" s="2">
        <v>23.3</v>
      </c>
      <c r="C6534" s="2">
        <v>121</v>
      </c>
      <c r="D6534" s="2">
        <v>0</v>
      </c>
      <c r="E6534" s="2">
        <v>200.99999999999713</v>
      </c>
    </row>
    <row r="6535" spans="1:5" x14ac:dyDescent="0.25">
      <c r="A6535" s="3">
        <v>41812.477893518517</v>
      </c>
      <c r="B6535" s="2">
        <v>23.3</v>
      </c>
      <c r="C6535" s="2">
        <v>120.8</v>
      </c>
      <c r="D6535" s="2">
        <v>0</v>
      </c>
      <c r="E6535" s="2">
        <v>200.99999999999713</v>
      </c>
    </row>
    <row r="6536" spans="1:5" x14ac:dyDescent="0.25">
      <c r="A6536" s="3">
        <v>41812.478067129632</v>
      </c>
      <c r="B6536" s="2">
        <v>23.3</v>
      </c>
      <c r="C6536" s="2">
        <v>121</v>
      </c>
      <c r="D6536" s="2">
        <v>0</v>
      </c>
      <c r="E6536" s="2">
        <v>200.99999999999713</v>
      </c>
    </row>
    <row r="6537" spans="1:5" x14ac:dyDescent="0.25">
      <c r="A6537" s="3">
        <v>41812.47824074074</v>
      </c>
      <c r="B6537" s="2">
        <v>23.3</v>
      </c>
      <c r="C6537" s="2">
        <v>120.8</v>
      </c>
      <c r="D6537" s="2">
        <v>0</v>
      </c>
      <c r="E6537" s="2">
        <v>200.99999999999713</v>
      </c>
    </row>
    <row r="6538" spans="1:5" x14ac:dyDescent="0.25">
      <c r="A6538" s="3">
        <v>41812.47928240741</v>
      </c>
      <c r="B6538" s="2">
        <v>23.4</v>
      </c>
      <c r="C6538" s="2">
        <v>121</v>
      </c>
      <c r="D6538" s="2">
        <v>0</v>
      </c>
      <c r="E6538" s="2">
        <v>200.99999999999713</v>
      </c>
    </row>
    <row r="6539" spans="1:5" x14ac:dyDescent="0.25">
      <c r="A6539" s="3">
        <v>41812.47934027778</v>
      </c>
      <c r="B6539" s="2">
        <v>23.4</v>
      </c>
      <c r="C6539" s="2">
        <v>120.8</v>
      </c>
      <c r="D6539" s="2">
        <v>0</v>
      </c>
      <c r="E6539" s="2">
        <v>200.99999999999713</v>
      </c>
    </row>
    <row r="6540" spans="1:5" x14ac:dyDescent="0.25">
      <c r="A6540" s="3">
        <v>41812.480324074073</v>
      </c>
      <c r="B6540" s="2">
        <v>23.5</v>
      </c>
      <c r="C6540" s="2">
        <v>121</v>
      </c>
      <c r="D6540" s="2">
        <v>0</v>
      </c>
      <c r="E6540" s="2">
        <v>200.99999999999713</v>
      </c>
    </row>
    <row r="6541" spans="1:5" x14ac:dyDescent="0.25">
      <c r="A6541" s="3">
        <v>41812.480439814812</v>
      </c>
      <c r="B6541" s="2">
        <v>23.5</v>
      </c>
      <c r="C6541" s="2">
        <v>120.8</v>
      </c>
      <c r="D6541" s="2">
        <v>0</v>
      </c>
      <c r="E6541" s="2">
        <v>200.99999999999713</v>
      </c>
    </row>
    <row r="6542" spans="1:5" x14ac:dyDescent="0.25">
      <c r="A6542" s="3">
        <v>41812.480497685188</v>
      </c>
      <c r="B6542" s="2">
        <v>23.5</v>
      </c>
      <c r="C6542" s="2">
        <v>121</v>
      </c>
      <c r="D6542" s="2">
        <v>0</v>
      </c>
      <c r="E6542" s="2">
        <v>200.99999999999713</v>
      </c>
    </row>
    <row r="6543" spans="1:5" x14ac:dyDescent="0.25">
      <c r="A6543" s="3">
        <v>41812.480613425927</v>
      </c>
      <c r="B6543" s="2">
        <v>23.5</v>
      </c>
      <c r="C6543" s="2">
        <v>120.8</v>
      </c>
      <c r="D6543" s="2">
        <v>0</v>
      </c>
      <c r="E6543" s="2">
        <v>200.99999999999713</v>
      </c>
    </row>
    <row r="6544" spans="1:5" x14ac:dyDescent="0.25">
      <c r="A6544" s="3">
        <v>41812.482291666667</v>
      </c>
      <c r="B6544" s="2">
        <v>23.6</v>
      </c>
      <c r="C6544" s="2">
        <v>121</v>
      </c>
      <c r="D6544" s="2">
        <v>0</v>
      </c>
      <c r="E6544" s="2">
        <v>200.99999999999713</v>
      </c>
    </row>
    <row r="6545" spans="1:5" x14ac:dyDescent="0.25">
      <c r="A6545" s="3">
        <v>41812.482523148145</v>
      </c>
      <c r="B6545" s="2">
        <v>23.6</v>
      </c>
      <c r="C6545" s="2">
        <v>120.8</v>
      </c>
      <c r="D6545" s="2">
        <v>0</v>
      </c>
      <c r="E6545" s="2">
        <v>200.99999999999713</v>
      </c>
    </row>
    <row r="6546" spans="1:5" x14ac:dyDescent="0.25">
      <c r="A6546" s="3">
        <v>41812.488541666666</v>
      </c>
      <c r="B6546" s="2">
        <v>24.1</v>
      </c>
      <c r="C6546" s="2">
        <v>121</v>
      </c>
      <c r="D6546" s="2">
        <v>0</v>
      </c>
      <c r="E6546" s="2">
        <v>200.99999999999713</v>
      </c>
    </row>
    <row r="6547" spans="1:5" x14ac:dyDescent="0.25">
      <c r="A6547" s="3">
        <v>41812.48877314815</v>
      </c>
      <c r="B6547" s="2">
        <v>24.1</v>
      </c>
      <c r="C6547" s="2">
        <v>120.8</v>
      </c>
      <c r="D6547" s="2">
        <v>0</v>
      </c>
      <c r="E6547" s="2">
        <v>200.99999999999713</v>
      </c>
    </row>
    <row r="6548" spans="1:5" x14ac:dyDescent="0.25">
      <c r="A6548" s="3">
        <v>41812.488888888889</v>
      </c>
      <c r="B6548" s="2">
        <v>24.1</v>
      </c>
      <c r="C6548" s="2">
        <v>121</v>
      </c>
      <c r="D6548" s="2">
        <v>0</v>
      </c>
      <c r="E6548" s="2">
        <v>200.99999999999713</v>
      </c>
    </row>
    <row r="6549" spans="1:5" x14ac:dyDescent="0.25">
      <c r="A6549" s="3">
        <v>41812.489351851851</v>
      </c>
      <c r="B6549" s="2">
        <v>24.1</v>
      </c>
      <c r="C6549" s="2">
        <v>120.8</v>
      </c>
      <c r="D6549" s="2">
        <v>0</v>
      </c>
      <c r="E6549" s="2">
        <v>200.99999999999713</v>
      </c>
    </row>
    <row r="6550" spans="1:5" x14ac:dyDescent="0.25">
      <c r="A6550" s="3">
        <v>41812.49050925926</v>
      </c>
      <c r="B6550" s="2">
        <v>24.2</v>
      </c>
      <c r="C6550" s="2">
        <v>121</v>
      </c>
      <c r="D6550" s="2">
        <v>0</v>
      </c>
      <c r="E6550" s="2">
        <v>200.99999999999713</v>
      </c>
    </row>
    <row r="6551" spans="1:5" x14ac:dyDescent="0.25">
      <c r="A6551" s="3">
        <v>41812.490567129629</v>
      </c>
      <c r="B6551" s="2">
        <v>24.2</v>
      </c>
      <c r="C6551" s="2">
        <v>120.8</v>
      </c>
      <c r="D6551" s="2">
        <v>0</v>
      </c>
      <c r="E6551" s="2">
        <v>200.99999999999713</v>
      </c>
    </row>
    <row r="6552" spans="1:5" x14ac:dyDescent="0.25">
      <c r="A6552" s="3">
        <v>41812.498090277775</v>
      </c>
      <c r="B6552" s="2">
        <v>24.7</v>
      </c>
      <c r="C6552" s="2">
        <v>121</v>
      </c>
      <c r="D6552" s="2">
        <v>0</v>
      </c>
      <c r="E6552" s="2">
        <v>200.99999999999713</v>
      </c>
    </row>
    <row r="6553" spans="1:5" x14ac:dyDescent="0.25">
      <c r="A6553" s="3">
        <v>41812.498148148145</v>
      </c>
      <c r="B6553" s="2">
        <v>24.7</v>
      </c>
      <c r="C6553" s="2">
        <v>120.8</v>
      </c>
      <c r="D6553" s="2">
        <v>0</v>
      </c>
      <c r="E6553" s="2">
        <v>200.99999999999713</v>
      </c>
    </row>
    <row r="6554" spans="1:5" x14ac:dyDescent="0.25">
      <c r="A6554" s="3">
        <v>41812.49895833333</v>
      </c>
      <c r="B6554" s="2">
        <v>24.8</v>
      </c>
      <c r="C6554" s="2">
        <v>121</v>
      </c>
      <c r="D6554" s="2">
        <v>0</v>
      </c>
      <c r="E6554" s="2">
        <v>200.99999999999713</v>
      </c>
    </row>
    <row r="6555" spans="1:5" x14ac:dyDescent="0.25">
      <c r="A6555" s="3">
        <v>41812.499131944445</v>
      </c>
      <c r="B6555" s="2">
        <v>24.8</v>
      </c>
      <c r="C6555" s="2">
        <v>120.8</v>
      </c>
      <c r="D6555" s="2">
        <v>0</v>
      </c>
      <c r="E6555" s="2">
        <v>200.99999999999713</v>
      </c>
    </row>
    <row r="6556" spans="1:5" x14ac:dyDescent="0.25">
      <c r="A6556" s="3">
        <v>41812.536689814813</v>
      </c>
      <c r="B6556" s="2">
        <v>27.4</v>
      </c>
      <c r="C6556" s="2">
        <v>120.6</v>
      </c>
      <c r="D6556" s="2">
        <v>0</v>
      </c>
      <c r="E6556" s="2">
        <v>200.99999999999713</v>
      </c>
    </row>
    <row r="6557" spans="1:5" x14ac:dyDescent="0.25">
      <c r="A6557" s="3">
        <v>41812.537326388891</v>
      </c>
      <c r="B6557" s="2">
        <v>27.4</v>
      </c>
      <c r="C6557" s="2">
        <v>120.8</v>
      </c>
      <c r="D6557" s="2">
        <v>0</v>
      </c>
      <c r="E6557" s="2">
        <v>200.99999999999713</v>
      </c>
    </row>
    <row r="6558" spans="1:5" x14ac:dyDescent="0.25">
      <c r="A6558" s="3">
        <v>41812.537557870368</v>
      </c>
      <c r="B6558" s="2">
        <v>27.4</v>
      </c>
      <c r="C6558" s="2">
        <v>120.6</v>
      </c>
      <c r="D6558" s="2">
        <v>0</v>
      </c>
      <c r="E6558" s="2">
        <v>200.99999999999713</v>
      </c>
    </row>
    <row r="6559" spans="1:5" x14ac:dyDescent="0.25">
      <c r="A6559" s="3">
        <v>41812.539293981485</v>
      </c>
      <c r="B6559" s="2">
        <v>27.4</v>
      </c>
      <c r="C6559" s="2">
        <v>120.8</v>
      </c>
      <c r="D6559" s="2">
        <v>0</v>
      </c>
      <c r="E6559" s="2">
        <v>200.99999999999713</v>
      </c>
    </row>
    <row r="6560" spans="1:5" x14ac:dyDescent="0.25">
      <c r="A6560" s="3">
        <v>41812.539409722223</v>
      </c>
      <c r="B6560" s="2">
        <v>27.5</v>
      </c>
      <c r="C6560" s="2">
        <v>120.6</v>
      </c>
      <c r="D6560" s="2">
        <v>0</v>
      </c>
      <c r="E6560" s="2">
        <v>200.99999999999713</v>
      </c>
    </row>
    <row r="6561" spans="1:5" x14ac:dyDescent="0.25">
      <c r="A6561" s="3">
        <v>41812.558391203704</v>
      </c>
      <c r="B6561" s="2">
        <v>28.6</v>
      </c>
      <c r="C6561" s="2">
        <v>120.4</v>
      </c>
      <c r="D6561" s="2">
        <v>0</v>
      </c>
      <c r="E6561" s="2">
        <v>200.99999999999713</v>
      </c>
    </row>
    <row r="6562" spans="1:5" x14ac:dyDescent="0.25">
      <c r="A6562" s="3">
        <v>41812.558969907404</v>
      </c>
      <c r="B6562" s="2">
        <v>28.6</v>
      </c>
      <c r="C6562" s="2">
        <v>120.6</v>
      </c>
      <c r="D6562" s="2">
        <v>0</v>
      </c>
      <c r="E6562" s="2">
        <v>200.99999999999713</v>
      </c>
    </row>
    <row r="6563" spans="1:5" x14ac:dyDescent="0.25">
      <c r="A6563" s="3">
        <v>41812.55908564815</v>
      </c>
      <c r="B6563" s="2">
        <v>28.6</v>
      </c>
      <c r="C6563" s="2">
        <v>120.4</v>
      </c>
      <c r="D6563" s="2">
        <v>0</v>
      </c>
      <c r="E6563" s="2">
        <v>200.99999999999713</v>
      </c>
    </row>
    <row r="6564" spans="1:5" x14ac:dyDescent="0.25">
      <c r="A6564" s="3">
        <v>41812.559259259258</v>
      </c>
      <c r="B6564" s="2">
        <v>28.6</v>
      </c>
      <c r="C6564" s="2">
        <v>120.6</v>
      </c>
      <c r="D6564" s="2">
        <v>0</v>
      </c>
      <c r="E6564" s="2">
        <v>200.99999999999713</v>
      </c>
    </row>
    <row r="6565" spans="1:5" x14ac:dyDescent="0.25">
      <c r="A6565" s="3">
        <v>41812.559490740743</v>
      </c>
      <c r="B6565" s="2">
        <v>28.6</v>
      </c>
      <c r="C6565" s="2">
        <v>120.4</v>
      </c>
      <c r="D6565" s="2">
        <v>0</v>
      </c>
      <c r="E6565" s="2">
        <v>200.99999999999713</v>
      </c>
    </row>
    <row r="6566" spans="1:5" x14ac:dyDescent="0.25">
      <c r="A6566" s="3">
        <v>41812.56145833333</v>
      </c>
      <c r="B6566" s="2">
        <v>28.7</v>
      </c>
      <c r="C6566" s="2">
        <v>120.6</v>
      </c>
      <c r="D6566" s="2">
        <v>0</v>
      </c>
      <c r="E6566" s="2">
        <v>200.99999999999713</v>
      </c>
    </row>
    <row r="6567" spans="1:5" x14ac:dyDescent="0.25">
      <c r="A6567" s="3">
        <v>41812.561631944445</v>
      </c>
      <c r="B6567" s="2">
        <v>28.8</v>
      </c>
      <c r="C6567" s="2">
        <v>120.4</v>
      </c>
      <c r="D6567" s="2">
        <v>0</v>
      </c>
      <c r="E6567" s="2">
        <v>200.99999999999713</v>
      </c>
    </row>
    <row r="6568" spans="1:5" x14ac:dyDescent="0.25">
      <c r="A6568" s="3">
        <v>41812.56417824074</v>
      </c>
      <c r="B6568" s="2">
        <v>28.9</v>
      </c>
      <c r="C6568" s="2">
        <v>120.6</v>
      </c>
      <c r="D6568" s="2">
        <v>0</v>
      </c>
      <c r="E6568" s="2">
        <v>200.99999999999713</v>
      </c>
    </row>
    <row r="6569" spans="1:5" x14ac:dyDescent="0.25">
      <c r="A6569" s="3">
        <v>41812.564409722225</v>
      </c>
      <c r="B6569" s="2">
        <v>28.9</v>
      </c>
      <c r="C6569" s="2">
        <v>120.4</v>
      </c>
      <c r="D6569" s="2">
        <v>0</v>
      </c>
      <c r="E6569" s="2">
        <v>200.99999999999713</v>
      </c>
    </row>
    <row r="6570" spans="1:5" x14ac:dyDescent="0.25">
      <c r="A6570" s="3">
        <v>41812.581307870372</v>
      </c>
      <c r="B6570" s="2">
        <v>29.8</v>
      </c>
      <c r="C6570" s="2">
        <v>120.2</v>
      </c>
      <c r="D6570" s="2">
        <v>0</v>
      </c>
      <c r="E6570" s="2">
        <v>200.99999999999713</v>
      </c>
    </row>
    <row r="6571" spans="1:5" x14ac:dyDescent="0.25">
      <c r="A6571" s="3">
        <v>41812.581423611111</v>
      </c>
      <c r="B6571" s="2">
        <v>29.8</v>
      </c>
      <c r="C6571" s="2">
        <v>120.4</v>
      </c>
      <c r="D6571" s="2">
        <v>0</v>
      </c>
      <c r="E6571" s="2">
        <v>200.99999999999713</v>
      </c>
    </row>
    <row r="6572" spans="1:5" x14ac:dyDescent="0.25">
      <c r="A6572" s="3">
        <v>41812.582002314812</v>
      </c>
      <c r="B6572" s="2">
        <v>29.9</v>
      </c>
      <c r="C6572" s="2">
        <v>120.2</v>
      </c>
      <c r="D6572" s="2">
        <v>0</v>
      </c>
      <c r="E6572" s="2">
        <v>200.99999999999713</v>
      </c>
    </row>
    <row r="6573" spans="1:5" x14ac:dyDescent="0.25">
      <c r="A6573" s="3">
        <v>41812.587673611109</v>
      </c>
      <c r="B6573" s="2">
        <v>30.1</v>
      </c>
      <c r="C6573" s="2">
        <v>120.4</v>
      </c>
      <c r="D6573" s="2">
        <v>0</v>
      </c>
      <c r="E6573" s="2">
        <v>200.99999999999713</v>
      </c>
    </row>
    <row r="6574" spans="1:5" x14ac:dyDescent="0.25">
      <c r="A6574" s="3">
        <v>41812.587789351855</v>
      </c>
      <c r="B6574" s="2">
        <v>30.1</v>
      </c>
      <c r="C6574" s="2">
        <v>120.2</v>
      </c>
      <c r="D6574" s="2">
        <v>0</v>
      </c>
      <c r="E6574" s="2">
        <v>200.99999999999713</v>
      </c>
    </row>
    <row r="6575" spans="1:5" x14ac:dyDescent="0.25">
      <c r="A6575" s="3">
        <v>41812.603472222225</v>
      </c>
      <c r="B6575" s="2">
        <v>30.7</v>
      </c>
      <c r="C6575" s="2">
        <v>120</v>
      </c>
      <c r="D6575" s="2">
        <v>0</v>
      </c>
      <c r="E6575" s="2">
        <v>200.99999999999713</v>
      </c>
    </row>
    <row r="6576" spans="1:5" x14ac:dyDescent="0.25">
      <c r="A6576" s="3">
        <v>41812.603530092594</v>
      </c>
      <c r="B6576" s="2">
        <v>30.7</v>
      </c>
      <c r="C6576" s="2">
        <v>120.2</v>
      </c>
      <c r="D6576" s="2">
        <v>0</v>
      </c>
      <c r="E6576" s="2">
        <v>200.99999999999713</v>
      </c>
    </row>
    <row r="6577" spans="1:5" x14ac:dyDescent="0.25">
      <c r="A6577" s="3">
        <v>41812.603703703702</v>
      </c>
      <c r="B6577" s="2">
        <v>30.7</v>
      </c>
      <c r="C6577" s="2">
        <v>120</v>
      </c>
      <c r="D6577" s="2">
        <v>0</v>
      </c>
      <c r="E6577" s="2">
        <v>200.99999999999713</v>
      </c>
    </row>
    <row r="6578" spans="1:5" x14ac:dyDescent="0.25">
      <c r="A6578" s="3">
        <v>41812.604108796295</v>
      </c>
      <c r="B6578" s="2">
        <v>30.7</v>
      </c>
      <c r="C6578" s="2">
        <v>120.2</v>
      </c>
      <c r="D6578" s="2">
        <v>0</v>
      </c>
      <c r="E6578" s="2">
        <v>200.99999999999713</v>
      </c>
    </row>
    <row r="6579" spans="1:5" x14ac:dyDescent="0.25">
      <c r="A6579" s="3">
        <v>41812.60434027778</v>
      </c>
      <c r="B6579" s="2">
        <v>30.7</v>
      </c>
      <c r="C6579" s="2">
        <v>120</v>
      </c>
      <c r="D6579" s="2">
        <v>0</v>
      </c>
      <c r="E6579" s="2">
        <v>200.99999999999713</v>
      </c>
    </row>
    <row r="6580" spans="1:5" x14ac:dyDescent="0.25">
      <c r="A6580" s="3">
        <v>41812.604571759257</v>
      </c>
      <c r="B6580" s="2">
        <v>30.7</v>
      </c>
      <c r="C6580" s="2">
        <v>120.2</v>
      </c>
      <c r="D6580" s="2">
        <v>0</v>
      </c>
      <c r="E6580" s="2">
        <v>200.99999999999713</v>
      </c>
    </row>
    <row r="6581" spans="1:5" x14ac:dyDescent="0.25">
      <c r="A6581" s="3">
        <v>41812.604745370372</v>
      </c>
      <c r="B6581" s="2">
        <v>30.8</v>
      </c>
      <c r="C6581" s="2">
        <v>120</v>
      </c>
      <c r="D6581" s="2">
        <v>0</v>
      </c>
      <c r="E6581" s="2">
        <v>200.99999999999713</v>
      </c>
    </row>
    <row r="6582" spans="1:5" x14ac:dyDescent="0.25">
      <c r="A6582" s="3">
        <v>41812.605439814812</v>
      </c>
      <c r="B6582" s="2">
        <v>30.8</v>
      </c>
      <c r="C6582" s="2">
        <v>120.2</v>
      </c>
      <c r="D6582" s="2">
        <v>0</v>
      </c>
      <c r="E6582" s="2">
        <v>200.99999999999713</v>
      </c>
    </row>
    <row r="6583" spans="1:5" x14ac:dyDescent="0.25">
      <c r="A6583" s="3">
        <v>41812.605555555558</v>
      </c>
      <c r="B6583" s="2">
        <v>30.8</v>
      </c>
      <c r="C6583" s="2">
        <v>120</v>
      </c>
      <c r="D6583" s="2">
        <v>0</v>
      </c>
      <c r="E6583" s="2">
        <v>200.99999999999713</v>
      </c>
    </row>
    <row r="6584" spans="1:5" x14ac:dyDescent="0.25">
      <c r="A6584" s="3">
        <v>41812.606134259258</v>
      </c>
      <c r="B6584" s="2">
        <v>30.8</v>
      </c>
      <c r="C6584" s="2">
        <v>120.2</v>
      </c>
      <c r="D6584" s="2">
        <v>0</v>
      </c>
      <c r="E6584" s="2">
        <v>200.99999999999713</v>
      </c>
    </row>
    <row r="6585" spans="1:5" x14ac:dyDescent="0.25">
      <c r="A6585" s="3">
        <v>41812.606192129628</v>
      </c>
      <c r="B6585" s="2">
        <v>30.8</v>
      </c>
      <c r="C6585" s="2">
        <v>120</v>
      </c>
      <c r="D6585" s="2">
        <v>0</v>
      </c>
      <c r="E6585" s="2">
        <v>200.99999999999713</v>
      </c>
    </row>
    <row r="6586" spans="1:5" x14ac:dyDescent="0.25">
      <c r="A6586" s="3">
        <v>41812.608854166669</v>
      </c>
      <c r="B6586" s="2">
        <v>30.8</v>
      </c>
      <c r="C6586" s="2">
        <v>120.2</v>
      </c>
      <c r="D6586" s="2">
        <v>0</v>
      </c>
      <c r="E6586" s="2">
        <v>200.99999999999713</v>
      </c>
    </row>
    <row r="6587" spans="1:5" x14ac:dyDescent="0.25">
      <c r="A6587" s="3">
        <v>41812.608969907407</v>
      </c>
      <c r="B6587" s="2">
        <v>30.8</v>
      </c>
      <c r="C6587" s="2">
        <v>120</v>
      </c>
      <c r="D6587" s="2">
        <v>0</v>
      </c>
      <c r="E6587" s="2">
        <v>200.99999999999713</v>
      </c>
    </row>
    <row r="6588" spans="1:5" x14ac:dyDescent="0.25">
      <c r="A6588" s="3">
        <v>41812.618923611109</v>
      </c>
      <c r="B6588" s="2">
        <v>31.1</v>
      </c>
      <c r="C6588" s="2">
        <v>119.8</v>
      </c>
      <c r="D6588" s="2">
        <v>0</v>
      </c>
      <c r="E6588" s="2">
        <v>200.99999999999713</v>
      </c>
    </row>
    <row r="6589" spans="1:5" x14ac:dyDescent="0.25">
      <c r="A6589" s="3">
        <v>41812.618981481479</v>
      </c>
      <c r="B6589" s="2">
        <v>31.1</v>
      </c>
      <c r="C6589" s="2">
        <v>120</v>
      </c>
      <c r="D6589" s="2">
        <v>0</v>
      </c>
      <c r="E6589" s="2">
        <v>200.99999999999713</v>
      </c>
    </row>
    <row r="6590" spans="1:5" x14ac:dyDescent="0.25">
      <c r="A6590" s="3">
        <v>41812.619155092594</v>
      </c>
      <c r="B6590" s="2">
        <v>31.1</v>
      </c>
      <c r="C6590" s="2">
        <v>119.8</v>
      </c>
      <c r="D6590" s="2">
        <v>0</v>
      </c>
      <c r="E6590" s="2">
        <v>200.99999999999713</v>
      </c>
    </row>
    <row r="6591" spans="1:5" x14ac:dyDescent="0.25">
      <c r="A6591" s="3">
        <v>41812.619444444441</v>
      </c>
      <c r="B6591" s="2">
        <v>31.2</v>
      </c>
      <c r="C6591" s="2">
        <v>120</v>
      </c>
      <c r="D6591" s="2">
        <v>0</v>
      </c>
      <c r="E6591" s="2">
        <v>200.99999999999713</v>
      </c>
    </row>
    <row r="6592" spans="1:5" x14ac:dyDescent="0.25">
      <c r="A6592" s="3">
        <v>41812.619502314818</v>
      </c>
      <c r="B6592" s="2">
        <v>31.2</v>
      </c>
      <c r="C6592" s="2">
        <v>119.8</v>
      </c>
      <c r="D6592" s="2">
        <v>0</v>
      </c>
      <c r="E6592" s="2">
        <v>200.99999999999713</v>
      </c>
    </row>
    <row r="6593" spans="1:5" x14ac:dyDescent="0.25">
      <c r="A6593" s="3">
        <v>41812.61990740741</v>
      </c>
      <c r="B6593" s="2">
        <v>31.3</v>
      </c>
      <c r="C6593" s="2">
        <v>120</v>
      </c>
      <c r="D6593" s="2">
        <v>0</v>
      </c>
      <c r="E6593" s="2">
        <v>200.99999999999713</v>
      </c>
    </row>
    <row r="6594" spans="1:5" x14ac:dyDescent="0.25">
      <c r="A6594" s="3">
        <v>41812.620081018518</v>
      </c>
      <c r="B6594" s="2">
        <v>31.2</v>
      </c>
      <c r="C6594" s="2">
        <v>119.8</v>
      </c>
      <c r="D6594" s="2">
        <v>0</v>
      </c>
      <c r="E6594" s="2">
        <v>200.99999999999713</v>
      </c>
    </row>
    <row r="6595" spans="1:5" x14ac:dyDescent="0.25">
      <c r="A6595" s="3">
        <v>41812.648611111108</v>
      </c>
      <c r="B6595" s="2">
        <v>31.4</v>
      </c>
      <c r="C6595" s="2">
        <v>119.6</v>
      </c>
      <c r="D6595" s="2">
        <v>0</v>
      </c>
      <c r="E6595" s="2">
        <v>200.99999999999713</v>
      </c>
    </row>
    <row r="6596" spans="1:5" x14ac:dyDescent="0.25">
      <c r="A6596" s="3">
        <v>41812.663425925923</v>
      </c>
      <c r="B6596" s="2">
        <v>30.7</v>
      </c>
      <c r="C6596" s="2">
        <v>119.4</v>
      </c>
      <c r="D6596" s="2">
        <v>0</v>
      </c>
      <c r="E6596" s="2">
        <v>200.99999999999713</v>
      </c>
    </row>
    <row r="6597" spans="1:5" x14ac:dyDescent="0.25">
      <c r="A6597" s="3">
        <v>41812.663599537038</v>
      </c>
      <c r="B6597" s="2">
        <v>30.7</v>
      </c>
      <c r="C6597" s="2">
        <v>119.6</v>
      </c>
      <c r="D6597" s="2">
        <v>0</v>
      </c>
      <c r="E6597" s="2">
        <v>200.99999999999713</v>
      </c>
    </row>
    <row r="6598" spans="1:5" x14ac:dyDescent="0.25">
      <c r="A6598" s="3">
        <v>41812.663657407407</v>
      </c>
      <c r="B6598" s="2">
        <v>30.7</v>
      </c>
      <c r="C6598" s="2">
        <v>119.4</v>
      </c>
      <c r="D6598" s="2">
        <v>0</v>
      </c>
      <c r="E6598" s="2">
        <v>200.99999999999713</v>
      </c>
    </row>
    <row r="6599" spans="1:5" x14ac:dyDescent="0.25">
      <c r="A6599" s="3">
        <v>41812.663715277777</v>
      </c>
      <c r="B6599" s="2">
        <v>30.7</v>
      </c>
      <c r="C6599" s="2">
        <v>119.6</v>
      </c>
      <c r="D6599" s="2">
        <v>0</v>
      </c>
      <c r="E6599" s="2">
        <v>200.99999999999713</v>
      </c>
    </row>
    <row r="6600" spans="1:5" x14ac:dyDescent="0.25">
      <c r="A6600" s="3">
        <v>41812.663773148146</v>
      </c>
      <c r="B6600" s="2">
        <v>30.7</v>
      </c>
      <c r="C6600" s="2">
        <v>119.4</v>
      </c>
      <c r="D6600" s="2">
        <v>0</v>
      </c>
      <c r="E6600" s="2">
        <v>200.99999999999713</v>
      </c>
    </row>
    <row r="6601" spans="1:5" x14ac:dyDescent="0.25">
      <c r="A6601" s="3">
        <v>41812.665277777778</v>
      </c>
      <c r="B6601" s="2">
        <v>30.7</v>
      </c>
      <c r="C6601" s="2">
        <v>119.6</v>
      </c>
      <c r="D6601" s="2">
        <v>0</v>
      </c>
      <c r="E6601" s="2">
        <v>200.99999999999713</v>
      </c>
    </row>
    <row r="6602" spans="1:5" x14ac:dyDescent="0.25">
      <c r="A6602" s="3">
        <v>41812.665509259263</v>
      </c>
      <c r="B6602" s="2">
        <v>30.6</v>
      </c>
      <c r="C6602" s="2">
        <v>119.4</v>
      </c>
      <c r="D6602" s="2">
        <v>0</v>
      </c>
      <c r="E6602" s="2">
        <v>200.99999999999713</v>
      </c>
    </row>
    <row r="6603" spans="1:5" x14ac:dyDescent="0.25">
      <c r="A6603" s="3">
        <v>41812.67459490741</v>
      </c>
      <c r="B6603" s="2">
        <v>30.3</v>
      </c>
      <c r="C6603" s="2">
        <v>119.2</v>
      </c>
      <c r="D6603" s="2">
        <v>0</v>
      </c>
      <c r="E6603" s="2">
        <v>200.99999999999713</v>
      </c>
    </row>
    <row r="6604" spans="1:5" x14ac:dyDescent="0.25">
      <c r="A6604" s="3">
        <v>41812.674710648149</v>
      </c>
      <c r="B6604" s="2">
        <v>30.3</v>
      </c>
      <c r="C6604" s="2">
        <v>119.4</v>
      </c>
      <c r="D6604" s="2">
        <v>0</v>
      </c>
      <c r="E6604" s="2">
        <v>200.99999999999713</v>
      </c>
    </row>
    <row r="6605" spans="1:5" x14ac:dyDescent="0.25">
      <c r="A6605" s="3">
        <v>41812.674942129626</v>
      </c>
      <c r="B6605" s="2">
        <v>30.3</v>
      </c>
      <c r="C6605" s="2">
        <v>119.2</v>
      </c>
      <c r="D6605" s="2">
        <v>0</v>
      </c>
      <c r="E6605" s="2">
        <v>200.99999999999713</v>
      </c>
    </row>
    <row r="6606" spans="1:5" x14ac:dyDescent="0.25">
      <c r="A6606" s="3">
        <v>41812.675868055558</v>
      </c>
      <c r="B6606" s="2">
        <v>30.2</v>
      </c>
      <c r="C6606" s="2">
        <v>119.4</v>
      </c>
      <c r="D6606" s="2">
        <v>0</v>
      </c>
      <c r="E6606" s="2">
        <v>200.99999999999713</v>
      </c>
    </row>
    <row r="6607" spans="1:5" x14ac:dyDescent="0.25">
      <c r="A6607" s="3">
        <v>41812.676157407404</v>
      </c>
      <c r="B6607" s="2">
        <v>30.2</v>
      </c>
      <c r="C6607" s="2">
        <v>119.2</v>
      </c>
      <c r="D6607" s="2">
        <v>0</v>
      </c>
      <c r="E6607" s="2">
        <v>200.99999999999713</v>
      </c>
    </row>
    <row r="6608" spans="1:5" x14ac:dyDescent="0.25">
      <c r="A6608" s="3">
        <v>41812.676446759258</v>
      </c>
      <c r="B6608" s="2">
        <v>30.2</v>
      </c>
      <c r="C6608" s="2">
        <v>119.4</v>
      </c>
      <c r="D6608" s="2">
        <v>0</v>
      </c>
      <c r="E6608" s="2">
        <v>200.99999999999713</v>
      </c>
    </row>
    <row r="6609" spans="1:5" x14ac:dyDescent="0.25">
      <c r="A6609" s="3">
        <v>41812.676504629628</v>
      </c>
      <c r="B6609" s="2">
        <v>30.2</v>
      </c>
      <c r="C6609" s="2">
        <v>119.2</v>
      </c>
      <c r="D6609" s="2">
        <v>0</v>
      </c>
      <c r="E6609" s="2">
        <v>200.99999999999713</v>
      </c>
    </row>
    <row r="6610" spans="1:5" x14ac:dyDescent="0.25">
      <c r="A6610" s="3">
        <v>41812.678703703707</v>
      </c>
      <c r="B6610" s="2">
        <v>30.1</v>
      </c>
      <c r="C6610" s="2">
        <v>119.4</v>
      </c>
      <c r="D6610" s="2">
        <v>0</v>
      </c>
      <c r="E6610" s="2">
        <v>200.99999999999713</v>
      </c>
    </row>
    <row r="6611" spans="1:5" x14ac:dyDescent="0.25">
      <c r="A6611" s="3">
        <v>41812.678819444445</v>
      </c>
      <c r="B6611" s="2">
        <v>30.1</v>
      </c>
      <c r="C6611" s="2">
        <v>119.2</v>
      </c>
      <c r="D6611" s="2">
        <v>0</v>
      </c>
      <c r="E6611" s="2">
        <v>200.99999999999713</v>
      </c>
    </row>
    <row r="6612" spans="1:5" x14ac:dyDescent="0.25">
      <c r="A6612" s="3">
        <v>41812.68854166667</v>
      </c>
      <c r="B6612" s="2">
        <v>29.8</v>
      </c>
      <c r="C6612" s="2">
        <v>119</v>
      </c>
      <c r="D6612" s="2">
        <v>0</v>
      </c>
      <c r="E6612" s="2">
        <v>200.99999999999713</v>
      </c>
    </row>
    <row r="6613" spans="1:5" x14ac:dyDescent="0.25">
      <c r="A6613" s="3">
        <v>41812.688657407409</v>
      </c>
      <c r="B6613" s="2">
        <v>29.8</v>
      </c>
      <c r="C6613" s="2">
        <v>119.2</v>
      </c>
      <c r="D6613" s="2">
        <v>0</v>
      </c>
      <c r="E6613" s="2">
        <v>200.99999999999713</v>
      </c>
    </row>
    <row r="6614" spans="1:5" x14ac:dyDescent="0.25">
      <c r="A6614" s="3">
        <v>41812.688773148147</v>
      </c>
      <c r="B6614" s="2">
        <v>29.8</v>
      </c>
      <c r="C6614" s="2">
        <v>119</v>
      </c>
      <c r="D6614" s="2">
        <v>0</v>
      </c>
      <c r="E6614" s="2">
        <v>200.99999999999713</v>
      </c>
    </row>
    <row r="6615" spans="1:5" x14ac:dyDescent="0.25">
      <c r="A6615" s="3">
        <v>41812.689004629632</v>
      </c>
      <c r="B6615" s="2">
        <v>29.8</v>
      </c>
      <c r="C6615" s="2">
        <v>119.2</v>
      </c>
      <c r="D6615" s="2">
        <v>0</v>
      </c>
      <c r="E6615" s="2">
        <v>200.99999999999713</v>
      </c>
    </row>
    <row r="6616" spans="1:5" x14ac:dyDescent="0.25">
      <c r="A6616" s="3">
        <v>41812.689293981479</v>
      </c>
      <c r="B6616" s="2">
        <v>29.8</v>
      </c>
      <c r="C6616" s="2">
        <v>119</v>
      </c>
      <c r="D6616" s="2">
        <v>0</v>
      </c>
      <c r="E6616" s="2">
        <v>200.99999999999713</v>
      </c>
    </row>
    <row r="6617" spans="1:5" x14ac:dyDescent="0.25">
      <c r="A6617" s="3">
        <v>41812.707638888889</v>
      </c>
      <c r="B6617" s="2">
        <v>29.1</v>
      </c>
      <c r="C6617" s="2">
        <v>118.8</v>
      </c>
      <c r="D6617" s="2">
        <v>0</v>
      </c>
      <c r="E6617" s="2">
        <v>200.99999999999713</v>
      </c>
    </row>
    <row r="6618" spans="1:5" x14ac:dyDescent="0.25">
      <c r="A6618" s="3">
        <v>41812.70815972222</v>
      </c>
      <c r="B6618" s="2">
        <v>29.1</v>
      </c>
      <c r="C6618" s="2">
        <v>119</v>
      </c>
      <c r="D6618" s="2">
        <v>0</v>
      </c>
      <c r="E6618" s="2">
        <v>200.99999999999713</v>
      </c>
    </row>
    <row r="6619" spans="1:5" x14ac:dyDescent="0.25">
      <c r="A6619" s="3">
        <v>41812.708333333336</v>
      </c>
      <c r="B6619" s="2">
        <v>29.1</v>
      </c>
      <c r="C6619" s="2">
        <v>118.8</v>
      </c>
      <c r="D6619" s="2">
        <v>0</v>
      </c>
      <c r="E6619" s="2">
        <v>200.99999999999713</v>
      </c>
    </row>
    <row r="6620" spans="1:5" x14ac:dyDescent="0.25">
      <c r="A6620" s="3">
        <v>41812.724305555559</v>
      </c>
      <c r="B6620" s="2">
        <v>28.7</v>
      </c>
      <c r="C6620" s="2">
        <v>118.6</v>
      </c>
      <c r="D6620" s="2">
        <v>0</v>
      </c>
      <c r="E6620" s="2">
        <v>200.99999999999713</v>
      </c>
    </row>
    <row r="6621" spans="1:5" x14ac:dyDescent="0.25">
      <c r="A6621" s="3">
        <v>41812.724594907406</v>
      </c>
      <c r="B6621" s="2">
        <v>28.7</v>
      </c>
      <c r="C6621" s="2">
        <v>118.8</v>
      </c>
      <c r="D6621" s="2">
        <v>0</v>
      </c>
      <c r="E6621" s="2">
        <v>200.99999999999713</v>
      </c>
    </row>
    <row r="6622" spans="1:5" x14ac:dyDescent="0.25">
      <c r="A6622" s="3">
        <v>41812.724710648145</v>
      </c>
      <c r="B6622" s="2">
        <v>28.7</v>
      </c>
      <c r="C6622" s="2">
        <v>118.6</v>
      </c>
      <c r="D6622" s="2">
        <v>0</v>
      </c>
      <c r="E6622" s="2">
        <v>200.99999999999713</v>
      </c>
    </row>
    <row r="6623" spans="1:5" x14ac:dyDescent="0.25">
      <c r="A6623" s="3">
        <v>41812.745312500003</v>
      </c>
      <c r="B6623" s="2">
        <v>28.8</v>
      </c>
      <c r="C6623" s="2">
        <v>118.4</v>
      </c>
      <c r="D6623" s="2">
        <v>0</v>
      </c>
      <c r="E6623" s="2">
        <v>200.99999999999713</v>
      </c>
    </row>
    <row r="6624" spans="1:5" x14ac:dyDescent="0.25">
      <c r="A6624" s="3">
        <v>41812.762384259258</v>
      </c>
      <c r="B6624" s="2">
        <v>28.7</v>
      </c>
      <c r="C6624" s="2">
        <v>118.2</v>
      </c>
      <c r="D6624" s="2">
        <v>0</v>
      </c>
      <c r="E6624" s="2">
        <v>200.99999999999713</v>
      </c>
    </row>
    <row r="6625" spans="1:5" x14ac:dyDescent="0.25">
      <c r="A6625" s="3">
        <v>41812.762557870374</v>
      </c>
      <c r="B6625" s="2">
        <v>28.7</v>
      </c>
      <c r="C6625" s="2">
        <v>118.4</v>
      </c>
      <c r="D6625" s="2">
        <v>0</v>
      </c>
      <c r="E6625" s="2">
        <v>200.99999999999713</v>
      </c>
    </row>
    <row r="6626" spans="1:5" x14ac:dyDescent="0.25">
      <c r="A6626" s="3">
        <v>41812.762789351851</v>
      </c>
      <c r="B6626" s="2">
        <v>28.7</v>
      </c>
      <c r="C6626" s="2">
        <v>118.2</v>
      </c>
      <c r="D6626" s="2">
        <v>0</v>
      </c>
      <c r="E6626" s="2">
        <v>200.99999999999713</v>
      </c>
    </row>
    <row r="6627" spans="1:5" x14ac:dyDescent="0.25">
      <c r="A6627" s="3">
        <v>41812.763020833336</v>
      </c>
      <c r="B6627" s="2">
        <v>28.6</v>
      </c>
      <c r="C6627" s="2">
        <v>118.4</v>
      </c>
      <c r="D6627" s="2">
        <v>0</v>
      </c>
      <c r="E6627" s="2">
        <v>200.99999999999713</v>
      </c>
    </row>
    <row r="6628" spans="1:5" x14ac:dyDescent="0.25">
      <c r="A6628" s="3">
        <v>41812.763310185182</v>
      </c>
      <c r="B6628" s="2">
        <v>28.6</v>
      </c>
      <c r="C6628" s="2">
        <v>118.2</v>
      </c>
      <c r="D6628" s="2">
        <v>0</v>
      </c>
      <c r="E6628" s="2">
        <v>200.99999999999713</v>
      </c>
    </row>
    <row r="6629" spans="1:5" x14ac:dyDescent="0.25">
      <c r="A6629" s="3">
        <v>41812.763425925928</v>
      </c>
      <c r="B6629" s="2">
        <v>28.6</v>
      </c>
      <c r="C6629" s="2">
        <v>118.4</v>
      </c>
      <c r="D6629" s="2">
        <v>0</v>
      </c>
      <c r="E6629" s="2">
        <v>200.99999999999713</v>
      </c>
    </row>
    <row r="6630" spans="1:5" x14ac:dyDescent="0.25">
      <c r="A6630" s="3">
        <v>41812.763657407406</v>
      </c>
      <c r="B6630" s="2">
        <v>28.6</v>
      </c>
      <c r="C6630" s="2">
        <v>118.2</v>
      </c>
      <c r="D6630" s="2">
        <v>0</v>
      </c>
      <c r="E6630" s="2">
        <v>200.99999999999713</v>
      </c>
    </row>
    <row r="6631" spans="1:5" x14ac:dyDescent="0.25">
      <c r="A6631" s="3">
        <v>41812.763773148145</v>
      </c>
      <c r="B6631" s="2">
        <v>28.6</v>
      </c>
      <c r="C6631" s="2">
        <v>118.4</v>
      </c>
      <c r="D6631" s="2">
        <v>0</v>
      </c>
      <c r="E6631" s="2">
        <v>200.99999999999713</v>
      </c>
    </row>
    <row r="6632" spans="1:5" x14ac:dyDescent="0.25">
      <c r="A6632" s="3">
        <v>41812.763831018521</v>
      </c>
      <c r="B6632" s="2">
        <v>28.6</v>
      </c>
      <c r="C6632" s="2">
        <v>118.2</v>
      </c>
      <c r="D6632" s="2">
        <v>0</v>
      </c>
      <c r="E6632" s="2">
        <v>200.99999999999713</v>
      </c>
    </row>
    <row r="6633" spans="1:5" x14ac:dyDescent="0.25">
      <c r="A6633" s="3">
        <v>41812.76394675926</v>
      </c>
      <c r="B6633" s="2">
        <v>28.6</v>
      </c>
      <c r="C6633" s="2">
        <v>118.4</v>
      </c>
      <c r="D6633" s="2">
        <v>0</v>
      </c>
      <c r="E6633" s="2">
        <v>200.99999999999713</v>
      </c>
    </row>
    <row r="6634" spans="1:5" x14ac:dyDescent="0.25">
      <c r="A6634" s="3">
        <v>41812.764178240737</v>
      </c>
      <c r="B6634" s="2">
        <v>28.7</v>
      </c>
      <c r="C6634" s="2">
        <v>118.2</v>
      </c>
      <c r="D6634" s="2">
        <v>0</v>
      </c>
      <c r="E6634" s="2">
        <v>200.99999999999713</v>
      </c>
    </row>
    <row r="6635" spans="1:5" x14ac:dyDescent="0.25">
      <c r="A6635" s="3">
        <v>41812.764409722222</v>
      </c>
      <c r="B6635" s="2">
        <v>28.7</v>
      </c>
      <c r="C6635" s="2">
        <v>118.4</v>
      </c>
      <c r="D6635" s="2">
        <v>0</v>
      </c>
      <c r="E6635" s="2">
        <v>200.99999999999713</v>
      </c>
    </row>
    <row r="6636" spans="1:5" x14ac:dyDescent="0.25">
      <c r="A6636" s="3">
        <v>41812.764872685184</v>
      </c>
      <c r="B6636" s="2">
        <v>28.7</v>
      </c>
      <c r="C6636" s="2">
        <v>118.2</v>
      </c>
      <c r="D6636" s="2">
        <v>0</v>
      </c>
      <c r="E6636" s="2">
        <v>200.99999999999713</v>
      </c>
    </row>
    <row r="6637" spans="1:5" x14ac:dyDescent="0.25">
      <c r="A6637" s="3">
        <v>41812.804224537038</v>
      </c>
      <c r="B6637" s="2">
        <v>27.4</v>
      </c>
      <c r="C6637" s="2">
        <v>118</v>
      </c>
      <c r="D6637" s="2">
        <v>0</v>
      </c>
      <c r="E6637" s="2">
        <v>200.99999999999713</v>
      </c>
    </row>
    <row r="6638" spans="1:5" x14ac:dyDescent="0.25">
      <c r="A6638" s="3">
        <v>41812.824421296296</v>
      </c>
      <c r="B6638" s="2">
        <v>26.8</v>
      </c>
      <c r="C6638" s="2">
        <v>117.8</v>
      </c>
      <c r="D6638" s="2">
        <v>0</v>
      </c>
      <c r="E6638" s="2">
        <v>200.99999999999713</v>
      </c>
    </row>
    <row r="6639" spans="1:5" x14ac:dyDescent="0.25">
      <c r="A6639" s="3">
        <v>41812.862037037034</v>
      </c>
      <c r="B6639" s="2">
        <v>25.8</v>
      </c>
      <c r="C6639" s="2">
        <v>117.6</v>
      </c>
      <c r="D6639" s="2">
        <v>0</v>
      </c>
      <c r="E6639" s="2">
        <v>200.99999999999713</v>
      </c>
    </row>
    <row r="6640" spans="1:5" x14ac:dyDescent="0.25">
      <c r="A6640" s="3">
        <v>41812.904398148145</v>
      </c>
      <c r="B6640" s="2">
        <v>24.7</v>
      </c>
      <c r="C6640" s="2">
        <v>117.4</v>
      </c>
      <c r="D6640" s="2">
        <v>0</v>
      </c>
      <c r="E6640" s="2">
        <v>200.99999999999713</v>
      </c>
    </row>
    <row r="6641" spans="1:5" x14ac:dyDescent="0.25">
      <c r="A6641" s="3">
        <v>41812.965451388889</v>
      </c>
      <c r="B6641" s="2">
        <v>23.5</v>
      </c>
      <c r="C6641" s="2">
        <v>117.2</v>
      </c>
      <c r="D6641" s="2">
        <v>0</v>
      </c>
      <c r="E6641" s="2">
        <v>200.99999999999713</v>
      </c>
    </row>
    <row r="6642" spans="1:5" x14ac:dyDescent="0.25">
      <c r="A6642" s="3">
        <v>41813.052141203705</v>
      </c>
      <c r="B6642" s="2">
        <v>22.1</v>
      </c>
      <c r="C6642" s="2">
        <v>117</v>
      </c>
      <c r="D6642" s="2">
        <v>0</v>
      </c>
      <c r="E6642" s="2">
        <v>200.99999999999713</v>
      </c>
    </row>
    <row r="6643" spans="1:5" x14ac:dyDescent="0.25">
      <c r="A6643" s="3">
        <v>41813.165914351855</v>
      </c>
      <c r="B6643" s="2">
        <v>20.5</v>
      </c>
      <c r="C6643" s="2">
        <v>116.8</v>
      </c>
      <c r="D6643" s="2">
        <v>0</v>
      </c>
      <c r="E6643" s="2">
        <v>200.99999999999713</v>
      </c>
    </row>
    <row r="6644" spans="1:5" x14ac:dyDescent="0.25">
      <c r="A6644" s="3">
        <v>41813.288599537038</v>
      </c>
      <c r="B6644" s="2">
        <v>19.399999999999999</v>
      </c>
      <c r="C6644" s="2">
        <v>116.6</v>
      </c>
      <c r="D6644" s="2">
        <v>0</v>
      </c>
      <c r="E6644" s="2">
        <v>200.99999999999713</v>
      </c>
    </row>
    <row r="6645" spans="1:5" x14ac:dyDescent="0.25">
      <c r="A6645" s="3">
        <v>41813.350694444445</v>
      </c>
      <c r="B6645" s="2">
        <v>19.7</v>
      </c>
      <c r="C6645" s="2">
        <v>116.4</v>
      </c>
      <c r="D6645" s="2">
        <v>0</v>
      </c>
      <c r="E6645" s="2">
        <v>200.99999999999713</v>
      </c>
    </row>
    <row r="6646" spans="1:5" x14ac:dyDescent="0.25">
      <c r="A6646" s="3">
        <v>41813.368981481479</v>
      </c>
      <c r="B6646" s="2">
        <v>20</v>
      </c>
      <c r="C6646" s="2">
        <v>116.6</v>
      </c>
      <c r="D6646" s="2">
        <v>0</v>
      </c>
      <c r="E6646" s="2">
        <v>200.99999999999713</v>
      </c>
    </row>
    <row r="6647" spans="1:5" x14ac:dyDescent="0.25">
      <c r="A6647" s="3">
        <v>41813.369155092594</v>
      </c>
      <c r="B6647" s="2">
        <v>20</v>
      </c>
      <c r="C6647" s="2">
        <v>116.4</v>
      </c>
      <c r="D6647" s="2">
        <v>0</v>
      </c>
      <c r="E6647" s="2">
        <v>200.99999999999713</v>
      </c>
    </row>
    <row r="6648" spans="1:5" x14ac:dyDescent="0.25">
      <c r="A6648" s="3">
        <v>41813.511863425927</v>
      </c>
      <c r="B6648" s="2">
        <v>27.1</v>
      </c>
      <c r="C6648" s="2">
        <v>116.2</v>
      </c>
      <c r="D6648" s="2">
        <v>0</v>
      </c>
      <c r="E6648" s="2">
        <v>200.99999999999713</v>
      </c>
    </row>
    <row r="6649" spans="1:5" x14ac:dyDescent="0.25">
      <c r="A6649" s="3">
        <v>41813.544212962966</v>
      </c>
      <c r="B6649" s="2">
        <v>28.9</v>
      </c>
      <c r="C6649" s="2">
        <v>116</v>
      </c>
      <c r="D6649" s="2">
        <v>0</v>
      </c>
      <c r="E6649" s="2">
        <v>200.99999999999713</v>
      </c>
    </row>
    <row r="6650" spans="1:5" x14ac:dyDescent="0.25">
      <c r="A6650" s="3">
        <v>41813.544502314813</v>
      </c>
      <c r="B6650" s="2">
        <v>28.9</v>
      </c>
      <c r="C6650" s="2">
        <v>116.2</v>
      </c>
      <c r="D6650" s="2">
        <v>0</v>
      </c>
      <c r="E6650" s="2">
        <v>200.99999999999713</v>
      </c>
    </row>
    <row r="6651" spans="1:5" x14ac:dyDescent="0.25">
      <c r="A6651" s="3">
        <v>41813.545023148145</v>
      </c>
      <c r="B6651" s="2">
        <v>28.8</v>
      </c>
      <c r="C6651" s="2">
        <v>116</v>
      </c>
      <c r="D6651" s="2">
        <v>0</v>
      </c>
      <c r="E6651" s="2">
        <v>200.99999999999713</v>
      </c>
    </row>
    <row r="6652" spans="1:5" x14ac:dyDescent="0.25">
      <c r="A6652" s="3">
        <v>41813.545138888891</v>
      </c>
      <c r="B6652" s="2">
        <v>28.8</v>
      </c>
      <c r="C6652" s="2">
        <v>116.2</v>
      </c>
      <c r="D6652" s="2">
        <v>0</v>
      </c>
      <c r="E6652" s="2">
        <v>200.99999999999713</v>
      </c>
    </row>
    <row r="6653" spans="1:5" x14ac:dyDescent="0.25">
      <c r="A6653" s="3">
        <v>41813.546238425923</v>
      </c>
      <c r="B6653" s="2">
        <v>28.9</v>
      </c>
      <c r="C6653" s="2">
        <v>116</v>
      </c>
      <c r="D6653" s="2">
        <v>0</v>
      </c>
      <c r="E6653" s="2">
        <v>200.99999999999713</v>
      </c>
    </row>
    <row r="6654" spans="1:5" x14ac:dyDescent="0.25">
      <c r="A6654" s="3">
        <v>41813.546469907407</v>
      </c>
      <c r="B6654" s="2">
        <v>28.9</v>
      </c>
      <c r="C6654" s="2">
        <v>116.2</v>
      </c>
      <c r="D6654" s="2">
        <v>0</v>
      </c>
      <c r="E6654" s="2">
        <v>200.99999999999713</v>
      </c>
    </row>
    <row r="6655" spans="1:5" x14ac:dyDescent="0.25">
      <c r="A6655" s="3">
        <v>41813.546701388892</v>
      </c>
      <c r="B6655" s="2">
        <v>28.9</v>
      </c>
      <c r="C6655" s="2">
        <v>116</v>
      </c>
      <c r="D6655" s="2">
        <v>0</v>
      </c>
      <c r="E6655" s="2">
        <v>200.99999999999713</v>
      </c>
    </row>
    <row r="6656" spans="1:5" x14ac:dyDescent="0.25">
      <c r="A6656" s="3">
        <v>41813.546932870369</v>
      </c>
      <c r="B6656" s="2">
        <v>29</v>
      </c>
      <c r="C6656" s="2">
        <v>116.2</v>
      </c>
      <c r="D6656" s="2">
        <v>0</v>
      </c>
      <c r="E6656" s="2">
        <v>200.99999999999713</v>
      </c>
    </row>
    <row r="6657" spans="1:5" x14ac:dyDescent="0.25">
      <c r="A6657" s="3">
        <v>41813.547048611108</v>
      </c>
      <c r="B6657" s="2">
        <v>29</v>
      </c>
      <c r="C6657" s="2">
        <v>116</v>
      </c>
      <c r="D6657" s="2">
        <v>0</v>
      </c>
      <c r="E6657" s="2">
        <v>200.99999999999713</v>
      </c>
    </row>
    <row r="6658" spans="1:5" x14ac:dyDescent="0.25">
      <c r="A6658" s="3">
        <v>41813.547569444447</v>
      </c>
      <c r="B6658" s="2">
        <v>29</v>
      </c>
      <c r="C6658" s="2">
        <v>116.2</v>
      </c>
      <c r="D6658" s="2">
        <v>0</v>
      </c>
      <c r="E6658" s="2">
        <v>200.99999999999713</v>
      </c>
    </row>
    <row r="6659" spans="1:5" x14ac:dyDescent="0.25">
      <c r="A6659" s="3">
        <v>41813.547627314816</v>
      </c>
      <c r="B6659" s="2">
        <v>29</v>
      </c>
      <c r="C6659" s="2">
        <v>116</v>
      </c>
      <c r="D6659" s="2">
        <v>0</v>
      </c>
      <c r="E6659" s="2">
        <v>200.99999999999713</v>
      </c>
    </row>
    <row r="6660" spans="1:5" x14ac:dyDescent="0.25">
      <c r="A6660" s="3">
        <v>41813.549363425926</v>
      </c>
      <c r="B6660" s="2">
        <v>29.1</v>
      </c>
      <c r="C6660" s="2">
        <v>116.2</v>
      </c>
      <c r="D6660" s="2">
        <v>0</v>
      </c>
      <c r="E6660" s="2">
        <v>200.99999999999713</v>
      </c>
    </row>
    <row r="6661" spans="1:5" x14ac:dyDescent="0.25">
      <c r="A6661" s="3">
        <v>41813.54965277778</v>
      </c>
      <c r="B6661" s="2">
        <v>29.1</v>
      </c>
      <c r="C6661" s="2">
        <v>116</v>
      </c>
      <c r="D6661" s="2">
        <v>0</v>
      </c>
      <c r="E6661" s="2">
        <v>200.99999999999713</v>
      </c>
    </row>
    <row r="6662" spans="1:5" x14ac:dyDescent="0.25">
      <c r="A6662" s="3">
        <v>41813.549884259257</v>
      </c>
      <c r="B6662" s="2">
        <v>29.1</v>
      </c>
      <c r="C6662" s="2">
        <v>116.2</v>
      </c>
      <c r="D6662" s="2">
        <v>0</v>
      </c>
      <c r="E6662" s="2">
        <v>200.99999999999713</v>
      </c>
    </row>
    <row r="6663" spans="1:5" x14ac:dyDescent="0.25">
      <c r="A6663" s="3">
        <v>41813.549942129626</v>
      </c>
      <c r="B6663" s="2">
        <v>29.3</v>
      </c>
      <c r="C6663" s="2">
        <v>116</v>
      </c>
      <c r="D6663" s="2">
        <v>0</v>
      </c>
      <c r="E6663" s="2">
        <v>200.99999999999713</v>
      </c>
    </row>
    <row r="6664" spans="1:5" x14ac:dyDescent="0.25">
      <c r="A6664" s="3">
        <v>41813.55028935185</v>
      </c>
      <c r="B6664" s="2">
        <v>29.1</v>
      </c>
      <c r="C6664" s="2">
        <v>116.2</v>
      </c>
      <c r="D6664" s="2">
        <v>0</v>
      </c>
      <c r="E6664" s="2">
        <v>200.99999999999713</v>
      </c>
    </row>
    <row r="6665" spans="1:5" x14ac:dyDescent="0.25">
      <c r="A6665" s="3">
        <v>41813.550405092596</v>
      </c>
      <c r="B6665" s="2">
        <v>29.3</v>
      </c>
      <c r="C6665" s="2">
        <v>116</v>
      </c>
      <c r="D6665" s="2">
        <v>0</v>
      </c>
      <c r="E6665" s="2">
        <v>200.99999999999713</v>
      </c>
    </row>
    <row r="6666" spans="1:5" x14ac:dyDescent="0.25">
      <c r="A6666" s="3">
        <v>41813.550578703704</v>
      </c>
      <c r="B6666" s="2">
        <v>29.3</v>
      </c>
      <c r="C6666" s="2">
        <v>116.2</v>
      </c>
      <c r="D6666" s="2">
        <v>0</v>
      </c>
      <c r="E6666" s="2">
        <v>200.99999999999713</v>
      </c>
    </row>
    <row r="6667" spans="1:5" x14ac:dyDescent="0.25">
      <c r="A6667" s="3">
        <v>41813.550694444442</v>
      </c>
      <c r="B6667" s="2">
        <v>29.3</v>
      </c>
      <c r="C6667" s="2">
        <v>116</v>
      </c>
      <c r="D6667" s="2">
        <v>0</v>
      </c>
      <c r="E6667" s="2">
        <v>200.99999999999713</v>
      </c>
    </row>
    <row r="6668" spans="1:5" x14ac:dyDescent="0.25">
      <c r="A6668" s="3">
        <v>41813.571122685185</v>
      </c>
      <c r="B6668" s="2">
        <v>30.4</v>
      </c>
      <c r="C6668" s="2">
        <v>115.8</v>
      </c>
      <c r="D6668" s="2">
        <v>0</v>
      </c>
      <c r="E6668" s="2">
        <v>200.99999999999713</v>
      </c>
    </row>
    <row r="6669" spans="1:5" x14ac:dyDescent="0.25">
      <c r="A6669" s="3">
        <v>41813.571180555555</v>
      </c>
      <c r="B6669" s="2">
        <v>30.4</v>
      </c>
      <c r="C6669" s="2">
        <v>116</v>
      </c>
      <c r="D6669" s="2">
        <v>0</v>
      </c>
      <c r="E6669" s="2">
        <v>200.99999999999713</v>
      </c>
    </row>
    <row r="6670" spans="1:5" x14ac:dyDescent="0.25">
      <c r="A6670" s="3">
        <v>41813.571759259263</v>
      </c>
      <c r="B6670" s="2">
        <v>30.6</v>
      </c>
      <c r="C6670" s="2">
        <v>115.8</v>
      </c>
      <c r="D6670" s="2">
        <v>0</v>
      </c>
      <c r="E6670" s="2">
        <v>200.99999999999713</v>
      </c>
    </row>
    <row r="6671" spans="1:5" x14ac:dyDescent="0.25">
      <c r="A6671" s="3">
        <v>41813.57199074074</v>
      </c>
      <c r="B6671" s="2">
        <v>30.4</v>
      </c>
      <c r="C6671" s="2">
        <v>116</v>
      </c>
      <c r="D6671" s="2">
        <v>0</v>
      </c>
      <c r="E6671" s="2">
        <v>200.99999999999713</v>
      </c>
    </row>
    <row r="6672" spans="1:5" x14ac:dyDescent="0.25">
      <c r="A6672" s="3">
        <v>41813.572106481479</v>
      </c>
      <c r="B6672" s="2">
        <v>30.5</v>
      </c>
      <c r="C6672" s="2">
        <v>115.8</v>
      </c>
      <c r="D6672" s="2">
        <v>0</v>
      </c>
      <c r="E6672" s="2">
        <v>200.99999999999713</v>
      </c>
    </row>
    <row r="6673" spans="1:5" x14ac:dyDescent="0.25">
      <c r="A6673" s="3">
        <v>41813.595023148147</v>
      </c>
      <c r="B6673" s="2">
        <v>31.5</v>
      </c>
      <c r="C6673" s="2">
        <v>115.6</v>
      </c>
      <c r="D6673" s="2">
        <v>0</v>
      </c>
      <c r="E6673" s="2">
        <v>200.99999999999713</v>
      </c>
    </row>
    <row r="6674" spans="1:5" x14ac:dyDescent="0.25">
      <c r="A6674" s="3">
        <v>41813.595254629632</v>
      </c>
      <c r="B6674" s="2">
        <v>31.5</v>
      </c>
      <c r="C6674" s="2">
        <v>115.8</v>
      </c>
      <c r="D6674" s="2">
        <v>0</v>
      </c>
      <c r="E6674" s="2">
        <v>200.99999999999713</v>
      </c>
    </row>
    <row r="6675" spans="1:5" x14ac:dyDescent="0.25">
      <c r="A6675" s="3">
        <v>41813.595949074072</v>
      </c>
      <c r="B6675" s="2">
        <v>31.6</v>
      </c>
      <c r="C6675" s="2">
        <v>115.6</v>
      </c>
      <c r="D6675" s="2">
        <v>0</v>
      </c>
      <c r="E6675" s="2">
        <v>200.99999999999713</v>
      </c>
    </row>
    <row r="6676" spans="1:5" x14ac:dyDescent="0.25">
      <c r="A6676" s="3">
        <v>41813.596296296295</v>
      </c>
      <c r="B6676" s="2">
        <v>31.5</v>
      </c>
      <c r="C6676" s="2">
        <v>115.8</v>
      </c>
      <c r="D6676" s="2">
        <v>0</v>
      </c>
      <c r="E6676" s="2">
        <v>200.99999999999713</v>
      </c>
    </row>
    <row r="6677" spans="1:5" x14ac:dyDescent="0.25">
      <c r="A6677" s="3">
        <v>41813.596412037034</v>
      </c>
      <c r="B6677" s="2">
        <v>31.5</v>
      </c>
      <c r="C6677" s="2">
        <v>115.6</v>
      </c>
      <c r="D6677" s="2">
        <v>0</v>
      </c>
      <c r="E6677" s="2">
        <v>200.99999999999713</v>
      </c>
    </row>
    <row r="6678" spans="1:5" x14ac:dyDescent="0.25">
      <c r="A6678" s="3">
        <v>41813.614988425928</v>
      </c>
      <c r="B6678" s="2">
        <v>32.200000000000003</v>
      </c>
      <c r="C6678" s="2">
        <v>115.4</v>
      </c>
      <c r="D6678" s="2">
        <v>0</v>
      </c>
      <c r="E6678" s="2">
        <v>200.99999999999713</v>
      </c>
    </row>
    <row r="6679" spans="1:5" x14ac:dyDescent="0.25">
      <c r="A6679" s="3">
        <v>41813.615104166667</v>
      </c>
      <c r="B6679" s="2">
        <v>32.200000000000003</v>
      </c>
      <c r="C6679" s="2">
        <v>115.6</v>
      </c>
      <c r="D6679" s="2">
        <v>0</v>
      </c>
      <c r="E6679" s="2">
        <v>200.99999999999713</v>
      </c>
    </row>
    <row r="6680" spans="1:5" x14ac:dyDescent="0.25">
      <c r="A6680" s="3">
        <v>41813.616261574076</v>
      </c>
      <c r="B6680" s="2">
        <v>32.200000000000003</v>
      </c>
      <c r="C6680" s="2">
        <v>115.4</v>
      </c>
      <c r="D6680" s="2">
        <v>0</v>
      </c>
      <c r="E6680" s="2">
        <v>200.99999999999713</v>
      </c>
    </row>
    <row r="6681" spans="1:5" x14ac:dyDescent="0.25">
      <c r="A6681" s="3">
        <v>41813.616666666669</v>
      </c>
      <c r="B6681" s="2">
        <v>32.299999999999997</v>
      </c>
      <c r="C6681" s="2">
        <v>115.6</v>
      </c>
      <c r="D6681" s="2">
        <v>0</v>
      </c>
      <c r="E6681" s="2">
        <v>200.99999999999713</v>
      </c>
    </row>
    <row r="6682" spans="1:5" x14ac:dyDescent="0.25">
      <c r="A6682" s="3">
        <v>41813.616724537038</v>
      </c>
      <c r="B6682" s="2">
        <v>32.299999999999997</v>
      </c>
      <c r="C6682" s="2">
        <v>115.4</v>
      </c>
      <c r="D6682" s="2">
        <v>0</v>
      </c>
      <c r="E6682" s="2">
        <v>200.99999999999713</v>
      </c>
    </row>
    <row r="6683" spans="1:5" x14ac:dyDescent="0.25">
      <c r="A6683" s="3">
        <v>41813.617881944447</v>
      </c>
      <c r="B6683" s="2">
        <v>32.299999999999997</v>
      </c>
      <c r="C6683" s="2">
        <v>115.6</v>
      </c>
      <c r="D6683" s="2">
        <v>0</v>
      </c>
      <c r="E6683" s="2">
        <v>200.99999999999713</v>
      </c>
    </row>
    <row r="6684" spans="1:5" x14ac:dyDescent="0.25">
      <c r="A6684" s="3">
        <v>41813.617939814816</v>
      </c>
      <c r="B6684" s="2">
        <v>32.299999999999997</v>
      </c>
      <c r="C6684" s="2">
        <v>115.4</v>
      </c>
      <c r="D6684" s="2">
        <v>0</v>
      </c>
      <c r="E6684" s="2">
        <v>200.99999999999713</v>
      </c>
    </row>
    <row r="6685" spans="1:5" x14ac:dyDescent="0.25">
      <c r="A6685" s="3">
        <v>41813.619386574072</v>
      </c>
      <c r="B6685" s="2">
        <v>32.299999999999997</v>
      </c>
      <c r="C6685" s="2">
        <v>115.6</v>
      </c>
      <c r="D6685" s="2">
        <v>0</v>
      </c>
      <c r="E6685" s="2">
        <v>200.99999999999713</v>
      </c>
    </row>
    <row r="6686" spans="1:5" x14ac:dyDescent="0.25">
      <c r="A6686" s="3">
        <v>41813.619733796295</v>
      </c>
      <c r="B6686" s="2">
        <v>32.299999999999997</v>
      </c>
      <c r="C6686" s="2">
        <v>115.4</v>
      </c>
      <c r="D6686" s="2">
        <v>0</v>
      </c>
      <c r="E6686" s="2">
        <v>200.99999999999713</v>
      </c>
    </row>
    <row r="6687" spans="1:5" x14ac:dyDescent="0.25">
      <c r="A6687" s="3">
        <v>41813.620775462965</v>
      </c>
      <c r="B6687" s="2">
        <v>32.299999999999997</v>
      </c>
      <c r="C6687" s="2">
        <v>115.6</v>
      </c>
      <c r="D6687" s="2">
        <v>0</v>
      </c>
      <c r="E6687" s="2">
        <v>200.99999999999713</v>
      </c>
    </row>
    <row r="6688" spans="1:5" x14ac:dyDescent="0.25">
      <c r="A6688" s="3">
        <v>41813.620833333334</v>
      </c>
      <c r="B6688" s="2">
        <v>32.299999999999997</v>
      </c>
      <c r="C6688" s="2">
        <v>115.4</v>
      </c>
      <c r="D6688" s="2">
        <v>0</v>
      </c>
      <c r="E6688" s="2">
        <v>200.99999999999713</v>
      </c>
    </row>
    <row r="6689" spans="1:5" x14ac:dyDescent="0.25">
      <c r="A6689" s="3">
        <v>41813.632754629631</v>
      </c>
      <c r="B6689" s="2">
        <v>32.5</v>
      </c>
      <c r="C6689" s="2">
        <v>115.2</v>
      </c>
      <c r="D6689" s="2">
        <v>0</v>
      </c>
      <c r="E6689" s="2">
        <v>200.99999999999713</v>
      </c>
    </row>
    <row r="6690" spans="1:5" x14ac:dyDescent="0.25">
      <c r="A6690" s="3">
        <v>41813.633101851854</v>
      </c>
      <c r="B6690" s="2">
        <v>32.5</v>
      </c>
      <c r="C6690" s="2">
        <v>115.4</v>
      </c>
      <c r="D6690" s="2">
        <v>0</v>
      </c>
      <c r="E6690" s="2">
        <v>200.99999999999713</v>
      </c>
    </row>
    <row r="6691" spans="1:5" x14ac:dyDescent="0.25">
      <c r="A6691" s="3">
        <v>41813.633275462962</v>
      </c>
      <c r="B6691" s="2">
        <v>32.5</v>
      </c>
      <c r="C6691" s="2">
        <v>115.2</v>
      </c>
      <c r="D6691" s="2">
        <v>0</v>
      </c>
      <c r="E6691" s="2">
        <v>200.99999999999713</v>
      </c>
    </row>
    <row r="6692" spans="1:5" x14ac:dyDescent="0.25">
      <c r="A6692" s="3">
        <v>41813.638136574074</v>
      </c>
      <c r="B6692" s="2">
        <v>32.5</v>
      </c>
      <c r="C6692" s="2">
        <v>115.4</v>
      </c>
      <c r="D6692" s="2">
        <v>0</v>
      </c>
      <c r="E6692" s="2">
        <v>200.99999999999713</v>
      </c>
    </row>
    <row r="6693" spans="1:5" x14ac:dyDescent="0.25">
      <c r="A6693" s="3">
        <v>41813.638194444444</v>
      </c>
      <c r="B6693" s="2">
        <v>32.5</v>
      </c>
      <c r="C6693" s="2">
        <v>115.2</v>
      </c>
      <c r="D6693" s="2">
        <v>0</v>
      </c>
      <c r="E6693" s="2">
        <v>200.99999999999713</v>
      </c>
    </row>
    <row r="6694" spans="1:5" x14ac:dyDescent="0.25">
      <c r="A6694" s="3">
        <v>41813.658912037034</v>
      </c>
      <c r="B6694" s="2">
        <v>32.1</v>
      </c>
      <c r="C6694" s="2">
        <v>115</v>
      </c>
      <c r="D6694" s="2">
        <v>0</v>
      </c>
      <c r="E6694" s="2">
        <v>200.99999999999713</v>
      </c>
    </row>
    <row r="6695" spans="1:5" x14ac:dyDescent="0.25">
      <c r="A6695" s="3">
        <v>41813.67083333333</v>
      </c>
      <c r="B6695" s="2">
        <v>31.8</v>
      </c>
      <c r="C6695" s="2">
        <v>114.8</v>
      </c>
      <c r="D6695" s="2">
        <v>0</v>
      </c>
      <c r="E6695" s="2">
        <v>200.99999999999713</v>
      </c>
    </row>
    <row r="6696" spans="1:5" x14ac:dyDescent="0.25">
      <c r="A6696" s="3">
        <v>41813.671238425923</v>
      </c>
      <c r="B6696" s="2">
        <v>31.7</v>
      </c>
      <c r="C6696" s="2">
        <v>115</v>
      </c>
      <c r="D6696" s="2">
        <v>0</v>
      </c>
      <c r="E6696" s="2">
        <v>200.99999999999713</v>
      </c>
    </row>
    <row r="6697" spans="1:5" x14ac:dyDescent="0.25">
      <c r="A6697" s="3">
        <v>41813.671412037038</v>
      </c>
      <c r="B6697" s="2">
        <v>31.7</v>
      </c>
      <c r="C6697" s="2">
        <v>114.8</v>
      </c>
      <c r="D6697" s="2">
        <v>0</v>
      </c>
      <c r="E6697" s="2">
        <v>200.99999999999713</v>
      </c>
    </row>
    <row r="6698" spans="1:5" x14ac:dyDescent="0.25">
      <c r="A6698" s="3">
        <v>41813.671469907407</v>
      </c>
      <c r="B6698" s="2">
        <v>31.7</v>
      </c>
      <c r="C6698" s="2">
        <v>115</v>
      </c>
      <c r="D6698" s="2">
        <v>0</v>
      </c>
      <c r="E6698" s="2">
        <v>200.99999999999713</v>
      </c>
    </row>
    <row r="6699" spans="1:5" x14ac:dyDescent="0.25">
      <c r="A6699" s="3">
        <v>41813.671527777777</v>
      </c>
      <c r="B6699" s="2">
        <v>31.7</v>
      </c>
      <c r="C6699" s="2">
        <v>114.8</v>
      </c>
      <c r="D6699" s="2">
        <v>0</v>
      </c>
      <c r="E6699" s="2">
        <v>200.99999999999713</v>
      </c>
    </row>
    <row r="6700" spans="1:5" x14ac:dyDescent="0.25">
      <c r="A6700" s="3">
        <v>41813.673263888886</v>
      </c>
      <c r="B6700" s="2">
        <v>31.7</v>
      </c>
      <c r="C6700" s="2">
        <v>115</v>
      </c>
      <c r="D6700" s="2">
        <v>0</v>
      </c>
      <c r="E6700" s="2">
        <v>200.99999999999713</v>
      </c>
    </row>
    <row r="6701" spans="1:5" x14ac:dyDescent="0.25">
      <c r="A6701" s="3">
        <v>41813.673379629632</v>
      </c>
      <c r="B6701" s="2">
        <v>31.7</v>
      </c>
      <c r="C6701" s="2">
        <v>114.8</v>
      </c>
      <c r="D6701" s="2">
        <v>0</v>
      </c>
      <c r="E6701" s="2">
        <v>200.99999999999713</v>
      </c>
    </row>
    <row r="6702" spans="1:5" x14ac:dyDescent="0.25">
      <c r="A6702" s="3">
        <v>41813.690335648149</v>
      </c>
      <c r="B6702" s="2">
        <v>31.3</v>
      </c>
      <c r="C6702" s="2">
        <v>114.6</v>
      </c>
      <c r="D6702" s="2">
        <v>0</v>
      </c>
      <c r="E6702" s="2">
        <v>200.99999999999713</v>
      </c>
    </row>
    <row r="6703" spans="1:5" x14ac:dyDescent="0.25">
      <c r="A6703" s="3">
        <v>41813.690451388888</v>
      </c>
      <c r="B6703" s="2">
        <v>31.3</v>
      </c>
      <c r="C6703" s="2">
        <v>114.8</v>
      </c>
      <c r="D6703" s="2">
        <v>0</v>
      </c>
      <c r="E6703" s="2">
        <v>200.99999999999713</v>
      </c>
    </row>
    <row r="6704" spans="1:5" x14ac:dyDescent="0.25">
      <c r="A6704" s="3">
        <v>41813.690740740742</v>
      </c>
      <c r="B6704" s="2">
        <v>31.3</v>
      </c>
      <c r="C6704" s="2">
        <v>114.6</v>
      </c>
      <c r="D6704" s="2">
        <v>0</v>
      </c>
      <c r="E6704" s="2">
        <v>200.99999999999713</v>
      </c>
    </row>
    <row r="6705" spans="1:5" x14ac:dyDescent="0.25">
      <c r="A6705" s="3">
        <v>41813.690798611111</v>
      </c>
      <c r="B6705" s="2">
        <v>31.3</v>
      </c>
      <c r="C6705" s="2">
        <v>114.8</v>
      </c>
      <c r="D6705" s="2">
        <v>0</v>
      </c>
      <c r="E6705" s="2">
        <v>200.99999999999713</v>
      </c>
    </row>
    <row r="6706" spans="1:5" x14ac:dyDescent="0.25">
      <c r="A6706" s="3">
        <v>41813.691087962965</v>
      </c>
      <c r="B6706" s="2">
        <v>31.2</v>
      </c>
      <c r="C6706" s="2">
        <v>114.6</v>
      </c>
      <c r="D6706" s="2">
        <v>0</v>
      </c>
      <c r="E6706" s="2">
        <v>200.99999999999713</v>
      </c>
    </row>
    <row r="6707" spans="1:5" x14ac:dyDescent="0.25">
      <c r="A6707" s="3">
        <v>41813.69189814815</v>
      </c>
      <c r="B6707" s="2">
        <v>31.2</v>
      </c>
      <c r="C6707" s="2">
        <v>114.8</v>
      </c>
      <c r="D6707" s="2">
        <v>0</v>
      </c>
      <c r="E6707" s="2">
        <v>200.99999999999713</v>
      </c>
    </row>
    <row r="6708" spans="1:5" x14ac:dyDescent="0.25">
      <c r="A6708" s="3">
        <v>41813.692129629628</v>
      </c>
      <c r="B6708" s="2">
        <v>31.2</v>
      </c>
      <c r="C6708" s="2">
        <v>114.6</v>
      </c>
      <c r="D6708" s="2">
        <v>0</v>
      </c>
      <c r="E6708" s="2">
        <v>200.99999999999713</v>
      </c>
    </row>
    <row r="6709" spans="1:5" x14ac:dyDescent="0.25">
      <c r="A6709" s="3">
        <v>41813.708969907406</v>
      </c>
      <c r="B6709" s="2">
        <v>30.9</v>
      </c>
      <c r="C6709" s="2">
        <v>114.4</v>
      </c>
      <c r="D6709" s="2">
        <v>0</v>
      </c>
      <c r="E6709" s="2">
        <v>200.99999999999713</v>
      </c>
    </row>
    <row r="6710" spans="1:5" x14ac:dyDescent="0.25">
      <c r="A6710" s="3">
        <v>41813.736689814818</v>
      </c>
      <c r="B6710" s="2">
        <v>30.3</v>
      </c>
      <c r="C6710" s="2">
        <v>114.2</v>
      </c>
      <c r="D6710" s="2">
        <v>0</v>
      </c>
      <c r="E6710" s="2">
        <v>200.99999999999713</v>
      </c>
    </row>
    <row r="6711" spans="1:5" x14ac:dyDescent="0.25">
      <c r="A6711" s="3">
        <v>41813.741550925923</v>
      </c>
      <c r="B6711" s="2">
        <v>30.2</v>
      </c>
      <c r="C6711" s="2">
        <v>114.4</v>
      </c>
      <c r="D6711" s="2">
        <v>0</v>
      </c>
      <c r="E6711" s="2">
        <v>200.99999999999713</v>
      </c>
    </row>
    <row r="6712" spans="1:5" x14ac:dyDescent="0.25">
      <c r="A6712" s="3">
        <v>41813.741608796299</v>
      </c>
      <c r="B6712" s="2">
        <v>30.2</v>
      </c>
      <c r="C6712" s="2">
        <v>114.2</v>
      </c>
      <c r="D6712" s="2">
        <v>0</v>
      </c>
      <c r="E6712" s="2">
        <v>200.99999999999713</v>
      </c>
    </row>
    <row r="6713" spans="1:5" x14ac:dyDescent="0.25">
      <c r="A6713" s="3">
        <v>41813.757349537038</v>
      </c>
      <c r="B6713" s="2">
        <v>29.8</v>
      </c>
      <c r="C6713" s="2">
        <v>114</v>
      </c>
      <c r="D6713" s="2">
        <v>0</v>
      </c>
      <c r="E6713" s="2">
        <v>200.99999999999713</v>
      </c>
    </row>
    <row r="6714" spans="1:5" x14ac:dyDescent="0.25">
      <c r="A6714" s="3">
        <v>41813.78634259259</v>
      </c>
      <c r="B6714" s="2">
        <v>28.8</v>
      </c>
      <c r="C6714" s="2">
        <v>113.8</v>
      </c>
      <c r="D6714" s="2">
        <v>0</v>
      </c>
      <c r="E6714" s="2">
        <v>200.99999999999713</v>
      </c>
    </row>
    <row r="6715" spans="1:5" x14ac:dyDescent="0.25">
      <c r="A6715" s="3">
        <v>41813.786400462966</v>
      </c>
      <c r="B6715" s="2">
        <v>28.8</v>
      </c>
      <c r="C6715" s="2">
        <v>114</v>
      </c>
      <c r="D6715" s="2">
        <v>0</v>
      </c>
      <c r="E6715" s="2">
        <v>200.99999999999713</v>
      </c>
    </row>
    <row r="6716" spans="1:5" x14ac:dyDescent="0.25">
      <c r="A6716" s="3">
        <v>41813.787210648145</v>
      </c>
      <c r="B6716" s="2">
        <v>28.8</v>
      </c>
      <c r="C6716" s="2">
        <v>113.8</v>
      </c>
      <c r="D6716" s="2">
        <v>0</v>
      </c>
      <c r="E6716" s="2">
        <v>200.99999999999713</v>
      </c>
    </row>
    <row r="6717" spans="1:5" x14ac:dyDescent="0.25">
      <c r="A6717" s="3">
        <v>41813.78802083333</v>
      </c>
      <c r="B6717" s="2">
        <v>28.7</v>
      </c>
      <c r="C6717" s="2">
        <v>114</v>
      </c>
      <c r="D6717" s="2">
        <v>0</v>
      </c>
      <c r="E6717" s="2">
        <v>200.99999999999713</v>
      </c>
    </row>
    <row r="6718" spans="1:5" x14ac:dyDescent="0.25">
      <c r="A6718" s="3">
        <v>41813.788599537038</v>
      </c>
      <c r="B6718" s="2">
        <v>28.7</v>
      </c>
      <c r="C6718" s="2">
        <v>113.8</v>
      </c>
      <c r="D6718" s="2">
        <v>0</v>
      </c>
      <c r="E6718" s="2">
        <v>200.99999999999713</v>
      </c>
    </row>
    <row r="6719" spans="1:5" x14ac:dyDescent="0.25">
      <c r="A6719" s="3">
        <v>41813.789525462962</v>
      </c>
      <c r="B6719" s="2">
        <v>28.7</v>
      </c>
      <c r="C6719" s="2">
        <v>114</v>
      </c>
      <c r="D6719" s="2">
        <v>0</v>
      </c>
      <c r="E6719" s="2">
        <v>200.99999999999713</v>
      </c>
    </row>
    <row r="6720" spans="1:5" x14ac:dyDescent="0.25">
      <c r="A6720" s="3">
        <v>41813.789583333331</v>
      </c>
      <c r="B6720" s="2">
        <v>28.7</v>
      </c>
      <c r="C6720" s="2">
        <v>113.8</v>
      </c>
      <c r="D6720" s="2">
        <v>0</v>
      </c>
      <c r="E6720" s="2">
        <v>200.99999999999713</v>
      </c>
    </row>
    <row r="6721" spans="1:5" x14ac:dyDescent="0.25">
      <c r="A6721" s="3">
        <v>41813.820717592593</v>
      </c>
      <c r="B6721" s="2">
        <v>27.8</v>
      </c>
      <c r="C6721" s="2">
        <v>113.6</v>
      </c>
      <c r="D6721" s="2">
        <v>0</v>
      </c>
      <c r="E6721" s="2">
        <v>200.99999999999713</v>
      </c>
    </row>
    <row r="6722" spans="1:5" x14ac:dyDescent="0.25">
      <c r="A6722" s="3">
        <v>41813.858449074076</v>
      </c>
      <c r="B6722" s="2">
        <v>26.8</v>
      </c>
      <c r="C6722" s="2">
        <v>113.4</v>
      </c>
      <c r="D6722" s="2">
        <v>0</v>
      </c>
      <c r="E6722" s="2">
        <v>200.99999999999713</v>
      </c>
    </row>
    <row r="6723" spans="1:5" x14ac:dyDescent="0.25">
      <c r="A6723" s="3">
        <v>41813.889178240737</v>
      </c>
      <c r="B6723" s="2">
        <v>25.8</v>
      </c>
      <c r="C6723" s="2">
        <v>113.2</v>
      </c>
      <c r="D6723" s="2">
        <v>0</v>
      </c>
      <c r="E6723" s="2">
        <v>200.99999999999713</v>
      </c>
    </row>
    <row r="6724" spans="1:5" x14ac:dyDescent="0.25">
      <c r="A6724" s="3">
        <v>41813.910416666666</v>
      </c>
      <c r="B6724" s="2">
        <v>25.1</v>
      </c>
      <c r="C6724" s="2">
        <v>113.4</v>
      </c>
      <c r="D6724" s="2">
        <v>0</v>
      </c>
      <c r="E6724" s="2">
        <v>200.99999999999713</v>
      </c>
    </row>
    <row r="6725" spans="1:5" x14ac:dyDescent="0.25">
      <c r="A6725" s="3">
        <v>41813.910474537035</v>
      </c>
      <c r="B6725" s="2">
        <v>25.1</v>
      </c>
      <c r="C6725" s="2">
        <v>113.4</v>
      </c>
      <c r="D6725" s="2">
        <v>0.2</v>
      </c>
      <c r="E6725" s="2">
        <v>201.19999999999712</v>
      </c>
    </row>
    <row r="6726" spans="1:5" x14ac:dyDescent="0.25">
      <c r="A6726" s="3">
        <v>41813.912499999999</v>
      </c>
      <c r="B6726" s="2">
        <v>25</v>
      </c>
      <c r="C6726" s="2">
        <v>113.4</v>
      </c>
      <c r="D6726" s="2">
        <v>0.2</v>
      </c>
      <c r="E6726" s="2">
        <v>201.39999999999711</v>
      </c>
    </row>
    <row r="6727" spans="1:5" x14ac:dyDescent="0.25">
      <c r="A6727" s="3">
        <v>41813.912905092591</v>
      </c>
      <c r="B6727" s="2">
        <v>25</v>
      </c>
      <c r="C6727" s="2">
        <v>113.6</v>
      </c>
      <c r="D6727" s="2">
        <v>0</v>
      </c>
      <c r="E6727" s="2">
        <v>201.39999999999711</v>
      </c>
    </row>
    <row r="6728" spans="1:5" x14ac:dyDescent="0.25">
      <c r="A6728" s="3">
        <v>41813.913078703707</v>
      </c>
      <c r="B6728" s="2">
        <v>25</v>
      </c>
      <c r="C6728" s="2">
        <v>113.6</v>
      </c>
      <c r="D6728" s="2">
        <v>0.2</v>
      </c>
      <c r="E6728" s="2">
        <v>201.5999999999971</v>
      </c>
    </row>
    <row r="6729" spans="1:5" x14ac:dyDescent="0.25">
      <c r="A6729" s="3">
        <v>41813.913425925923</v>
      </c>
      <c r="B6729" s="2">
        <v>24.9</v>
      </c>
      <c r="C6729" s="2">
        <v>113.8</v>
      </c>
      <c r="D6729" s="2">
        <v>0.2</v>
      </c>
      <c r="E6729" s="2">
        <v>201.79999999999708</v>
      </c>
    </row>
    <row r="6730" spans="1:5" x14ac:dyDescent="0.25">
      <c r="A6730" s="3">
        <v>41813.913773148146</v>
      </c>
      <c r="B6730" s="2">
        <v>24.9</v>
      </c>
      <c r="C6730" s="2">
        <v>113.8</v>
      </c>
      <c r="D6730" s="2">
        <v>0.2</v>
      </c>
      <c r="E6730" s="2">
        <v>201.99999999999707</v>
      </c>
    </row>
    <row r="6731" spans="1:5" x14ac:dyDescent="0.25">
      <c r="A6731" s="3">
        <v>41813.913831018515</v>
      </c>
      <c r="B6731" s="2">
        <v>24.9</v>
      </c>
      <c r="C6731" s="2">
        <v>114</v>
      </c>
      <c r="D6731" s="2">
        <v>0</v>
      </c>
      <c r="E6731" s="2">
        <v>201.99999999999707</v>
      </c>
    </row>
    <row r="6732" spans="1:5" x14ac:dyDescent="0.25">
      <c r="A6732" s="3">
        <v>41813.914120370369</v>
      </c>
      <c r="B6732" s="2">
        <v>24.8</v>
      </c>
      <c r="C6732" s="2">
        <v>114</v>
      </c>
      <c r="D6732" s="2">
        <v>0.2</v>
      </c>
      <c r="E6732" s="2">
        <v>202.19999999999706</v>
      </c>
    </row>
    <row r="6733" spans="1:5" x14ac:dyDescent="0.25">
      <c r="A6733" s="3">
        <v>41813.914236111108</v>
      </c>
      <c r="B6733" s="2">
        <v>24.9</v>
      </c>
      <c r="C6733" s="2">
        <v>114.2</v>
      </c>
      <c r="D6733" s="2">
        <v>0</v>
      </c>
      <c r="E6733" s="2">
        <v>202.19999999999706</v>
      </c>
    </row>
    <row r="6734" spans="1:5" x14ac:dyDescent="0.25">
      <c r="A6734" s="3">
        <v>41813.914583333331</v>
      </c>
      <c r="B6734" s="2">
        <v>24.8</v>
      </c>
      <c r="C6734" s="2">
        <v>114.2</v>
      </c>
      <c r="D6734" s="2">
        <v>0.2</v>
      </c>
      <c r="E6734" s="2">
        <v>202.39999999999705</v>
      </c>
    </row>
    <row r="6735" spans="1:5" x14ac:dyDescent="0.25">
      <c r="A6735" s="3">
        <v>41813.915046296293</v>
      </c>
      <c r="B6735" s="2">
        <v>24.8</v>
      </c>
      <c r="C6735" s="2">
        <v>114.4</v>
      </c>
      <c r="D6735" s="2">
        <v>0</v>
      </c>
      <c r="E6735" s="2">
        <v>202.39999999999705</v>
      </c>
    </row>
    <row r="6736" spans="1:5" x14ac:dyDescent="0.25">
      <c r="A6736" s="3">
        <v>41813.916203703702</v>
      </c>
      <c r="B6736" s="2">
        <v>24.8</v>
      </c>
      <c r="C6736" s="2">
        <v>114.4</v>
      </c>
      <c r="D6736" s="2">
        <v>0.2</v>
      </c>
      <c r="E6736" s="2">
        <v>202.59999999999704</v>
      </c>
    </row>
    <row r="6737" spans="1:5" x14ac:dyDescent="0.25">
      <c r="A6737" s="3">
        <v>41813.917534722219</v>
      </c>
      <c r="B6737" s="2">
        <v>24.7</v>
      </c>
      <c r="C6737" s="2">
        <v>114.6</v>
      </c>
      <c r="D6737" s="2">
        <v>0</v>
      </c>
      <c r="E6737" s="2">
        <v>202.59999999999704</v>
      </c>
    </row>
    <row r="6738" spans="1:5" x14ac:dyDescent="0.25">
      <c r="A6738" s="3">
        <v>41813.920428240737</v>
      </c>
      <c r="B6738" s="2">
        <v>24.6</v>
      </c>
      <c r="C6738" s="2">
        <v>114.6</v>
      </c>
      <c r="D6738" s="2">
        <v>0.2</v>
      </c>
      <c r="E6738" s="2">
        <v>202.79999999999703</v>
      </c>
    </row>
    <row r="6739" spans="1:5" x14ac:dyDescent="0.25">
      <c r="A6739" s="3">
        <v>41813.986921296295</v>
      </c>
      <c r="B6739" s="2">
        <v>23.1</v>
      </c>
      <c r="C6739" s="2">
        <v>114.6</v>
      </c>
      <c r="D6739" s="2">
        <v>0.2</v>
      </c>
      <c r="E6739" s="2">
        <v>202.99999999999702</v>
      </c>
    </row>
    <row r="6740" spans="1:5" x14ac:dyDescent="0.25">
      <c r="A6740" s="3">
        <v>41813.987500000003</v>
      </c>
      <c r="B6740" s="2">
        <v>23</v>
      </c>
      <c r="C6740" s="2">
        <v>114.8</v>
      </c>
      <c r="D6740" s="2">
        <v>0</v>
      </c>
      <c r="E6740" s="2">
        <v>202.99999999999702</v>
      </c>
    </row>
    <row r="6741" spans="1:5" x14ac:dyDescent="0.25">
      <c r="A6741" s="3">
        <v>41813.987962962965</v>
      </c>
      <c r="B6741" s="2">
        <v>23</v>
      </c>
      <c r="C6741" s="2">
        <v>114.8</v>
      </c>
      <c r="D6741" s="2">
        <v>0.2</v>
      </c>
      <c r="E6741" s="2">
        <v>203.199999999997</v>
      </c>
    </row>
    <row r="6742" spans="1:5" x14ac:dyDescent="0.25">
      <c r="A6742" s="3">
        <v>41813.988310185188</v>
      </c>
      <c r="B6742" s="2">
        <v>23</v>
      </c>
      <c r="C6742" s="2">
        <v>115</v>
      </c>
      <c r="D6742" s="2">
        <v>0</v>
      </c>
      <c r="E6742" s="2">
        <v>203.199999999997</v>
      </c>
    </row>
    <row r="6743" spans="1:5" x14ac:dyDescent="0.25">
      <c r="A6743" s="3">
        <v>41813.989178240743</v>
      </c>
      <c r="B6743" s="2">
        <v>23</v>
      </c>
      <c r="C6743" s="2">
        <v>115</v>
      </c>
      <c r="D6743" s="2">
        <v>0.2</v>
      </c>
      <c r="E6743" s="2">
        <v>203.39999999999699</v>
      </c>
    </row>
    <row r="6744" spans="1:5" x14ac:dyDescent="0.25">
      <c r="A6744" s="3">
        <v>41813.990046296298</v>
      </c>
      <c r="B6744" s="2">
        <v>23</v>
      </c>
      <c r="C6744" s="2">
        <v>115.2</v>
      </c>
      <c r="D6744" s="2">
        <v>0</v>
      </c>
      <c r="E6744" s="2">
        <v>203.39999999999699</v>
      </c>
    </row>
    <row r="6745" spans="1:5" x14ac:dyDescent="0.25">
      <c r="A6745" s="3">
        <v>41813.990856481483</v>
      </c>
      <c r="B6745" s="2">
        <v>23</v>
      </c>
      <c r="C6745" s="2">
        <v>115.2</v>
      </c>
      <c r="D6745" s="2">
        <v>0.2</v>
      </c>
      <c r="E6745" s="2">
        <v>203.59999999999698</v>
      </c>
    </row>
    <row r="6746" spans="1:5" x14ac:dyDescent="0.25">
      <c r="A6746" s="3">
        <v>41813.992939814816</v>
      </c>
      <c r="B6746" s="2">
        <v>22.9</v>
      </c>
      <c r="C6746" s="2">
        <v>115.4</v>
      </c>
      <c r="D6746" s="2">
        <v>0</v>
      </c>
      <c r="E6746" s="2">
        <v>203.59999999999698</v>
      </c>
    </row>
    <row r="6747" spans="1:5" x14ac:dyDescent="0.25">
      <c r="A6747" s="3">
        <v>41814.008796296293</v>
      </c>
      <c r="B6747" s="2">
        <v>22.6</v>
      </c>
      <c r="C6747" s="2">
        <v>115.4</v>
      </c>
      <c r="D6747" s="2">
        <v>0.2</v>
      </c>
      <c r="E6747" s="2">
        <v>203.79999999999697</v>
      </c>
    </row>
    <row r="6748" spans="1:5" x14ac:dyDescent="0.25">
      <c r="A6748" s="3">
        <v>41814.011342592596</v>
      </c>
      <c r="B6748" s="2">
        <v>22.5</v>
      </c>
      <c r="C6748" s="2">
        <v>115.6</v>
      </c>
      <c r="D6748" s="2">
        <v>0</v>
      </c>
      <c r="E6748" s="2">
        <v>203.79999999999697</v>
      </c>
    </row>
    <row r="6749" spans="1:5" x14ac:dyDescent="0.25">
      <c r="A6749" s="3">
        <v>41814.012094907404</v>
      </c>
      <c r="B6749" s="2">
        <v>22.5</v>
      </c>
      <c r="C6749" s="2">
        <v>115.6</v>
      </c>
      <c r="D6749" s="2">
        <v>0.2</v>
      </c>
      <c r="E6749" s="2">
        <v>203.99999999999696</v>
      </c>
    </row>
    <row r="6750" spans="1:5" x14ac:dyDescent="0.25">
      <c r="A6750" s="3">
        <v>41814.012615740743</v>
      </c>
      <c r="B6750" s="2">
        <v>22.5</v>
      </c>
      <c r="C6750" s="2">
        <v>115.8</v>
      </c>
      <c r="D6750" s="2">
        <v>0.2</v>
      </c>
      <c r="E6750" s="2">
        <v>204.19999999999695</v>
      </c>
    </row>
    <row r="6751" spans="1:5" x14ac:dyDescent="0.25">
      <c r="A6751" s="3">
        <v>41814.01290509259</v>
      </c>
      <c r="B6751" s="2">
        <v>22.5</v>
      </c>
      <c r="C6751" s="2">
        <v>115.8</v>
      </c>
      <c r="D6751" s="2">
        <v>0.2</v>
      </c>
      <c r="E6751" s="2">
        <v>204.39999999999694</v>
      </c>
    </row>
    <row r="6752" spans="1:5" x14ac:dyDescent="0.25">
      <c r="A6752" s="3">
        <v>41814.013020833336</v>
      </c>
      <c r="B6752" s="2">
        <v>22.5</v>
      </c>
      <c r="C6752" s="2">
        <v>116</v>
      </c>
      <c r="D6752" s="2">
        <v>0.2</v>
      </c>
      <c r="E6752" s="2">
        <v>204.59999999999692</v>
      </c>
    </row>
    <row r="6753" spans="1:5" x14ac:dyDescent="0.25">
      <c r="A6753" s="3">
        <v>41814.013194444444</v>
      </c>
      <c r="B6753" s="2">
        <v>22.5</v>
      </c>
      <c r="C6753" s="2">
        <v>116.2</v>
      </c>
      <c r="D6753" s="2">
        <v>0</v>
      </c>
      <c r="E6753" s="2">
        <v>204.59999999999692</v>
      </c>
    </row>
    <row r="6754" spans="1:5" x14ac:dyDescent="0.25">
      <c r="A6754" s="3">
        <v>41814.013252314813</v>
      </c>
      <c r="B6754" s="2">
        <v>22.4</v>
      </c>
      <c r="C6754" s="2">
        <v>116.2</v>
      </c>
      <c r="D6754" s="2">
        <v>0.2</v>
      </c>
      <c r="E6754" s="2">
        <v>204.79999999999691</v>
      </c>
    </row>
    <row r="6755" spans="1:5" x14ac:dyDescent="0.25">
      <c r="A6755" s="3">
        <v>41814.013310185182</v>
      </c>
      <c r="B6755" s="2">
        <v>22.5</v>
      </c>
      <c r="C6755" s="2">
        <v>116.2</v>
      </c>
      <c r="D6755" s="2">
        <v>0.2</v>
      </c>
      <c r="E6755" s="2">
        <v>204.9999999999969</v>
      </c>
    </row>
    <row r="6756" spans="1:5" x14ac:dyDescent="0.25">
      <c r="A6756" s="3">
        <v>41814.013425925928</v>
      </c>
      <c r="B6756" s="2">
        <v>22.5</v>
      </c>
      <c r="C6756" s="2">
        <v>116.4</v>
      </c>
      <c r="D6756" s="2">
        <v>0</v>
      </c>
      <c r="E6756" s="2">
        <v>204.9999999999969</v>
      </c>
    </row>
    <row r="6757" spans="1:5" x14ac:dyDescent="0.25">
      <c r="A6757" s="3">
        <v>41814.013483796298</v>
      </c>
      <c r="B6757" s="2">
        <v>22.5</v>
      </c>
      <c r="C6757" s="2">
        <v>116.4</v>
      </c>
      <c r="D6757" s="2">
        <v>0.2</v>
      </c>
      <c r="E6757" s="2">
        <v>205.19999999999689</v>
      </c>
    </row>
    <row r="6758" spans="1:5" x14ac:dyDescent="0.25">
      <c r="A6758" s="3">
        <v>41814.013599537036</v>
      </c>
      <c r="B6758" s="2">
        <v>22.4</v>
      </c>
      <c r="C6758" s="2">
        <v>116.6</v>
      </c>
      <c r="D6758" s="2">
        <v>0</v>
      </c>
      <c r="E6758" s="2">
        <v>205.19999999999689</v>
      </c>
    </row>
    <row r="6759" spans="1:5" x14ac:dyDescent="0.25">
      <c r="A6759" s="3">
        <v>41814.013715277775</v>
      </c>
      <c r="B6759" s="2">
        <v>22.4</v>
      </c>
      <c r="C6759" s="2">
        <v>116.6</v>
      </c>
      <c r="D6759" s="2">
        <v>0.2</v>
      </c>
      <c r="E6759" s="2">
        <v>205.39999999999688</v>
      </c>
    </row>
    <row r="6760" spans="1:5" x14ac:dyDescent="0.25">
      <c r="A6760" s="3">
        <v>41814.013773148145</v>
      </c>
      <c r="B6760" s="2">
        <v>22.4</v>
      </c>
      <c r="C6760" s="2">
        <v>116.8</v>
      </c>
      <c r="D6760" s="2">
        <v>0</v>
      </c>
      <c r="E6760" s="2">
        <v>205.39999999999688</v>
      </c>
    </row>
    <row r="6761" spans="1:5" x14ac:dyDescent="0.25">
      <c r="A6761" s="3">
        <v>41814.01394675926</v>
      </c>
      <c r="B6761" s="2">
        <v>22.3</v>
      </c>
      <c r="C6761" s="2">
        <v>117</v>
      </c>
      <c r="D6761" s="2">
        <v>0.2</v>
      </c>
      <c r="E6761" s="2">
        <v>205.59999999999687</v>
      </c>
    </row>
    <row r="6762" spans="1:5" x14ac:dyDescent="0.25">
      <c r="A6762" s="3">
        <v>41814.014120370368</v>
      </c>
      <c r="B6762" s="2">
        <v>22.4</v>
      </c>
      <c r="C6762" s="2">
        <v>117.2</v>
      </c>
      <c r="D6762" s="2">
        <v>0.2</v>
      </c>
      <c r="E6762" s="2">
        <v>205.79999999999686</v>
      </c>
    </row>
    <row r="6763" spans="1:5" x14ac:dyDescent="0.25">
      <c r="A6763" s="3">
        <v>41814.014236111114</v>
      </c>
      <c r="B6763" s="2">
        <v>22.4</v>
      </c>
      <c r="C6763" s="2">
        <v>117.2</v>
      </c>
      <c r="D6763" s="2">
        <v>0.2</v>
      </c>
      <c r="E6763" s="2">
        <v>205.99999999999685</v>
      </c>
    </row>
    <row r="6764" spans="1:5" x14ac:dyDescent="0.25">
      <c r="A6764" s="3">
        <v>41814.014293981483</v>
      </c>
      <c r="B6764" s="2">
        <v>22.3</v>
      </c>
      <c r="C6764" s="2">
        <v>117.4</v>
      </c>
      <c r="D6764" s="2">
        <v>0</v>
      </c>
      <c r="E6764" s="2">
        <v>205.99999999999685</v>
      </c>
    </row>
    <row r="6765" spans="1:5" x14ac:dyDescent="0.25">
      <c r="A6765" s="3">
        <v>41814.014351851853</v>
      </c>
      <c r="B6765" s="2">
        <v>22.3</v>
      </c>
      <c r="C6765" s="2">
        <v>117.4</v>
      </c>
      <c r="D6765" s="2">
        <v>0.2</v>
      </c>
      <c r="E6765" s="2">
        <v>206.19999999999683</v>
      </c>
    </row>
    <row r="6766" spans="1:5" x14ac:dyDescent="0.25">
      <c r="A6766" s="3">
        <v>41814.014467592591</v>
      </c>
      <c r="B6766" s="2">
        <v>22.3</v>
      </c>
      <c r="C6766" s="2">
        <v>117.6</v>
      </c>
      <c r="D6766" s="2">
        <v>0</v>
      </c>
      <c r="E6766" s="2">
        <v>206.19999999999683</v>
      </c>
    </row>
    <row r="6767" spans="1:5" x14ac:dyDescent="0.25">
      <c r="A6767" s="3">
        <v>41814.01458333333</v>
      </c>
      <c r="B6767" s="2">
        <v>22.3</v>
      </c>
      <c r="C6767" s="2">
        <v>117.6</v>
      </c>
      <c r="D6767" s="2">
        <v>0.2</v>
      </c>
      <c r="E6767" s="2">
        <v>206.39999999999682</v>
      </c>
    </row>
    <row r="6768" spans="1:5" x14ac:dyDescent="0.25">
      <c r="A6768" s="3">
        <v>41814.014641203707</v>
      </c>
      <c r="B6768" s="2">
        <v>22.3</v>
      </c>
      <c r="C6768" s="2">
        <v>117.8</v>
      </c>
      <c r="D6768" s="2">
        <v>0</v>
      </c>
      <c r="E6768" s="2">
        <v>206.39999999999682</v>
      </c>
    </row>
    <row r="6769" spans="1:5" x14ac:dyDescent="0.25">
      <c r="A6769" s="3">
        <v>41814.014756944445</v>
      </c>
      <c r="B6769" s="2">
        <v>22.3</v>
      </c>
      <c r="C6769" s="2">
        <v>117.8</v>
      </c>
      <c r="D6769" s="2">
        <v>0.2</v>
      </c>
      <c r="E6769" s="2">
        <v>206.59999999999681</v>
      </c>
    </row>
    <row r="6770" spans="1:5" x14ac:dyDescent="0.25">
      <c r="A6770" s="3">
        <v>41814.014814814815</v>
      </c>
      <c r="B6770" s="2">
        <v>22.3</v>
      </c>
      <c r="C6770" s="2">
        <v>118</v>
      </c>
      <c r="D6770" s="2">
        <v>0</v>
      </c>
      <c r="E6770" s="2">
        <v>206.59999999999681</v>
      </c>
    </row>
    <row r="6771" spans="1:5" x14ac:dyDescent="0.25">
      <c r="A6771" s="3">
        <v>41814.014988425923</v>
      </c>
      <c r="B6771" s="2">
        <v>22.3</v>
      </c>
      <c r="C6771" s="2">
        <v>118.2</v>
      </c>
      <c r="D6771" s="2">
        <v>0.2</v>
      </c>
      <c r="E6771" s="2">
        <v>206.7999999999968</v>
      </c>
    </row>
    <row r="6772" spans="1:5" x14ac:dyDescent="0.25">
      <c r="A6772" s="3">
        <v>41814.015219907407</v>
      </c>
      <c r="B6772" s="2">
        <v>22.2</v>
      </c>
      <c r="C6772" s="2">
        <v>118.4</v>
      </c>
      <c r="D6772" s="2">
        <v>0.2</v>
      </c>
      <c r="E6772" s="2">
        <v>206.99999999999679</v>
      </c>
    </row>
    <row r="6773" spans="1:5" x14ac:dyDescent="0.25">
      <c r="A6773" s="3">
        <v>41814.015393518515</v>
      </c>
      <c r="B6773" s="2">
        <v>22.3</v>
      </c>
      <c r="C6773" s="2">
        <v>118.4</v>
      </c>
      <c r="D6773" s="2">
        <v>0.2</v>
      </c>
      <c r="E6773" s="2">
        <v>207.19999999999678</v>
      </c>
    </row>
    <row r="6774" spans="1:5" x14ac:dyDescent="0.25">
      <c r="A6774" s="3">
        <v>41814.015451388892</v>
      </c>
      <c r="B6774" s="2">
        <v>22.3</v>
      </c>
      <c r="C6774" s="2">
        <v>118.6</v>
      </c>
      <c r="D6774" s="2">
        <v>0</v>
      </c>
      <c r="E6774" s="2">
        <v>207.19999999999678</v>
      </c>
    </row>
    <row r="6775" spans="1:5" x14ac:dyDescent="0.25">
      <c r="A6775" s="3">
        <v>41814.015509259261</v>
      </c>
      <c r="B6775" s="2">
        <v>22.3</v>
      </c>
      <c r="C6775" s="2">
        <v>118.6</v>
      </c>
      <c r="D6775" s="2">
        <v>0.2</v>
      </c>
      <c r="E6775" s="2">
        <v>207.39999999999677</v>
      </c>
    </row>
    <row r="6776" spans="1:5" x14ac:dyDescent="0.25">
      <c r="A6776" s="3">
        <v>41814.015567129631</v>
      </c>
      <c r="B6776" s="2">
        <v>22.3</v>
      </c>
      <c r="C6776" s="2">
        <v>118.8</v>
      </c>
      <c r="D6776" s="2">
        <v>0</v>
      </c>
      <c r="E6776" s="2">
        <v>207.39999999999677</v>
      </c>
    </row>
    <row r="6777" spans="1:5" x14ac:dyDescent="0.25">
      <c r="A6777" s="3">
        <v>41814.015625</v>
      </c>
      <c r="B6777" s="2">
        <v>22.2</v>
      </c>
      <c r="C6777" s="2">
        <v>118.8</v>
      </c>
      <c r="D6777" s="2">
        <v>0.2</v>
      </c>
      <c r="E6777" s="2">
        <v>207.59999999999675</v>
      </c>
    </row>
    <row r="6778" spans="1:5" x14ac:dyDescent="0.25">
      <c r="A6778" s="3">
        <v>41814.015740740739</v>
      </c>
      <c r="B6778" s="2">
        <v>22.2</v>
      </c>
      <c r="C6778" s="2">
        <v>119</v>
      </c>
      <c r="D6778" s="2">
        <v>0.2</v>
      </c>
      <c r="E6778" s="2">
        <v>207.79999999999674</v>
      </c>
    </row>
    <row r="6779" spans="1:5" x14ac:dyDescent="0.25">
      <c r="A6779" s="3">
        <v>41814.015856481485</v>
      </c>
      <c r="B6779" s="2">
        <v>22.2</v>
      </c>
      <c r="C6779" s="2">
        <v>119.2</v>
      </c>
      <c r="D6779" s="2">
        <v>0</v>
      </c>
      <c r="E6779" s="2">
        <v>207.79999999999674</v>
      </c>
    </row>
    <row r="6780" spans="1:5" x14ac:dyDescent="0.25">
      <c r="A6780" s="3">
        <v>41814.015914351854</v>
      </c>
      <c r="B6780" s="2">
        <v>22.2</v>
      </c>
      <c r="C6780" s="2">
        <v>119.2</v>
      </c>
      <c r="D6780" s="2">
        <v>0.2</v>
      </c>
      <c r="E6780" s="2">
        <v>207.99999999999673</v>
      </c>
    </row>
    <row r="6781" spans="1:5" x14ac:dyDescent="0.25">
      <c r="A6781" s="3">
        <v>41814.016030092593</v>
      </c>
      <c r="B6781" s="2">
        <v>22.2</v>
      </c>
      <c r="C6781" s="2">
        <v>119.4</v>
      </c>
      <c r="D6781" s="2">
        <v>0</v>
      </c>
      <c r="E6781" s="2">
        <v>207.99999999999673</v>
      </c>
    </row>
    <row r="6782" spans="1:5" x14ac:dyDescent="0.25">
      <c r="A6782" s="3">
        <v>41814.016145833331</v>
      </c>
      <c r="B6782" s="2">
        <v>22.2</v>
      </c>
      <c r="C6782" s="2">
        <v>119.4</v>
      </c>
      <c r="D6782" s="2">
        <v>0.2</v>
      </c>
      <c r="E6782" s="2">
        <v>208.19999999999672</v>
      </c>
    </row>
    <row r="6783" spans="1:5" x14ac:dyDescent="0.25">
      <c r="A6783" s="3">
        <v>41814.016203703701</v>
      </c>
      <c r="B6783" s="2">
        <v>22.2</v>
      </c>
      <c r="C6783" s="2">
        <v>119.6</v>
      </c>
      <c r="D6783" s="2">
        <v>0.2</v>
      </c>
      <c r="E6783" s="2">
        <v>208.39999999999671</v>
      </c>
    </row>
    <row r="6784" spans="1:5" x14ac:dyDescent="0.25">
      <c r="A6784" s="3">
        <v>41814.016319444447</v>
      </c>
      <c r="B6784" s="2">
        <v>22.2</v>
      </c>
      <c r="C6784" s="2">
        <v>119.8</v>
      </c>
      <c r="D6784" s="2">
        <v>0</v>
      </c>
      <c r="E6784" s="2">
        <v>208.39999999999671</v>
      </c>
    </row>
    <row r="6785" spans="1:5" x14ac:dyDescent="0.25">
      <c r="A6785" s="3">
        <v>41814.016377314816</v>
      </c>
      <c r="B6785" s="2">
        <v>22.2</v>
      </c>
      <c r="C6785" s="2">
        <v>119.8</v>
      </c>
      <c r="D6785" s="2">
        <v>0.2</v>
      </c>
      <c r="E6785" s="2">
        <v>208.5999999999967</v>
      </c>
    </row>
    <row r="6786" spans="1:5" x14ac:dyDescent="0.25">
      <c r="A6786" s="3">
        <v>41814.016493055555</v>
      </c>
      <c r="B6786" s="2">
        <v>22.2</v>
      </c>
      <c r="C6786" s="2">
        <v>120</v>
      </c>
      <c r="D6786" s="2">
        <v>0.2</v>
      </c>
      <c r="E6786" s="2">
        <v>208.79999999999669</v>
      </c>
    </row>
    <row r="6787" spans="1:5" x14ac:dyDescent="0.25">
      <c r="A6787" s="3">
        <v>41814.016550925924</v>
      </c>
      <c r="B6787" s="2">
        <v>22.2</v>
      </c>
      <c r="C6787" s="2">
        <v>120</v>
      </c>
      <c r="D6787" s="2">
        <v>0.2</v>
      </c>
      <c r="E6787" s="2">
        <v>208.99999999999667</v>
      </c>
    </row>
    <row r="6788" spans="1:5" x14ac:dyDescent="0.25">
      <c r="A6788" s="3">
        <v>41814.016608796293</v>
      </c>
      <c r="B6788" s="2">
        <v>22.2</v>
      </c>
      <c r="C6788" s="2">
        <v>120.2</v>
      </c>
      <c r="D6788" s="2">
        <v>0</v>
      </c>
      <c r="E6788" s="2">
        <v>208.99999999999667</v>
      </c>
    </row>
    <row r="6789" spans="1:5" x14ac:dyDescent="0.25">
      <c r="A6789" s="3">
        <v>41814.01666666667</v>
      </c>
      <c r="B6789" s="2">
        <v>22.2</v>
      </c>
      <c r="C6789" s="2">
        <v>120.2</v>
      </c>
      <c r="D6789" s="2">
        <v>0.2</v>
      </c>
      <c r="E6789" s="2">
        <v>209.19999999999666</v>
      </c>
    </row>
    <row r="6790" spans="1:5" x14ac:dyDescent="0.25">
      <c r="A6790" s="3">
        <v>41814.016724537039</v>
      </c>
      <c r="B6790" s="2">
        <v>22.1</v>
      </c>
      <c r="C6790" s="2">
        <v>120.4</v>
      </c>
      <c r="D6790" s="2">
        <v>0</v>
      </c>
      <c r="E6790" s="2">
        <v>209.19999999999666</v>
      </c>
    </row>
    <row r="6791" spans="1:5" x14ac:dyDescent="0.25">
      <c r="A6791" s="3">
        <v>41814.016782407409</v>
      </c>
      <c r="B6791" s="2">
        <v>22.1</v>
      </c>
      <c r="C6791" s="2">
        <v>120.4</v>
      </c>
      <c r="D6791" s="2">
        <v>0.2</v>
      </c>
      <c r="E6791" s="2">
        <v>209.39999999999665</v>
      </c>
    </row>
    <row r="6792" spans="1:5" x14ac:dyDescent="0.25">
      <c r="A6792" s="3">
        <v>41814.016840277778</v>
      </c>
      <c r="B6792" s="2">
        <v>22.1</v>
      </c>
      <c r="C6792" s="2">
        <v>120.6</v>
      </c>
      <c r="D6792" s="2">
        <v>0</v>
      </c>
      <c r="E6792" s="2">
        <v>209.39999999999665</v>
      </c>
    </row>
    <row r="6793" spans="1:5" x14ac:dyDescent="0.25">
      <c r="A6793" s="3">
        <v>41814.016898148147</v>
      </c>
      <c r="B6793" s="2">
        <v>22.1</v>
      </c>
      <c r="C6793" s="2">
        <v>120.6</v>
      </c>
      <c r="D6793" s="2">
        <v>0.2</v>
      </c>
      <c r="E6793" s="2">
        <v>209.59999999999664</v>
      </c>
    </row>
    <row r="6794" spans="1:5" x14ac:dyDescent="0.25">
      <c r="A6794" s="3">
        <v>41814.016956018517</v>
      </c>
      <c r="B6794" s="2">
        <v>22.1</v>
      </c>
      <c r="C6794" s="2">
        <v>120.8</v>
      </c>
      <c r="D6794" s="2">
        <v>0.2</v>
      </c>
      <c r="E6794" s="2">
        <v>209.79999999999663</v>
      </c>
    </row>
    <row r="6795" spans="1:5" x14ac:dyDescent="0.25">
      <c r="A6795" s="3">
        <v>41814.017071759263</v>
      </c>
      <c r="B6795" s="2">
        <v>22.1</v>
      </c>
      <c r="C6795" s="2">
        <v>121</v>
      </c>
      <c r="D6795" s="2">
        <v>0.2</v>
      </c>
      <c r="E6795" s="2">
        <v>209.99999999999662</v>
      </c>
    </row>
    <row r="6796" spans="1:5" x14ac:dyDescent="0.25">
      <c r="A6796" s="3">
        <v>41814.017129629632</v>
      </c>
      <c r="B6796" s="2">
        <v>22.1</v>
      </c>
      <c r="C6796" s="2">
        <v>121</v>
      </c>
      <c r="D6796" s="2">
        <v>0.2</v>
      </c>
      <c r="E6796" s="2">
        <v>210.19999999999661</v>
      </c>
    </row>
    <row r="6797" spans="1:5" x14ac:dyDescent="0.25">
      <c r="A6797" s="3">
        <v>41814.017187500001</v>
      </c>
      <c r="B6797" s="2">
        <v>22.1</v>
      </c>
      <c r="C6797" s="2">
        <v>121.2</v>
      </c>
      <c r="D6797" s="2">
        <v>0</v>
      </c>
      <c r="E6797" s="2">
        <v>210.19999999999661</v>
      </c>
    </row>
    <row r="6798" spans="1:5" x14ac:dyDescent="0.25">
      <c r="A6798" s="3">
        <v>41814.017245370371</v>
      </c>
      <c r="B6798" s="2">
        <v>22.1</v>
      </c>
      <c r="C6798" s="2">
        <v>121.4</v>
      </c>
      <c r="D6798" s="2">
        <v>0.2</v>
      </c>
      <c r="E6798" s="2">
        <v>210.3999999999966</v>
      </c>
    </row>
    <row r="6799" spans="1:5" x14ac:dyDescent="0.25">
      <c r="A6799" s="3">
        <v>41814.01730324074</v>
      </c>
      <c r="B6799" s="2">
        <v>22.1</v>
      </c>
      <c r="C6799" s="2">
        <v>121.4</v>
      </c>
      <c r="D6799" s="2">
        <v>0.2</v>
      </c>
      <c r="E6799" s="2">
        <v>210.59999999999658</v>
      </c>
    </row>
    <row r="6800" spans="1:5" x14ac:dyDescent="0.25">
      <c r="A6800" s="3">
        <v>41814.017361111109</v>
      </c>
      <c r="B6800" s="2">
        <v>22.1</v>
      </c>
      <c r="C6800" s="2">
        <v>121.6</v>
      </c>
      <c r="D6800" s="2">
        <v>0</v>
      </c>
      <c r="E6800" s="2">
        <v>210.59999999999658</v>
      </c>
    </row>
    <row r="6801" spans="1:5" x14ac:dyDescent="0.25">
      <c r="A6801" s="3">
        <v>41814.017476851855</v>
      </c>
      <c r="B6801" s="2">
        <v>22</v>
      </c>
      <c r="C6801" s="2">
        <v>121.8</v>
      </c>
      <c r="D6801" s="2">
        <v>0.2</v>
      </c>
      <c r="E6801" s="2">
        <v>210.79999999999657</v>
      </c>
    </row>
    <row r="6802" spans="1:5" x14ac:dyDescent="0.25">
      <c r="A6802" s="3">
        <v>41814.017592592594</v>
      </c>
      <c r="B6802" s="2">
        <v>22</v>
      </c>
      <c r="C6802" s="2">
        <v>122</v>
      </c>
      <c r="D6802" s="2">
        <v>0</v>
      </c>
      <c r="E6802" s="2">
        <v>210.79999999999657</v>
      </c>
    </row>
    <row r="6803" spans="1:5" x14ac:dyDescent="0.25">
      <c r="A6803" s="3">
        <v>41814.017708333333</v>
      </c>
      <c r="B6803" s="2">
        <v>22</v>
      </c>
      <c r="C6803" s="2">
        <v>122.2</v>
      </c>
      <c r="D6803" s="2">
        <v>0</v>
      </c>
      <c r="E6803" s="2">
        <v>210.79999999999657</v>
      </c>
    </row>
    <row r="6804" spans="1:5" x14ac:dyDescent="0.25">
      <c r="A6804" s="3">
        <v>41814.017766203702</v>
      </c>
      <c r="B6804" s="2">
        <v>22</v>
      </c>
      <c r="C6804" s="2">
        <v>122.2</v>
      </c>
      <c r="D6804" s="2">
        <v>0.2</v>
      </c>
      <c r="E6804" s="2">
        <v>210.99999999999656</v>
      </c>
    </row>
    <row r="6805" spans="1:5" x14ac:dyDescent="0.25">
      <c r="A6805" s="3">
        <v>41814.017881944441</v>
      </c>
      <c r="B6805" s="2">
        <v>22</v>
      </c>
      <c r="C6805" s="2">
        <v>122.4</v>
      </c>
      <c r="D6805" s="2">
        <v>0</v>
      </c>
      <c r="E6805" s="2">
        <v>210.99999999999656</v>
      </c>
    </row>
    <row r="6806" spans="1:5" x14ac:dyDescent="0.25">
      <c r="A6806" s="3">
        <v>41814.017939814818</v>
      </c>
      <c r="B6806" s="2">
        <v>21.9</v>
      </c>
      <c r="C6806" s="2">
        <v>122.4</v>
      </c>
      <c r="D6806" s="2">
        <v>0.2</v>
      </c>
      <c r="E6806" s="2">
        <v>211.19999999999655</v>
      </c>
    </row>
    <row r="6807" spans="1:5" x14ac:dyDescent="0.25">
      <c r="A6807" s="3">
        <v>41814.018113425926</v>
      </c>
      <c r="B6807" s="2">
        <v>21.9</v>
      </c>
      <c r="C6807" s="2">
        <v>122.6</v>
      </c>
      <c r="D6807" s="2">
        <v>0</v>
      </c>
      <c r="E6807" s="2">
        <v>211.19999999999655</v>
      </c>
    </row>
    <row r="6808" spans="1:5" x14ac:dyDescent="0.25">
      <c r="A6808" s="3">
        <v>41814.018229166664</v>
      </c>
      <c r="B6808" s="2">
        <v>21.9</v>
      </c>
      <c r="C6808" s="2">
        <v>122.6</v>
      </c>
      <c r="D6808" s="2">
        <v>0.2</v>
      </c>
      <c r="E6808" s="2">
        <v>211.39999999999654</v>
      </c>
    </row>
    <row r="6809" spans="1:5" x14ac:dyDescent="0.25">
      <c r="A6809" s="3">
        <v>41814.018287037034</v>
      </c>
      <c r="B6809" s="2">
        <v>21.9</v>
      </c>
      <c r="C6809" s="2">
        <v>122.8</v>
      </c>
      <c r="D6809" s="2">
        <v>0</v>
      </c>
      <c r="E6809" s="2">
        <v>211.39999999999654</v>
      </c>
    </row>
    <row r="6810" spans="1:5" x14ac:dyDescent="0.25">
      <c r="A6810" s="3">
        <v>41814.018460648149</v>
      </c>
      <c r="B6810" s="2">
        <v>21.9</v>
      </c>
      <c r="C6810" s="2">
        <v>122.8</v>
      </c>
      <c r="D6810" s="2">
        <v>0.2</v>
      </c>
      <c r="E6810" s="2">
        <v>211.59999999999653</v>
      </c>
    </row>
    <row r="6811" spans="1:5" x14ac:dyDescent="0.25">
      <c r="A6811" s="3">
        <v>41814.018576388888</v>
      </c>
      <c r="B6811" s="2">
        <v>21.9</v>
      </c>
      <c r="C6811" s="2">
        <v>123</v>
      </c>
      <c r="D6811" s="2">
        <v>0</v>
      </c>
      <c r="E6811" s="2">
        <v>211.59999999999653</v>
      </c>
    </row>
    <row r="6812" spans="1:5" x14ac:dyDescent="0.25">
      <c r="A6812" s="3">
        <v>41814.018750000003</v>
      </c>
      <c r="B6812" s="2">
        <v>21.9</v>
      </c>
      <c r="C6812" s="2">
        <v>123</v>
      </c>
      <c r="D6812" s="2">
        <v>0.2</v>
      </c>
      <c r="E6812" s="2">
        <v>211.79999999999652</v>
      </c>
    </row>
    <row r="6813" spans="1:5" x14ac:dyDescent="0.25">
      <c r="A6813" s="3">
        <v>41814.018923611111</v>
      </c>
      <c r="B6813" s="2">
        <v>21.9</v>
      </c>
      <c r="C6813" s="2">
        <v>123.2</v>
      </c>
      <c r="D6813" s="2">
        <v>0</v>
      </c>
      <c r="E6813" s="2">
        <v>211.79999999999652</v>
      </c>
    </row>
    <row r="6814" spans="1:5" x14ac:dyDescent="0.25">
      <c r="A6814" s="3">
        <v>41814.019155092596</v>
      </c>
      <c r="B6814" s="2">
        <v>21.9</v>
      </c>
      <c r="C6814" s="2">
        <v>123.2</v>
      </c>
      <c r="D6814" s="2">
        <v>0.2</v>
      </c>
      <c r="E6814" s="2">
        <v>211.9999999999965</v>
      </c>
    </row>
    <row r="6815" spans="1:5" x14ac:dyDescent="0.25">
      <c r="A6815" s="3">
        <v>41814.019328703704</v>
      </c>
      <c r="B6815" s="2">
        <v>21.9</v>
      </c>
      <c r="C6815" s="2">
        <v>123.4</v>
      </c>
      <c r="D6815" s="2">
        <v>0</v>
      </c>
      <c r="E6815" s="2">
        <v>211.9999999999965</v>
      </c>
    </row>
    <row r="6816" spans="1:5" x14ac:dyDescent="0.25">
      <c r="A6816" s="3">
        <v>41814.019444444442</v>
      </c>
      <c r="B6816" s="2">
        <v>21.9</v>
      </c>
      <c r="C6816" s="2">
        <v>123.4</v>
      </c>
      <c r="D6816" s="2">
        <v>0.2</v>
      </c>
      <c r="E6816" s="2">
        <v>212.19999999999649</v>
      </c>
    </row>
    <row r="6817" spans="1:5" x14ac:dyDescent="0.25">
      <c r="A6817" s="3">
        <v>41814.019618055558</v>
      </c>
      <c r="B6817" s="2">
        <v>21.9</v>
      </c>
      <c r="C6817" s="2">
        <v>123.6</v>
      </c>
      <c r="D6817" s="2">
        <v>0</v>
      </c>
      <c r="E6817" s="2">
        <v>212.19999999999649</v>
      </c>
    </row>
    <row r="6818" spans="1:5" x14ac:dyDescent="0.25">
      <c r="A6818" s="3">
        <v>41814.019965277781</v>
      </c>
      <c r="B6818" s="2">
        <v>21.9</v>
      </c>
      <c r="C6818" s="2">
        <v>123.8</v>
      </c>
      <c r="D6818" s="2">
        <v>0</v>
      </c>
      <c r="E6818" s="2">
        <v>212.19999999999649</v>
      </c>
    </row>
    <row r="6819" spans="1:5" x14ac:dyDescent="0.25">
      <c r="A6819" s="3">
        <v>41814.02002314815</v>
      </c>
      <c r="B6819" s="2">
        <v>21.8</v>
      </c>
      <c r="C6819" s="2">
        <v>123.8</v>
      </c>
      <c r="D6819" s="2">
        <v>0.2</v>
      </c>
      <c r="E6819" s="2">
        <v>212.39999999999648</v>
      </c>
    </row>
    <row r="6820" spans="1:5" x14ac:dyDescent="0.25">
      <c r="A6820" s="3">
        <v>41814.020428240743</v>
      </c>
      <c r="B6820" s="2">
        <v>21.8</v>
      </c>
      <c r="C6820" s="2">
        <v>124</v>
      </c>
      <c r="D6820" s="2">
        <v>0</v>
      </c>
      <c r="E6820" s="2">
        <v>212.39999999999648</v>
      </c>
    </row>
    <row r="6821" spans="1:5" x14ac:dyDescent="0.25">
      <c r="A6821" s="3">
        <v>41814.02071759259</v>
      </c>
      <c r="B6821" s="2">
        <v>21.8</v>
      </c>
      <c r="C6821" s="2">
        <v>124</v>
      </c>
      <c r="D6821" s="2">
        <v>0.2</v>
      </c>
      <c r="E6821" s="2">
        <v>212.59999999999647</v>
      </c>
    </row>
    <row r="6822" spans="1:5" x14ac:dyDescent="0.25">
      <c r="A6822" s="3">
        <v>41814.021354166667</v>
      </c>
      <c r="B6822" s="2">
        <v>21.8</v>
      </c>
      <c r="C6822" s="2">
        <v>124</v>
      </c>
      <c r="D6822" s="2">
        <v>0.2</v>
      </c>
      <c r="E6822" s="2">
        <v>212.79999999999646</v>
      </c>
    </row>
    <row r="6823" spans="1:5" x14ac:dyDescent="0.25">
      <c r="A6823" s="3">
        <v>41814.021469907406</v>
      </c>
      <c r="B6823" s="2">
        <v>21.8</v>
      </c>
      <c r="C6823" s="2">
        <v>124.2</v>
      </c>
      <c r="D6823" s="2">
        <v>0</v>
      </c>
      <c r="E6823" s="2">
        <v>212.79999999999646</v>
      </c>
    </row>
    <row r="6824" spans="1:5" x14ac:dyDescent="0.25">
      <c r="A6824" s="3">
        <v>41814.021701388891</v>
      </c>
      <c r="B6824" s="2">
        <v>21.8</v>
      </c>
      <c r="C6824" s="2">
        <v>124.2</v>
      </c>
      <c r="D6824" s="2">
        <v>0.2</v>
      </c>
      <c r="E6824" s="2">
        <v>212.99999999999645</v>
      </c>
    </row>
    <row r="6825" spans="1:5" x14ac:dyDescent="0.25">
      <c r="A6825" s="3">
        <v>41814.021817129629</v>
      </c>
      <c r="B6825" s="2">
        <v>21.8</v>
      </c>
      <c r="C6825" s="2">
        <v>124.4</v>
      </c>
      <c r="D6825" s="2">
        <v>0</v>
      </c>
      <c r="E6825" s="2">
        <v>212.99999999999645</v>
      </c>
    </row>
    <row r="6826" spans="1:5" x14ac:dyDescent="0.25">
      <c r="A6826" s="3">
        <v>41814.021932870368</v>
      </c>
      <c r="B6826" s="2">
        <v>21.8</v>
      </c>
      <c r="C6826" s="2">
        <v>124.4</v>
      </c>
      <c r="D6826" s="2">
        <v>0.2</v>
      </c>
      <c r="E6826" s="2">
        <v>213.19999999999644</v>
      </c>
    </row>
    <row r="6827" spans="1:5" x14ac:dyDescent="0.25">
      <c r="A6827" s="3">
        <v>41814.022106481483</v>
      </c>
      <c r="B6827" s="2">
        <v>21.8</v>
      </c>
      <c r="C6827" s="2">
        <v>124.6</v>
      </c>
      <c r="D6827" s="2">
        <v>0.2</v>
      </c>
      <c r="E6827" s="2">
        <v>213.39999999999642</v>
      </c>
    </row>
    <row r="6828" spans="1:5" x14ac:dyDescent="0.25">
      <c r="A6828" s="3">
        <v>41814.022280092591</v>
      </c>
      <c r="B6828" s="2">
        <v>21.7</v>
      </c>
      <c r="C6828" s="2">
        <v>124.6</v>
      </c>
      <c r="D6828" s="2">
        <v>0.2</v>
      </c>
      <c r="E6828" s="2">
        <v>213.59999999999641</v>
      </c>
    </row>
    <row r="6829" spans="1:5" x14ac:dyDescent="0.25">
      <c r="A6829" s="3">
        <v>41814.022337962961</v>
      </c>
      <c r="B6829" s="2">
        <v>21.7</v>
      </c>
      <c r="C6829" s="2">
        <v>124.8</v>
      </c>
      <c r="D6829" s="2">
        <v>0</v>
      </c>
      <c r="E6829" s="2">
        <v>213.59999999999641</v>
      </c>
    </row>
    <row r="6830" spans="1:5" x14ac:dyDescent="0.25">
      <c r="A6830" s="3">
        <v>41814.022511574076</v>
      </c>
      <c r="B6830" s="2">
        <v>21.7</v>
      </c>
      <c r="C6830" s="2">
        <v>124.8</v>
      </c>
      <c r="D6830" s="2">
        <v>0.2</v>
      </c>
      <c r="E6830" s="2">
        <v>213.7999999999964</v>
      </c>
    </row>
    <row r="6831" spans="1:5" x14ac:dyDescent="0.25">
      <c r="A6831" s="3">
        <v>41814.022569444445</v>
      </c>
      <c r="B6831" s="2">
        <v>21.7</v>
      </c>
      <c r="C6831" s="2">
        <v>125</v>
      </c>
      <c r="D6831" s="2">
        <v>0</v>
      </c>
      <c r="E6831" s="2">
        <v>213.7999999999964</v>
      </c>
    </row>
    <row r="6832" spans="1:5" x14ac:dyDescent="0.25">
      <c r="A6832" s="3">
        <v>41814.022743055553</v>
      </c>
      <c r="B6832" s="2">
        <v>21.7</v>
      </c>
      <c r="C6832" s="2">
        <v>125</v>
      </c>
      <c r="D6832" s="2">
        <v>0.2</v>
      </c>
      <c r="E6832" s="2">
        <v>213.99999999999639</v>
      </c>
    </row>
    <row r="6833" spans="1:5" x14ac:dyDescent="0.25">
      <c r="A6833" s="3">
        <v>41814.022800925923</v>
      </c>
      <c r="B6833" s="2">
        <v>21.7</v>
      </c>
      <c r="C6833" s="2">
        <v>125.2</v>
      </c>
      <c r="D6833" s="2">
        <v>0</v>
      </c>
      <c r="E6833" s="2">
        <v>213.99999999999639</v>
      </c>
    </row>
    <row r="6834" spans="1:5" x14ac:dyDescent="0.25">
      <c r="A6834" s="3">
        <v>41814.023032407407</v>
      </c>
      <c r="B6834" s="2">
        <v>21.7</v>
      </c>
      <c r="C6834" s="2">
        <v>125.4</v>
      </c>
      <c r="D6834" s="2">
        <v>0.2</v>
      </c>
      <c r="E6834" s="2">
        <v>214.19999999999638</v>
      </c>
    </row>
    <row r="6835" spans="1:5" x14ac:dyDescent="0.25">
      <c r="A6835" s="3">
        <v>41814.023263888892</v>
      </c>
      <c r="B6835" s="2">
        <v>21.7</v>
      </c>
      <c r="C6835" s="2">
        <v>125.6</v>
      </c>
      <c r="D6835" s="2">
        <v>0</v>
      </c>
      <c r="E6835" s="2">
        <v>214.19999999999638</v>
      </c>
    </row>
    <row r="6836" spans="1:5" x14ac:dyDescent="0.25">
      <c r="A6836" s="3">
        <v>41814.023321759261</v>
      </c>
      <c r="B6836" s="2">
        <v>21.7</v>
      </c>
      <c r="C6836" s="2">
        <v>125.6</v>
      </c>
      <c r="D6836" s="2">
        <v>0.2</v>
      </c>
      <c r="E6836" s="2">
        <v>214.39999999999637</v>
      </c>
    </row>
    <row r="6837" spans="1:5" x14ac:dyDescent="0.25">
      <c r="A6837" s="3">
        <v>41814.023495370369</v>
      </c>
      <c r="B6837" s="2">
        <v>21.7</v>
      </c>
      <c r="C6837" s="2">
        <v>125.6</v>
      </c>
      <c r="D6837" s="2">
        <v>0.2</v>
      </c>
      <c r="E6837" s="2">
        <v>214.59999999999636</v>
      </c>
    </row>
    <row r="6838" spans="1:5" x14ac:dyDescent="0.25">
      <c r="A6838" s="3">
        <v>41814.023553240739</v>
      </c>
      <c r="B6838" s="2">
        <v>21.7</v>
      </c>
      <c r="C6838" s="2">
        <v>125.8</v>
      </c>
      <c r="D6838" s="2">
        <v>0</v>
      </c>
      <c r="E6838" s="2">
        <v>214.59999999999636</v>
      </c>
    </row>
    <row r="6839" spans="1:5" x14ac:dyDescent="0.25">
      <c r="A6839" s="3">
        <v>41814.023668981485</v>
      </c>
      <c r="B6839" s="2">
        <v>21.7</v>
      </c>
      <c r="C6839" s="2">
        <v>125.8</v>
      </c>
      <c r="D6839" s="2">
        <v>0.2</v>
      </c>
      <c r="E6839" s="2">
        <v>214.79999999999634</v>
      </c>
    </row>
    <row r="6840" spans="1:5" x14ac:dyDescent="0.25">
      <c r="A6840" s="3">
        <v>41814.023784722223</v>
      </c>
      <c r="B6840" s="2">
        <v>21.7</v>
      </c>
      <c r="C6840" s="2">
        <v>126</v>
      </c>
      <c r="D6840" s="2">
        <v>0.2</v>
      </c>
      <c r="E6840" s="2">
        <v>214.99999999999633</v>
      </c>
    </row>
    <row r="6841" spans="1:5" x14ac:dyDescent="0.25">
      <c r="A6841" s="3">
        <v>41814.023958333331</v>
      </c>
      <c r="B6841" s="2">
        <v>21.7</v>
      </c>
      <c r="C6841" s="2">
        <v>126.2</v>
      </c>
      <c r="D6841" s="2">
        <v>0.2</v>
      </c>
      <c r="E6841" s="2">
        <v>215.19999999999632</v>
      </c>
    </row>
    <row r="6842" spans="1:5" x14ac:dyDescent="0.25">
      <c r="A6842" s="3">
        <v>41814.024131944447</v>
      </c>
      <c r="B6842" s="2">
        <v>21.6</v>
      </c>
      <c r="C6842" s="2">
        <v>126.4</v>
      </c>
      <c r="D6842" s="2">
        <v>0</v>
      </c>
      <c r="E6842" s="2">
        <v>215.19999999999632</v>
      </c>
    </row>
    <row r="6843" spans="1:5" x14ac:dyDescent="0.25">
      <c r="A6843" s="3">
        <v>41814.02447916667</v>
      </c>
      <c r="B6843" s="2">
        <v>21.6</v>
      </c>
      <c r="C6843" s="2">
        <v>126.6</v>
      </c>
      <c r="D6843" s="2">
        <v>0.2</v>
      </c>
      <c r="E6843" s="2">
        <v>215.39999999999631</v>
      </c>
    </row>
    <row r="6844" spans="1:5" x14ac:dyDescent="0.25">
      <c r="A6844" s="3">
        <v>41814.025868055556</v>
      </c>
      <c r="B6844" s="2">
        <v>21.6</v>
      </c>
      <c r="C6844" s="2">
        <v>126.8</v>
      </c>
      <c r="D6844" s="2">
        <v>0</v>
      </c>
      <c r="E6844" s="2">
        <v>215.39999999999631</v>
      </c>
    </row>
    <row r="6845" spans="1:5" x14ac:dyDescent="0.25">
      <c r="A6845" s="3">
        <v>41814.02685185185</v>
      </c>
      <c r="B6845" s="2">
        <v>21.5</v>
      </c>
      <c r="C6845" s="2">
        <v>126.8</v>
      </c>
      <c r="D6845" s="2">
        <v>0.2</v>
      </c>
      <c r="E6845" s="2">
        <v>215.5999999999963</v>
      </c>
    </row>
    <row r="6846" spans="1:5" x14ac:dyDescent="0.25">
      <c r="A6846" s="3">
        <v>41814.029340277775</v>
      </c>
      <c r="B6846" s="2">
        <v>21.5</v>
      </c>
      <c r="C6846" s="2">
        <v>127</v>
      </c>
      <c r="D6846" s="2">
        <v>0</v>
      </c>
      <c r="E6846" s="2">
        <v>215.5999999999963</v>
      </c>
    </row>
    <row r="6847" spans="1:5" x14ac:dyDescent="0.25">
      <c r="A6847" s="3">
        <v>41814.029456018521</v>
      </c>
      <c r="B6847" s="2">
        <v>21.5</v>
      </c>
      <c r="C6847" s="2">
        <v>127</v>
      </c>
      <c r="D6847" s="2">
        <v>0.2</v>
      </c>
      <c r="E6847" s="2">
        <v>215.79999999999629</v>
      </c>
    </row>
    <row r="6848" spans="1:5" x14ac:dyDescent="0.25">
      <c r="A6848" s="3">
        <v>41814.030844907407</v>
      </c>
      <c r="B6848" s="2">
        <v>21.5</v>
      </c>
      <c r="C6848" s="2">
        <v>127.2</v>
      </c>
      <c r="D6848" s="2">
        <v>0</v>
      </c>
      <c r="E6848" s="2">
        <v>215.79999999999629</v>
      </c>
    </row>
    <row r="6849" spans="1:5" x14ac:dyDescent="0.25">
      <c r="A6849" s="3">
        <v>41814.030902777777</v>
      </c>
      <c r="B6849" s="2">
        <v>21.5</v>
      </c>
      <c r="C6849" s="2">
        <v>127.2</v>
      </c>
      <c r="D6849" s="2">
        <v>0.2</v>
      </c>
      <c r="E6849" s="2">
        <v>215.99999999999628</v>
      </c>
    </row>
    <row r="6850" spans="1:5" x14ac:dyDescent="0.25">
      <c r="A6850" s="3">
        <v>41814.033564814818</v>
      </c>
      <c r="B6850" s="2">
        <v>21.4</v>
      </c>
      <c r="C6850" s="2">
        <v>127.2</v>
      </c>
      <c r="D6850" s="2">
        <v>0.2</v>
      </c>
      <c r="E6850" s="2">
        <v>216.19999999999627</v>
      </c>
    </row>
    <row r="6851" spans="1:5" x14ac:dyDescent="0.25">
      <c r="A6851" s="3">
        <v>41814.035763888889</v>
      </c>
      <c r="B6851" s="2">
        <v>21.4</v>
      </c>
      <c r="C6851" s="2">
        <v>127.4</v>
      </c>
      <c r="D6851" s="2">
        <v>0</v>
      </c>
      <c r="E6851" s="2">
        <v>216.19999999999627</v>
      </c>
    </row>
    <row r="6852" spans="1:5" x14ac:dyDescent="0.25">
      <c r="A6852" s="3">
        <v>41814.036863425928</v>
      </c>
      <c r="B6852" s="2">
        <v>21.4</v>
      </c>
      <c r="C6852" s="2">
        <v>127.4</v>
      </c>
      <c r="D6852" s="2">
        <v>0.2</v>
      </c>
      <c r="E6852" s="2">
        <v>216.39999999999625</v>
      </c>
    </row>
    <row r="6853" spans="1:5" x14ac:dyDescent="0.25">
      <c r="A6853" s="3">
        <v>41814.037210648145</v>
      </c>
      <c r="B6853" s="2">
        <v>21.4</v>
      </c>
      <c r="C6853" s="2">
        <v>127.6</v>
      </c>
      <c r="D6853" s="2">
        <v>0</v>
      </c>
      <c r="E6853" s="2">
        <v>216.39999999999625</v>
      </c>
    </row>
    <row r="6854" spans="1:5" x14ac:dyDescent="0.25">
      <c r="A6854" s="3">
        <v>41814.037615740737</v>
      </c>
      <c r="B6854" s="2">
        <v>21.3</v>
      </c>
      <c r="C6854" s="2">
        <v>127.6</v>
      </c>
      <c r="D6854" s="2">
        <v>0.2</v>
      </c>
      <c r="E6854" s="2">
        <v>216.59999999999624</v>
      </c>
    </row>
    <row r="6855" spans="1:5" x14ac:dyDescent="0.25">
      <c r="A6855" s="3">
        <v>41814.038252314815</v>
      </c>
      <c r="B6855" s="2">
        <v>21.3</v>
      </c>
      <c r="C6855" s="2">
        <v>127.8</v>
      </c>
      <c r="D6855" s="2">
        <v>0</v>
      </c>
      <c r="E6855" s="2">
        <v>216.59999999999624</v>
      </c>
    </row>
    <row r="6856" spans="1:5" x14ac:dyDescent="0.25">
      <c r="A6856" s="3">
        <v>41814.039004629631</v>
      </c>
      <c r="B6856" s="2">
        <v>21.3</v>
      </c>
      <c r="C6856" s="2">
        <v>127.8</v>
      </c>
      <c r="D6856" s="2">
        <v>0.2</v>
      </c>
      <c r="E6856" s="2">
        <v>216.79999999999623</v>
      </c>
    </row>
    <row r="6857" spans="1:5" x14ac:dyDescent="0.25">
      <c r="A6857" s="3">
        <v>41814.041030092594</v>
      </c>
      <c r="B6857" s="2">
        <v>21.3</v>
      </c>
      <c r="C6857" s="2">
        <v>128</v>
      </c>
      <c r="D6857" s="2">
        <v>0</v>
      </c>
      <c r="E6857" s="2">
        <v>216.79999999999623</v>
      </c>
    </row>
    <row r="6858" spans="1:5" x14ac:dyDescent="0.25">
      <c r="A6858" s="3">
        <v>41814.041493055556</v>
      </c>
      <c r="B6858" s="2">
        <v>21.3</v>
      </c>
      <c r="C6858" s="2">
        <v>128</v>
      </c>
      <c r="D6858" s="2">
        <v>0.2</v>
      </c>
      <c r="E6858" s="2">
        <v>216.99999999999622</v>
      </c>
    </row>
    <row r="6859" spans="1:5" x14ac:dyDescent="0.25">
      <c r="A6859" s="3">
        <v>41814.042592592596</v>
      </c>
      <c r="B6859" s="2">
        <v>21.2</v>
      </c>
      <c r="C6859" s="2">
        <v>128.19999999999999</v>
      </c>
      <c r="D6859" s="2">
        <v>0</v>
      </c>
      <c r="E6859" s="2">
        <v>216.99999999999622</v>
      </c>
    </row>
    <row r="6860" spans="1:5" x14ac:dyDescent="0.25">
      <c r="A6860" s="3">
        <v>41814.043229166666</v>
      </c>
      <c r="B6860" s="2">
        <v>21.2</v>
      </c>
      <c r="C6860" s="2">
        <v>128.19999999999999</v>
      </c>
      <c r="D6860" s="2">
        <v>0.2</v>
      </c>
      <c r="E6860" s="2">
        <v>217.19999999999621</v>
      </c>
    </row>
    <row r="6861" spans="1:5" x14ac:dyDescent="0.25">
      <c r="A6861" s="3">
        <v>41814.046296296299</v>
      </c>
      <c r="B6861" s="2">
        <v>21.1</v>
      </c>
      <c r="C6861" s="2">
        <v>128.4</v>
      </c>
      <c r="D6861" s="2">
        <v>0</v>
      </c>
      <c r="E6861" s="2">
        <v>217.19999999999621</v>
      </c>
    </row>
    <row r="6862" spans="1:5" x14ac:dyDescent="0.25">
      <c r="A6862" s="3">
        <v>41814.048611111109</v>
      </c>
      <c r="B6862" s="2">
        <v>21.1</v>
      </c>
      <c r="C6862" s="2">
        <v>128.4</v>
      </c>
      <c r="D6862" s="2">
        <v>0.2</v>
      </c>
      <c r="E6862" s="2">
        <v>217.3999999999962</v>
      </c>
    </row>
    <row r="6863" spans="1:5" x14ac:dyDescent="0.25">
      <c r="A6863" s="3">
        <v>41814.059837962966</v>
      </c>
      <c r="B6863" s="2">
        <v>20.9</v>
      </c>
      <c r="C6863" s="2">
        <v>128.6</v>
      </c>
      <c r="D6863" s="2">
        <v>0.2</v>
      </c>
      <c r="E6863" s="2">
        <v>217.59999999999619</v>
      </c>
    </row>
    <row r="6864" spans="1:5" x14ac:dyDescent="0.25">
      <c r="A6864" s="3">
        <v>41814.181018518517</v>
      </c>
      <c r="B6864" s="2">
        <v>19.3</v>
      </c>
      <c r="C6864" s="2">
        <v>128.6</v>
      </c>
      <c r="D6864" s="2">
        <v>0.2</v>
      </c>
      <c r="E6864" s="2">
        <v>217.79999999999617</v>
      </c>
    </row>
    <row r="6865" spans="1:5" x14ac:dyDescent="0.25">
      <c r="A6865" s="3">
        <v>41814.207060185188</v>
      </c>
      <c r="B6865" s="2">
        <v>19.100000000000001</v>
      </c>
      <c r="C6865" s="2">
        <v>128.80000000000001</v>
      </c>
      <c r="D6865" s="2">
        <v>0.2</v>
      </c>
      <c r="E6865" s="2">
        <v>217.99999999999616</v>
      </c>
    </row>
    <row r="6866" spans="1:5" x14ac:dyDescent="0.25">
      <c r="A6866" s="3">
        <v>41814.208564814813</v>
      </c>
      <c r="B6866" s="2">
        <v>19.100000000000001</v>
      </c>
      <c r="C6866" s="2">
        <v>128.80000000000001</v>
      </c>
      <c r="D6866" s="2">
        <v>0.2</v>
      </c>
      <c r="E6866" s="2">
        <v>218.19999999999615</v>
      </c>
    </row>
    <row r="6867" spans="1:5" x14ac:dyDescent="0.25">
      <c r="A6867" s="3">
        <v>41814.208796296298</v>
      </c>
      <c r="B6867" s="2">
        <v>19.100000000000001</v>
      </c>
      <c r="C6867" s="2">
        <v>129</v>
      </c>
      <c r="D6867" s="2">
        <v>0</v>
      </c>
      <c r="E6867" s="2">
        <v>218.19999999999615</v>
      </c>
    </row>
    <row r="6868" spans="1:5" x14ac:dyDescent="0.25">
      <c r="A6868" s="3">
        <v>41814.20925925926</v>
      </c>
      <c r="B6868" s="2">
        <v>19.100000000000001</v>
      </c>
      <c r="C6868" s="2">
        <v>129</v>
      </c>
      <c r="D6868" s="2">
        <v>0.2</v>
      </c>
      <c r="E6868" s="2">
        <v>218.39999999999614</v>
      </c>
    </row>
    <row r="6869" spans="1:5" x14ac:dyDescent="0.25">
      <c r="A6869" s="3">
        <v>41814.209432870368</v>
      </c>
      <c r="B6869" s="2">
        <v>19.100000000000001</v>
      </c>
      <c r="C6869" s="2">
        <v>129</v>
      </c>
      <c r="D6869" s="2">
        <v>0.2</v>
      </c>
      <c r="E6869" s="2">
        <v>218.59999999999613</v>
      </c>
    </row>
    <row r="6870" spans="1:5" x14ac:dyDescent="0.25">
      <c r="A6870" s="3">
        <v>41814.209490740737</v>
      </c>
      <c r="B6870" s="2">
        <v>19.100000000000001</v>
      </c>
      <c r="C6870" s="2">
        <v>129.19999999999999</v>
      </c>
      <c r="D6870" s="2">
        <v>0</v>
      </c>
      <c r="E6870" s="2">
        <v>218.59999999999613</v>
      </c>
    </row>
    <row r="6871" spans="1:5" x14ac:dyDescent="0.25">
      <c r="A6871" s="3">
        <v>41814.209606481483</v>
      </c>
      <c r="B6871" s="2">
        <v>19.100000000000001</v>
      </c>
      <c r="C6871" s="2">
        <v>129.19999999999999</v>
      </c>
      <c r="D6871" s="2">
        <v>0.2</v>
      </c>
      <c r="E6871" s="2">
        <v>218.79999999999612</v>
      </c>
    </row>
    <row r="6872" spans="1:5" x14ac:dyDescent="0.25">
      <c r="A6872" s="3">
        <v>41814.209664351853</v>
      </c>
      <c r="B6872" s="2">
        <v>19.100000000000001</v>
      </c>
      <c r="C6872" s="2">
        <v>129.4</v>
      </c>
      <c r="D6872" s="2">
        <v>0</v>
      </c>
      <c r="E6872" s="2">
        <v>218.79999999999612</v>
      </c>
    </row>
    <row r="6873" spans="1:5" x14ac:dyDescent="0.25">
      <c r="A6873" s="3">
        <v>41814.209722222222</v>
      </c>
      <c r="B6873" s="2">
        <v>19.100000000000001</v>
      </c>
      <c r="C6873" s="2">
        <v>129.4</v>
      </c>
      <c r="D6873" s="2">
        <v>0.2</v>
      </c>
      <c r="E6873" s="2">
        <v>218.99999999999611</v>
      </c>
    </row>
    <row r="6874" spans="1:5" x14ac:dyDescent="0.25">
      <c r="A6874" s="3">
        <v>41814.209837962961</v>
      </c>
      <c r="B6874" s="2">
        <v>19.100000000000001</v>
      </c>
      <c r="C6874" s="2">
        <v>129.6</v>
      </c>
      <c r="D6874" s="2">
        <v>0</v>
      </c>
      <c r="E6874" s="2">
        <v>218.99999999999611</v>
      </c>
    </row>
    <row r="6875" spans="1:5" x14ac:dyDescent="0.25">
      <c r="A6875" s="3">
        <v>41814.20989583333</v>
      </c>
      <c r="B6875" s="2">
        <v>19.100000000000001</v>
      </c>
      <c r="C6875" s="2">
        <v>129.6</v>
      </c>
      <c r="D6875" s="2">
        <v>0.2</v>
      </c>
      <c r="E6875" s="2">
        <v>219.19999999999609</v>
      </c>
    </row>
    <row r="6876" spans="1:5" x14ac:dyDescent="0.25">
      <c r="A6876" s="3">
        <v>41814.210011574076</v>
      </c>
      <c r="B6876" s="2">
        <v>19.100000000000001</v>
      </c>
      <c r="C6876" s="2">
        <v>129.80000000000001</v>
      </c>
      <c r="D6876" s="2">
        <v>0</v>
      </c>
      <c r="E6876" s="2">
        <v>219.19999999999609</v>
      </c>
    </row>
    <row r="6877" spans="1:5" x14ac:dyDescent="0.25">
      <c r="A6877" s="3">
        <v>41814.210069444445</v>
      </c>
      <c r="B6877" s="2">
        <v>19.100000000000001</v>
      </c>
      <c r="C6877" s="2">
        <v>129.80000000000001</v>
      </c>
      <c r="D6877" s="2">
        <v>0.2</v>
      </c>
      <c r="E6877" s="2">
        <v>219.39999999999608</v>
      </c>
    </row>
    <row r="6878" spans="1:5" x14ac:dyDescent="0.25">
      <c r="A6878" s="3">
        <v>41814.210243055553</v>
      </c>
      <c r="B6878" s="2">
        <v>19.100000000000001</v>
      </c>
      <c r="C6878" s="2">
        <v>130</v>
      </c>
      <c r="D6878" s="2">
        <v>0</v>
      </c>
      <c r="E6878" s="2">
        <v>219.39999999999608</v>
      </c>
    </row>
    <row r="6879" spans="1:5" x14ac:dyDescent="0.25">
      <c r="A6879" s="3">
        <v>41814.210416666669</v>
      </c>
      <c r="B6879" s="2">
        <v>19.100000000000001</v>
      </c>
      <c r="C6879" s="2">
        <v>130</v>
      </c>
      <c r="D6879" s="2">
        <v>0.2</v>
      </c>
      <c r="E6879" s="2">
        <v>219.59999999999607</v>
      </c>
    </row>
    <row r="6880" spans="1:5" x14ac:dyDescent="0.25">
      <c r="A6880" s="3">
        <v>41814.210474537038</v>
      </c>
      <c r="B6880" s="2">
        <v>19</v>
      </c>
      <c r="C6880" s="2">
        <v>130.19999999999999</v>
      </c>
      <c r="D6880" s="2">
        <v>0</v>
      </c>
      <c r="E6880" s="2">
        <v>219.59999999999607</v>
      </c>
    </row>
    <row r="6881" spans="1:5" x14ac:dyDescent="0.25">
      <c r="A6881" s="3">
        <v>41814.2109375</v>
      </c>
      <c r="B6881" s="2">
        <v>19</v>
      </c>
      <c r="C6881" s="2">
        <v>130.4</v>
      </c>
      <c r="D6881" s="2">
        <v>0.2</v>
      </c>
      <c r="E6881" s="2">
        <v>219.79999999999606</v>
      </c>
    </row>
    <row r="6882" spans="1:5" x14ac:dyDescent="0.25">
      <c r="A6882" s="3">
        <v>41814.211631944447</v>
      </c>
      <c r="B6882" s="2">
        <v>19</v>
      </c>
      <c r="C6882" s="2">
        <v>130.6</v>
      </c>
      <c r="D6882" s="2">
        <v>0</v>
      </c>
      <c r="E6882" s="2">
        <v>219.79999999999606</v>
      </c>
    </row>
    <row r="6883" spans="1:5" x14ac:dyDescent="0.25">
      <c r="A6883" s="3">
        <v>41814.213136574072</v>
      </c>
      <c r="B6883" s="2">
        <v>19</v>
      </c>
      <c r="C6883" s="2">
        <v>130.6</v>
      </c>
      <c r="D6883" s="2">
        <v>0.2</v>
      </c>
      <c r="E6883" s="2">
        <v>219.99999999999605</v>
      </c>
    </row>
    <row r="6884" spans="1:5" x14ac:dyDescent="0.25">
      <c r="A6884" s="3">
        <v>41814.216087962966</v>
      </c>
      <c r="B6884" s="2">
        <v>18.899999999999999</v>
      </c>
      <c r="C6884" s="2">
        <v>130.80000000000001</v>
      </c>
      <c r="D6884" s="2">
        <v>0</v>
      </c>
      <c r="E6884" s="2">
        <v>219.99999999999605</v>
      </c>
    </row>
    <row r="6885" spans="1:5" x14ac:dyDescent="0.25">
      <c r="A6885" s="3">
        <v>41814.216840277775</v>
      </c>
      <c r="B6885" s="2">
        <v>18.899999999999999</v>
      </c>
      <c r="C6885" s="2">
        <v>130.80000000000001</v>
      </c>
      <c r="D6885" s="2">
        <v>0.2</v>
      </c>
      <c r="E6885" s="2">
        <v>220.19999999999604</v>
      </c>
    </row>
    <row r="6886" spans="1:5" x14ac:dyDescent="0.25">
      <c r="A6886" s="3">
        <v>41814.21979166667</v>
      </c>
      <c r="B6886" s="2">
        <v>18.899999999999999</v>
      </c>
      <c r="C6886" s="2">
        <v>131</v>
      </c>
      <c r="D6886" s="2">
        <v>0</v>
      </c>
      <c r="E6886" s="2">
        <v>220.19999999999604</v>
      </c>
    </row>
    <row r="6887" spans="1:5" x14ac:dyDescent="0.25">
      <c r="A6887" s="3">
        <v>41814.220833333333</v>
      </c>
      <c r="B6887" s="2">
        <v>18.899999999999999</v>
      </c>
      <c r="C6887" s="2">
        <v>131</v>
      </c>
      <c r="D6887" s="2">
        <v>0.2</v>
      </c>
      <c r="E6887" s="2">
        <v>220.39999999999603</v>
      </c>
    </row>
    <row r="6888" spans="1:5" x14ac:dyDescent="0.25">
      <c r="A6888" s="3">
        <v>41814.224710648145</v>
      </c>
      <c r="B6888" s="2">
        <v>18.899999999999999</v>
      </c>
      <c r="C6888" s="2">
        <v>131.19999999999999</v>
      </c>
      <c r="D6888" s="2">
        <v>0</v>
      </c>
      <c r="E6888" s="2">
        <v>220.39999999999603</v>
      </c>
    </row>
    <row r="6889" spans="1:5" x14ac:dyDescent="0.25">
      <c r="A6889" s="3">
        <v>41814.225173611114</v>
      </c>
      <c r="B6889" s="2">
        <v>18.899999999999999</v>
      </c>
      <c r="C6889" s="2">
        <v>131.19999999999999</v>
      </c>
      <c r="D6889" s="2">
        <v>0.2</v>
      </c>
      <c r="E6889" s="2">
        <v>220.59999999999602</v>
      </c>
    </row>
    <row r="6890" spans="1:5" x14ac:dyDescent="0.25">
      <c r="A6890" s="3">
        <v>41814.229513888888</v>
      </c>
      <c r="B6890" s="2">
        <v>18.8</v>
      </c>
      <c r="C6890" s="2">
        <v>131.4</v>
      </c>
      <c r="D6890" s="2">
        <v>0</v>
      </c>
      <c r="E6890" s="2">
        <v>220.59999999999602</v>
      </c>
    </row>
    <row r="6891" spans="1:5" x14ac:dyDescent="0.25">
      <c r="A6891" s="3">
        <v>41814.230844907404</v>
      </c>
      <c r="B6891" s="2">
        <v>18.8</v>
      </c>
      <c r="C6891" s="2">
        <v>131.4</v>
      </c>
      <c r="D6891" s="2">
        <v>0.2</v>
      </c>
      <c r="E6891" s="2">
        <v>220.799999999996</v>
      </c>
    </row>
    <row r="6892" spans="1:5" x14ac:dyDescent="0.25">
      <c r="A6892" s="3">
        <v>41814.235995370371</v>
      </c>
      <c r="B6892" s="2">
        <v>18.7</v>
      </c>
      <c r="C6892" s="2">
        <v>131.6</v>
      </c>
      <c r="D6892" s="2">
        <v>0</v>
      </c>
      <c r="E6892" s="2">
        <v>220.799999999996</v>
      </c>
    </row>
    <row r="6893" spans="1:5" x14ac:dyDescent="0.25">
      <c r="A6893" s="3">
        <v>41814.236342592594</v>
      </c>
      <c r="B6893" s="2">
        <v>18.7</v>
      </c>
      <c r="C6893" s="2">
        <v>131.6</v>
      </c>
      <c r="D6893" s="2">
        <v>0.2</v>
      </c>
      <c r="E6893" s="2">
        <v>220.99999999999599</v>
      </c>
    </row>
    <row r="6894" spans="1:5" x14ac:dyDescent="0.25">
      <c r="A6894" s="3">
        <v>41814.240972222222</v>
      </c>
      <c r="B6894" s="2">
        <v>18.7</v>
      </c>
      <c r="C6894" s="2">
        <v>131.80000000000001</v>
      </c>
      <c r="D6894" s="2">
        <v>0</v>
      </c>
      <c r="E6894" s="2">
        <v>220.99999999999599</v>
      </c>
    </row>
    <row r="6895" spans="1:5" x14ac:dyDescent="0.25">
      <c r="A6895" s="3">
        <v>41814.241261574076</v>
      </c>
      <c r="B6895" s="2">
        <v>18.7</v>
      </c>
      <c r="C6895" s="2">
        <v>131.80000000000001</v>
      </c>
      <c r="D6895" s="2">
        <v>0.2</v>
      </c>
      <c r="E6895" s="2">
        <v>221.19999999999598</v>
      </c>
    </row>
    <row r="6896" spans="1:5" x14ac:dyDescent="0.25">
      <c r="A6896" s="3">
        <v>41814.244039351855</v>
      </c>
      <c r="B6896" s="2">
        <v>18.7</v>
      </c>
      <c r="C6896" s="2">
        <v>131.80000000000001</v>
      </c>
      <c r="D6896" s="2">
        <v>0.2</v>
      </c>
      <c r="E6896" s="2">
        <v>221.39999999999597</v>
      </c>
    </row>
    <row r="6897" spans="1:5" x14ac:dyDescent="0.25">
      <c r="A6897" s="3">
        <v>41814.244155092594</v>
      </c>
      <c r="B6897" s="2">
        <v>18.7</v>
      </c>
      <c r="C6897" s="2">
        <v>132</v>
      </c>
      <c r="D6897" s="2">
        <v>0</v>
      </c>
      <c r="E6897" s="2">
        <v>221.39999999999597</v>
      </c>
    </row>
    <row r="6898" spans="1:5" x14ac:dyDescent="0.25">
      <c r="A6898" s="3">
        <v>41814.248726851853</v>
      </c>
      <c r="B6898" s="2">
        <v>18.600000000000001</v>
      </c>
      <c r="C6898" s="2">
        <v>132</v>
      </c>
      <c r="D6898" s="2">
        <v>0.2</v>
      </c>
      <c r="E6898" s="2">
        <v>221.59999999999596</v>
      </c>
    </row>
    <row r="6899" spans="1:5" x14ac:dyDescent="0.25">
      <c r="A6899" s="3">
        <v>41814.249537037038</v>
      </c>
      <c r="B6899" s="2">
        <v>18.600000000000001</v>
      </c>
      <c r="C6899" s="2">
        <v>132.19999999999999</v>
      </c>
      <c r="D6899" s="2">
        <v>0</v>
      </c>
      <c r="E6899" s="2">
        <v>221.59999999999596</v>
      </c>
    </row>
    <row r="6900" spans="1:5" x14ac:dyDescent="0.25">
      <c r="A6900" s="3">
        <v>41814.254976851851</v>
      </c>
      <c r="B6900" s="2">
        <v>18.600000000000001</v>
      </c>
      <c r="C6900" s="2">
        <v>132.19999999999999</v>
      </c>
      <c r="D6900" s="2">
        <v>0.2</v>
      </c>
      <c r="E6900" s="2">
        <v>221.79999999999595</v>
      </c>
    </row>
    <row r="6901" spans="1:5" x14ac:dyDescent="0.25">
      <c r="A6901" s="3">
        <v>41814.256076388891</v>
      </c>
      <c r="B6901" s="2">
        <v>18.600000000000001</v>
      </c>
      <c r="C6901" s="2">
        <v>132.4</v>
      </c>
      <c r="D6901" s="2">
        <v>0</v>
      </c>
      <c r="E6901" s="2">
        <v>221.79999999999595</v>
      </c>
    </row>
    <row r="6902" spans="1:5" x14ac:dyDescent="0.25">
      <c r="A6902" s="3">
        <v>41814.258506944447</v>
      </c>
      <c r="B6902" s="2">
        <v>18.5</v>
      </c>
      <c r="C6902" s="2">
        <v>132.4</v>
      </c>
      <c r="D6902" s="2">
        <v>0.2</v>
      </c>
      <c r="E6902" s="2">
        <v>221.99999999999594</v>
      </c>
    </row>
    <row r="6903" spans="1:5" x14ac:dyDescent="0.25">
      <c r="A6903" s="3">
        <v>41814.259085648147</v>
      </c>
      <c r="B6903" s="2">
        <v>18.5</v>
      </c>
      <c r="C6903" s="2">
        <v>132.6</v>
      </c>
      <c r="D6903" s="2">
        <v>0</v>
      </c>
      <c r="E6903" s="2">
        <v>221.99999999999594</v>
      </c>
    </row>
    <row r="6904" spans="1:5" x14ac:dyDescent="0.25">
      <c r="A6904" s="3">
        <v>41814.26226851852</v>
      </c>
      <c r="B6904" s="2">
        <v>18.5</v>
      </c>
      <c r="C6904" s="2">
        <v>132.6</v>
      </c>
      <c r="D6904" s="2">
        <v>0.2</v>
      </c>
      <c r="E6904" s="2">
        <v>222.19999999999592</v>
      </c>
    </row>
    <row r="6905" spans="1:5" x14ac:dyDescent="0.25">
      <c r="A6905" s="3">
        <v>41814.264525462961</v>
      </c>
      <c r="B6905" s="2">
        <v>18.5</v>
      </c>
      <c r="C6905" s="2">
        <v>132.80000000000001</v>
      </c>
      <c r="D6905" s="2">
        <v>0</v>
      </c>
      <c r="E6905" s="2">
        <v>222.19999999999592</v>
      </c>
    </row>
    <row r="6906" spans="1:5" x14ac:dyDescent="0.25">
      <c r="A6906" s="3">
        <v>41814.268576388888</v>
      </c>
      <c r="B6906" s="2">
        <v>18.5</v>
      </c>
      <c r="C6906" s="2">
        <v>132.80000000000001</v>
      </c>
      <c r="D6906" s="2">
        <v>0.2</v>
      </c>
      <c r="E6906" s="2">
        <v>222.39999999999591</v>
      </c>
    </row>
    <row r="6907" spans="1:5" x14ac:dyDescent="0.25">
      <c r="A6907" s="3">
        <v>41814.269675925927</v>
      </c>
      <c r="B6907" s="2">
        <v>18.399999999999999</v>
      </c>
      <c r="C6907" s="2">
        <v>133</v>
      </c>
      <c r="D6907" s="2">
        <v>0</v>
      </c>
      <c r="E6907" s="2">
        <v>222.39999999999591</v>
      </c>
    </row>
    <row r="6908" spans="1:5" x14ac:dyDescent="0.25">
      <c r="A6908" s="3">
        <v>41814.271238425928</v>
      </c>
      <c r="B6908" s="2">
        <v>18.399999999999999</v>
      </c>
      <c r="C6908" s="2">
        <v>133</v>
      </c>
      <c r="D6908" s="2">
        <v>0.2</v>
      </c>
      <c r="E6908" s="2">
        <v>222.5999999999959</v>
      </c>
    </row>
    <row r="6909" spans="1:5" x14ac:dyDescent="0.25">
      <c r="A6909" s="3">
        <v>41814.272337962961</v>
      </c>
      <c r="B6909" s="2">
        <v>18.399999999999999</v>
      </c>
      <c r="C6909" s="2">
        <v>133.19999999999999</v>
      </c>
      <c r="D6909" s="2">
        <v>0</v>
      </c>
      <c r="E6909" s="2">
        <v>222.5999999999959</v>
      </c>
    </row>
    <row r="6910" spans="1:5" x14ac:dyDescent="0.25">
      <c r="A6910" s="3">
        <v>41814.273495370369</v>
      </c>
      <c r="B6910" s="2">
        <v>18.399999999999999</v>
      </c>
      <c r="C6910" s="2">
        <v>133.19999999999999</v>
      </c>
      <c r="D6910" s="2">
        <v>0.2</v>
      </c>
      <c r="E6910" s="2">
        <v>222.79999999999589</v>
      </c>
    </row>
    <row r="6911" spans="1:5" x14ac:dyDescent="0.25">
      <c r="A6911" s="3">
        <v>41814.274363425924</v>
      </c>
      <c r="B6911" s="2">
        <v>18.399999999999999</v>
      </c>
      <c r="C6911" s="2">
        <v>133.4</v>
      </c>
      <c r="D6911" s="2">
        <v>0</v>
      </c>
      <c r="E6911" s="2">
        <v>222.79999999999589</v>
      </c>
    </row>
    <row r="6912" spans="1:5" x14ac:dyDescent="0.25">
      <c r="A6912" s="3">
        <v>41814.275462962964</v>
      </c>
      <c r="B6912" s="2">
        <v>18.399999999999999</v>
      </c>
      <c r="C6912" s="2">
        <v>133.4</v>
      </c>
      <c r="D6912" s="2">
        <v>0.2</v>
      </c>
      <c r="E6912" s="2">
        <v>222.99999999999588</v>
      </c>
    </row>
    <row r="6913" spans="1:5" x14ac:dyDescent="0.25">
      <c r="A6913" s="3">
        <v>41814.276909722219</v>
      </c>
      <c r="B6913" s="2">
        <v>18.399999999999999</v>
      </c>
      <c r="C6913" s="2">
        <v>133.6</v>
      </c>
      <c r="D6913" s="2">
        <v>0</v>
      </c>
      <c r="E6913" s="2">
        <v>222.99999999999588</v>
      </c>
    </row>
    <row r="6914" spans="1:5" x14ac:dyDescent="0.25">
      <c r="A6914" s="3">
        <v>41814.278703703705</v>
      </c>
      <c r="B6914" s="2">
        <v>18.399999999999999</v>
      </c>
      <c r="C6914" s="2">
        <v>133.6</v>
      </c>
      <c r="D6914" s="2">
        <v>0.2</v>
      </c>
      <c r="E6914" s="2">
        <v>223.19999999999587</v>
      </c>
    </row>
    <row r="6915" spans="1:5" x14ac:dyDescent="0.25">
      <c r="A6915" s="3">
        <v>41814.281597222223</v>
      </c>
      <c r="B6915" s="2">
        <v>18.3</v>
      </c>
      <c r="C6915" s="2">
        <v>133.80000000000001</v>
      </c>
      <c r="D6915" s="2">
        <v>0</v>
      </c>
      <c r="E6915" s="2">
        <v>223.19999999999587</v>
      </c>
    </row>
    <row r="6916" spans="1:5" x14ac:dyDescent="0.25">
      <c r="A6916" s="3">
        <v>41814.282986111109</v>
      </c>
      <c r="B6916" s="2">
        <v>18.3</v>
      </c>
      <c r="C6916" s="2">
        <v>133.80000000000001</v>
      </c>
      <c r="D6916" s="2">
        <v>0.2</v>
      </c>
      <c r="E6916" s="2">
        <v>223.39999999999586</v>
      </c>
    </row>
    <row r="6917" spans="1:5" x14ac:dyDescent="0.25">
      <c r="A6917" s="3">
        <v>41814.285879629628</v>
      </c>
      <c r="B6917" s="2">
        <v>18.2</v>
      </c>
      <c r="C6917" s="2">
        <v>134</v>
      </c>
      <c r="D6917" s="2">
        <v>0</v>
      </c>
      <c r="E6917" s="2">
        <v>223.39999999999586</v>
      </c>
    </row>
    <row r="6918" spans="1:5" x14ac:dyDescent="0.25">
      <c r="A6918" s="3">
        <v>41814.286574074074</v>
      </c>
      <c r="B6918" s="2">
        <v>18.2</v>
      </c>
      <c r="C6918" s="2">
        <v>134</v>
      </c>
      <c r="D6918" s="2">
        <v>0.2</v>
      </c>
      <c r="E6918" s="2">
        <v>223.59999999999584</v>
      </c>
    </row>
    <row r="6919" spans="1:5" x14ac:dyDescent="0.25">
      <c r="A6919" s="3">
        <v>41814.289236111108</v>
      </c>
      <c r="B6919" s="2">
        <v>18.2</v>
      </c>
      <c r="C6919" s="2">
        <v>134.19999999999999</v>
      </c>
      <c r="D6919" s="2">
        <v>0</v>
      </c>
      <c r="E6919" s="2">
        <v>223.59999999999584</v>
      </c>
    </row>
    <row r="6920" spans="1:5" x14ac:dyDescent="0.25">
      <c r="A6920" s="3">
        <v>41814.289409722223</v>
      </c>
      <c r="B6920" s="2">
        <v>18.2</v>
      </c>
      <c r="C6920" s="2">
        <v>134.19999999999999</v>
      </c>
      <c r="D6920" s="2">
        <v>0.2</v>
      </c>
      <c r="E6920" s="2">
        <v>223.79999999999583</v>
      </c>
    </row>
    <row r="6921" spans="1:5" x14ac:dyDescent="0.25">
      <c r="A6921" s="3">
        <v>41814.307291666664</v>
      </c>
      <c r="B6921" s="2">
        <v>18.2</v>
      </c>
      <c r="C6921" s="2">
        <v>134.19999999999999</v>
      </c>
      <c r="D6921" s="2">
        <v>0.2</v>
      </c>
      <c r="E6921" s="2">
        <v>223.99999999999582</v>
      </c>
    </row>
    <row r="6922" spans="1:5" x14ac:dyDescent="0.25">
      <c r="A6922" s="3">
        <v>41814.381365740737</v>
      </c>
      <c r="B6922" s="2">
        <v>19</v>
      </c>
      <c r="C6922" s="2">
        <v>134.4</v>
      </c>
      <c r="D6922" s="2">
        <v>0</v>
      </c>
      <c r="E6922" s="2">
        <v>223.99999999999582</v>
      </c>
    </row>
    <row r="6923" spans="1:5" x14ac:dyDescent="0.25">
      <c r="A6923" s="3">
        <v>41814.429745370369</v>
      </c>
      <c r="B6923" s="2">
        <v>19.899999999999999</v>
      </c>
      <c r="C6923" s="2">
        <v>134.19999999999999</v>
      </c>
      <c r="D6923" s="2">
        <v>0</v>
      </c>
      <c r="E6923" s="2">
        <v>223.99999999999582</v>
      </c>
    </row>
    <row r="6924" spans="1:5" x14ac:dyDescent="0.25">
      <c r="A6924" s="3">
        <v>41814.433159722219</v>
      </c>
      <c r="B6924" s="2">
        <v>20.100000000000001</v>
      </c>
      <c r="C6924" s="2">
        <v>134.4</v>
      </c>
      <c r="D6924" s="2">
        <v>0</v>
      </c>
      <c r="E6924" s="2">
        <v>223.99999999999582</v>
      </c>
    </row>
    <row r="6925" spans="1:5" x14ac:dyDescent="0.25">
      <c r="A6925" s="3">
        <v>41814.434664351851</v>
      </c>
      <c r="B6925" s="2">
        <v>20.2</v>
      </c>
      <c r="C6925" s="2">
        <v>134.19999999999999</v>
      </c>
      <c r="D6925" s="2">
        <v>0</v>
      </c>
      <c r="E6925" s="2">
        <v>223.99999999999582</v>
      </c>
    </row>
    <row r="6926" spans="1:5" x14ac:dyDescent="0.25">
      <c r="A6926" s="3">
        <v>41814.435648148145</v>
      </c>
      <c r="B6926" s="2">
        <v>20.2</v>
      </c>
      <c r="C6926" s="2">
        <v>134.4</v>
      </c>
      <c r="D6926" s="2">
        <v>0</v>
      </c>
      <c r="E6926" s="2">
        <v>223.99999999999582</v>
      </c>
    </row>
    <row r="6927" spans="1:5" x14ac:dyDescent="0.25">
      <c r="A6927" s="3">
        <v>41814.437268518515</v>
      </c>
      <c r="B6927" s="2">
        <v>20.2</v>
      </c>
      <c r="C6927" s="2">
        <v>134.19999999999999</v>
      </c>
      <c r="D6927" s="2">
        <v>0</v>
      </c>
      <c r="E6927" s="2">
        <v>223.99999999999582</v>
      </c>
    </row>
    <row r="6928" spans="1:5" x14ac:dyDescent="0.25">
      <c r="A6928" s="3">
        <v>41814.472453703704</v>
      </c>
      <c r="B6928" s="2">
        <v>21.8</v>
      </c>
      <c r="C6928" s="2">
        <v>134.4</v>
      </c>
      <c r="D6928" s="2">
        <v>0</v>
      </c>
      <c r="E6928" s="2">
        <v>223.99999999999582</v>
      </c>
    </row>
    <row r="6929" spans="1:5" x14ac:dyDescent="0.25">
      <c r="A6929" s="3">
        <v>41814.472511574073</v>
      </c>
      <c r="B6929" s="2">
        <v>21.8</v>
      </c>
      <c r="C6929" s="2">
        <v>134.19999999999999</v>
      </c>
      <c r="D6929" s="2">
        <v>0</v>
      </c>
      <c r="E6929" s="2">
        <v>223.99999999999582</v>
      </c>
    </row>
    <row r="6930" spans="1:5" x14ac:dyDescent="0.25">
      <c r="A6930" s="3">
        <v>41814.48269675926</v>
      </c>
      <c r="B6930" s="2">
        <v>22.3</v>
      </c>
      <c r="C6930" s="2">
        <v>134.4</v>
      </c>
      <c r="D6930" s="2">
        <v>0</v>
      </c>
      <c r="E6930" s="2">
        <v>223.99999999999582</v>
      </c>
    </row>
    <row r="6931" spans="1:5" x14ac:dyDescent="0.25">
      <c r="A6931" s="3">
        <v>41814.518055555556</v>
      </c>
      <c r="B6931" s="2">
        <v>23.1</v>
      </c>
      <c r="C6931" s="2">
        <v>134.19999999999999</v>
      </c>
      <c r="D6931" s="2">
        <v>0</v>
      </c>
      <c r="E6931" s="2">
        <v>223.99999999999582</v>
      </c>
    </row>
    <row r="6932" spans="1:5" x14ac:dyDescent="0.25">
      <c r="A6932" s="3">
        <v>41814.518229166664</v>
      </c>
      <c r="B6932" s="2">
        <v>23.1</v>
      </c>
      <c r="C6932" s="2">
        <v>134.4</v>
      </c>
      <c r="D6932" s="2">
        <v>0</v>
      </c>
      <c r="E6932" s="2">
        <v>223.99999999999582</v>
      </c>
    </row>
    <row r="6933" spans="1:5" x14ac:dyDescent="0.25">
      <c r="A6933" s="3">
        <v>41814.520949074074</v>
      </c>
      <c r="B6933" s="2">
        <v>23.3</v>
      </c>
      <c r="C6933" s="2">
        <v>134.19999999999999</v>
      </c>
      <c r="D6933" s="2">
        <v>0</v>
      </c>
      <c r="E6933" s="2">
        <v>223.99999999999582</v>
      </c>
    </row>
    <row r="6934" spans="1:5" x14ac:dyDescent="0.25">
      <c r="A6934" s="3">
        <v>41814.521643518521</v>
      </c>
      <c r="B6934" s="2">
        <v>23.2</v>
      </c>
      <c r="C6934" s="2">
        <v>134.4</v>
      </c>
      <c r="D6934" s="2">
        <v>0</v>
      </c>
      <c r="E6934" s="2">
        <v>223.99999999999582</v>
      </c>
    </row>
    <row r="6935" spans="1:5" x14ac:dyDescent="0.25">
      <c r="A6935" s="3">
        <v>41814.52175925926</v>
      </c>
      <c r="B6935" s="2">
        <v>23.2</v>
      </c>
      <c r="C6935" s="2">
        <v>134.19999999999999</v>
      </c>
      <c r="D6935" s="2">
        <v>0</v>
      </c>
      <c r="E6935" s="2">
        <v>223.99999999999582</v>
      </c>
    </row>
    <row r="6936" spans="1:5" x14ac:dyDescent="0.25">
      <c r="A6936" s="3">
        <v>41814.522048611114</v>
      </c>
      <c r="B6936" s="2">
        <v>23.2</v>
      </c>
      <c r="C6936" s="2">
        <v>134.4</v>
      </c>
      <c r="D6936" s="2">
        <v>0</v>
      </c>
      <c r="E6936" s="2">
        <v>223.99999999999582</v>
      </c>
    </row>
    <row r="6937" spans="1:5" x14ac:dyDescent="0.25">
      <c r="A6937" s="3">
        <v>41814.531770833331</v>
      </c>
      <c r="B6937" s="2">
        <v>23.6</v>
      </c>
      <c r="C6937" s="2">
        <v>134.19999999999999</v>
      </c>
      <c r="D6937" s="2">
        <v>0</v>
      </c>
      <c r="E6937" s="2">
        <v>223.99999999999582</v>
      </c>
    </row>
    <row r="6938" spans="1:5" x14ac:dyDescent="0.25">
      <c r="A6938" s="3">
        <v>41814.538946759261</v>
      </c>
      <c r="B6938" s="2">
        <v>23.6</v>
      </c>
      <c r="C6938" s="2">
        <v>134.4</v>
      </c>
      <c r="D6938" s="2">
        <v>0</v>
      </c>
      <c r="E6938" s="2">
        <v>223.99999999999582</v>
      </c>
    </row>
    <row r="6939" spans="1:5" x14ac:dyDescent="0.25">
      <c r="A6939" s="3">
        <v>41814.546412037038</v>
      </c>
      <c r="B6939" s="2">
        <v>23.8</v>
      </c>
      <c r="C6939" s="2">
        <v>134.19999999999999</v>
      </c>
      <c r="D6939" s="2">
        <v>0</v>
      </c>
      <c r="E6939" s="2">
        <v>223.99999999999582</v>
      </c>
    </row>
    <row r="6940" spans="1:5" x14ac:dyDescent="0.25">
      <c r="A6940" s="3">
        <v>41814.646412037036</v>
      </c>
      <c r="B6940" s="2">
        <v>26.9</v>
      </c>
      <c r="C6940" s="2">
        <v>134.4</v>
      </c>
      <c r="D6940" s="2">
        <v>0</v>
      </c>
      <c r="E6940" s="2">
        <v>223.99999999999582</v>
      </c>
    </row>
    <row r="6941" spans="1:5" x14ac:dyDescent="0.25">
      <c r="A6941" s="3">
        <v>41814.647106481483</v>
      </c>
      <c r="B6941" s="2">
        <v>26.9</v>
      </c>
      <c r="C6941" s="2">
        <v>134.4</v>
      </c>
      <c r="D6941" s="2">
        <v>0.2</v>
      </c>
      <c r="E6941" s="2">
        <v>224.19999999999581</v>
      </c>
    </row>
    <row r="6942" spans="1:5" x14ac:dyDescent="0.25">
      <c r="A6942" s="3">
        <v>41814.741087962961</v>
      </c>
      <c r="B6942" s="2">
        <v>26.4</v>
      </c>
      <c r="C6942" s="2">
        <v>134.19999999999999</v>
      </c>
      <c r="D6942" s="2">
        <v>0</v>
      </c>
      <c r="E6942" s="2">
        <v>224.19999999999581</v>
      </c>
    </row>
    <row r="6943" spans="1:5" x14ac:dyDescent="0.25">
      <c r="A6943" s="3">
        <v>41814.746064814812</v>
      </c>
      <c r="B6943" s="2">
        <v>26.3</v>
      </c>
      <c r="C6943" s="2">
        <v>134.4</v>
      </c>
      <c r="D6943" s="2">
        <v>0</v>
      </c>
      <c r="E6943" s="2">
        <v>224.19999999999581</v>
      </c>
    </row>
    <row r="6944" spans="1:5" x14ac:dyDescent="0.25">
      <c r="A6944" s="3">
        <v>41814.746296296296</v>
      </c>
      <c r="B6944" s="2">
        <v>26.3</v>
      </c>
      <c r="C6944" s="2">
        <v>134.19999999999999</v>
      </c>
      <c r="D6944" s="2">
        <v>0</v>
      </c>
      <c r="E6944" s="2">
        <v>224.19999999999581</v>
      </c>
    </row>
    <row r="6945" spans="1:5" x14ac:dyDescent="0.25">
      <c r="A6945" s="3">
        <v>41814.781770833331</v>
      </c>
      <c r="B6945" s="2">
        <v>25.4</v>
      </c>
      <c r="C6945" s="2">
        <v>134</v>
      </c>
      <c r="D6945" s="2">
        <v>0</v>
      </c>
      <c r="E6945" s="2">
        <v>224.19999999999581</v>
      </c>
    </row>
    <row r="6946" spans="1:5" x14ac:dyDescent="0.25">
      <c r="A6946" s="3">
        <v>41814.815046296295</v>
      </c>
      <c r="B6946" s="2">
        <v>24.4</v>
      </c>
      <c r="C6946" s="2">
        <v>133.80000000000001</v>
      </c>
      <c r="D6946" s="2">
        <v>0</v>
      </c>
      <c r="E6946" s="2">
        <v>224.19999999999581</v>
      </c>
    </row>
    <row r="6947" spans="1:5" x14ac:dyDescent="0.25">
      <c r="A6947" s="3">
        <v>41814.815451388888</v>
      </c>
      <c r="B6947" s="2">
        <v>24.4</v>
      </c>
      <c r="C6947" s="2">
        <v>134</v>
      </c>
      <c r="D6947" s="2">
        <v>0</v>
      </c>
      <c r="E6947" s="2">
        <v>224.19999999999581</v>
      </c>
    </row>
    <row r="6948" spans="1:5" x14ac:dyDescent="0.25">
      <c r="A6948" s="3">
        <v>41814.816087962965</v>
      </c>
      <c r="B6948" s="2">
        <v>24.4</v>
      </c>
      <c r="C6948" s="2">
        <v>133.80000000000001</v>
      </c>
      <c r="D6948" s="2">
        <v>0</v>
      </c>
      <c r="E6948" s="2">
        <v>224.19999999999581</v>
      </c>
    </row>
    <row r="6949" spans="1:5" x14ac:dyDescent="0.25">
      <c r="A6949" s="3">
        <v>41814.816435185188</v>
      </c>
      <c r="B6949" s="2">
        <v>24.4</v>
      </c>
      <c r="C6949" s="2">
        <v>134</v>
      </c>
      <c r="D6949" s="2">
        <v>0</v>
      </c>
      <c r="E6949" s="2">
        <v>224.19999999999581</v>
      </c>
    </row>
    <row r="6950" spans="1:5" x14ac:dyDescent="0.25">
      <c r="A6950" s="3">
        <v>41814.81695601852</v>
      </c>
      <c r="B6950" s="2">
        <v>24.4</v>
      </c>
      <c r="C6950" s="2">
        <v>133.80000000000001</v>
      </c>
      <c r="D6950" s="2">
        <v>0</v>
      </c>
      <c r="E6950" s="2">
        <v>224.19999999999581</v>
      </c>
    </row>
    <row r="6951" spans="1:5" x14ac:dyDescent="0.25">
      <c r="A6951" s="3">
        <v>41814.817939814813</v>
      </c>
      <c r="B6951" s="2">
        <v>24.4</v>
      </c>
      <c r="C6951" s="2">
        <v>134</v>
      </c>
      <c r="D6951" s="2">
        <v>0</v>
      </c>
      <c r="E6951" s="2">
        <v>224.19999999999581</v>
      </c>
    </row>
    <row r="6952" spans="1:5" x14ac:dyDescent="0.25">
      <c r="A6952" s="3">
        <v>41814.818344907406</v>
      </c>
      <c r="B6952" s="2">
        <v>24.4</v>
      </c>
      <c r="C6952" s="2">
        <v>133.80000000000001</v>
      </c>
      <c r="D6952" s="2">
        <v>0</v>
      </c>
      <c r="E6952" s="2">
        <v>224.19999999999581</v>
      </c>
    </row>
    <row r="6953" spans="1:5" x14ac:dyDescent="0.25">
      <c r="A6953" s="3">
        <v>41814.856828703705</v>
      </c>
      <c r="B6953" s="2">
        <v>23.2</v>
      </c>
      <c r="C6953" s="2">
        <v>133.6</v>
      </c>
      <c r="D6953" s="2">
        <v>0</v>
      </c>
      <c r="E6953" s="2">
        <v>224.19999999999581</v>
      </c>
    </row>
    <row r="6954" spans="1:5" x14ac:dyDescent="0.25">
      <c r="A6954" s="3">
        <v>41814.891608796293</v>
      </c>
      <c r="B6954" s="2">
        <v>22.4</v>
      </c>
      <c r="C6954" s="2">
        <v>133.4</v>
      </c>
      <c r="D6954" s="2">
        <v>0</v>
      </c>
      <c r="E6954" s="2">
        <v>224.19999999999581</v>
      </c>
    </row>
    <row r="6955" spans="1:5" x14ac:dyDescent="0.25">
      <c r="A6955" s="3">
        <v>41814.956886574073</v>
      </c>
      <c r="B6955" s="2">
        <v>21.1</v>
      </c>
      <c r="C6955" s="2">
        <v>133.19999999999999</v>
      </c>
      <c r="D6955" s="2">
        <v>0</v>
      </c>
      <c r="E6955" s="2">
        <v>224.19999999999581</v>
      </c>
    </row>
    <row r="6956" spans="1:5" x14ac:dyDescent="0.25">
      <c r="A6956" s="3">
        <v>41815.013020833336</v>
      </c>
      <c r="B6956" s="2">
        <v>20.3</v>
      </c>
      <c r="C6956" s="2">
        <v>133.19999999999999</v>
      </c>
      <c r="D6956" s="2">
        <v>0.2</v>
      </c>
      <c r="E6956" s="2">
        <v>224.3999999999958</v>
      </c>
    </row>
    <row r="6957" spans="1:5" x14ac:dyDescent="0.25">
      <c r="A6957" s="3">
        <v>41815.028703703705</v>
      </c>
      <c r="B6957" s="2">
        <v>20.100000000000001</v>
      </c>
      <c r="C6957" s="2">
        <v>133.19999999999999</v>
      </c>
      <c r="D6957" s="2">
        <v>0.2</v>
      </c>
      <c r="E6957" s="2">
        <v>224.59999999999579</v>
      </c>
    </row>
    <row r="6958" spans="1:5" x14ac:dyDescent="0.25">
      <c r="A6958" s="3">
        <v>41815.030729166669</v>
      </c>
      <c r="B6958" s="2">
        <v>20.100000000000001</v>
      </c>
      <c r="C6958" s="2">
        <v>133.4</v>
      </c>
      <c r="D6958" s="2">
        <v>0</v>
      </c>
      <c r="E6958" s="2">
        <v>224.59999999999579</v>
      </c>
    </row>
    <row r="6959" spans="1:5" x14ac:dyDescent="0.25">
      <c r="A6959" s="3">
        <v>41815.031712962962</v>
      </c>
      <c r="B6959" s="2">
        <v>20</v>
      </c>
      <c r="C6959" s="2">
        <v>133.4</v>
      </c>
      <c r="D6959" s="2">
        <v>0.2</v>
      </c>
      <c r="E6959" s="2">
        <v>224.79999999999578</v>
      </c>
    </row>
    <row r="6960" spans="1:5" x14ac:dyDescent="0.25">
      <c r="A6960" s="3">
        <v>41815.037557870368</v>
      </c>
      <c r="B6960" s="2">
        <v>19.899999999999999</v>
      </c>
      <c r="C6960" s="2">
        <v>133.4</v>
      </c>
      <c r="D6960" s="2">
        <v>0.2</v>
      </c>
      <c r="E6960" s="2">
        <v>224.99999999999577</v>
      </c>
    </row>
    <row r="6961" spans="1:5" x14ac:dyDescent="0.25">
      <c r="A6961" s="3">
        <v>41815.038194444445</v>
      </c>
      <c r="B6961" s="2">
        <v>19.899999999999999</v>
      </c>
      <c r="C6961" s="2">
        <v>133.6</v>
      </c>
      <c r="D6961" s="2">
        <v>0</v>
      </c>
      <c r="E6961" s="2">
        <v>224.99999999999577</v>
      </c>
    </row>
    <row r="6962" spans="1:5" x14ac:dyDescent="0.25">
      <c r="A6962" s="3">
        <v>41815.038483796299</v>
      </c>
      <c r="B6962" s="2">
        <v>19.899999999999999</v>
      </c>
      <c r="C6962" s="2">
        <v>133.6</v>
      </c>
      <c r="D6962" s="2">
        <v>0.2</v>
      </c>
      <c r="E6962" s="2">
        <v>225.19999999999575</v>
      </c>
    </row>
    <row r="6963" spans="1:5" x14ac:dyDescent="0.25">
      <c r="A6963" s="3">
        <v>41815.038773148146</v>
      </c>
      <c r="B6963" s="2">
        <v>19.899999999999999</v>
      </c>
      <c r="C6963" s="2">
        <v>133.6</v>
      </c>
      <c r="D6963" s="2">
        <v>0.2</v>
      </c>
      <c r="E6963" s="2">
        <v>225.39999999999574</v>
      </c>
    </row>
    <row r="6964" spans="1:5" x14ac:dyDescent="0.25">
      <c r="A6964" s="3">
        <v>41815.038888888892</v>
      </c>
      <c r="B6964" s="2">
        <v>19.899999999999999</v>
      </c>
      <c r="C6964" s="2">
        <v>133.80000000000001</v>
      </c>
      <c r="D6964" s="2">
        <v>0</v>
      </c>
      <c r="E6964" s="2">
        <v>225.39999999999574</v>
      </c>
    </row>
    <row r="6965" spans="1:5" x14ac:dyDescent="0.25">
      <c r="A6965" s="3">
        <v>41815.039120370369</v>
      </c>
      <c r="B6965" s="2">
        <v>19.8</v>
      </c>
      <c r="C6965" s="2">
        <v>133.80000000000001</v>
      </c>
      <c r="D6965" s="2">
        <v>0.2</v>
      </c>
      <c r="E6965" s="2">
        <v>225.59999999999573</v>
      </c>
    </row>
    <row r="6966" spans="1:5" x14ac:dyDescent="0.25">
      <c r="A6966" s="3">
        <v>41815.039351851854</v>
      </c>
      <c r="B6966" s="2">
        <v>19.8</v>
      </c>
      <c r="C6966" s="2">
        <v>134</v>
      </c>
      <c r="D6966" s="2">
        <v>0</v>
      </c>
      <c r="E6966" s="2">
        <v>225.59999999999573</v>
      </c>
    </row>
    <row r="6967" spans="1:5" x14ac:dyDescent="0.25">
      <c r="A6967" s="3">
        <v>41815.039467592593</v>
      </c>
      <c r="B6967" s="2">
        <v>19.8</v>
      </c>
      <c r="C6967" s="2">
        <v>134</v>
      </c>
      <c r="D6967" s="2">
        <v>0.2</v>
      </c>
      <c r="E6967" s="2">
        <v>225.79999999999572</v>
      </c>
    </row>
    <row r="6968" spans="1:5" x14ac:dyDescent="0.25">
      <c r="A6968" s="3">
        <v>41815.039814814816</v>
      </c>
      <c r="B6968" s="2">
        <v>19.8</v>
      </c>
      <c r="C6968" s="2">
        <v>134.19999999999999</v>
      </c>
      <c r="D6968" s="2">
        <v>0.2</v>
      </c>
      <c r="E6968" s="2">
        <v>225.99999999999571</v>
      </c>
    </row>
    <row r="6969" spans="1:5" x14ac:dyDescent="0.25">
      <c r="A6969" s="3">
        <v>41815.040162037039</v>
      </c>
      <c r="B6969" s="2">
        <v>19.8</v>
      </c>
      <c r="C6969" s="2">
        <v>134.19999999999999</v>
      </c>
      <c r="D6969" s="2">
        <v>0.2</v>
      </c>
      <c r="E6969" s="2">
        <v>226.1999999999957</v>
      </c>
    </row>
    <row r="6970" spans="1:5" x14ac:dyDescent="0.25">
      <c r="A6970" s="3">
        <v>41815.040219907409</v>
      </c>
      <c r="B6970" s="2">
        <v>19.8</v>
      </c>
      <c r="C6970" s="2">
        <v>134.4</v>
      </c>
      <c r="D6970" s="2">
        <v>0</v>
      </c>
      <c r="E6970" s="2">
        <v>226.1999999999957</v>
      </c>
    </row>
    <row r="6971" spans="1:5" x14ac:dyDescent="0.25">
      <c r="A6971" s="3">
        <v>41815.040509259263</v>
      </c>
      <c r="B6971" s="2">
        <v>19.8</v>
      </c>
      <c r="C6971" s="2">
        <v>134.4</v>
      </c>
      <c r="D6971" s="2">
        <v>0.2</v>
      </c>
      <c r="E6971" s="2">
        <v>226.39999999999569</v>
      </c>
    </row>
    <row r="6972" spans="1:5" x14ac:dyDescent="0.25">
      <c r="A6972" s="3">
        <v>41815.040625000001</v>
      </c>
      <c r="B6972" s="2">
        <v>19.8</v>
      </c>
      <c r="C6972" s="2">
        <v>134.6</v>
      </c>
      <c r="D6972" s="2">
        <v>0</v>
      </c>
      <c r="E6972" s="2">
        <v>226.39999999999569</v>
      </c>
    </row>
    <row r="6973" spans="1:5" x14ac:dyDescent="0.25">
      <c r="A6973" s="3">
        <v>41815.040856481479</v>
      </c>
      <c r="B6973" s="2">
        <v>19.8</v>
      </c>
      <c r="C6973" s="2">
        <v>134.6</v>
      </c>
      <c r="D6973" s="2">
        <v>0.2</v>
      </c>
      <c r="E6973" s="2">
        <v>226.59999999999567</v>
      </c>
    </row>
    <row r="6974" spans="1:5" x14ac:dyDescent="0.25">
      <c r="A6974" s="3">
        <v>41815.040914351855</v>
      </c>
      <c r="B6974" s="2">
        <v>19.8</v>
      </c>
      <c r="C6974" s="2">
        <v>134.80000000000001</v>
      </c>
      <c r="D6974" s="2">
        <v>0</v>
      </c>
      <c r="E6974" s="2">
        <v>226.59999999999567</v>
      </c>
    </row>
    <row r="6975" spans="1:5" x14ac:dyDescent="0.25">
      <c r="A6975" s="3">
        <v>41815.041030092594</v>
      </c>
      <c r="B6975" s="2">
        <v>19.8</v>
      </c>
      <c r="C6975" s="2">
        <v>134.80000000000001</v>
      </c>
      <c r="D6975" s="2">
        <v>0.2</v>
      </c>
      <c r="E6975" s="2">
        <v>226.79999999999566</v>
      </c>
    </row>
    <row r="6976" spans="1:5" x14ac:dyDescent="0.25">
      <c r="A6976" s="3">
        <v>41815.041203703702</v>
      </c>
      <c r="B6976" s="2">
        <v>19.8</v>
      </c>
      <c r="C6976" s="2">
        <v>135</v>
      </c>
      <c r="D6976" s="2">
        <v>0</v>
      </c>
      <c r="E6976" s="2">
        <v>226.79999999999566</v>
      </c>
    </row>
    <row r="6977" spans="1:5" x14ac:dyDescent="0.25">
      <c r="A6977" s="3">
        <v>41815.041261574072</v>
      </c>
      <c r="B6977" s="2">
        <v>19.8</v>
      </c>
      <c r="C6977" s="2">
        <v>135</v>
      </c>
      <c r="D6977" s="2">
        <v>0.2</v>
      </c>
      <c r="E6977" s="2">
        <v>226.99999999999565</v>
      </c>
    </row>
    <row r="6978" spans="1:5" x14ac:dyDescent="0.25">
      <c r="A6978" s="3">
        <v>41815.041493055556</v>
      </c>
      <c r="B6978" s="2">
        <v>19.7</v>
      </c>
      <c r="C6978" s="2">
        <v>135.19999999999999</v>
      </c>
      <c r="D6978" s="2">
        <v>0</v>
      </c>
      <c r="E6978" s="2">
        <v>226.99999999999565</v>
      </c>
    </row>
    <row r="6979" spans="1:5" x14ac:dyDescent="0.25">
      <c r="A6979" s="3">
        <v>41815.041550925926</v>
      </c>
      <c r="B6979" s="2">
        <v>19.7</v>
      </c>
      <c r="C6979" s="2">
        <v>135.19999999999999</v>
      </c>
      <c r="D6979" s="2">
        <v>0.2</v>
      </c>
      <c r="E6979" s="2">
        <v>227.19999999999564</v>
      </c>
    </row>
    <row r="6980" spans="1:5" x14ac:dyDescent="0.25">
      <c r="A6980" s="3">
        <v>41815.041724537034</v>
      </c>
      <c r="B6980" s="2">
        <v>19.7</v>
      </c>
      <c r="C6980" s="2">
        <v>135.4</v>
      </c>
      <c r="D6980" s="2">
        <v>0</v>
      </c>
      <c r="E6980" s="2">
        <v>227.19999999999564</v>
      </c>
    </row>
    <row r="6981" spans="1:5" x14ac:dyDescent="0.25">
      <c r="A6981" s="3">
        <v>41815.04184027778</v>
      </c>
      <c r="B6981" s="2">
        <v>19.7</v>
      </c>
      <c r="C6981" s="2">
        <v>135.4</v>
      </c>
      <c r="D6981" s="2">
        <v>0.2</v>
      </c>
      <c r="E6981" s="2">
        <v>227.39999999999563</v>
      </c>
    </row>
    <row r="6982" spans="1:5" x14ac:dyDescent="0.25">
      <c r="A6982" s="3">
        <v>41815.041956018518</v>
      </c>
      <c r="B6982" s="2">
        <v>19.7</v>
      </c>
      <c r="C6982" s="2">
        <v>135.6</v>
      </c>
      <c r="D6982" s="2">
        <v>0</v>
      </c>
      <c r="E6982" s="2">
        <v>227.39999999999563</v>
      </c>
    </row>
    <row r="6983" spans="1:5" x14ac:dyDescent="0.25">
      <c r="A6983" s="3">
        <v>41815.042013888888</v>
      </c>
      <c r="B6983" s="2">
        <v>19.7</v>
      </c>
      <c r="C6983" s="2">
        <v>135.6</v>
      </c>
      <c r="D6983" s="2">
        <v>0.2</v>
      </c>
      <c r="E6983" s="2">
        <v>227.59999999999562</v>
      </c>
    </row>
    <row r="6984" spans="1:5" x14ac:dyDescent="0.25">
      <c r="A6984" s="3">
        <v>41815.042245370372</v>
      </c>
      <c r="B6984" s="2">
        <v>19.7</v>
      </c>
      <c r="C6984" s="2">
        <v>135.80000000000001</v>
      </c>
      <c r="D6984" s="2">
        <v>0</v>
      </c>
      <c r="E6984" s="2">
        <v>227.59999999999562</v>
      </c>
    </row>
    <row r="6985" spans="1:5" x14ac:dyDescent="0.25">
      <c r="A6985" s="3">
        <v>41815.042303240742</v>
      </c>
      <c r="B6985" s="2">
        <v>19.7</v>
      </c>
      <c r="C6985" s="2">
        <v>135.80000000000001</v>
      </c>
      <c r="D6985" s="2">
        <v>0.2</v>
      </c>
      <c r="E6985" s="2">
        <v>227.79999999999561</v>
      </c>
    </row>
    <row r="6986" spans="1:5" x14ac:dyDescent="0.25">
      <c r="A6986" s="3">
        <v>41815.04247685185</v>
      </c>
      <c r="B6986" s="2">
        <v>19.7</v>
      </c>
      <c r="C6986" s="2">
        <v>136</v>
      </c>
      <c r="D6986" s="2">
        <v>0</v>
      </c>
      <c r="E6986" s="2">
        <v>227.79999999999561</v>
      </c>
    </row>
    <row r="6987" spans="1:5" x14ac:dyDescent="0.25">
      <c r="A6987" s="3">
        <v>41815.042534722219</v>
      </c>
      <c r="B6987" s="2">
        <v>19.7</v>
      </c>
      <c r="C6987" s="2">
        <v>136</v>
      </c>
      <c r="D6987" s="2">
        <v>0.2</v>
      </c>
      <c r="E6987" s="2">
        <v>227.99999999999559</v>
      </c>
    </row>
    <row r="6988" spans="1:5" x14ac:dyDescent="0.25">
      <c r="A6988" s="3">
        <v>41815.042708333334</v>
      </c>
      <c r="B6988" s="2">
        <v>19.7</v>
      </c>
      <c r="C6988" s="2">
        <v>136.19999999999999</v>
      </c>
      <c r="D6988" s="2">
        <v>0</v>
      </c>
      <c r="E6988" s="2">
        <v>227.99999999999559</v>
      </c>
    </row>
    <row r="6989" spans="1:5" x14ac:dyDescent="0.25">
      <c r="A6989" s="3">
        <v>41815.042824074073</v>
      </c>
      <c r="B6989" s="2">
        <v>19.7</v>
      </c>
      <c r="C6989" s="2">
        <v>136.19999999999999</v>
      </c>
      <c r="D6989" s="2">
        <v>0.2</v>
      </c>
      <c r="E6989" s="2">
        <v>228.19999999999558</v>
      </c>
    </row>
    <row r="6990" spans="1:5" x14ac:dyDescent="0.25">
      <c r="A6990" s="3">
        <v>41815.043055555558</v>
      </c>
      <c r="B6990" s="2">
        <v>19.7</v>
      </c>
      <c r="C6990" s="2">
        <v>136.4</v>
      </c>
      <c r="D6990" s="2">
        <v>0</v>
      </c>
      <c r="E6990" s="2">
        <v>228.19999999999558</v>
      </c>
    </row>
    <row r="6991" spans="1:5" x14ac:dyDescent="0.25">
      <c r="A6991" s="3">
        <v>41815.04351851852</v>
      </c>
      <c r="B6991" s="2">
        <v>19.600000000000001</v>
      </c>
      <c r="C6991" s="2">
        <v>136.4</v>
      </c>
      <c r="D6991" s="2">
        <v>0.2</v>
      </c>
      <c r="E6991" s="2">
        <v>228.39999999999557</v>
      </c>
    </row>
    <row r="6992" spans="1:5" x14ac:dyDescent="0.25">
      <c r="A6992" s="3">
        <v>41815.043576388889</v>
      </c>
      <c r="B6992" s="2">
        <v>19.600000000000001</v>
      </c>
      <c r="C6992" s="2">
        <v>136.6</v>
      </c>
      <c r="D6992" s="2">
        <v>0</v>
      </c>
      <c r="E6992" s="2">
        <v>228.39999999999557</v>
      </c>
    </row>
    <row r="6993" spans="1:5" x14ac:dyDescent="0.25">
      <c r="A6993" s="3">
        <v>41815.044733796298</v>
      </c>
      <c r="B6993" s="2">
        <v>19.600000000000001</v>
      </c>
      <c r="C6993" s="2">
        <v>136.6</v>
      </c>
      <c r="D6993" s="2">
        <v>0.2</v>
      </c>
      <c r="E6993" s="2">
        <v>228.59999999999556</v>
      </c>
    </row>
    <row r="6994" spans="1:5" x14ac:dyDescent="0.25">
      <c r="A6994" s="3">
        <v>41815.044849537036</v>
      </c>
      <c r="B6994" s="2">
        <v>19.600000000000001</v>
      </c>
      <c r="C6994" s="2">
        <v>136.80000000000001</v>
      </c>
      <c r="D6994" s="2">
        <v>0</v>
      </c>
      <c r="E6994" s="2">
        <v>228.59999999999556</v>
      </c>
    </row>
    <row r="6995" spans="1:5" x14ac:dyDescent="0.25">
      <c r="A6995" s="3">
        <v>41815.046932870369</v>
      </c>
      <c r="B6995" s="2">
        <v>19.5</v>
      </c>
      <c r="C6995" s="2">
        <v>136.80000000000001</v>
      </c>
      <c r="D6995" s="2">
        <v>0.2</v>
      </c>
      <c r="E6995" s="2">
        <v>228.79999999999555</v>
      </c>
    </row>
    <row r="6996" spans="1:5" x14ac:dyDescent="0.25">
      <c r="A6996" s="3">
        <v>41815.047280092593</v>
      </c>
      <c r="B6996" s="2">
        <v>19.5</v>
      </c>
      <c r="C6996" s="2">
        <v>137</v>
      </c>
      <c r="D6996" s="2">
        <v>0</v>
      </c>
      <c r="E6996" s="2">
        <v>228.79999999999555</v>
      </c>
    </row>
    <row r="6997" spans="1:5" x14ac:dyDescent="0.25">
      <c r="A6997" s="3">
        <v>41815.049305555556</v>
      </c>
      <c r="B6997" s="2">
        <v>19.5</v>
      </c>
      <c r="C6997" s="2">
        <v>137</v>
      </c>
      <c r="D6997" s="2">
        <v>0.2</v>
      </c>
      <c r="E6997" s="2">
        <v>228.99999999999554</v>
      </c>
    </row>
    <row r="6998" spans="1:5" x14ac:dyDescent="0.25">
      <c r="A6998" s="3">
        <v>41815.049710648149</v>
      </c>
      <c r="B6998" s="2">
        <v>19.5</v>
      </c>
      <c r="C6998" s="2">
        <v>137.19999999999999</v>
      </c>
      <c r="D6998" s="2">
        <v>0</v>
      </c>
      <c r="E6998" s="2">
        <v>228.99999999999554</v>
      </c>
    </row>
    <row r="6999" spans="1:5" x14ac:dyDescent="0.25">
      <c r="A6999" s="3">
        <v>41815.050752314812</v>
      </c>
      <c r="B6999" s="2">
        <v>19.5</v>
      </c>
      <c r="C6999" s="2">
        <v>137.19999999999999</v>
      </c>
      <c r="D6999" s="2">
        <v>0.2</v>
      </c>
      <c r="E6999" s="2">
        <v>229.19999999999553</v>
      </c>
    </row>
    <row r="7000" spans="1:5" x14ac:dyDescent="0.25">
      <c r="A7000" s="3">
        <v>41815.051099537035</v>
      </c>
      <c r="B7000" s="2">
        <v>19.5</v>
      </c>
      <c r="C7000" s="2">
        <v>137.4</v>
      </c>
      <c r="D7000" s="2">
        <v>0</v>
      </c>
      <c r="E7000" s="2">
        <v>229.19999999999553</v>
      </c>
    </row>
    <row r="7001" spans="1:5" x14ac:dyDescent="0.25">
      <c r="A7001" s="3">
        <v>41815.05190972222</v>
      </c>
      <c r="B7001" s="2">
        <v>19.5</v>
      </c>
      <c r="C7001" s="2">
        <v>137.4</v>
      </c>
      <c r="D7001" s="2">
        <v>0.2</v>
      </c>
      <c r="E7001" s="2">
        <v>229.39999999999552</v>
      </c>
    </row>
    <row r="7002" spans="1:5" x14ac:dyDescent="0.25">
      <c r="A7002" s="3">
        <v>41815.052372685182</v>
      </c>
      <c r="B7002" s="2">
        <v>19.5</v>
      </c>
      <c r="C7002" s="2">
        <v>137.6</v>
      </c>
      <c r="D7002" s="2">
        <v>0</v>
      </c>
      <c r="E7002" s="2">
        <v>229.39999999999552</v>
      </c>
    </row>
    <row r="7003" spans="1:5" x14ac:dyDescent="0.25">
      <c r="A7003" s="3">
        <v>41815.053298611114</v>
      </c>
      <c r="B7003" s="2">
        <v>19.399999999999999</v>
      </c>
      <c r="C7003" s="2">
        <v>137.6</v>
      </c>
      <c r="D7003" s="2">
        <v>0.2</v>
      </c>
      <c r="E7003" s="2">
        <v>229.5999999999955</v>
      </c>
    </row>
    <row r="7004" spans="1:5" x14ac:dyDescent="0.25">
      <c r="A7004" s="3">
        <v>41815.053877314815</v>
      </c>
      <c r="B7004" s="2">
        <v>19.399999999999999</v>
      </c>
      <c r="C7004" s="2">
        <v>137.80000000000001</v>
      </c>
      <c r="D7004" s="2">
        <v>0</v>
      </c>
      <c r="E7004" s="2">
        <v>229.5999999999955</v>
      </c>
    </row>
    <row r="7005" spans="1:5" x14ac:dyDescent="0.25">
      <c r="A7005" s="3">
        <v>41815.054745370369</v>
      </c>
      <c r="B7005" s="2">
        <v>19.399999999999999</v>
      </c>
      <c r="C7005" s="2">
        <v>137.80000000000001</v>
      </c>
      <c r="D7005" s="2">
        <v>0.2</v>
      </c>
      <c r="E7005" s="2">
        <v>229.79999999999549</v>
      </c>
    </row>
    <row r="7006" spans="1:5" x14ac:dyDescent="0.25">
      <c r="A7006" s="3">
        <v>41815.055787037039</v>
      </c>
      <c r="B7006" s="2">
        <v>19.399999999999999</v>
      </c>
      <c r="C7006" s="2">
        <v>138</v>
      </c>
      <c r="D7006" s="2">
        <v>0</v>
      </c>
      <c r="E7006" s="2">
        <v>229.79999999999549</v>
      </c>
    </row>
    <row r="7007" spans="1:5" x14ac:dyDescent="0.25">
      <c r="A7007" s="3">
        <v>41815.056712962964</v>
      </c>
      <c r="B7007" s="2">
        <v>19.399999999999999</v>
      </c>
      <c r="C7007" s="2">
        <v>138</v>
      </c>
      <c r="D7007" s="2">
        <v>0.2</v>
      </c>
      <c r="E7007" s="2">
        <v>229.99999999999548</v>
      </c>
    </row>
    <row r="7008" spans="1:5" x14ac:dyDescent="0.25">
      <c r="A7008" s="3">
        <v>41815.057175925926</v>
      </c>
      <c r="B7008" s="2">
        <v>19.399999999999999</v>
      </c>
      <c r="C7008" s="2">
        <v>138.19999999999999</v>
      </c>
      <c r="D7008" s="2">
        <v>0</v>
      </c>
      <c r="E7008" s="2">
        <v>229.99999999999548</v>
      </c>
    </row>
    <row r="7009" spans="1:5" x14ac:dyDescent="0.25">
      <c r="A7009" s="3">
        <v>41815.057523148149</v>
      </c>
      <c r="B7009" s="2">
        <v>19.399999999999999</v>
      </c>
      <c r="C7009" s="2">
        <v>138.19999999999999</v>
      </c>
      <c r="D7009" s="2">
        <v>0.2</v>
      </c>
      <c r="E7009" s="2">
        <v>230.19999999999547</v>
      </c>
    </row>
    <row r="7010" spans="1:5" x14ac:dyDescent="0.25">
      <c r="A7010" s="3">
        <v>41815.05804398148</v>
      </c>
      <c r="B7010" s="2">
        <v>19.3</v>
      </c>
      <c r="C7010" s="2">
        <v>138.4</v>
      </c>
      <c r="D7010" s="2">
        <v>0</v>
      </c>
      <c r="E7010" s="2">
        <v>230.19999999999547</v>
      </c>
    </row>
    <row r="7011" spans="1:5" x14ac:dyDescent="0.25">
      <c r="A7011" s="3">
        <v>41815.058391203704</v>
      </c>
      <c r="B7011" s="2">
        <v>19.3</v>
      </c>
      <c r="C7011" s="2">
        <v>138.4</v>
      </c>
      <c r="D7011" s="2">
        <v>0.2</v>
      </c>
      <c r="E7011" s="2">
        <v>230.39999999999546</v>
      </c>
    </row>
    <row r="7012" spans="1:5" x14ac:dyDescent="0.25">
      <c r="A7012" s="3">
        <v>41815.059259259258</v>
      </c>
      <c r="B7012" s="2">
        <v>19.3</v>
      </c>
      <c r="C7012" s="2">
        <v>138.6</v>
      </c>
      <c r="D7012" s="2">
        <v>0</v>
      </c>
      <c r="E7012" s="2">
        <v>230.39999999999546</v>
      </c>
    </row>
    <row r="7013" spans="1:5" x14ac:dyDescent="0.25">
      <c r="A7013" s="3">
        <v>41815.059490740743</v>
      </c>
      <c r="B7013" s="2">
        <v>19.3</v>
      </c>
      <c r="C7013" s="2">
        <v>138.6</v>
      </c>
      <c r="D7013" s="2">
        <v>0.2</v>
      </c>
      <c r="E7013" s="2">
        <v>230.59999999999545</v>
      </c>
    </row>
    <row r="7014" spans="1:5" x14ac:dyDescent="0.25">
      <c r="A7014" s="3">
        <v>41815.060416666667</v>
      </c>
      <c r="B7014" s="2">
        <v>19.3</v>
      </c>
      <c r="C7014" s="2">
        <v>138.80000000000001</v>
      </c>
      <c r="D7014" s="2">
        <v>0</v>
      </c>
      <c r="E7014" s="2">
        <v>230.59999999999545</v>
      </c>
    </row>
    <row r="7015" spans="1:5" x14ac:dyDescent="0.25">
      <c r="A7015" s="3">
        <v>41815.060648148145</v>
      </c>
      <c r="B7015" s="2">
        <v>19.3</v>
      </c>
      <c r="C7015" s="2">
        <v>138.80000000000001</v>
      </c>
      <c r="D7015" s="2">
        <v>0.2</v>
      </c>
      <c r="E7015" s="2">
        <v>230.79999999999544</v>
      </c>
    </row>
    <row r="7016" spans="1:5" x14ac:dyDescent="0.25">
      <c r="A7016" s="3">
        <v>41815.061747685184</v>
      </c>
      <c r="B7016" s="2">
        <v>19.3</v>
      </c>
      <c r="C7016" s="2">
        <v>139</v>
      </c>
      <c r="D7016" s="2">
        <v>0</v>
      </c>
      <c r="E7016" s="2">
        <v>230.79999999999544</v>
      </c>
    </row>
    <row r="7017" spans="1:5" x14ac:dyDescent="0.25">
      <c r="A7017" s="3">
        <v>41815.061805555553</v>
      </c>
      <c r="B7017" s="2">
        <v>19.3</v>
      </c>
      <c r="C7017" s="2">
        <v>139</v>
      </c>
      <c r="D7017" s="2">
        <v>0.2</v>
      </c>
      <c r="E7017" s="2">
        <v>230.99999999999542</v>
      </c>
    </row>
    <row r="7018" spans="1:5" x14ac:dyDescent="0.25">
      <c r="A7018" s="3">
        <v>41815.062789351854</v>
      </c>
      <c r="B7018" s="2">
        <v>19.3</v>
      </c>
      <c r="C7018" s="2">
        <v>139.19999999999999</v>
      </c>
      <c r="D7018" s="2">
        <v>0.2</v>
      </c>
      <c r="E7018" s="2">
        <v>231.19999999999541</v>
      </c>
    </row>
    <row r="7019" spans="1:5" x14ac:dyDescent="0.25">
      <c r="A7019" s="3">
        <v>41815.063657407409</v>
      </c>
      <c r="B7019" s="2">
        <v>19.2</v>
      </c>
      <c r="C7019" s="2">
        <v>139.19999999999999</v>
      </c>
      <c r="D7019" s="2">
        <v>0.2</v>
      </c>
      <c r="E7019" s="2">
        <v>231.3999999999954</v>
      </c>
    </row>
    <row r="7020" spans="1:5" x14ac:dyDescent="0.25">
      <c r="A7020" s="3">
        <v>41815.063715277778</v>
      </c>
      <c r="B7020" s="2">
        <v>19.2</v>
      </c>
      <c r="C7020" s="2">
        <v>139.4</v>
      </c>
      <c r="D7020" s="2">
        <v>0</v>
      </c>
      <c r="E7020" s="2">
        <v>231.3999999999954</v>
      </c>
    </row>
    <row r="7021" spans="1:5" x14ac:dyDescent="0.25">
      <c r="A7021" s="3">
        <v>41815.064699074072</v>
      </c>
      <c r="B7021" s="2">
        <v>19.2</v>
      </c>
      <c r="C7021" s="2">
        <v>139.4</v>
      </c>
      <c r="D7021" s="2">
        <v>0.2</v>
      </c>
      <c r="E7021" s="2">
        <v>231.59999999999539</v>
      </c>
    </row>
    <row r="7022" spans="1:5" x14ac:dyDescent="0.25">
      <c r="A7022" s="3">
        <v>41815.064756944441</v>
      </c>
      <c r="B7022" s="2">
        <v>19.2</v>
      </c>
      <c r="C7022" s="2">
        <v>139.6</v>
      </c>
      <c r="D7022" s="2">
        <v>0</v>
      </c>
      <c r="E7022" s="2">
        <v>231.59999999999539</v>
      </c>
    </row>
    <row r="7023" spans="1:5" x14ac:dyDescent="0.25">
      <c r="A7023" s="3">
        <v>41815.06591435185</v>
      </c>
      <c r="B7023" s="2">
        <v>19.2</v>
      </c>
      <c r="C7023" s="2">
        <v>139.6</v>
      </c>
      <c r="D7023" s="2">
        <v>0.2</v>
      </c>
      <c r="E7023" s="2">
        <v>231.79999999999538</v>
      </c>
    </row>
    <row r="7024" spans="1:5" x14ac:dyDescent="0.25">
      <c r="A7024" s="3">
        <v>41815.066087962965</v>
      </c>
      <c r="B7024" s="2">
        <v>19.2</v>
      </c>
      <c r="C7024" s="2">
        <v>139.80000000000001</v>
      </c>
      <c r="D7024" s="2">
        <v>0</v>
      </c>
      <c r="E7024" s="2">
        <v>231.79999999999538</v>
      </c>
    </row>
    <row r="7025" spans="1:5" x14ac:dyDescent="0.25">
      <c r="A7025" s="3">
        <v>41815.066840277781</v>
      </c>
      <c r="B7025" s="2">
        <v>19.2</v>
      </c>
      <c r="C7025" s="2">
        <v>139.80000000000001</v>
      </c>
      <c r="D7025" s="2">
        <v>0.2</v>
      </c>
      <c r="E7025" s="2">
        <v>231.99999999999537</v>
      </c>
    </row>
    <row r="7026" spans="1:5" x14ac:dyDescent="0.25">
      <c r="A7026" s="3">
        <v>41815.067071759258</v>
      </c>
      <c r="B7026" s="2">
        <v>19.2</v>
      </c>
      <c r="C7026" s="2">
        <v>140</v>
      </c>
      <c r="D7026" s="2">
        <v>0</v>
      </c>
      <c r="E7026" s="2">
        <v>231.99999999999537</v>
      </c>
    </row>
    <row r="7027" spans="1:5" x14ac:dyDescent="0.25">
      <c r="A7027" s="3">
        <v>41815.067997685182</v>
      </c>
      <c r="B7027" s="2">
        <v>19.100000000000001</v>
      </c>
      <c r="C7027" s="2">
        <v>140</v>
      </c>
      <c r="D7027" s="2">
        <v>0.2</v>
      </c>
      <c r="E7027" s="2">
        <v>232.19999999999536</v>
      </c>
    </row>
    <row r="7028" spans="1:5" x14ac:dyDescent="0.25">
      <c r="A7028" s="3">
        <v>41815.068229166667</v>
      </c>
      <c r="B7028" s="2">
        <v>19.100000000000001</v>
      </c>
      <c r="C7028" s="2">
        <v>140.19999999999999</v>
      </c>
      <c r="D7028" s="2">
        <v>0</v>
      </c>
      <c r="E7028" s="2">
        <v>232.19999999999536</v>
      </c>
    </row>
    <row r="7029" spans="1:5" x14ac:dyDescent="0.25">
      <c r="A7029" s="3">
        <v>41815.069097222222</v>
      </c>
      <c r="B7029" s="2">
        <v>19.100000000000001</v>
      </c>
      <c r="C7029" s="2">
        <v>140.19999999999999</v>
      </c>
      <c r="D7029" s="2">
        <v>0.2</v>
      </c>
      <c r="E7029" s="2">
        <v>232.39999999999534</v>
      </c>
    </row>
    <row r="7030" spans="1:5" x14ac:dyDescent="0.25">
      <c r="A7030" s="3">
        <v>41815.069212962961</v>
      </c>
      <c r="B7030" s="2">
        <v>19.100000000000001</v>
      </c>
      <c r="C7030" s="2">
        <v>140.4</v>
      </c>
      <c r="D7030" s="2">
        <v>0</v>
      </c>
      <c r="E7030" s="2">
        <v>232.39999999999534</v>
      </c>
    </row>
    <row r="7031" spans="1:5" x14ac:dyDescent="0.25">
      <c r="A7031" s="3">
        <v>41815.069907407407</v>
      </c>
      <c r="B7031" s="2">
        <v>19.100000000000001</v>
      </c>
      <c r="C7031" s="2">
        <v>140.4</v>
      </c>
      <c r="D7031" s="2">
        <v>0.2</v>
      </c>
      <c r="E7031" s="2">
        <v>232.59999999999533</v>
      </c>
    </row>
    <row r="7032" spans="1:5" x14ac:dyDescent="0.25">
      <c r="A7032" s="3">
        <v>41815.070138888892</v>
      </c>
      <c r="B7032" s="2">
        <v>19.100000000000001</v>
      </c>
      <c r="C7032" s="2">
        <v>140.6</v>
      </c>
      <c r="D7032" s="2">
        <v>0</v>
      </c>
      <c r="E7032" s="2">
        <v>232.59999999999533</v>
      </c>
    </row>
    <row r="7033" spans="1:5" x14ac:dyDescent="0.25">
      <c r="A7033" s="3">
        <v>41815.070833333331</v>
      </c>
      <c r="B7033" s="2">
        <v>19.100000000000001</v>
      </c>
      <c r="C7033" s="2">
        <v>140.6</v>
      </c>
      <c r="D7033" s="2">
        <v>0.2</v>
      </c>
      <c r="E7033" s="2">
        <v>232.79999999999532</v>
      </c>
    </row>
    <row r="7034" spans="1:5" x14ac:dyDescent="0.25">
      <c r="A7034" s="3">
        <v>41815.071064814816</v>
      </c>
      <c r="B7034" s="2">
        <v>19.100000000000001</v>
      </c>
      <c r="C7034" s="2">
        <v>140.80000000000001</v>
      </c>
      <c r="D7034" s="2">
        <v>0</v>
      </c>
      <c r="E7034" s="2">
        <v>232.79999999999532</v>
      </c>
    </row>
    <row r="7035" spans="1:5" x14ac:dyDescent="0.25">
      <c r="A7035" s="3">
        <v>41815.07199074074</v>
      </c>
      <c r="B7035" s="2">
        <v>19.100000000000001</v>
      </c>
      <c r="C7035" s="2">
        <v>140.80000000000001</v>
      </c>
      <c r="D7035" s="2">
        <v>0.2</v>
      </c>
      <c r="E7035" s="2">
        <v>232.99999999999531</v>
      </c>
    </row>
    <row r="7036" spans="1:5" x14ac:dyDescent="0.25">
      <c r="A7036" s="3">
        <v>41815.072164351855</v>
      </c>
      <c r="B7036" s="2">
        <v>19.100000000000001</v>
      </c>
      <c r="C7036" s="2">
        <v>141</v>
      </c>
      <c r="D7036" s="2">
        <v>0</v>
      </c>
      <c r="E7036" s="2">
        <v>232.99999999999531</v>
      </c>
    </row>
    <row r="7037" spans="1:5" x14ac:dyDescent="0.25">
      <c r="A7037" s="3">
        <v>41815.073437500003</v>
      </c>
      <c r="B7037" s="2">
        <v>19</v>
      </c>
      <c r="C7037" s="2">
        <v>141</v>
      </c>
      <c r="D7037" s="2">
        <v>0.2</v>
      </c>
      <c r="E7037" s="2">
        <v>233.1999999999953</v>
      </c>
    </row>
    <row r="7038" spans="1:5" x14ac:dyDescent="0.25">
      <c r="A7038" s="3">
        <v>41815.073611111111</v>
      </c>
      <c r="B7038" s="2">
        <v>19</v>
      </c>
      <c r="C7038" s="2">
        <v>141.19999999999999</v>
      </c>
      <c r="D7038" s="2">
        <v>0</v>
      </c>
      <c r="E7038" s="2">
        <v>233.1999999999953</v>
      </c>
    </row>
    <row r="7039" spans="1:5" x14ac:dyDescent="0.25">
      <c r="A7039" s="3">
        <v>41815.07471064815</v>
      </c>
      <c r="B7039" s="2">
        <v>19</v>
      </c>
      <c r="C7039" s="2">
        <v>141.19999999999999</v>
      </c>
      <c r="D7039" s="2">
        <v>0.2</v>
      </c>
      <c r="E7039" s="2">
        <v>233.39999999999529</v>
      </c>
    </row>
    <row r="7040" spans="1:5" x14ac:dyDescent="0.25">
      <c r="A7040" s="3">
        <v>41815.074999999997</v>
      </c>
      <c r="B7040" s="2">
        <v>19</v>
      </c>
      <c r="C7040" s="2">
        <v>141.4</v>
      </c>
      <c r="D7040" s="2">
        <v>0</v>
      </c>
      <c r="E7040" s="2">
        <v>233.39999999999529</v>
      </c>
    </row>
    <row r="7041" spans="1:5" x14ac:dyDescent="0.25">
      <c r="A7041" s="3">
        <v>41815.075925925928</v>
      </c>
      <c r="B7041" s="2">
        <v>18.899999999999999</v>
      </c>
      <c r="C7041" s="2">
        <v>141.4</v>
      </c>
      <c r="D7041" s="2">
        <v>0.2</v>
      </c>
      <c r="E7041" s="2">
        <v>233.59999999999528</v>
      </c>
    </row>
    <row r="7042" spans="1:5" x14ac:dyDescent="0.25">
      <c r="A7042" s="3">
        <v>41815.076041666667</v>
      </c>
      <c r="B7042" s="2">
        <v>18.899999999999999</v>
      </c>
      <c r="C7042" s="2">
        <v>141.6</v>
      </c>
      <c r="D7042" s="2">
        <v>0</v>
      </c>
      <c r="E7042" s="2">
        <v>233.59999999999528</v>
      </c>
    </row>
    <row r="7043" spans="1:5" x14ac:dyDescent="0.25">
      <c r="A7043" s="3">
        <v>41815.077372685184</v>
      </c>
      <c r="B7043" s="2">
        <v>18.899999999999999</v>
      </c>
      <c r="C7043" s="2">
        <v>141.6</v>
      </c>
      <c r="D7043" s="2">
        <v>0.2</v>
      </c>
      <c r="E7043" s="2">
        <v>233.79999999999526</v>
      </c>
    </row>
    <row r="7044" spans="1:5" x14ac:dyDescent="0.25">
      <c r="A7044" s="3">
        <v>41815.077546296299</v>
      </c>
      <c r="B7044" s="2">
        <v>18.899999999999999</v>
      </c>
      <c r="C7044" s="2">
        <v>141.80000000000001</v>
      </c>
      <c r="D7044" s="2">
        <v>0</v>
      </c>
      <c r="E7044" s="2">
        <v>233.79999999999526</v>
      </c>
    </row>
    <row r="7045" spans="1:5" x14ac:dyDescent="0.25">
      <c r="A7045" s="3">
        <v>41815.07916666667</v>
      </c>
      <c r="B7045" s="2">
        <v>18.899999999999999</v>
      </c>
      <c r="C7045" s="2">
        <v>141.80000000000001</v>
      </c>
      <c r="D7045" s="2">
        <v>0.2</v>
      </c>
      <c r="E7045" s="2">
        <v>233.99999999999525</v>
      </c>
    </row>
    <row r="7046" spans="1:5" x14ac:dyDescent="0.25">
      <c r="A7046" s="3">
        <v>41815.079571759263</v>
      </c>
      <c r="B7046" s="2">
        <v>18.899999999999999</v>
      </c>
      <c r="C7046" s="2">
        <v>142</v>
      </c>
      <c r="D7046" s="2">
        <v>0</v>
      </c>
      <c r="E7046" s="2">
        <v>233.99999999999525</v>
      </c>
    </row>
    <row r="7047" spans="1:5" x14ac:dyDescent="0.25">
      <c r="A7047" s="3">
        <v>41815.080729166664</v>
      </c>
      <c r="B7047" s="2">
        <v>18.899999999999999</v>
      </c>
      <c r="C7047" s="2">
        <v>142</v>
      </c>
      <c r="D7047" s="2">
        <v>0.2</v>
      </c>
      <c r="E7047" s="2">
        <v>234.19999999999524</v>
      </c>
    </row>
    <row r="7048" spans="1:5" x14ac:dyDescent="0.25">
      <c r="A7048" s="3">
        <v>41815.081076388888</v>
      </c>
      <c r="B7048" s="2">
        <v>18.899999999999999</v>
      </c>
      <c r="C7048" s="2">
        <v>142.19999999999999</v>
      </c>
      <c r="D7048" s="2">
        <v>0</v>
      </c>
      <c r="E7048" s="2">
        <v>234.19999999999524</v>
      </c>
    </row>
    <row r="7049" spans="1:5" x14ac:dyDescent="0.25">
      <c r="A7049" s="3">
        <v>41815.082986111112</v>
      </c>
      <c r="B7049" s="2">
        <v>18.8</v>
      </c>
      <c r="C7049" s="2">
        <v>142.19999999999999</v>
      </c>
      <c r="D7049" s="2">
        <v>0.2</v>
      </c>
      <c r="E7049" s="2">
        <v>234.39999999999523</v>
      </c>
    </row>
    <row r="7050" spans="1:5" x14ac:dyDescent="0.25">
      <c r="A7050" s="3">
        <v>41815.083449074074</v>
      </c>
      <c r="B7050" s="2">
        <v>18.8</v>
      </c>
      <c r="C7050" s="2">
        <v>142.4</v>
      </c>
      <c r="D7050" s="2">
        <v>0</v>
      </c>
      <c r="E7050" s="2">
        <v>234.39999999999523</v>
      </c>
    </row>
    <row r="7051" spans="1:5" x14ac:dyDescent="0.25">
      <c r="A7051" s="3">
        <v>41815.084548611114</v>
      </c>
      <c r="B7051" s="2">
        <v>18.8</v>
      </c>
      <c r="C7051" s="2">
        <v>142.4</v>
      </c>
      <c r="D7051" s="2">
        <v>0.2</v>
      </c>
      <c r="E7051" s="2">
        <v>234.59999999999522</v>
      </c>
    </row>
    <row r="7052" spans="1:5" x14ac:dyDescent="0.25">
      <c r="A7052" s="3">
        <v>41815.085127314815</v>
      </c>
      <c r="B7052" s="2">
        <v>18.8</v>
      </c>
      <c r="C7052" s="2">
        <v>142.6</v>
      </c>
      <c r="D7052" s="2">
        <v>0</v>
      </c>
      <c r="E7052" s="2">
        <v>234.59999999999522</v>
      </c>
    </row>
    <row r="7053" spans="1:5" x14ac:dyDescent="0.25">
      <c r="A7053" s="3">
        <v>41815.086863425924</v>
      </c>
      <c r="B7053" s="2">
        <v>18.8</v>
      </c>
      <c r="C7053" s="2">
        <v>142.6</v>
      </c>
      <c r="D7053" s="2">
        <v>0.2</v>
      </c>
      <c r="E7053" s="2">
        <v>234.79999999999521</v>
      </c>
    </row>
    <row r="7054" spans="1:5" x14ac:dyDescent="0.25">
      <c r="A7054" s="3">
        <v>41815.087905092594</v>
      </c>
      <c r="B7054" s="2">
        <v>18.8</v>
      </c>
      <c r="C7054" s="2">
        <v>142.80000000000001</v>
      </c>
      <c r="D7054" s="2">
        <v>0</v>
      </c>
      <c r="E7054" s="2">
        <v>234.79999999999521</v>
      </c>
    </row>
    <row r="7055" spans="1:5" x14ac:dyDescent="0.25">
      <c r="A7055" s="3">
        <v>41815.088946759257</v>
      </c>
      <c r="B7055" s="2">
        <v>18.7</v>
      </c>
      <c r="C7055" s="2">
        <v>142.80000000000001</v>
      </c>
      <c r="D7055" s="2">
        <v>0.2</v>
      </c>
      <c r="E7055" s="2">
        <v>234.9999999999952</v>
      </c>
    </row>
    <row r="7056" spans="1:5" x14ac:dyDescent="0.25">
      <c r="A7056" s="3">
        <v>41815.089814814812</v>
      </c>
      <c r="B7056" s="2">
        <v>18.7</v>
      </c>
      <c r="C7056" s="2">
        <v>143</v>
      </c>
      <c r="D7056" s="2">
        <v>0</v>
      </c>
      <c r="E7056" s="2">
        <v>234.9999999999952</v>
      </c>
    </row>
    <row r="7057" spans="1:5" x14ac:dyDescent="0.25">
      <c r="A7057" s="3">
        <v>41815.091377314813</v>
      </c>
      <c r="B7057" s="2">
        <v>18.7</v>
      </c>
      <c r="C7057" s="2">
        <v>143</v>
      </c>
      <c r="D7057" s="2">
        <v>0.2</v>
      </c>
      <c r="E7057" s="2">
        <v>235.19999999999519</v>
      </c>
    </row>
    <row r="7058" spans="1:5" x14ac:dyDescent="0.25">
      <c r="A7058" s="3">
        <v>41815.09270833333</v>
      </c>
      <c r="B7058" s="2">
        <v>18.7</v>
      </c>
      <c r="C7058" s="2">
        <v>143.19999999999999</v>
      </c>
      <c r="D7058" s="2">
        <v>0</v>
      </c>
      <c r="E7058" s="2">
        <v>235.19999999999519</v>
      </c>
    </row>
    <row r="7059" spans="1:5" x14ac:dyDescent="0.25">
      <c r="A7059" s="3">
        <v>41815.093865740739</v>
      </c>
      <c r="B7059" s="2">
        <v>18.7</v>
      </c>
      <c r="C7059" s="2">
        <v>143.19999999999999</v>
      </c>
      <c r="D7059" s="2">
        <v>0.2</v>
      </c>
      <c r="E7059" s="2">
        <v>235.39999999999517</v>
      </c>
    </row>
    <row r="7060" spans="1:5" x14ac:dyDescent="0.25">
      <c r="A7060" s="3">
        <v>41815.094907407409</v>
      </c>
      <c r="B7060" s="2">
        <v>18.600000000000001</v>
      </c>
      <c r="C7060" s="2">
        <v>143.4</v>
      </c>
      <c r="D7060" s="2">
        <v>0</v>
      </c>
      <c r="E7060" s="2">
        <v>235.39999999999517</v>
      </c>
    </row>
    <row r="7061" spans="1:5" x14ac:dyDescent="0.25">
      <c r="A7061" s="3">
        <v>41815.095659722225</v>
      </c>
      <c r="B7061" s="2">
        <v>18.600000000000001</v>
      </c>
      <c r="C7061" s="2">
        <v>143.4</v>
      </c>
      <c r="D7061" s="2">
        <v>0.2</v>
      </c>
      <c r="E7061" s="2">
        <v>235.59999999999516</v>
      </c>
    </row>
    <row r="7062" spans="1:5" x14ac:dyDescent="0.25">
      <c r="A7062" s="3">
        <v>41815.096817129626</v>
      </c>
      <c r="B7062" s="2">
        <v>18.600000000000001</v>
      </c>
      <c r="C7062" s="2">
        <v>143.6</v>
      </c>
      <c r="D7062" s="2">
        <v>0</v>
      </c>
      <c r="E7062" s="2">
        <v>235.59999999999516</v>
      </c>
    </row>
    <row r="7063" spans="1:5" x14ac:dyDescent="0.25">
      <c r="A7063" s="3">
        <v>41815.097395833334</v>
      </c>
      <c r="B7063" s="2">
        <v>18.600000000000001</v>
      </c>
      <c r="C7063" s="2">
        <v>143.6</v>
      </c>
      <c r="D7063" s="2">
        <v>0.2</v>
      </c>
      <c r="E7063" s="2">
        <v>235.79999999999515</v>
      </c>
    </row>
    <row r="7064" spans="1:5" x14ac:dyDescent="0.25">
      <c r="A7064" s="3">
        <v>41815.098495370374</v>
      </c>
      <c r="B7064" s="2">
        <v>18.600000000000001</v>
      </c>
      <c r="C7064" s="2">
        <v>143.80000000000001</v>
      </c>
      <c r="D7064" s="2">
        <v>0</v>
      </c>
      <c r="E7064" s="2">
        <v>235.79999999999515</v>
      </c>
    </row>
    <row r="7065" spans="1:5" x14ac:dyDescent="0.25">
      <c r="A7065" s="3">
        <v>41815.099247685182</v>
      </c>
      <c r="B7065" s="2">
        <v>18.600000000000001</v>
      </c>
      <c r="C7065" s="2">
        <v>143.80000000000001</v>
      </c>
      <c r="D7065" s="2">
        <v>0.2</v>
      </c>
      <c r="E7065" s="2">
        <v>235.99999999999514</v>
      </c>
    </row>
    <row r="7066" spans="1:5" x14ac:dyDescent="0.25">
      <c r="A7066" s="3">
        <v>41815.1015625</v>
      </c>
      <c r="B7066" s="2">
        <v>18.5</v>
      </c>
      <c r="C7066" s="2">
        <v>144</v>
      </c>
      <c r="D7066" s="2">
        <v>0</v>
      </c>
      <c r="E7066" s="2">
        <v>235.99999999999514</v>
      </c>
    </row>
    <row r="7067" spans="1:5" x14ac:dyDescent="0.25">
      <c r="A7067" s="3">
        <v>41815.102719907409</v>
      </c>
      <c r="B7067" s="2">
        <v>18.5</v>
      </c>
      <c r="C7067" s="2">
        <v>144</v>
      </c>
      <c r="D7067" s="2">
        <v>0.2</v>
      </c>
      <c r="E7067" s="2">
        <v>236.19999999999513</v>
      </c>
    </row>
    <row r="7068" spans="1:5" x14ac:dyDescent="0.25">
      <c r="A7068" s="3">
        <v>41815.105729166666</v>
      </c>
      <c r="B7068" s="2">
        <v>18.5</v>
      </c>
      <c r="C7068" s="2">
        <v>144.19999999999999</v>
      </c>
      <c r="D7068" s="2">
        <v>0</v>
      </c>
      <c r="E7068" s="2">
        <v>236.19999999999513</v>
      </c>
    </row>
    <row r="7069" spans="1:5" x14ac:dyDescent="0.25">
      <c r="A7069" s="3">
        <v>41815.10601851852</v>
      </c>
      <c r="B7069" s="2">
        <v>18.5</v>
      </c>
      <c r="C7069" s="2">
        <v>144.19999999999999</v>
      </c>
      <c r="D7069" s="2">
        <v>0.2</v>
      </c>
      <c r="E7069" s="2">
        <v>236.39999999999512</v>
      </c>
    </row>
    <row r="7070" spans="1:5" x14ac:dyDescent="0.25">
      <c r="A7070" s="3">
        <v>41815.107638888891</v>
      </c>
      <c r="B7070" s="2">
        <v>18.5</v>
      </c>
      <c r="C7070" s="2">
        <v>144.4</v>
      </c>
      <c r="D7070" s="2">
        <v>0.2</v>
      </c>
      <c r="E7070" s="2">
        <v>236.59999999999511</v>
      </c>
    </row>
    <row r="7071" spans="1:5" x14ac:dyDescent="0.25">
      <c r="A7071" s="3">
        <v>41815.109780092593</v>
      </c>
      <c r="B7071" s="2">
        <v>18.399999999999999</v>
      </c>
      <c r="C7071" s="2">
        <v>144.6</v>
      </c>
      <c r="D7071" s="2">
        <v>0.2</v>
      </c>
      <c r="E7071" s="2">
        <v>236.79999999999509</v>
      </c>
    </row>
    <row r="7072" spans="1:5" x14ac:dyDescent="0.25">
      <c r="A7072" s="3">
        <v>41815.111111111109</v>
      </c>
      <c r="B7072" s="2">
        <v>18.399999999999999</v>
      </c>
      <c r="C7072" s="2">
        <v>144.6</v>
      </c>
      <c r="D7072" s="2">
        <v>0.2</v>
      </c>
      <c r="E7072" s="2">
        <v>236.99999999999508</v>
      </c>
    </row>
    <row r="7073" spans="1:5" x14ac:dyDescent="0.25">
      <c r="A7073" s="3">
        <v>41815.111342592594</v>
      </c>
      <c r="B7073" s="2">
        <v>18.399999999999999</v>
      </c>
      <c r="C7073" s="2">
        <v>144.80000000000001</v>
      </c>
      <c r="D7073" s="2">
        <v>0</v>
      </c>
      <c r="E7073" s="2">
        <v>236.99999999999508</v>
      </c>
    </row>
    <row r="7074" spans="1:5" x14ac:dyDescent="0.25">
      <c r="A7074" s="3">
        <v>41815.112326388888</v>
      </c>
      <c r="B7074" s="2">
        <v>18.399999999999999</v>
      </c>
      <c r="C7074" s="2">
        <v>144.80000000000001</v>
      </c>
      <c r="D7074" s="2">
        <v>0.2</v>
      </c>
      <c r="E7074" s="2">
        <v>237.19999999999507</v>
      </c>
    </row>
    <row r="7075" spans="1:5" x14ac:dyDescent="0.25">
      <c r="A7075" s="3">
        <v>41815.112615740742</v>
      </c>
      <c r="B7075" s="2">
        <v>18.399999999999999</v>
      </c>
      <c r="C7075" s="2">
        <v>145</v>
      </c>
      <c r="D7075" s="2">
        <v>0</v>
      </c>
      <c r="E7075" s="2">
        <v>237.19999999999507</v>
      </c>
    </row>
    <row r="7076" spans="1:5" x14ac:dyDescent="0.25">
      <c r="A7076" s="3">
        <v>41815.113425925927</v>
      </c>
      <c r="B7076" s="2">
        <v>18.399999999999999</v>
      </c>
      <c r="C7076" s="2">
        <v>145</v>
      </c>
      <c r="D7076" s="2">
        <v>0.2</v>
      </c>
      <c r="E7076" s="2">
        <v>237.39999999999506</v>
      </c>
    </row>
    <row r="7077" spans="1:5" x14ac:dyDescent="0.25">
      <c r="A7077" s="3">
        <v>41815.113715277781</v>
      </c>
      <c r="B7077" s="2">
        <v>18.399999999999999</v>
      </c>
      <c r="C7077" s="2">
        <v>145.19999999999999</v>
      </c>
      <c r="D7077" s="2">
        <v>0</v>
      </c>
      <c r="E7077" s="2">
        <v>237.39999999999506</v>
      </c>
    </row>
    <row r="7078" spans="1:5" x14ac:dyDescent="0.25">
      <c r="A7078" s="3">
        <v>41815.114930555559</v>
      </c>
      <c r="B7078" s="2">
        <v>18.3</v>
      </c>
      <c r="C7078" s="2">
        <v>145.19999999999999</v>
      </c>
      <c r="D7078" s="2">
        <v>0.2</v>
      </c>
      <c r="E7078" s="2">
        <v>237.59999999999505</v>
      </c>
    </row>
    <row r="7079" spans="1:5" x14ac:dyDescent="0.25">
      <c r="A7079" s="3">
        <v>41815.115162037036</v>
      </c>
      <c r="B7079" s="2">
        <v>18.3</v>
      </c>
      <c r="C7079" s="2">
        <v>145.4</v>
      </c>
      <c r="D7079" s="2">
        <v>0</v>
      </c>
      <c r="E7079" s="2">
        <v>237.59999999999505</v>
      </c>
    </row>
    <row r="7080" spans="1:5" x14ac:dyDescent="0.25">
      <c r="A7080" s="3">
        <v>41815.115856481483</v>
      </c>
      <c r="B7080" s="2">
        <v>18.3</v>
      </c>
      <c r="C7080" s="2">
        <v>145.4</v>
      </c>
      <c r="D7080" s="2">
        <v>0.2</v>
      </c>
      <c r="E7080" s="2">
        <v>237.79999999999504</v>
      </c>
    </row>
    <row r="7081" spans="1:5" x14ac:dyDescent="0.25">
      <c r="A7081" s="3">
        <v>41815.116319444445</v>
      </c>
      <c r="B7081" s="2">
        <v>18.3</v>
      </c>
      <c r="C7081" s="2">
        <v>145.6</v>
      </c>
      <c r="D7081" s="2">
        <v>0</v>
      </c>
      <c r="E7081" s="2">
        <v>237.79999999999504</v>
      </c>
    </row>
    <row r="7082" spans="1:5" x14ac:dyDescent="0.25">
      <c r="A7082" s="3">
        <v>41815.116898148146</v>
      </c>
      <c r="B7082" s="2">
        <v>18.3</v>
      </c>
      <c r="C7082" s="2">
        <v>145.6</v>
      </c>
      <c r="D7082" s="2">
        <v>0.2</v>
      </c>
      <c r="E7082" s="2">
        <v>237.99999999999503</v>
      </c>
    </row>
    <row r="7083" spans="1:5" x14ac:dyDescent="0.25">
      <c r="A7083" s="3">
        <v>41815.117303240739</v>
      </c>
      <c r="B7083" s="2">
        <v>18.2</v>
      </c>
      <c r="C7083" s="2">
        <v>145.80000000000001</v>
      </c>
      <c r="D7083" s="2">
        <v>0</v>
      </c>
      <c r="E7083" s="2">
        <v>237.99999999999503</v>
      </c>
    </row>
    <row r="7084" spans="1:5" x14ac:dyDescent="0.25">
      <c r="A7084" s="3">
        <v>41815.117766203701</v>
      </c>
      <c r="B7084" s="2">
        <v>18.2</v>
      </c>
      <c r="C7084" s="2">
        <v>145.80000000000001</v>
      </c>
      <c r="D7084" s="2">
        <v>0.2</v>
      </c>
      <c r="E7084" s="2">
        <v>238.19999999999501</v>
      </c>
    </row>
    <row r="7085" spans="1:5" x14ac:dyDescent="0.25">
      <c r="A7085" s="3">
        <v>41815.118113425924</v>
      </c>
      <c r="B7085" s="2">
        <v>18.2</v>
      </c>
      <c r="C7085" s="2">
        <v>146</v>
      </c>
      <c r="D7085" s="2">
        <v>0</v>
      </c>
      <c r="E7085" s="2">
        <v>238.19999999999501</v>
      </c>
    </row>
    <row r="7086" spans="1:5" x14ac:dyDescent="0.25">
      <c r="A7086" s="3">
        <v>41815.118692129632</v>
      </c>
      <c r="B7086" s="2">
        <v>18.2</v>
      </c>
      <c r="C7086" s="2">
        <v>146</v>
      </c>
      <c r="D7086" s="2">
        <v>0.2</v>
      </c>
      <c r="E7086" s="2">
        <v>238.399999999995</v>
      </c>
    </row>
    <row r="7087" spans="1:5" x14ac:dyDescent="0.25">
      <c r="A7087" s="3">
        <v>41815.119039351855</v>
      </c>
      <c r="B7087" s="2">
        <v>18.2</v>
      </c>
      <c r="C7087" s="2">
        <v>146.19999999999999</v>
      </c>
      <c r="D7087" s="2">
        <v>0</v>
      </c>
      <c r="E7087" s="2">
        <v>238.399999999995</v>
      </c>
    </row>
    <row r="7088" spans="1:5" x14ac:dyDescent="0.25">
      <c r="A7088" s="3">
        <v>41815.119444444441</v>
      </c>
      <c r="B7088" s="2">
        <v>18.2</v>
      </c>
      <c r="C7088" s="2">
        <v>146.19999999999999</v>
      </c>
      <c r="D7088" s="2">
        <v>0.2</v>
      </c>
      <c r="E7088" s="2">
        <v>238.59999999999499</v>
      </c>
    </row>
    <row r="7089" spans="1:5" x14ac:dyDescent="0.25">
      <c r="A7089" s="3">
        <v>41815.11996527778</v>
      </c>
      <c r="B7089" s="2">
        <v>18.2</v>
      </c>
      <c r="C7089" s="2">
        <v>146.4</v>
      </c>
      <c r="D7089" s="2">
        <v>0</v>
      </c>
      <c r="E7089" s="2">
        <v>238.59999999999499</v>
      </c>
    </row>
    <row r="7090" spans="1:5" x14ac:dyDescent="0.25">
      <c r="A7090" s="3">
        <v>41815.120370370372</v>
      </c>
      <c r="B7090" s="2">
        <v>18.2</v>
      </c>
      <c r="C7090" s="2">
        <v>146.4</v>
      </c>
      <c r="D7090" s="2">
        <v>0.2</v>
      </c>
      <c r="E7090" s="2">
        <v>238.79999999999498</v>
      </c>
    </row>
    <row r="7091" spans="1:5" x14ac:dyDescent="0.25">
      <c r="A7091" s="3">
        <v>41815.121006944442</v>
      </c>
      <c r="B7091" s="2">
        <v>18.2</v>
      </c>
      <c r="C7091" s="2">
        <v>146.6</v>
      </c>
      <c r="D7091" s="2">
        <v>0</v>
      </c>
      <c r="E7091" s="2">
        <v>238.79999999999498</v>
      </c>
    </row>
    <row r="7092" spans="1:5" x14ac:dyDescent="0.25">
      <c r="A7092" s="3">
        <v>41815.121354166666</v>
      </c>
      <c r="B7092" s="2">
        <v>18.2</v>
      </c>
      <c r="C7092" s="2">
        <v>146.6</v>
      </c>
      <c r="D7092" s="2">
        <v>0.2</v>
      </c>
      <c r="E7092" s="2">
        <v>238.99999999999497</v>
      </c>
    </row>
    <row r="7093" spans="1:5" x14ac:dyDescent="0.25">
      <c r="A7093" s="3">
        <v>41815.122164351851</v>
      </c>
      <c r="B7093" s="2">
        <v>18.100000000000001</v>
      </c>
      <c r="C7093" s="2">
        <v>146.80000000000001</v>
      </c>
      <c r="D7093" s="2">
        <v>0</v>
      </c>
      <c r="E7093" s="2">
        <v>238.99999999999497</v>
      </c>
    </row>
    <row r="7094" spans="1:5" x14ac:dyDescent="0.25">
      <c r="A7094" s="3">
        <v>41815.123206018521</v>
      </c>
      <c r="B7094" s="2">
        <v>18.100000000000001</v>
      </c>
      <c r="C7094" s="2">
        <v>146.80000000000001</v>
      </c>
      <c r="D7094" s="2">
        <v>0.2</v>
      </c>
      <c r="E7094" s="2">
        <v>239.19999999999496</v>
      </c>
    </row>
    <row r="7095" spans="1:5" x14ac:dyDescent="0.25">
      <c r="A7095" s="3">
        <v>41815.124016203707</v>
      </c>
      <c r="B7095" s="2">
        <v>18.100000000000001</v>
      </c>
      <c r="C7095" s="2">
        <v>147</v>
      </c>
      <c r="D7095" s="2">
        <v>0</v>
      </c>
      <c r="E7095" s="2">
        <v>239.19999999999496</v>
      </c>
    </row>
    <row r="7096" spans="1:5" x14ac:dyDescent="0.25">
      <c r="A7096" s="3">
        <v>41815.124479166669</v>
      </c>
      <c r="B7096" s="2">
        <v>18.100000000000001</v>
      </c>
      <c r="C7096" s="2">
        <v>147</v>
      </c>
      <c r="D7096" s="2">
        <v>0.2</v>
      </c>
      <c r="E7096" s="2">
        <v>239.39999999999495</v>
      </c>
    </row>
    <row r="7097" spans="1:5" x14ac:dyDescent="0.25">
      <c r="A7097" s="3">
        <v>41815.125173611108</v>
      </c>
      <c r="B7097" s="2">
        <v>18.100000000000001</v>
      </c>
      <c r="C7097" s="2">
        <v>147.19999999999999</v>
      </c>
      <c r="D7097" s="2">
        <v>0</v>
      </c>
      <c r="E7097" s="2">
        <v>239.39999999999495</v>
      </c>
    </row>
    <row r="7098" spans="1:5" x14ac:dyDescent="0.25">
      <c r="A7098" s="3">
        <v>41815.125868055555</v>
      </c>
      <c r="B7098" s="2">
        <v>18.100000000000001</v>
      </c>
      <c r="C7098" s="2">
        <v>147.19999999999999</v>
      </c>
      <c r="D7098" s="2">
        <v>0.2</v>
      </c>
      <c r="E7098" s="2">
        <v>239.59999999999494</v>
      </c>
    </row>
    <row r="7099" spans="1:5" x14ac:dyDescent="0.25">
      <c r="A7099" s="3">
        <v>41815.126620370371</v>
      </c>
      <c r="B7099" s="2">
        <v>18.100000000000001</v>
      </c>
      <c r="C7099" s="2">
        <v>147.4</v>
      </c>
      <c r="D7099" s="2">
        <v>0</v>
      </c>
      <c r="E7099" s="2">
        <v>239.59999999999494</v>
      </c>
    </row>
    <row r="7100" spans="1:5" x14ac:dyDescent="0.25">
      <c r="A7100" s="3">
        <v>41815.127430555556</v>
      </c>
      <c r="B7100" s="2">
        <v>18.100000000000001</v>
      </c>
      <c r="C7100" s="2">
        <v>147.4</v>
      </c>
      <c r="D7100" s="2">
        <v>0.2</v>
      </c>
      <c r="E7100" s="2">
        <v>239.79999999999492</v>
      </c>
    </row>
    <row r="7101" spans="1:5" x14ac:dyDescent="0.25">
      <c r="A7101" s="3">
        <v>41815.128298611111</v>
      </c>
      <c r="B7101" s="2">
        <v>18</v>
      </c>
      <c r="C7101" s="2">
        <v>147.6</v>
      </c>
      <c r="D7101" s="2">
        <v>0</v>
      </c>
      <c r="E7101" s="2">
        <v>239.79999999999492</v>
      </c>
    </row>
    <row r="7102" spans="1:5" x14ac:dyDescent="0.25">
      <c r="A7102" s="3">
        <v>41815.128993055558</v>
      </c>
      <c r="B7102" s="2">
        <v>18</v>
      </c>
      <c r="C7102" s="2">
        <v>147.6</v>
      </c>
      <c r="D7102" s="2">
        <v>0.2</v>
      </c>
      <c r="E7102" s="2">
        <v>239.99999999999491</v>
      </c>
    </row>
    <row r="7103" spans="1:5" x14ac:dyDescent="0.25">
      <c r="A7103" s="3">
        <v>41815.129513888889</v>
      </c>
      <c r="B7103" s="2">
        <v>18.100000000000001</v>
      </c>
      <c r="C7103" s="2">
        <v>147.80000000000001</v>
      </c>
      <c r="D7103" s="2">
        <v>0</v>
      </c>
      <c r="E7103" s="2">
        <v>239.99999999999491</v>
      </c>
    </row>
    <row r="7104" spans="1:5" x14ac:dyDescent="0.25">
      <c r="A7104" s="3">
        <v>41815.129976851851</v>
      </c>
      <c r="B7104" s="2">
        <v>18</v>
      </c>
      <c r="C7104" s="2">
        <v>147.80000000000001</v>
      </c>
      <c r="D7104" s="2">
        <v>0.2</v>
      </c>
      <c r="E7104" s="2">
        <v>240.1999999999949</v>
      </c>
    </row>
    <row r="7105" spans="1:5" x14ac:dyDescent="0.25">
      <c r="A7105" s="3">
        <v>41815.130671296298</v>
      </c>
      <c r="B7105" s="2">
        <v>18</v>
      </c>
      <c r="C7105" s="2">
        <v>148</v>
      </c>
      <c r="D7105" s="2">
        <v>0</v>
      </c>
      <c r="E7105" s="2">
        <v>240.1999999999949</v>
      </c>
    </row>
    <row r="7106" spans="1:5" x14ac:dyDescent="0.25">
      <c r="A7106" s="3">
        <v>41815.131249999999</v>
      </c>
      <c r="B7106" s="2">
        <v>18</v>
      </c>
      <c r="C7106" s="2">
        <v>148</v>
      </c>
      <c r="D7106" s="2">
        <v>0.2</v>
      </c>
      <c r="E7106" s="2">
        <v>240.39999999999489</v>
      </c>
    </row>
    <row r="7107" spans="1:5" x14ac:dyDescent="0.25">
      <c r="A7107" s="3">
        <v>41815.132233796299</v>
      </c>
      <c r="B7107" s="2">
        <v>18</v>
      </c>
      <c r="C7107" s="2">
        <v>148.19999999999999</v>
      </c>
      <c r="D7107" s="2">
        <v>0</v>
      </c>
      <c r="E7107" s="2">
        <v>240.39999999999489</v>
      </c>
    </row>
    <row r="7108" spans="1:5" x14ac:dyDescent="0.25">
      <c r="A7108" s="3">
        <v>41815.132407407407</v>
      </c>
      <c r="B7108" s="2">
        <v>18</v>
      </c>
      <c r="C7108" s="2">
        <v>148.19999999999999</v>
      </c>
      <c r="D7108" s="2">
        <v>0.2</v>
      </c>
      <c r="E7108" s="2">
        <v>240.59999999999488</v>
      </c>
    </row>
    <row r="7109" spans="1:5" x14ac:dyDescent="0.25">
      <c r="A7109" s="3">
        <v>41815.133564814816</v>
      </c>
      <c r="B7109" s="2">
        <v>18</v>
      </c>
      <c r="C7109" s="2">
        <v>148.4</v>
      </c>
      <c r="D7109" s="2">
        <v>0</v>
      </c>
      <c r="E7109" s="2">
        <v>240.59999999999488</v>
      </c>
    </row>
    <row r="7110" spans="1:5" x14ac:dyDescent="0.25">
      <c r="A7110" s="3">
        <v>41815.133622685185</v>
      </c>
      <c r="B7110" s="2">
        <v>18</v>
      </c>
      <c r="C7110" s="2">
        <v>148.4</v>
      </c>
      <c r="D7110" s="2">
        <v>0.2</v>
      </c>
      <c r="E7110" s="2">
        <v>240.79999999999487</v>
      </c>
    </row>
    <row r="7111" spans="1:5" x14ac:dyDescent="0.25">
      <c r="A7111" s="3">
        <v>41815.137152777781</v>
      </c>
      <c r="B7111" s="2">
        <v>18</v>
      </c>
      <c r="C7111" s="2">
        <v>148.4</v>
      </c>
      <c r="D7111" s="2">
        <v>0.2</v>
      </c>
      <c r="E7111" s="2">
        <v>240.99999999999486</v>
      </c>
    </row>
    <row r="7112" spans="1:5" x14ac:dyDescent="0.25">
      <c r="A7112" s="3">
        <v>41815.137557870374</v>
      </c>
      <c r="B7112" s="2">
        <v>17.899999999999999</v>
      </c>
      <c r="C7112" s="2">
        <v>148.6</v>
      </c>
      <c r="D7112" s="2">
        <v>0</v>
      </c>
      <c r="E7112" s="2">
        <v>240.99999999999486</v>
      </c>
    </row>
    <row r="7113" spans="1:5" x14ac:dyDescent="0.25">
      <c r="A7113" s="3">
        <v>41815.148379629631</v>
      </c>
      <c r="B7113" s="2">
        <v>17.899999999999999</v>
      </c>
      <c r="C7113" s="2">
        <v>148.80000000000001</v>
      </c>
      <c r="D7113" s="2">
        <v>0.2</v>
      </c>
      <c r="E7113" s="2">
        <v>241.19999999999484</v>
      </c>
    </row>
    <row r="7114" spans="1:5" x14ac:dyDescent="0.25">
      <c r="A7114" s="3">
        <v>41815.152604166666</v>
      </c>
      <c r="B7114" s="2">
        <v>17.8</v>
      </c>
      <c r="C7114" s="2">
        <v>149</v>
      </c>
      <c r="D7114" s="2">
        <v>0</v>
      </c>
      <c r="E7114" s="2">
        <v>241.19999999999484</v>
      </c>
    </row>
    <row r="7115" spans="1:5" x14ac:dyDescent="0.25">
      <c r="A7115" s="3">
        <v>41815.152719907404</v>
      </c>
      <c r="B7115" s="2">
        <v>17.8</v>
      </c>
      <c r="C7115" s="2">
        <v>149</v>
      </c>
      <c r="D7115" s="2">
        <v>0.2</v>
      </c>
      <c r="E7115" s="2">
        <v>241.39999999999483</v>
      </c>
    </row>
    <row r="7116" spans="1:5" x14ac:dyDescent="0.25">
      <c r="A7116" s="3">
        <v>41815.154918981483</v>
      </c>
      <c r="B7116" s="2">
        <v>17.8</v>
      </c>
      <c r="C7116" s="2">
        <v>149.19999999999999</v>
      </c>
      <c r="D7116" s="2">
        <v>0</v>
      </c>
      <c r="E7116" s="2">
        <v>241.39999999999483</v>
      </c>
    </row>
    <row r="7117" spans="1:5" x14ac:dyDescent="0.25">
      <c r="A7117" s="3">
        <v>41815.156134259261</v>
      </c>
      <c r="B7117" s="2">
        <v>17.8</v>
      </c>
      <c r="C7117" s="2">
        <v>149.19999999999999</v>
      </c>
      <c r="D7117" s="2">
        <v>0.2</v>
      </c>
      <c r="E7117" s="2">
        <v>241.59999999999482</v>
      </c>
    </row>
    <row r="7118" spans="1:5" x14ac:dyDescent="0.25">
      <c r="A7118" s="3">
        <v>41815.166898148149</v>
      </c>
      <c r="B7118" s="2">
        <v>17.7</v>
      </c>
      <c r="C7118" s="2">
        <v>149.19999999999999</v>
      </c>
      <c r="D7118" s="2">
        <v>0.2</v>
      </c>
      <c r="E7118" s="2">
        <v>241.79999999999481</v>
      </c>
    </row>
    <row r="7119" spans="1:5" x14ac:dyDescent="0.25">
      <c r="A7119" s="3">
        <v>41815.167592592596</v>
      </c>
      <c r="B7119" s="2">
        <v>17.600000000000001</v>
      </c>
      <c r="C7119" s="2">
        <v>149.4</v>
      </c>
      <c r="D7119" s="2">
        <v>0</v>
      </c>
      <c r="E7119" s="2">
        <v>241.79999999999481</v>
      </c>
    </row>
    <row r="7120" spans="1:5" x14ac:dyDescent="0.25">
      <c r="A7120" s="3">
        <v>41815.173032407409</v>
      </c>
      <c r="B7120" s="2">
        <v>17.5</v>
      </c>
      <c r="C7120" s="2">
        <v>149.4</v>
      </c>
      <c r="D7120" s="2">
        <v>0.2</v>
      </c>
      <c r="E7120" s="2">
        <v>241.9999999999948</v>
      </c>
    </row>
    <row r="7121" spans="1:5" x14ac:dyDescent="0.25">
      <c r="A7121" s="3">
        <v>41815.176041666666</v>
      </c>
      <c r="B7121" s="2">
        <v>17.5</v>
      </c>
      <c r="C7121" s="2">
        <v>149.6</v>
      </c>
      <c r="D7121" s="2">
        <v>0</v>
      </c>
      <c r="E7121" s="2">
        <v>241.9999999999948</v>
      </c>
    </row>
    <row r="7122" spans="1:5" x14ac:dyDescent="0.25">
      <c r="A7122" s="3">
        <v>41815.283275462964</v>
      </c>
      <c r="B7122" s="2">
        <v>16.899999999999999</v>
      </c>
      <c r="C7122" s="2">
        <v>149.6</v>
      </c>
      <c r="D7122" s="2">
        <v>0.2</v>
      </c>
      <c r="E7122" s="2">
        <v>242.19999999999479</v>
      </c>
    </row>
    <row r="7123" spans="1:5" x14ac:dyDescent="0.25">
      <c r="A7123" s="3">
        <v>41815.327430555553</v>
      </c>
      <c r="B7123" s="2">
        <v>16.8</v>
      </c>
      <c r="C7123" s="2">
        <v>149.80000000000001</v>
      </c>
      <c r="D7123" s="2">
        <v>0</v>
      </c>
      <c r="E7123" s="2">
        <v>242.19999999999479</v>
      </c>
    </row>
    <row r="7124" spans="1:5" x14ac:dyDescent="0.25">
      <c r="A7124" s="3">
        <v>41815.328414351854</v>
      </c>
      <c r="B7124" s="2">
        <v>16.8</v>
      </c>
      <c r="C7124" s="2">
        <v>149.80000000000001</v>
      </c>
      <c r="D7124" s="2">
        <v>0.2</v>
      </c>
      <c r="E7124" s="2">
        <v>242.39999999999478</v>
      </c>
    </row>
    <row r="7125" spans="1:5" x14ac:dyDescent="0.25">
      <c r="A7125" s="3">
        <v>41815.329398148147</v>
      </c>
      <c r="B7125" s="2">
        <v>16.8</v>
      </c>
      <c r="C7125" s="2">
        <v>150</v>
      </c>
      <c r="D7125" s="2">
        <v>0</v>
      </c>
      <c r="E7125" s="2">
        <v>242.39999999999478</v>
      </c>
    </row>
    <row r="7126" spans="1:5" x14ac:dyDescent="0.25">
      <c r="A7126" s="3">
        <v>41815.330034722225</v>
      </c>
      <c r="B7126" s="2">
        <v>16.8</v>
      </c>
      <c r="C7126" s="2">
        <v>150</v>
      </c>
      <c r="D7126" s="2">
        <v>0.2</v>
      </c>
      <c r="E7126" s="2">
        <v>242.59999999999476</v>
      </c>
    </row>
    <row r="7127" spans="1:5" x14ac:dyDescent="0.25">
      <c r="A7127" s="3">
        <v>41815.331828703704</v>
      </c>
      <c r="B7127" s="2">
        <v>16.8</v>
      </c>
      <c r="C7127" s="2">
        <v>150.19999999999999</v>
      </c>
      <c r="D7127" s="2">
        <v>0</v>
      </c>
      <c r="E7127" s="2">
        <v>242.59999999999476</v>
      </c>
    </row>
    <row r="7128" spans="1:5" x14ac:dyDescent="0.25">
      <c r="A7128" s="3">
        <v>41815.33252314815</v>
      </c>
      <c r="B7128" s="2">
        <v>16.8</v>
      </c>
      <c r="C7128" s="2">
        <v>150.19999999999999</v>
      </c>
      <c r="D7128" s="2">
        <v>0.2</v>
      </c>
      <c r="E7128" s="2">
        <v>242.79999999999475</v>
      </c>
    </row>
    <row r="7129" spans="1:5" x14ac:dyDescent="0.25">
      <c r="A7129" s="3">
        <v>41815.333680555559</v>
      </c>
      <c r="B7129" s="2">
        <v>16.8</v>
      </c>
      <c r="C7129" s="2">
        <v>150.4</v>
      </c>
      <c r="D7129" s="2">
        <v>0</v>
      </c>
      <c r="E7129" s="2">
        <v>242.79999999999475</v>
      </c>
    </row>
    <row r="7130" spans="1:5" x14ac:dyDescent="0.25">
      <c r="A7130" s="3">
        <v>41815.334027777775</v>
      </c>
      <c r="B7130" s="2">
        <v>16.8</v>
      </c>
      <c r="C7130" s="2">
        <v>150.4</v>
      </c>
      <c r="D7130" s="2">
        <v>0.2</v>
      </c>
      <c r="E7130" s="2">
        <v>242.99999999999474</v>
      </c>
    </row>
    <row r="7131" spans="1:5" x14ac:dyDescent="0.25">
      <c r="A7131" s="3">
        <v>41815.335069444445</v>
      </c>
      <c r="B7131" s="2">
        <v>16.8</v>
      </c>
      <c r="C7131" s="2">
        <v>150.6</v>
      </c>
      <c r="D7131" s="2">
        <v>0</v>
      </c>
      <c r="E7131" s="2">
        <v>242.99999999999474</v>
      </c>
    </row>
    <row r="7132" spans="1:5" x14ac:dyDescent="0.25">
      <c r="A7132" s="3">
        <v>41815.336342592593</v>
      </c>
      <c r="B7132" s="2">
        <v>16.8</v>
      </c>
      <c r="C7132" s="2">
        <v>150.6</v>
      </c>
      <c r="D7132" s="2">
        <v>0.2</v>
      </c>
      <c r="E7132" s="2">
        <v>243.19999999999473</v>
      </c>
    </row>
    <row r="7133" spans="1:5" x14ac:dyDescent="0.25">
      <c r="A7133" s="3">
        <v>41815.339988425927</v>
      </c>
      <c r="B7133" s="2">
        <v>16.7</v>
      </c>
      <c r="C7133" s="2">
        <v>150.80000000000001</v>
      </c>
      <c r="D7133" s="2">
        <v>0</v>
      </c>
      <c r="E7133" s="2">
        <v>243.19999999999473</v>
      </c>
    </row>
    <row r="7134" spans="1:5" x14ac:dyDescent="0.25">
      <c r="A7134" s="3">
        <v>41815.340567129628</v>
      </c>
      <c r="B7134" s="2">
        <v>16.7</v>
      </c>
      <c r="C7134" s="2">
        <v>150.80000000000001</v>
      </c>
      <c r="D7134" s="2">
        <v>0.2</v>
      </c>
      <c r="E7134" s="2">
        <v>243.39999999999472</v>
      </c>
    </row>
    <row r="7135" spans="1:5" x14ac:dyDescent="0.25">
      <c r="A7135" s="3">
        <v>41815.346354166664</v>
      </c>
      <c r="B7135" s="2">
        <v>16.7</v>
      </c>
      <c r="C7135" s="2">
        <v>151</v>
      </c>
      <c r="D7135" s="2">
        <v>0</v>
      </c>
      <c r="E7135" s="2">
        <v>243.39999999999472</v>
      </c>
    </row>
    <row r="7136" spans="1:5" x14ac:dyDescent="0.25">
      <c r="A7136" s="3">
        <v>41815.487962962965</v>
      </c>
      <c r="B7136" s="2">
        <v>17.2</v>
      </c>
      <c r="C7136" s="2">
        <v>151</v>
      </c>
      <c r="D7136" s="2">
        <v>0.2</v>
      </c>
      <c r="E7136" s="2">
        <v>243.59999999999471</v>
      </c>
    </row>
    <row r="7137" spans="1:5" x14ac:dyDescent="0.25">
      <c r="A7137" s="3">
        <v>41815.496412037035</v>
      </c>
      <c r="B7137" s="2">
        <v>17.2</v>
      </c>
      <c r="C7137" s="2">
        <v>151</v>
      </c>
      <c r="D7137" s="2">
        <v>0.2</v>
      </c>
      <c r="E7137" s="2">
        <v>243.7999999999947</v>
      </c>
    </row>
    <row r="7138" spans="1:5" x14ac:dyDescent="0.25">
      <c r="A7138" s="3">
        <v>41815.49658564815</v>
      </c>
      <c r="B7138" s="2">
        <v>17.2</v>
      </c>
      <c r="C7138" s="2">
        <v>151.19999999999999</v>
      </c>
      <c r="D7138" s="2">
        <v>0</v>
      </c>
      <c r="E7138" s="2">
        <v>243.7999999999947</v>
      </c>
    </row>
    <row r="7139" spans="1:5" x14ac:dyDescent="0.25">
      <c r="A7139" s="3">
        <v>41815.496759259258</v>
      </c>
      <c r="B7139" s="2">
        <v>17.2</v>
      </c>
      <c r="C7139" s="2">
        <v>151.19999999999999</v>
      </c>
      <c r="D7139" s="2">
        <v>0.2</v>
      </c>
      <c r="E7139" s="2">
        <v>243.99999999999469</v>
      </c>
    </row>
    <row r="7140" spans="1:5" x14ac:dyDescent="0.25">
      <c r="A7140" s="3">
        <v>41815.497048611112</v>
      </c>
      <c r="B7140" s="2">
        <v>17.100000000000001</v>
      </c>
      <c r="C7140" s="2">
        <v>151.4</v>
      </c>
      <c r="D7140" s="2">
        <v>0.2</v>
      </c>
      <c r="E7140" s="2">
        <v>244.19999999999467</v>
      </c>
    </row>
    <row r="7141" spans="1:5" x14ac:dyDescent="0.25">
      <c r="A7141" s="3">
        <v>41815.497395833336</v>
      </c>
      <c r="B7141" s="2">
        <v>17.100000000000001</v>
      </c>
      <c r="C7141" s="2">
        <v>151.6</v>
      </c>
      <c r="D7141" s="2">
        <v>0.2</v>
      </c>
      <c r="E7141" s="2">
        <v>244.39999999999466</v>
      </c>
    </row>
    <row r="7142" spans="1:5" x14ac:dyDescent="0.25">
      <c r="A7142" s="3">
        <v>41815.497858796298</v>
      </c>
      <c r="B7142" s="2">
        <v>17.100000000000001</v>
      </c>
      <c r="C7142" s="2">
        <v>151.80000000000001</v>
      </c>
      <c r="D7142" s="2">
        <v>0.2</v>
      </c>
      <c r="E7142" s="2">
        <v>244.59999999999465</v>
      </c>
    </row>
    <row r="7143" spans="1:5" x14ac:dyDescent="0.25">
      <c r="A7143" s="3">
        <v>41815.498263888891</v>
      </c>
      <c r="B7143" s="2">
        <v>17.100000000000001</v>
      </c>
      <c r="C7143" s="2">
        <v>152</v>
      </c>
      <c r="D7143" s="2">
        <v>0</v>
      </c>
      <c r="E7143" s="2">
        <v>244.59999999999465</v>
      </c>
    </row>
    <row r="7144" spans="1:5" x14ac:dyDescent="0.25">
      <c r="A7144" s="3">
        <v>41815.498379629629</v>
      </c>
      <c r="B7144" s="2">
        <v>17.100000000000001</v>
      </c>
      <c r="C7144" s="2">
        <v>152</v>
      </c>
      <c r="D7144" s="2">
        <v>0.2</v>
      </c>
      <c r="E7144" s="2">
        <v>244.79999999999464</v>
      </c>
    </row>
    <row r="7145" spans="1:5" x14ac:dyDescent="0.25">
      <c r="A7145" s="3">
        <v>41815.49895833333</v>
      </c>
      <c r="B7145" s="2">
        <v>17.100000000000001</v>
      </c>
      <c r="C7145" s="2">
        <v>152.19999999999999</v>
      </c>
      <c r="D7145" s="2">
        <v>0</v>
      </c>
      <c r="E7145" s="2">
        <v>244.79999999999464</v>
      </c>
    </row>
    <row r="7146" spans="1:5" x14ac:dyDescent="0.25">
      <c r="A7146" s="3">
        <v>41815.499074074076</v>
      </c>
      <c r="B7146" s="2">
        <v>17.100000000000001</v>
      </c>
      <c r="C7146" s="2">
        <v>152.19999999999999</v>
      </c>
      <c r="D7146" s="2">
        <v>0.2</v>
      </c>
      <c r="E7146" s="2">
        <v>244.99999999999463</v>
      </c>
    </row>
    <row r="7147" spans="1:5" x14ac:dyDescent="0.25">
      <c r="A7147" s="3">
        <v>41815.501562500001</v>
      </c>
      <c r="B7147" s="2">
        <v>17.100000000000001</v>
      </c>
      <c r="C7147" s="2">
        <v>152.4</v>
      </c>
      <c r="D7147" s="2">
        <v>0</v>
      </c>
      <c r="E7147" s="2">
        <v>244.99999999999463</v>
      </c>
    </row>
    <row r="7148" spans="1:5" x14ac:dyDescent="0.25">
      <c r="A7148" s="3">
        <v>41815.502893518518</v>
      </c>
      <c r="B7148" s="2">
        <v>17.100000000000001</v>
      </c>
      <c r="C7148" s="2">
        <v>152.4</v>
      </c>
      <c r="D7148" s="2">
        <v>0.2</v>
      </c>
      <c r="E7148" s="2">
        <v>245.19999999999462</v>
      </c>
    </row>
    <row r="7149" spans="1:5" x14ac:dyDescent="0.25">
      <c r="A7149" s="3">
        <v>41815.510185185187</v>
      </c>
      <c r="B7149" s="2">
        <v>17.100000000000001</v>
      </c>
      <c r="C7149" s="2">
        <v>152.6</v>
      </c>
      <c r="D7149" s="2">
        <v>0</v>
      </c>
      <c r="E7149" s="2">
        <v>245.19999999999462</v>
      </c>
    </row>
    <row r="7150" spans="1:5" x14ac:dyDescent="0.25">
      <c r="A7150" s="3">
        <v>41815.511631944442</v>
      </c>
      <c r="B7150" s="2">
        <v>17.2</v>
      </c>
      <c r="C7150" s="2">
        <v>152.6</v>
      </c>
      <c r="D7150" s="2">
        <v>0.2</v>
      </c>
      <c r="E7150" s="2">
        <v>245.39999999999461</v>
      </c>
    </row>
    <row r="7151" spans="1:5" x14ac:dyDescent="0.25">
      <c r="A7151" s="3">
        <v>41815.620312500003</v>
      </c>
      <c r="B7151" s="2">
        <v>18.5</v>
      </c>
      <c r="C7151" s="2">
        <v>152.80000000000001</v>
      </c>
      <c r="D7151" s="2">
        <v>0</v>
      </c>
      <c r="E7151" s="2">
        <v>245.39999999999461</v>
      </c>
    </row>
    <row r="7152" spans="1:5" x14ac:dyDescent="0.25">
      <c r="A7152" s="3">
        <v>41815.620717592596</v>
      </c>
      <c r="B7152" s="2">
        <v>18.5</v>
      </c>
      <c r="C7152" s="2">
        <v>152.80000000000001</v>
      </c>
      <c r="D7152" s="2">
        <v>0.2</v>
      </c>
      <c r="E7152" s="2">
        <v>245.59999999999459</v>
      </c>
    </row>
    <row r="7153" spans="1:5" x14ac:dyDescent="0.25">
      <c r="A7153" s="3">
        <v>41815.623495370368</v>
      </c>
      <c r="B7153" s="2">
        <v>18.5</v>
      </c>
      <c r="C7153" s="2">
        <v>153</v>
      </c>
      <c r="D7153" s="2">
        <v>0</v>
      </c>
      <c r="E7153" s="2">
        <v>245.59999999999459</v>
      </c>
    </row>
    <row r="7154" spans="1:5" x14ac:dyDescent="0.25">
      <c r="A7154" s="3">
        <v>41815.623784722222</v>
      </c>
      <c r="B7154" s="2">
        <v>18.5</v>
      </c>
      <c r="C7154" s="2">
        <v>153</v>
      </c>
      <c r="D7154" s="2">
        <v>0.2</v>
      </c>
      <c r="E7154" s="2">
        <v>245.79999999999458</v>
      </c>
    </row>
    <row r="7155" spans="1:5" x14ac:dyDescent="0.25">
      <c r="A7155" s="3">
        <v>41815.628067129626</v>
      </c>
      <c r="B7155" s="2">
        <v>18.5</v>
      </c>
      <c r="C7155" s="2">
        <v>153.19999999999999</v>
      </c>
      <c r="D7155" s="2">
        <v>0</v>
      </c>
      <c r="E7155" s="2">
        <v>245.79999999999458</v>
      </c>
    </row>
    <row r="7156" spans="1:5" x14ac:dyDescent="0.25">
      <c r="A7156" s="3">
        <v>41815.628125000003</v>
      </c>
      <c r="B7156" s="2">
        <v>18.5</v>
      </c>
      <c r="C7156" s="2">
        <v>153.19999999999999</v>
      </c>
      <c r="D7156" s="2">
        <v>0.2</v>
      </c>
      <c r="E7156" s="2">
        <v>245.99999999999457</v>
      </c>
    </row>
    <row r="7157" spans="1:5" x14ac:dyDescent="0.25">
      <c r="A7157" s="3">
        <v>41815.631944444445</v>
      </c>
      <c r="B7157" s="2">
        <v>18.5</v>
      </c>
      <c r="C7157" s="2">
        <v>153.19999999999999</v>
      </c>
      <c r="D7157" s="2">
        <v>0.2</v>
      </c>
      <c r="E7157" s="2">
        <v>246.19999999999456</v>
      </c>
    </row>
    <row r="7158" spans="1:5" x14ac:dyDescent="0.25">
      <c r="A7158" s="3">
        <v>41815.632291666669</v>
      </c>
      <c r="B7158" s="2">
        <v>18.5</v>
      </c>
      <c r="C7158" s="2">
        <v>153.4</v>
      </c>
      <c r="D7158" s="2">
        <v>0</v>
      </c>
      <c r="E7158" s="2">
        <v>246.19999999999456</v>
      </c>
    </row>
    <row r="7159" spans="1:5" x14ac:dyDescent="0.25">
      <c r="A7159" s="3">
        <v>41815.635821759257</v>
      </c>
      <c r="B7159" s="2">
        <v>18.5</v>
      </c>
      <c r="C7159" s="2">
        <v>153.4</v>
      </c>
      <c r="D7159" s="2">
        <v>0.2</v>
      </c>
      <c r="E7159" s="2">
        <v>246.39999999999455</v>
      </c>
    </row>
    <row r="7160" spans="1:5" x14ac:dyDescent="0.25">
      <c r="A7160" s="3">
        <v>41815.637094907404</v>
      </c>
      <c r="B7160" s="2">
        <v>18.5</v>
      </c>
      <c r="C7160" s="2">
        <v>153.6</v>
      </c>
      <c r="D7160" s="2">
        <v>0</v>
      </c>
      <c r="E7160" s="2">
        <v>246.39999999999455</v>
      </c>
    </row>
    <row r="7161" spans="1:5" x14ac:dyDescent="0.25">
      <c r="A7161" s="3">
        <v>41815.640798611108</v>
      </c>
      <c r="B7161" s="2">
        <v>18.5</v>
      </c>
      <c r="C7161" s="2">
        <v>153.6</v>
      </c>
      <c r="D7161" s="2">
        <v>0.2</v>
      </c>
      <c r="E7161" s="2">
        <v>246.59999999999454</v>
      </c>
    </row>
    <row r="7162" spans="1:5" x14ac:dyDescent="0.25">
      <c r="A7162" s="3">
        <v>41815.641550925924</v>
      </c>
      <c r="B7162" s="2">
        <v>18.5</v>
      </c>
      <c r="C7162" s="2">
        <v>153.80000000000001</v>
      </c>
      <c r="D7162" s="2">
        <v>0</v>
      </c>
      <c r="E7162" s="2">
        <v>246.59999999999454</v>
      </c>
    </row>
    <row r="7163" spans="1:5" x14ac:dyDescent="0.25">
      <c r="A7163" s="3">
        <v>41815.643750000003</v>
      </c>
      <c r="B7163" s="2">
        <v>18.5</v>
      </c>
      <c r="C7163" s="2">
        <v>154</v>
      </c>
      <c r="D7163" s="2">
        <v>0</v>
      </c>
      <c r="E7163" s="2">
        <v>246.59999999999454</v>
      </c>
    </row>
    <row r="7164" spans="1:5" x14ac:dyDescent="0.25">
      <c r="A7164" s="3">
        <v>41815.643807870372</v>
      </c>
      <c r="B7164" s="2">
        <v>18.5</v>
      </c>
      <c r="C7164" s="2">
        <v>154</v>
      </c>
      <c r="D7164" s="2">
        <v>0.2</v>
      </c>
      <c r="E7164" s="2">
        <v>246.79999999999453</v>
      </c>
    </row>
    <row r="7165" spans="1:5" x14ac:dyDescent="0.25">
      <c r="A7165" s="3">
        <v>41815.646296296298</v>
      </c>
      <c r="B7165" s="2">
        <v>18.5</v>
      </c>
      <c r="C7165" s="2">
        <v>154</v>
      </c>
      <c r="D7165" s="2">
        <v>0.2</v>
      </c>
      <c r="E7165" s="2">
        <v>246.99999999999451</v>
      </c>
    </row>
    <row r="7166" spans="1:5" x14ac:dyDescent="0.25">
      <c r="A7166" s="3">
        <v>41815.647048611114</v>
      </c>
      <c r="B7166" s="2">
        <v>18.5</v>
      </c>
      <c r="C7166" s="2">
        <v>154.19999999999999</v>
      </c>
      <c r="D7166" s="2">
        <v>0</v>
      </c>
      <c r="E7166" s="2">
        <v>246.99999999999451</v>
      </c>
    </row>
    <row r="7167" spans="1:5" x14ac:dyDescent="0.25">
      <c r="A7167" s="3">
        <v>41815.650057870371</v>
      </c>
      <c r="B7167" s="2">
        <v>18.5</v>
      </c>
      <c r="C7167" s="2">
        <v>154.19999999999999</v>
      </c>
      <c r="D7167" s="2">
        <v>0.2</v>
      </c>
      <c r="E7167" s="2">
        <v>247.1999999999945</v>
      </c>
    </row>
    <row r="7168" spans="1:5" x14ac:dyDescent="0.25">
      <c r="A7168" s="3">
        <v>41815.650462962964</v>
      </c>
      <c r="B7168" s="2">
        <v>18.5</v>
      </c>
      <c r="C7168" s="2">
        <v>154.4</v>
      </c>
      <c r="D7168" s="2">
        <v>0</v>
      </c>
      <c r="E7168" s="2">
        <v>247.1999999999945</v>
      </c>
    </row>
    <row r="7169" spans="1:5" x14ac:dyDescent="0.25">
      <c r="A7169" s="3">
        <v>41815.654108796298</v>
      </c>
      <c r="B7169" s="2">
        <v>18.5</v>
      </c>
      <c r="C7169" s="2">
        <v>154.4</v>
      </c>
      <c r="D7169" s="2">
        <v>0.2</v>
      </c>
      <c r="E7169" s="2">
        <v>247.39999999999449</v>
      </c>
    </row>
    <row r="7170" spans="1:5" x14ac:dyDescent="0.25">
      <c r="A7170" s="3">
        <v>41815.654861111114</v>
      </c>
      <c r="B7170" s="2">
        <v>18.5</v>
      </c>
      <c r="C7170" s="2">
        <v>154.6</v>
      </c>
      <c r="D7170" s="2">
        <v>0</v>
      </c>
      <c r="E7170" s="2">
        <v>247.39999999999449</v>
      </c>
    </row>
    <row r="7171" spans="1:5" x14ac:dyDescent="0.25">
      <c r="A7171" s="3">
        <v>41815.656712962962</v>
      </c>
      <c r="B7171" s="2">
        <v>18.5</v>
      </c>
      <c r="C7171" s="2">
        <v>154.6</v>
      </c>
      <c r="D7171" s="2">
        <v>0.2</v>
      </c>
      <c r="E7171" s="2">
        <v>247.59999999999448</v>
      </c>
    </row>
    <row r="7172" spans="1:5" x14ac:dyDescent="0.25">
      <c r="A7172" s="3">
        <v>41815.657233796293</v>
      </c>
      <c r="B7172" s="2">
        <v>18.5</v>
      </c>
      <c r="C7172" s="2">
        <v>154.80000000000001</v>
      </c>
      <c r="D7172" s="2">
        <v>0</v>
      </c>
      <c r="E7172" s="2">
        <v>247.59999999999448</v>
      </c>
    </row>
    <row r="7173" spans="1:5" x14ac:dyDescent="0.25">
      <c r="A7173" s="3">
        <v>41815.660243055558</v>
      </c>
      <c r="B7173" s="2">
        <v>18.5</v>
      </c>
      <c r="C7173" s="2">
        <v>154.80000000000001</v>
      </c>
      <c r="D7173" s="2">
        <v>0.2</v>
      </c>
      <c r="E7173" s="2">
        <v>247.79999999999447</v>
      </c>
    </row>
    <row r="7174" spans="1:5" x14ac:dyDescent="0.25">
      <c r="A7174" s="3">
        <v>41815.661863425928</v>
      </c>
      <c r="B7174" s="2">
        <v>18.5</v>
      </c>
      <c r="C7174" s="2">
        <v>155</v>
      </c>
      <c r="D7174" s="2">
        <v>0</v>
      </c>
      <c r="E7174" s="2">
        <v>247.79999999999447</v>
      </c>
    </row>
    <row r="7175" spans="1:5" x14ac:dyDescent="0.25">
      <c r="A7175" s="3">
        <v>41815.666377314818</v>
      </c>
      <c r="B7175" s="2">
        <v>18.5</v>
      </c>
      <c r="C7175" s="2">
        <v>155</v>
      </c>
      <c r="D7175" s="2">
        <v>0.2</v>
      </c>
      <c r="E7175" s="2">
        <v>247.99999999999446</v>
      </c>
    </row>
    <row r="7176" spans="1:5" x14ac:dyDescent="0.25">
      <c r="A7176" s="3">
        <v>41815.667592592596</v>
      </c>
      <c r="B7176" s="2">
        <v>18.5</v>
      </c>
      <c r="C7176" s="2">
        <v>155.19999999999999</v>
      </c>
      <c r="D7176" s="2">
        <v>0</v>
      </c>
      <c r="E7176" s="2">
        <v>247.99999999999446</v>
      </c>
    </row>
    <row r="7177" spans="1:5" x14ac:dyDescent="0.25">
      <c r="A7177" s="3">
        <v>41815.671701388892</v>
      </c>
      <c r="B7177" s="2">
        <v>18.5</v>
      </c>
      <c r="C7177" s="2">
        <v>155.19999999999999</v>
      </c>
      <c r="D7177" s="2">
        <v>0.2</v>
      </c>
      <c r="E7177" s="2">
        <v>248.19999999999445</v>
      </c>
    </row>
    <row r="7178" spans="1:5" x14ac:dyDescent="0.25">
      <c r="A7178" s="3">
        <v>41815.673611111109</v>
      </c>
      <c r="B7178" s="2">
        <v>18.5</v>
      </c>
      <c r="C7178" s="2">
        <v>155.4</v>
      </c>
      <c r="D7178" s="2">
        <v>0</v>
      </c>
      <c r="E7178" s="2">
        <v>248.19999999999445</v>
      </c>
    </row>
    <row r="7179" spans="1:5" x14ac:dyDescent="0.25">
      <c r="A7179" s="3">
        <v>41815.68072916667</v>
      </c>
      <c r="B7179" s="2">
        <v>18.5</v>
      </c>
      <c r="C7179" s="2">
        <v>155.4</v>
      </c>
      <c r="D7179" s="2">
        <v>0.2</v>
      </c>
      <c r="E7179" s="2">
        <v>248.39999999999444</v>
      </c>
    </row>
    <row r="7180" spans="1:5" x14ac:dyDescent="0.25">
      <c r="A7180" s="3">
        <v>41815.684374999997</v>
      </c>
      <c r="B7180" s="2">
        <v>18.5</v>
      </c>
      <c r="C7180" s="2">
        <v>155.6</v>
      </c>
      <c r="D7180" s="2">
        <v>0</v>
      </c>
      <c r="E7180" s="2">
        <v>248.39999999999444</v>
      </c>
    </row>
    <row r="7181" spans="1:5" x14ac:dyDescent="0.25">
      <c r="A7181" s="3">
        <v>41815.68854166667</v>
      </c>
      <c r="B7181" s="2">
        <v>18.5</v>
      </c>
      <c r="C7181" s="2">
        <v>155.6</v>
      </c>
      <c r="D7181" s="2">
        <v>0.2</v>
      </c>
      <c r="E7181" s="2">
        <v>248.59999999999442</v>
      </c>
    </row>
    <row r="7182" spans="1:5" x14ac:dyDescent="0.25">
      <c r="A7182" s="3">
        <v>41815.690740740742</v>
      </c>
      <c r="B7182" s="2">
        <v>18.5</v>
      </c>
      <c r="C7182" s="2">
        <v>155.80000000000001</v>
      </c>
      <c r="D7182" s="2">
        <v>0</v>
      </c>
      <c r="E7182" s="2">
        <v>248.59999999999442</v>
      </c>
    </row>
    <row r="7183" spans="1:5" x14ac:dyDescent="0.25">
      <c r="A7183" s="3">
        <v>41815.693287037036</v>
      </c>
      <c r="B7183" s="2">
        <v>18.399999999999999</v>
      </c>
      <c r="C7183" s="2">
        <v>155.80000000000001</v>
      </c>
      <c r="D7183" s="2">
        <v>0.2</v>
      </c>
      <c r="E7183" s="2">
        <v>248.79999999999441</v>
      </c>
    </row>
    <row r="7184" spans="1:5" x14ac:dyDescent="0.25">
      <c r="A7184" s="3">
        <v>41815.696701388886</v>
      </c>
      <c r="B7184" s="2">
        <v>18.399999999999999</v>
      </c>
      <c r="C7184" s="2">
        <v>156</v>
      </c>
      <c r="D7184" s="2">
        <v>0</v>
      </c>
      <c r="E7184" s="2">
        <v>248.79999999999441</v>
      </c>
    </row>
    <row r="7185" spans="1:5" x14ac:dyDescent="0.25">
      <c r="A7185" s="3">
        <v>41815.699999999997</v>
      </c>
      <c r="B7185" s="2">
        <v>18.399999999999999</v>
      </c>
      <c r="C7185" s="2">
        <v>156</v>
      </c>
      <c r="D7185" s="2">
        <v>0.2</v>
      </c>
      <c r="E7185" s="2">
        <v>248.9999999999944</v>
      </c>
    </row>
    <row r="7186" spans="1:5" x14ac:dyDescent="0.25">
      <c r="A7186" s="3">
        <v>41815.702835648146</v>
      </c>
      <c r="B7186" s="2">
        <v>18.399999999999999</v>
      </c>
      <c r="C7186" s="2">
        <v>156.19999999999999</v>
      </c>
      <c r="D7186" s="2">
        <v>0</v>
      </c>
      <c r="E7186" s="2">
        <v>248.9999999999944</v>
      </c>
    </row>
    <row r="7187" spans="1:5" x14ac:dyDescent="0.25">
      <c r="A7187" s="3">
        <v>41815.705208333333</v>
      </c>
      <c r="B7187" s="2">
        <v>18.399999999999999</v>
      </c>
      <c r="C7187" s="2">
        <v>156.19999999999999</v>
      </c>
      <c r="D7187" s="2">
        <v>0.2</v>
      </c>
      <c r="E7187" s="2">
        <v>249.19999999999439</v>
      </c>
    </row>
    <row r="7188" spans="1:5" x14ac:dyDescent="0.25">
      <c r="A7188" s="3">
        <v>41815.70758101852</v>
      </c>
      <c r="B7188" s="2">
        <v>18.399999999999999</v>
      </c>
      <c r="C7188" s="2">
        <v>156.4</v>
      </c>
      <c r="D7188" s="2">
        <v>0</v>
      </c>
      <c r="E7188" s="2">
        <v>249.19999999999439</v>
      </c>
    </row>
    <row r="7189" spans="1:5" x14ac:dyDescent="0.25">
      <c r="A7189" s="3">
        <v>41815.70925925926</v>
      </c>
      <c r="B7189" s="2">
        <v>18.399999999999999</v>
      </c>
      <c r="C7189" s="2">
        <v>156.4</v>
      </c>
      <c r="D7189" s="2">
        <v>0.2</v>
      </c>
      <c r="E7189" s="2">
        <v>249.39999999999438</v>
      </c>
    </row>
    <row r="7190" spans="1:5" x14ac:dyDescent="0.25">
      <c r="A7190" s="3">
        <v>41815.713020833333</v>
      </c>
      <c r="B7190" s="2">
        <v>18.399999999999999</v>
      </c>
      <c r="C7190" s="2">
        <v>156.6</v>
      </c>
      <c r="D7190" s="2">
        <v>0</v>
      </c>
      <c r="E7190" s="2">
        <v>249.39999999999438</v>
      </c>
    </row>
    <row r="7191" spans="1:5" x14ac:dyDescent="0.25">
      <c r="A7191" s="3">
        <v>41815.71435185185</v>
      </c>
      <c r="B7191" s="2">
        <v>18.399999999999999</v>
      </c>
      <c r="C7191" s="2">
        <v>156.6</v>
      </c>
      <c r="D7191" s="2">
        <v>0.2</v>
      </c>
      <c r="E7191" s="2">
        <v>249.59999999999437</v>
      </c>
    </row>
    <row r="7192" spans="1:5" x14ac:dyDescent="0.25">
      <c r="A7192" s="3">
        <v>41815.716956018521</v>
      </c>
      <c r="B7192" s="2">
        <v>18.399999999999999</v>
      </c>
      <c r="C7192" s="2">
        <v>156.80000000000001</v>
      </c>
      <c r="D7192" s="2">
        <v>0</v>
      </c>
      <c r="E7192" s="2">
        <v>249.59999999999437</v>
      </c>
    </row>
    <row r="7193" spans="1:5" x14ac:dyDescent="0.25">
      <c r="A7193" s="3">
        <v>41815.718055555553</v>
      </c>
      <c r="B7193" s="2">
        <v>18.399999999999999</v>
      </c>
      <c r="C7193" s="2">
        <v>156.80000000000001</v>
      </c>
      <c r="D7193" s="2">
        <v>0.2</v>
      </c>
      <c r="E7193" s="2">
        <v>249.79999999999436</v>
      </c>
    </row>
    <row r="7194" spans="1:5" x14ac:dyDescent="0.25">
      <c r="A7194" s="3">
        <v>41815.72384259259</v>
      </c>
      <c r="B7194" s="2">
        <v>18.399999999999999</v>
      </c>
      <c r="C7194" s="2">
        <v>157</v>
      </c>
      <c r="D7194" s="2">
        <v>0</v>
      </c>
      <c r="E7194" s="2">
        <v>249.79999999999436</v>
      </c>
    </row>
    <row r="7195" spans="1:5" x14ac:dyDescent="0.25">
      <c r="A7195" s="3">
        <v>41815.725983796299</v>
      </c>
      <c r="B7195" s="2">
        <v>18.399999999999999</v>
      </c>
      <c r="C7195" s="2">
        <v>157</v>
      </c>
      <c r="D7195" s="2">
        <v>0.2</v>
      </c>
      <c r="E7195" s="2">
        <v>249.99999999999434</v>
      </c>
    </row>
    <row r="7196" spans="1:5" x14ac:dyDescent="0.25">
      <c r="A7196" s="3">
        <v>41815.733217592591</v>
      </c>
      <c r="B7196" s="2">
        <v>18.3</v>
      </c>
      <c r="C7196" s="2">
        <v>157.19999999999999</v>
      </c>
      <c r="D7196" s="2">
        <v>0</v>
      </c>
      <c r="E7196" s="2">
        <v>249.99999999999434</v>
      </c>
    </row>
    <row r="7197" spans="1:5" x14ac:dyDescent="0.25">
      <c r="A7197" s="3">
        <v>41815.738483796296</v>
      </c>
      <c r="B7197" s="2">
        <v>18.3</v>
      </c>
      <c r="C7197" s="2">
        <v>157.19999999999999</v>
      </c>
      <c r="D7197" s="2">
        <v>0.2</v>
      </c>
      <c r="E7197" s="2">
        <v>250.19999999999433</v>
      </c>
    </row>
    <row r="7198" spans="1:5" x14ac:dyDescent="0.25">
      <c r="A7198" s="3">
        <v>41815.915219907409</v>
      </c>
      <c r="B7198" s="2">
        <v>18.2</v>
      </c>
      <c r="C7198" s="2">
        <v>157.19999999999999</v>
      </c>
      <c r="D7198" s="2">
        <v>0.2</v>
      </c>
      <c r="E7198" s="2">
        <v>250.39999999999432</v>
      </c>
    </row>
    <row r="7199" spans="1:5" x14ac:dyDescent="0.25">
      <c r="A7199" s="3">
        <v>41815.916203703702</v>
      </c>
      <c r="B7199" s="2">
        <v>18.2</v>
      </c>
      <c r="C7199" s="2">
        <v>157.4</v>
      </c>
      <c r="D7199" s="2">
        <v>0</v>
      </c>
      <c r="E7199" s="2">
        <v>250.39999999999432</v>
      </c>
    </row>
    <row r="7200" spans="1:5" x14ac:dyDescent="0.25">
      <c r="A7200" s="3">
        <v>41815.922395833331</v>
      </c>
      <c r="B7200" s="2">
        <v>18.2</v>
      </c>
      <c r="C7200" s="2">
        <v>157.4</v>
      </c>
      <c r="D7200" s="2">
        <v>0.2</v>
      </c>
      <c r="E7200" s="2">
        <v>250.59999999999431</v>
      </c>
    </row>
    <row r="7201" spans="1:5" x14ac:dyDescent="0.25">
      <c r="A7201" s="3">
        <v>41815.924131944441</v>
      </c>
      <c r="B7201" s="2">
        <v>18.2</v>
      </c>
      <c r="C7201" s="2">
        <v>157.6</v>
      </c>
      <c r="D7201" s="2">
        <v>0</v>
      </c>
      <c r="E7201" s="2">
        <v>250.59999999999431</v>
      </c>
    </row>
    <row r="7202" spans="1:5" x14ac:dyDescent="0.25">
      <c r="A7202" s="3">
        <v>41815.929456018515</v>
      </c>
      <c r="B7202" s="2">
        <v>18.100000000000001</v>
      </c>
      <c r="C7202" s="2">
        <v>157.6</v>
      </c>
      <c r="D7202" s="2">
        <v>0.2</v>
      </c>
      <c r="E7202" s="2">
        <v>250.7999999999943</v>
      </c>
    </row>
    <row r="7203" spans="1:5" x14ac:dyDescent="0.25">
      <c r="A7203" s="3">
        <v>41815.930787037039</v>
      </c>
      <c r="B7203" s="2">
        <v>18.100000000000001</v>
      </c>
      <c r="C7203" s="2">
        <v>157.80000000000001</v>
      </c>
      <c r="D7203" s="2">
        <v>0</v>
      </c>
      <c r="E7203" s="2">
        <v>250.7999999999943</v>
      </c>
    </row>
    <row r="7204" spans="1:5" x14ac:dyDescent="0.25">
      <c r="A7204" s="3">
        <v>41815.939120370371</v>
      </c>
      <c r="B7204" s="2">
        <v>18.100000000000001</v>
      </c>
      <c r="C7204" s="2">
        <v>157.80000000000001</v>
      </c>
      <c r="D7204" s="2">
        <v>0.2</v>
      </c>
      <c r="E7204" s="2">
        <v>250.99999999999429</v>
      </c>
    </row>
    <row r="7205" spans="1:5" x14ac:dyDescent="0.25">
      <c r="A7205" s="3">
        <v>41815.94091435185</v>
      </c>
      <c r="B7205" s="2">
        <v>18.100000000000001</v>
      </c>
      <c r="C7205" s="2">
        <v>158</v>
      </c>
      <c r="D7205" s="2">
        <v>0</v>
      </c>
      <c r="E7205" s="2">
        <v>250.99999999999429</v>
      </c>
    </row>
    <row r="7206" spans="1:5" x14ac:dyDescent="0.25">
      <c r="A7206" s="3">
        <v>41815.949305555558</v>
      </c>
      <c r="B7206" s="2">
        <v>18</v>
      </c>
      <c r="C7206" s="2">
        <v>158</v>
      </c>
      <c r="D7206" s="2">
        <v>0.2</v>
      </c>
      <c r="E7206" s="2">
        <v>251.19999999999428</v>
      </c>
    </row>
    <row r="7207" spans="1:5" x14ac:dyDescent="0.25">
      <c r="A7207" s="3">
        <v>41815.952662037038</v>
      </c>
      <c r="B7207" s="2">
        <v>18</v>
      </c>
      <c r="C7207" s="2">
        <v>158.19999999999999</v>
      </c>
      <c r="D7207" s="2">
        <v>0</v>
      </c>
      <c r="E7207" s="2">
        <v>251.19999999999428</v>
      </c>
    </row>
    <row r="7208" spans="1:5" x14ac:dyDescent="0.25">
      <c r="A7208" s="3">
        <v>41815.959027777775</v>
      </c>
      <c r="B7208" s="2">
        <v>17.899999999999999</v>
      </c>
      <c r="C7208" s="2">
        <v>158.19999999999999</v>
      </c>
      <c r="D7208" s="2">
        <v>0.2</v>
      </c>
      <c r="E7208" s="2">
        <v>251.39999999999426</v>
      </c>
    </row>
    <row r="7209" spans="1:5" x14ac:dyDescent="0.25">
      <c r="A7209" s="3">
        <v>41815.964236111111</v>
      </c>
      <c r="B7209" s="2">
        <v>17.899999999999999</v>
      </c>
      <c r="C7209" s="2">
        <v>158.4</v>
      </c>
      <c r="D7209" s="2">
        <v>0</v>
      </c>
      <c r="E7209" s="2">
        <v>251.39999999999426</v>
      </c>
    </row>
    <row r="7210" spans="1:5" x14ac:dyDescent="0.25">
      <c r="A7210" s="3">
        <v>41815.969444444447</v>
      </c>
      <c r="B7210" s="2">
        <v>17.899999999999999</v>
      </c>
      <c r="C7210" s="2">
        <v>158.4</v>
      </c>
      <c r="D7210" s="2">
        <v>0.2</v>
      </c>
      <c r="E7210" s="2">
        <v>251.59999999999425</v>
      </c>
    </row>
    <row r="7211" spans="1:5" x14ac:dyDescent="0.25">
      <c r="A7211" s="3">
        <v>41815.971296296295</v>
      </c>
      <c r="B7211" s="2">
        <v>17.8</v>
      </c>
      <c r="C7211" s="2">
        <v>158.6</v>
      </c>
      <c r="D7211" s="2">
        <v>0</v>
      </c>
      <c r="E7211" s="2">
        <v>251.59999999999425</v>
      </c>
    </row>
    <row r="7212" spans="1:5" x14ac:dyDescent="0.25">
      <c r="A7212" s="3">
        <v>41815.98096064815</v>
      </c>
      <c r="B7212" s="2">
        <v>17.8</v>
      </c>
      <c r="C7212" s="2">
        <v>158.6</v>
      </c>
      <c r="D7212" s="2">
        <v>0.2</v>
      </c>
      <c r="E7212" s="2">
        <v>251.79999999999424</v>
      </c>
    </row>
    <row r="7213" spans="1:5" x14ac:dyDescent="0.25">
      <c r="A7213" s="3">
        <v>41816.330613425926</v>
      </c>
      <c r="B7213" s="2">
        <v>15.6</v>
      </c>
      <c r="C7213" s="2">
        <v>158.4</v>
      </c>
      <c r="D7213" s="2">
        <v>0</v>
      </c>
      <c r="E7213" s="2">
        <v>251.79999999999424</v>
      </c>
    </row>
    <row r="7214" spans="1:5" x14ac:dyDescent="0.25">
      <c r="A7214" s="3">
        <v>41816.572800925926</v>
      </c>
      <c r="B7214" s="2">
        <v>24.8</v>
      </c>
      <c r="C7214" s="2">
        <v>158.19999999999999</v>
      </c>
      <c r="D7214" s="2">
        <v>0</v>
      </c>
      <c r="E7214" s="2">
        <v>251.79999999999424</v>
      </c>
    </row>
    <row r="7215" spans="1:5" x14ac:dyDescent="0.25">
      <c r="A7215" s="3">
        <v>41816.572858796295</v>
      </c>
      <c r="B7215" s="2">
        <v>24.8</v>
      </c>
      <c r="C7215" s="2">
        <v>158.4</v>
      </c>
      <c r="D7215" s="2">
        <v>0</v>
      </c>
      <c r="E7215" s="2">
        <v>251.79999999999424</v>
      </c>
    </row>
    <row r="7216" spans="1:5" x14ac:dyDescent="0.25">
      <c r="A7216" s="3">
        <v>41816.572974537034</v>
      </c>
      <c r="B7216" s="2">
        <v>24.8</v>
      </c>
      <c r="C7216" s="2">
        <v>158.19999999999999</v>
      </c>
      <c r="D7216" s="2">
        <v>0</v>
      </c>
      <c r="E7216" s="2">
        <v>251.79999999999424</v>
      </c>
    </row>
    <row r="7217" spans="1:5" x14ac:dyDescent="0.25">
      <c r="A7217" s="3">
        <v>41816.575636574074</v>
      </c>
      <c r="B7217" s="2">
        <v>24.8</v>
      </c>
      <c r="C7217" s="2">
        <v>158.4</v>
      </c>
      <c r="D7217" s="2">
        <v>0</v>
      </c>
      <c r="E7217" s="2">
        <v>251.79999999999424</v>
      </c>
    </row>
    <row r="7218" spans="1:5" x14ac:dyDescent="0.25">
      <c r="A7218" s="3">
        <v>41816.576562499999</v>
      </c>
      <c r="B7218" s="2">
        <v>24.8</v>
      </c>
      <c r="C7218" s="2">
        <v>158.19999999999999</v>
      </c>
      <c r="D7218" s="2">
        <v>0</v>
      </c>
      <c r="E7218" s="2">
        <v>251.79999999999424</v>
      </c>
    </row>
    <row r="7219" spans="1:5" x14ac:dyDescent="0.25">
      <c r="A7219" s="3">
        <v>41816.627372685187</v>
      </c>
      <c r="B7219" s="2">
        <v>26.4</v>
      </c>
      <c r="C7219" s="2">
        <v>158</v>
      </c>
      <c r="D7219" s="2">
        <v>0</v>
      </c>
      <c r="E7219" s="2">
        <v>251.79999999999424</v>
      </c>
    </row>
    <row r="7220" spans="1:5" x14ac:dyDescent="0.25">
      <c r="A7220" s="3">
        <v>41816.671527777777</v>
      </c>
      <c r="B7220" s="2">
        <v>26.7</v>
      </c>
      <c r="C7220" s="2">
        <v>157.80000000000001</v>
      </c>
      <c r="D7220" s="2">
        <v>0</v>
      </c>
      <c r="E7220" s="2">
        <v>251.79999999999424</v>
      </c>
    </row>
    <row r="7221" spans="1:5" x14ac:dyDescent="0.25">
      <c r="A7221" s="3">
        <v>41816.673263888886</v>
      </c>
      <c r="B7221" s="2">
        <v>26.7</v>
      </c>
      <c r="C7221" s="2">
        <v>158</v>
      </c>
      <c r="D7221" s="2">
        <v>0</v>
      </c>
      <c r="E7221" s="2">
        <v>251.79999999999424</v>
      </c>
    </row>
    <row r="7222" spans="1:5" x14ac:dyDescent="0.25">
      <c r="A7222" s="3">
        <v>41816.673437500001</v>
      </c>
      <c r="B7222" s="2">
        <v>26.7</v>
      </c>
      <c r="C7222" s="2">
        <v>157.80000000000001</v>
      </c>
      <c r="D7222" s="2">
        <v>0</v>
      </c>
      <c r="E7222" s="2">
        <v>251.79999999999424</v>
      </c>
    </row>
    <row r="7223" spans="1:5" x14ac:dyDescent="0.25">
      <c r="A7223" s="3">
        <v>41816.678240740737</v>
      </c>
      <c r="B7223" s="2">
        <v>26.7</v>
      </c>
      <c r="C7223" s="2">
        <v>158</v>
      </c>
      <c r="D7223" s="2">
        <v>0</v>
      </c>
      <c r="E7223" s="2">
        <v>251.79999999999424</v>
      </c>
    </row>
    <row r="7224" spans="1:5" x14ac:dyDescent="0.25">
      <c r="A7224" s="3">
        <v>41816.678530092591</v>
      </c>
      <c r="B7224" s="2">
        <v>26.6</v>
      </c>
      <c r="C7224" s="2">
        <v>157.80000000000001</v>
      </c>
      <c r="D7224" s="2">
        <v>0</v>
      </c>
      <c r="E7224" s="2">
        <v>251.79999999999424</v>
      </c>
    </row>
    <row r="7225" spans="1:5" x14ac:dyDescent="0.25">
      <c r="A7225" s="3">
        <v>41816.704398148147</v>
      </c>
      <c r="B7225" s="2">
        <v>26.1</v>
      </c>
      <c r="C7225" s="2">
        <v>157.6</v>
      </c>
      <c r="D7225" s="2">
        <v>0</v>
      </c>
      <c r="E7225" s="2">
        <v>251.79999999999424</v>
      </c>
    </row>
    <row r="7226" spans="1:5" x14ac:dyDescent="0.25">
      <c r="A7226" s="3">
        <v>41816.705381944441</v>
      </c>
      <c r="B7226" s="2">
        <v>26.1</v>
      </c>
      <c r="C7226" s="2">
        <v>157.80000000000001</v>
      </c>
      <c r="D7226" s="2">
        <v>0</v>
      </c>
      <c r="E7226" s="2">
        <v>251.79999999999424</v>
      </c>
    </row>
    <row r="7227" spans="1:5" x14ac:dyDescent="0.25">
      <c r="A7227" s="3">
        <v>41816.705613425926</v>
      </c>
      <c r="B7227" s="2">
        <v>26.1</v>
      </c>
      <c r="C7227" s="2">
        <v>157.6</v>
      </c>
      <c r="D7227" s="2">
        <v>0</v>
      </c>
      <c r="E7227" s="2">
        <v>251.79999999999424</v>
      </c>
    </row>
    <row r="7228" spans="1:5" x14ac:dyDescent="0.25">
      <c r="A7228" s="3">
        <v>41816.726388888892</v>
      </c>
      <c r="B7228" s="2">
        <v>25.9</v>
      </c>
      <c r="C7228" s="2">
        <v>157.4</v>
      </c>
      <c r="D7228" s="2">
        <v>0</v>
      </c>
      <c r="E7228" s="2">
        <v>251.79999999999424</v>
      </c>
    </row>
    <row r="7229" spans="1:5" x14ac:dyDescent="0.25">
      <c r="A7229" s="3">
        <v>41816.732233796298</v>
      </c>
      <c r="B7229" s="2">
        <v>26</v>
      </c>
      <c r="C7229" s="2">
        <v>157.6</v>
      </c>
      <c r="D7229" s="2">
        <v>0</v>
      </c>
      <c r="E7229" s="2">
        <v>251.79999999999424</v>
      </c>
    </row>
    <row r="7230" spans="1:5" x14ac:dyDescent="0.25">
      <c r="A7230" s="3">
        <v>41816.732349537036</v>
      </c>
      <c r="B7230" s="2">
        <v>26</v>
      </c>
      <c r="C7230" s="2">
        <v>157.4</v>
      </c>
      <c r="D7230" s="2">
        <v>0</v>
      </c>
      <c r="E7230" s="2">
        <v>251.79999999999424</v>
      </c>
    </row>
    <row r="7231" spans="1:5" x14ac:dyDescent="0.25">
      <c r="A7231" s="3">
        <v>41816.750173611108</v>
      </c>
      <c r="B7231" s="2">
        <v>26.2</v>
      </c>
      <c r="C7231" s="2">
        <v>157.19999999999999</v>
      </c>
      <c r="D7231" s="2">
        <v>0</v>
      </c>
      <c r="E7231" s="2">
        <v>251.79999999999424</v>
      </c>
    </row>
    <row r="7232" spans="1:5" x14ac:dyDescent="0.25">
      <c r="A7232" s="3">
        <v>41816.750289351854</v>
      </c>
      <c r="B7232" s="2">
        <v>26.2</v>
      </c>
      <c r="C7232" s="2">
        <v>157.4</v>
      </c>
      <c r="D7232" s="2">
        <v>0</v>
      </c>
      <c r="E7232" s="2">
        <v>251.79999999999424</v>
      </c>
    </row>
    <row r="7233" spans="1:5" x14ac:dyDescent="0.25">
      <c r="A7233" s="3">
        <v>41816.750405092593</v>
      </c>
      <c r="B7233" s="2">
        <v>26.2</v>
      </c>
      <c r="C7233" s="2">
        <v>157.19999999999999</v>
      </c>
      <c r="D7233" s="2">
        <v>0</v>
      </c>
      <c r="E7233" s="2">
        <v>251.79999999999424</v>
      </c>
    </row>
    <row r="7234" spans="1:5" x14ac:dyDescent="0.25">
      <c r="A7234" s="3">
        <v>41816.803414351853</v>
      </c>
      <c r="B7234" s="2">
        <v>25.6</v>
      </c>
      <c r="C7234" s="2">
        <v>157</v>
      </c>
      <c r="D7234" s="2">
        <v>0</v>
      </c>
      <c r="E7234" s="2">
        <v>251.79999999999424</v>
      </c>
    </row>
    <row r="7235" spans="1:5" x14ac:dyDescent="0.25">
      <c r="A7235" s="3">
        <v>41816.827199074076</v>
      </c>
      <c r="B7235" s="2">
        <v>25.2</v>
      </c>
      <c r="C7235" s="2">
        <v>156.80000000000001</v>
      </c>
      <c r="D7235" s="2">
        <v>0</v>
      </c>
      <c r="E7235" s="2">
        <v>251.79999999999424</v>
      </c>
    </row>
    <row r="7236" spans="1:5" x14ac:dyDescent="0.25">
      <c r="A7236" s="3">
        <v>41816.885069444441</v>
      </c>
      <c r="B7236" s="2">
        <v>24</v>
      </c>
      <c r="C7236" s="2">
        <v>156.6</v>
      </c>
      <c r="D7236" s="2">
        <v>0</v>
      </c>
      <c r="E7236" s="2">
        <v>251.79999999999424</v>
      </c>
    </row>
    <row r="7237" spans="1:5" x14ac:dyDescent="0.25">
      <c r="A7237" s="3">
        <v>41816.941319444442</v>
      </c>
      <c r="B7237" s="2">
        <v>22.8</v>
      </c>
      <c r="C7237" s="2">
        <v>156.4</v>
      </c>
      <c r="D7237" s="2">
        <v>0</v>
      </c>
      <c r="E7237" s="2">
        <v>251.79999999999424</v>
      </c>
    </row>
    <row r="7238" spans="1:5" x14ac:dyDescent="0.25">
      <c r="A7238" s="3">
        <v>41817.015798611108</v>
      </c>
      <c r="B7238" s="2">
        <v>21.5</v>
      </c>
      <c r="C7238" s="2">
        <v>156.19999999999999</v>
      </c>
      <c r="D7238" s="2">
        <v>0</v>
      </c>
      <c r="E7238" s="2">
        <v>251.79999999999424</v>
      </c>
    </row>
    <row r="7239" spans="1:5" x14ac:dyDescent="0.25">
      <c r="A7239" s="3">
        <v>41817.116666666669</v>
      </c>
      <c r="B7239" s="2">
        <v>19.899999999999999</v>
      </c>
      <c r="C7239" s="2">
        <v>156</v>
      </c>
      <c r="D7239" s="2">
        <v>0</v>
      </c>
      <c r="E7239" s="2">
        <v>251.79999999999424</v>
      </c>
    </row>
    <row r="7240" spans="1:5" x14ac:dyDescent="0.25">
      <c r="A7240" s="3">
        <v>41817.212210648147</v>
      </c>
      <c r="B7240" s="2">
        <v>18.7</v>
      </c>
      <c r="C7240" s="2">
        <v>155.80000000000001</v>
      </c>
      <c r="D7240" s="2">
        <v>0</v>
      </c>
      <c r="E7240" s="2">
        <v>251.79999999999424</v>
      </c>
    </row>
    <row r="7241" spans="1:5" x14ac:dyDescent="0.25">
      <c r="A7241" s="3">
        <v>41817.29247685185</v>
      </c>
      <c r="B7241" s="2">
        <v>18.100000000000001</v>
      </c>
      <c r="C7241" s="2">
        <v>155.6</v>
      </c>
      <c r="D7241" s="2">
        <v>0</v>
      </c>
      <c r="E7241" s="2">
        <v>251.79999999999424</v>
      </c>
    </row>
    <row r="7242" spans="1:5" x14ac:dyDescent="0.25">
      <c r="A7242" s="3">
        <v>41817.382291666669</v>
      </c>
      <c r="B7242" s="2">
        <v>18.7</v>
      </c>
      <c r="C7242" s="2">
        <v>155.4</v>
      </c>
      <c r="D7242" s="2">
        <v>0</v>
      </c>
      <c r="E7242" s="2">
        <v>251.79999999999424</v>
      </c>
    </row>
    <row r="7243" spans="1:5" x14ac:dyDescent="0.25">
      <c r="A7243" s="3">
        <v>41817.515567129631</v>
      </c>
      <c r="B7243" s="2">
        <v>22.5</v>
      </c>
      <c r="C7243" s="2">
        <v>155.19999999999999</v>
      </c>
      <c r="D7243" s="2">
        <v>0</v>
      </c>
      <c r="E7243" s="2">
        <v>251.79999999999424</v>
      </c>
    </row>
    <row r="7244" spans="1:5" x14ac:dyDescent="0.25">
      <c r="A7244" s="3">
        <v>41817.519155092596</v>
      </c>
      <c r="B7244" s="2">
        <v>22.6</v>
      </c>
      <c r="C7244" s="2">
        <v>155.4</v>
      </c>
      <c r="D7244" s="2">
        <v>0</v>
      </c>
      <c r="E7244" s="2">
        <v>251.79999999999424</v>
      </c>
    </row>
    <row r="7245" spans="1:5" x14ac:dyDescent="0.25">
      <c r="A7245" s="3">
        <v>41817.527719907404</v>
      </c>
      <c r="B7245" s="2">
        <v>22.8</v>
      </c>
      <c r="C7245" s="2">
        <v>155.19999999999999</v>
      </c>
      <c r="D7245" s="2">
        <v>0</v>
      </c>
      <c r="E7245" s="2">
        <v>251.79999999999424</v>
      </c>
    </row>
    <row r="7246" spans="1:5" x14ac:dyDescent="0.25">
      <c r="A7246" s="3">
        <v>41817.538368055553</v>
      </c>
      <c r="B7246" s="2">
        <v>23.1</v>
      </c>
      <c r="C7246" s="2">
        <v>155.4</v>
      </c>
      <c r="D7246" s="2">
        <v>0</v>
      </c>
      <c r="E7246" s="2">
        <v>251.79999999999424</v>
      </c>
    </row>
    <row r="7247" spans="1:5" x14ac:dyDescent="0.25">
      <c r="A7247" s="3">
        <v>41817.539004629631</v>
      </c>
      <c r="B7247" s="2">
        <v>23.1</v>
      </c>
      <c r="C7247" s="2">
        <v>155.19999999999999</v>
      </c>
      <c r="D7247" s="2">
        <v>0</v>
      </c>
      <c r="E7247" s="2">
        <v>251.79999999999424</v>
      </c>
    </row>
    <row r="7248" spans="1:5" x14ac:dyDescent="0.25">
      <c r="A7248" s="3">
        <v>41817.582118055558</v>
      </c>
      <c r="B7248" s="2">
        <v>25</v>
      </c>
      <c r="C7248" s="2">
        <v>155</v>
      </c>
      <c r="D7248" s="2">
        <v>0</v>
      </c>
      <c r="E7248" s="2">
        <v>251.79999999999424</v>
      </c>
    </row>
    <row r="7249" spans="1:5" x14ac:dyDescent="0.25">
      <c r="A7249" s="3">
        <v>41817.632291666669</v>
      </c>
      <c r="B7249" s="2">
        <v>27.3</v>
      </c>
      <c r="C7249" s="2">
        <v>154.80000000000001</v>
      </c>
      <c r="D7249" s="2">
        <v>0</v>
      </c>
      <c r="E7249" s="2">
        <v>251.79999999999424</v>
      </c>
    </row>
    <row r="7250" spans="1:5" x14ac:dyDescent="0.25">
      <c r="A7250" s="3">
        <v>41817.632349537038</v>
      </c>
      <c r="B7250" s="2">
        <v>27.3</v>
      </c>
      <c r="C7250" s="2">
        <v>155</v>
      </c>
      <c r="D7250" s="2">
        <v>0</v>
      </c>
      <c r="E7250" s="2">
        <v>251.79999999999424</v>
      </c>
    </row>
    <row r="7251" spans="1:5" x14ac:dyDescent="0.25">
      <c r="A7251" s="3">
        <v>41817.633043981485</v>
      </c>
      <c r="B7251" s="2">
        <v>27.4</v>
      </c>
      <c r="C7251" s="2">
        <v>154.80000000000001</v>
      </c>
      <c r="D7251" s="2">
        <v>0</v>
      </c>
      <c r="E7251" s="2">
        <v>251.79999999999424</v>
      </c>
    </row>
    <row r="7252" spans="1:5" x14ac:dyDescent="0.25">
      <c r="A7252" s="3">
        <v>41817.634027777778</v>
      </c>
      <c r="B7252" s="2">
        <v>27.4</v>
      </c>
      <c r="C7252" s="2">
        <v>155</v>
      </c>
      <c r="D7252" s="2">
        <v>0</v>
      </c>
      <c r="E7252" s="2">
        <v>251.79999999999424</v>
      </c>
    </row>
    <row r="7253" spans="1:5" x14ac:dyDescent="0.25">
      <c r="A7253" s="3">
        <v>41817.634085648147</v>
      </c>
      <c r="B7253" s="2">
        <v>27.4</v>
      </c>
      <c r="C7253" s="2">
        <v>154.80000000000001</v>
      </c>
      <c r="D7253" s="2">
        <v>0</v>
      </c>
      <c r="E7253" s="2">
        <v>251.79999999999424</v>
      </c>
    </row>
    <row r="7254" spans="1:5" x14ac:dyDescent="0.25">
      <c r="A7254" s="3">
        <v>41817.634375000001</v>
      </c>
      <c r="B7254" s="2">
        <v>27.4</v>
      </c>
      <c r="C7254" s="2">
        <v>155</v>
      </c>
      <c r="D7254" s="2">
        <v>0</v>
      </c>
      <c r="E7254" s="2">
        <v>251.79999999999424</v>
      </c>
    </row>
    <row r="7255" spans="1:5" x14ac:dyDescent="0.25">
      <c r="A7255" s="3">
        <v>41817.634606481479</v>
      </c>
      <c r="B7255" s="2">
        <v>27.4</v>
      </c>
      <c r="C7255" s="2">
        <v>154.80000000000001</v>
      </c>
      <c r="D7255" s="2">
        <v>0</v>
      </c>
      <c r="E7255" s="2">
        <v>251.79999999999424</v>
      </c>
    </row>
    <row r="7256" spans="1:5" x14ac:dyDescent="0.25">
      <c r="A7256" s="3">
        <v>41817.648611111108</v>
      </c>
      <c r="B7256" s="2">
        <v>27.7</v>
      </c>
      <c r="C7256" s="2">
        <v>155</v>
      </c>
      <c r="D7256" s="2">
        <v>0</v>
      </c>
      <c r="E7256" s="2">
        <v>251.79999999999424</v>
      </c>
    </row>
    <row r="7257" spans="1:5" x14ac:dyDescent="0.25">
      <c r="A7257" s="3">
        <v>41817.648668981485</v>
      </c>
      <c r="B7257" s="2">
        <v>27.8</v>
      </c>
      <c r="C7257" s="2">
        <v>154.80000000000001</v>
      </c>
      <c r="D7257" s="2">
        <v>0</v>
      </c>
      <c r="E7257" s="2">
        <v>251.79999999999424</v>
      </c>
    </row>
    <row r="7258" spans="1:5" x14ac:dyDescent="0.25">
      <c r="A7258" s="3">
        <v>41817.679745370369</v>
      </c>
      <c r="B7258" s="2">
        <v>27.6</v>
      </c>
      <c r="C7258" s="2">
        <v>154.6</v>
      </c>
      <c r="D7258" s="2">
        <v>0</v>
      </c>
      <c r="E7258" s="2">
        <v>251.79999999999424</v>
      </c>
    </row>
    <row r="7259" spans="1:5" x14ac:dyDescent="0.25">
      <c r="A7259" s="3">
        <v>41817.680266203701</v>
      </c>
      <c r="B7259" s="2">
        <v>27.6</v>
      </c>
      <c r="C7259" s="2">
        <v>154.80000000000001</v>
      </c>
      <c r="D7259" s="2">
        <v>0</v>
      </c>
      <c r="E7259" s="2">
        <v>251.79999999999424</v>
      </c>
    </row>
    <row r="7260" spans="1:5" x14ac:dyDescent="0.25">
      <c r="A7260" s="3">
        <v>41817.680960648147</v>
      </c>
      <c r="B7260" s="2">
        <v>27.6</v>
      </c>
      <c r="C7260" s="2">
        <v>154.6</v>
      </c>
      <c r="D7260" s="2">
        <v>0</v>
      </c>
      <c r="E7260" s="2">
        <v>251.79999999999424</v>
      </c>
    </row>
    <row r="7261" spans="1:5" x14ac:dyDescent="0.25">
      <c r="A7261" s="3">
        <v>41817.70989583333</v>
      </c>
      <c r="B7261" s="2">
        <v>27.2</v>
      </c>
      <c r="C7261" s="2">
        <v>154.4</v>
      </c>
      <c r="D7261" s="2">
        <v>0</v>
      </c>
      <c r="E7261" s="2">
        <v>251.79999999999424</v>
      </c>
    </row>
    <row r="7262" spans="1:5" x14ac:dyDescent="0.25">
      <c r="A7262" s="3">
        <v>41817.710474537038</v>
      </c>
      <c r="B7262" s="2">
        <v>27.2</v>
      </c>
      <c r="C7262" s="2">
        <v>154.6</v>
      </c>
      <c r="D7262" s="2">
        <v>0</v>
      </c>
      <c r="E7262" s="2">
        <v>251.79999999999424</v>
      </c>
    </row>
    <row r="7263" spans="1:5" x14ac:dyDescent="0.25">
      <c r="A7263" s="3">
        <v>41817.710648148146</v>
      </c>
      <c r="B7263" s="2">
        <v>27.2</v>
      </c>
      <c r="C7263" s="2">
        <v>154.4</v>
      </c>
      <c r="D7263" s="2">
        <v>0</v>
      </c>
      <c r="E7263" s="2">
        <v>251.79999999999424</v>
      </c>
    </row>
    <row r="7264" spans="1:5" x14ac:dyDescent="0.25">
      <c r="A7264" s="3">
        <v>41817.731539351851</v>
      </c>
      <c r="B7264" s="2">
        <v>27</v>
      </c>
      <c r="C7264" s="2">
        <v>154.19999999999999</v>
      </c>
      <c r="D7264" s="2">
        <v>0</v>
      </c>
      <c r="E7264" s="2">
        <v>251.79999999999424</v>
      </c>
    </row>
    <row r="7265" spans="1:5" x14ac:dyDescent="0.25">
      <c r="A7265" s="3">
        <v>41817.755497685182</v>
      </c>
      <c r="B7265" s="2">
        <v>27.2</v>
      </c>
      <c r="C7265" s="2">
        <v>154</v>
      </c>
      <c r="D7265" s="2">
        <v>0</v>
      </c>
      <c r="E7265" s="2">
        <v>251.79999999999424</v>
      </c>
    </row>
    <row r="7266" spans="1:5" x14ac:dyDescent="0.25">
      <c r="A7266" s="3">
        <v>41817.755729166667</v>
      </c>
      <c r="B7266" s="2">
        <v>27.2</v>
      </c>
      <c r="C7266" s="2">
        <v>154.19999999999999</v>
      </c>
      <c r="D7266" s="2">
        <v>0</v>
      </c>
      <c r="E7266" s="2">
        <v>251.79999999999424</v>
      </c>
    </row>
    <row r="7267" spans="1:5" x14ac:dyDescent="0.25">
      <c r="A7267" s="3">
        <v>41817.756192129629</v>
      </c>
      <c r="B7267" s="2">
        <v>27.2</v>
      </c>
      <c r="C7267" s="2">
        <v>154</v>
      </c>
      <c r="D7267" s="2">
        <v>0</v>
      </c>
      <c r="E7267" s="2">
        <v>251.79999999999424</v>
      </c>
    </row>
    <row r="7268" spans="1:5" x14ac:dyDescent="0.25">
      <c r="A7268" s="3">
        <v>41817.757233796299</v>
      </c>
      <c r="B7268" s="2">
        <v>27.2</v>
      </c>
      <c r="C7268" s="2">
        <v>154.19999999999999</v>
      </c>
      <c r="D7268" s="2">
        <v>0</v>
      </c>
      <c r="E7268" s="2">
        <v>251.79999999999424</v>
      </c>
    </row>
    <row r="7269" spans="1:5" x14ac:dyDescent="0.25">
      <c r="A7269" s="3">
        <v>41817.757523148146</v>
      </c>
      <c r="B7269" s="2">
        <v>27.2</v>
      </c>
      <c r="C7269" s="2">
        <v>154</v>
      </c>
      <c r="D7269" s="2">
        <v>0</v>
      </c>
      <c r="E7269" s="2">
        <v>251.79999999999424</v>
      </c>
    </row>
    <row r="7270" spans="1:5" x14ac:dyDescent="0.25">
      <c r="A7270" s="3">
        <v>41817.810937499999</v>
      </c>
      <c r="B7270" s="2">
        <v>26.4</v>
      </c>
      <c r="C7270" s="2">
        <v>153.80000000000001</v>
      </c>
      <c r="D7270" s="2">
        <v>0</v>
      </c>
      <c r="E7270" s="2">
        <v>251.79999999999424</v>
      </c>
    </row>
    <row r="7271" spans="1:5" x14ac:dyDescent="0.25">
      <c r="A7271" s="3">
        <v>41817.847337962965</v>
      </c>
      <c r="B7271" s="2">
        <v>25.6</v>
      </c>
      <c r="C7271" s="2">
        <v>153.6</v>
      </c>
      <c r="D7271" s="2">
        <v>0</v>
      </c>
      <c r="E7271" s="2">
        <v>251.79999999999424</v>
      </c>
    </row>
    <row r="7272" spans="1:5" x14ac:dyDescent="0.25">
      <c r="A7272" s="3">
        <v>41817.89340277778</v>
      </c>
      <c r="B7272" s="2">
        <v>24.8</v>
      </c>
      <c r="C7272" s="2">
        <v>153.4</v>
      </c>
      <c r="D7272" s="2">
        <v>0</v>
      </c>
      <c r="E7272" s="2">
        <v>251.79999999999424</v>
      </c>
    </row>
    <row r="7273" spans="1:5" x14ac:dyDescent="0.25">
      <c r="A7273" s="3">
        <v>41817.953645833331</v>
      </c>
      <c r="B7273" s="2">
        <v>23.7</v>
      </c>
      <c r="C7273" s="2">
        <v>153.19999999999999</v>
      </c>
      <c r="D7273" s="2">
        <v>0</v>
      </c>
      <c r="E7273" s="2">
        <v>251.79999999999424</v>
      </c>
    </row>
    <row r="7274" spans="1:5" x14ac:dyDescent="0.25">
      <c r="A7274" s="3">
        <v>41818.030150462961</v>
      </c>
      <c r="B7274" s="2">
        <v>22.4</v>
      </c>
      <c r="C7274" s="2">
        <v>153</v>
      </c>
      <c r="D7274" s="2">
        <v>0</v>
      </c>
      <c r="E7274" s="2">
        <v>251.79999999999424</v>
      </c>
    </row>
    <row r="7275" spans="1:5" x14ac:dyDescent="0.25">
      <c r="A7275" s="3">
        <v>41818.142418981479</v>
      </c>
      <c r="B7275" s="2">
        <v>20.6</v>
      </c>
      <c r="C7275" s="2">
        <v>152.80000000000001</v>
      </c>
      <c r="D7275" s="2">
        <v>0</v>
      </c>
      <c r="E7275" s="2">
        <v>251.79999999999424</v>
      </c>
    </row>
    <row r="7276" spans="1:5" x14ac:dyDescent="0.25">
      <c r="A7276" s="3">
        <v>41818.275925925926</v>
      </c>
      <c r="B7276" s="2">
        <v>18.7</v>
      </c>
      <c r="C7276" s="2">
        <v>152.6</v>
      </c>
      <c r="D7276" s="2">
        <v>0</v>
      </c>
      <c r="E7276" s="2">
        <v>251.79999999999424</v>
      </c>
    </row>
    <row r="7277" spans="1:5" x14ac:dyDescent="0.25">
      <c r="A7277" s="3">
        <v>41818.312094907407</v>
      </c>
      <c r="B7277" s="2">
        <v>18.5</v>
      </c>
      <c r="C7277" s="2">
        <v>152.4</v>
      </c>
      <c r="D7277" s="2">
        <v>0</v>
      </c>
      <c r="E7277" s="2">
        <v>251.79999999999424</v>
      </c>
    </row>
    <row r="7278" spans="1:5" x14ac:dyDescent="0.25">
      <c r="A7278" s="3">
        <v>41818.352546296293</v>
      </c>
      <c r="B7278" s="2">
        <v>18.600000000000001</v>
      </c>
      <c r="C7278" s="2">
        <v>152.19999999999999</v>
      </c>
      <c r="D7278" s="2">
        <v>0</v>
      </c>
      <c r="E7278" s="2">
        <v>251.79999999999424</v>
      </c>
    </row>
    <row r="7279" spans="1:5" x14ac:dyDescent="0.25">
      <c r="A7279" s="3">
        <v>41818.556886574072</v>
      </c>
      <c r="B7279" s="2">
        <v>29.1</v>
      </c>
      <c r="C7279" s="2">
        <v>152</v>
      </c>
      <c r="D7279" s="2">
        <v>0</v>
      </c>
      <c r="E7279" s="2">
        <v>251.79999999999424</v>
      </c>
    </row>
    <row r="7280" spans="1:5" x14ac:dyDescent="0.25">
      <c r="A7280" s="3">
        <v>41818.557118055556</v>
      </c>
      <c r="B7280" s="2">
        <v>29.3</v>
      </c>
      <c r="C7280" s="2">
        <v>152.19999999999999</v>
      </c>
      <c r="D7280" s="2">
        <v>0</v>
      </c>
      <c r="E7280" s="2">
        <v>251.79999999999424</v>
      </c>
    </row>
    <row r="7281" spans="1:5" x14ac:dyDescent="0.25">
      <c r="A7281" s="3">
        <v>41818.55740740741</v>
      </c>
      <c r="B7281" s="2">
        <v>29.3</v>
      </c>
      <c r="C7281" s="2">
        <v>152</v>
      </c>
      <c r="D7281" s="2">
        <v>0</v>
      </c>
      <c r="E7281" s="2">
        <v>251.79999999999424</v>
      </c>
    </row>
    <row r="7282" spans="1:5" x14ac:dyDescent="0.25">
      <c r="A7282" s="3">
        <v>41818.557870370372</v>
      </c>
      <c r="B7282" s="2">
        <v>29.3</v>
      </c>
      <c r="C7282" s="2">
        <v>152.19999999999999</v>
      </c>
      <c r="D7282" s="2">
        <v>0</v>
      </c>
      <c r="E7282" s="2">
        <v>251.79999999999424</v>
      </c>
    </row>
    <row r="7283" spans="1:5" x14ac:dyDescent="0.25">
      <c r="A7283" s="3">
        <v>41818.557928240742</v>
      </c>
      <c r="B7283" s="2">
        <v>29.3</v>
      </c>
      <c r="C7283" s="2">
        <v>152</v>
      </c>
      <c r="D7283" s="2">
        <v>0</v>
      </c>
      <c r="E7283" s="2">
        <v>251.79999999999424</v>
      </c>
    </row>
    <row r="7284" spans="1:5" x14ac:dyDescent="0.25">
      <c r="A7284" s="3">
        <v>41818.593344907407</v>
      </c>
      <c r="B7284" s="2">
        <v>30.1</v>
      </c>
      <c r="C7284" s="2">
        <v>151.80000000000001</v>
      </c>
      <c r="D7284" s="2">
        <v>0</v>
      </c>
      <c r="E7284" s="2">
        <v>251.79999999999424</v>
      </c>
    </row>
    <row r="7285" spans="1:5" x14ac:dyDescent="0.25">
      <c r="A7285" s="3">
        <v>41818.593576388892</v>
      </c>
      <c r="B7285" s="2">
        <v>30</v>
      </c>
      <c r="C7285" s="2">
        <v>152</v>
      </c>
      <c r="D7285" s="2">
        <v>0</v>
      </c>
      <c r="E7285" s="2">
        <v>251.79999999999424</v>
      </c>
    </row>
    <row r="7286" spans="1:5" x14ac:dyDescent="0.25">
      <c r="A7286" s="3">
        <v>41818.594502314816</v>
      </c>
      <c r="B7286" s="2">
        <v>30.1</v>
      </c>
      <c r="C7286" s="2">
        <v>151.80000000000001</v>
      </c>
      <c r="D7286" s="2">
        <v>0</v>
      </c>
      <c r="E7286" s="2">
        <v>251.79999999999424</v>
      </c>
    </row>
    <row r="7287" spans="1:5" x14ac:dyDescent="0.25">
      <c r="A7287" s="3">
        <v>41818.627141203702</v>
      </c>
      <c r="B7287" s="2">
        <v>30.4</v>
      </c>
      <c r="C7287" s="2">
        <v>151.6</v>
      </c>
      <c r="D7287" s="2">
        <v>0</v>
      </c>
      <c r="E7287" s="2">
        <v>251.79999999999424</v>
      </c>
    </row>
    <row r="7288" spans="1:5" x14ac:dyDescent="0.25">
      <c r="A7288" s="3">
        <v>41818.65353009259</v>
      </c>
      <c r="B7288" s="2">
        <v>30.7</v>
      </c>
      <c r="C7288" s="2">
        <v>151.4</v>
      </c>
      <c r="D7288" s="2">
        <v>0</v>
      </c>
      <c r="E7288" s="2">
        <v>251.79999999999424</v>
      </c>
    </row>
    <row r="7289" spans="1:5" x14ac:dyDescent="0.25">
      <c r="A7289" s="3">
        <v>41818.670949074076</v>
      </c>
      <c r="B7289" s="2">
        <v>30.4</v>
      </c>
      <c r="C7289" s="2">
        <v>151.19999999999999</v>
      </c>
      <c r="D7289" s="2">
        <v>0</v>
      </c>
      <c r="E7289" s="2">
        <v>251.79999999999424</v>
      </c>
    </row>
    <row r="7290" spans="1:5" x14ac:dyDescent="0.25">
      <c r="A7290" s="3">
        <v>41818.690162037034</v>
      </c>
      <c r="B7290" s="2">
        <v>30.1</v>
      </c>
      <c r="C7290" s="2">
        <v>151</v>
      </c>
      <c r="D7290" s="2">
        <v>0</v>
      </c>
      <c r="E7290" s="2">
        <v>251.79999999999424</v>
      </c>
    </row>
    <row r="7291" spans="1:5" x14ac:dyDescent="0.25">
      <c r="A7291" s="3">
        <v>41818.690740740742</v>
      </c>
      <c r="B7291" s="2">
        <v>30</v>
      </c>
      <c r="C7291" s="2">
        <v>151.19999999999999</v>
      </c>
      <c r="D7291" s="2">
        <v>0</v>
      </c>
      <c r="E7291" s="2">
        <v>251.79999999999424</v>
      </c>
    </row>
    <row r="7292" spans="1:5" x14ac:dyDescent="0.25">
      <c r="A7292" s="3">
        <v>41818.691087962965</v>
      </c>
      <c r="B7292" s="2">
        <v>30.1</v>
      </c>
      <c r="C7292" s="2">
        <v>151</v>
      </c>
      <c r="D7292" s="2">
        <v>0</v>
      </c>
      <c r="E7292" s="2">
        <v>251.79999999999424</v>
      </c>
    </row>
    <row r="7293" spans="1:5" x14ac:dyDescent="0.25">
      <c r="A7293" s="3">
        <v>41818.691435185188</v>
      </c>
      <c r="B7293" s="2">
        <v>30</v>
      </c>
      <c r="C7293" s="2">
        <v>151.19999999999999</v>
      </c>
      <c r="D7293" s="2">
        <v>0</v>
      </c>
      <c r="E7293" s="2">
        <v>251.79999999999424</v>
      </c>
    </row>
    <row r="7294" spans="1:5" x14ac:dyDescent="0.25">
      <c r="A7294" s="3">
        <v>41818.691493055558</v>
      </c>
      <c r="B7294" s="2">
        <v>30</v>
      </c>
      <c r="C7294" s="2">
        <v>151</v>
      </c>
      <c r="D7294" s="2">
        <v>0</v>
      </c>
      <c r="E7294" s="2">
        <v>251.79999999999424</v>
      </c>
    </row>
    <row r="7295" spans="1:5" x14ac:dyDescent="0.25">
      <c r="A7295" s="3">
        <v>41818.692013888889</v>
      </c>
      <c r="B7295" s="2">
        <v>30</v>
      </c>
      <c r="C7295" s="2">
        <v>151.19999999999999</v>
      </c>
      <c r="D7295" s="2">
        <v>0</v>
      </c>
      <c r="E7295" s="2">
        <v>251.79999999999424</v>
      </c>
    </row>
    <row r="7296" spans="1:5" x14ac:dyDescent="0.25">
      <c r="A7296" s="3">
        <v>41818.692187499997</v>
      </c>
      <c r="B7296" s="2">
        <v>29.9</v>
      </c>
      <c r="C7296" s="2">
        <v>151</v>
      </c>
      <c r="D7296" s="2">
        <v>0</v>
      </c>
      <c r="E7296" s="2">
        <v>251.79999999999424</v>
      </c>
    </row>
    <row r="7297" spans="1:5" x14ac:dyDescent="0.25">
      <c r="A7297" s="3">
        <v>41818.707986111112</v>
      </c>
      <c r="B7297" s="2">
        <v>29.6</v>
      </c>
      <c r="C7297" s="2">
        <v>150.80000000000001</v>
      </c>
      <c r="D7297" s="2">
        <v>0</v>
      </c>
      <c r="E7297" s="2">
        <v>251.79999999999424</v>
      </c>
    </row>
    <row r="7298" spans="1:5" x14ac:dyDescent="0.25">
      <c r="A7298" s="3">
        <v>41818.70821759259</v>
      </c>
      <c r="B7298" s="2">
        <v>29.6</v>
      </c>
      <c r="C7298" s="2">
        <v>151</v>
      </c>
      <c r="D7298" s="2">
        <v>0</v>
      </c>
      <c r="E7298" s="2">
        <v>251.79999999999424</v>
      </c>
    </row>
    <row r="7299" spans="1:5" x14ac:dyDescent="0.25">
      <c r="A7299" s="3">
        <v>41818.708680555559</v>
      </c>
      <c r="B7299" s="2">
        <v>29.5</v>
      </c>
      <c r="C7299" s="2">
        <v>150.80000000000001</v>
      </c>
      <c r="D7299" s="2">
        <v>0</v>
      </c>
      <c r="E7299" s="2">
        <v>251.79999999999424</v>
      </c>
    </row>
    <row r="7300" spans="1:5" x14ac:dyDescent="0.25">
      <c r="A7300" s="3">
        <v>41818.710474537038</v>
      </c>
      <c r="B7300" s="2">
        <v>29.5</v>
      </c>
      <c r="C7300" s="2">
        <v>151</v>
      </c>
      <c r="D7300" s="2">
        <v>0</v>
      </c>
      <c r="E7300" s="2">
        <v>251.79999999999424</v>
      </c>
    </row>
    <row r="7301" spans="1:5" x14ac:dyDescent="0.25">
      <c r="A7301" s="3">
        <v>41818.710590277777</v>
      </c>
      <c r="B7301" s="2">
        <v>29.5</v>
      </c>
      <c r="C7301" s="2">
        <v>150.80000000000001</v>
      </c>
      <c r="D7301" s="2">
        <v>0</v>
      </c>
      <c r="E7301" s="2">
        <v>251.79999999999424</v>
      </c>
    </row>
    <row r="7302" spans="1:5" x14ac:dyDescent="0.25">
      <c r="A7302" s="3">
        <v>41818.72210648148</v>
      </c>
      <c r="B7302" s="2">
        <v>29.3</v>
      </c>
      <c r="C7302" s="2">
        <v>150.6</v>
      </c>
      <c r="D7302" s="2">
        <v>0</v>
      </c>
      <c r="E7302" s="2">
        <v>251.79999999999424</v>
      </c>
    </row>
    <row r="7303" spans="1:5" x14ac:dyDescent="0.25">
      <c r="A7303" s="3">
        <v>41818.72216435185</v>
      </c>
      <c r="B7303" s="2">
        <v>29.3</v>
      </c>
      <c r="C7303" s="2">
        <v>150.80000000000001</v>
      </c>
      <c r="D7303" s="2">
        <v>0</v>
      </c>
      <c r="E7303" s="2">
        <v>251.79999999999424</v>
      </c>
    </row>
    <row r="7304" spans="1:5" x14ac:dyDescent="0.25">
      <c r="A7304" s="3">
        <v>41818.722685185188</v>
      </c>
      <c r="B7304" s="2">
        <v>29.3</v>
      </c>
      <c r="C7304" s="2">
        <v>150.6</v>
      </c>
      <c r="D7304" s="2">
        <v>0</v>
      </c>
      <c r="E7304" s="2">
        <v>251.79999999999424</v>
      </c>
    </row>
    <row r="7305" spans="1:5" x14ac:dyDescent="0.25">
      <c r="A7305" s="3">
        <v>41818.722800925927</v>
      </c>
      <c r="B7305" s="2">
        <v>29.3</v>
      </c>
      <c r="C7305" s="2">
        <v>150.80000000000001</v>
      </c>
      <c r="D7305" s="2">
        <v>0</v>
      </c>
      <c r="E7305" s="2">
        <v>251.79999999999424</v>
      </c>
    </row>
    <row r="7306" spans="1:5" x14ac:dyDescent="0.25">
      <c r="A7306" s="3">
        <v>41818.723611111112</v>
      </c>
      <c r="B7306" s="2">
        <v>29.1</v>
      </c>
      <c r="C7306" s="2">
        <v>150.6</v>
      </c>
      <c r="D7306" s="2">
        <v>0</v>
      </c>
      <c r="E7306" s="2">
        <v>251.79999999999424</v>
      </c>
    </row>
    <row r="7307" spans="1:5" x14ac:dyDescent="0.25">
      <c r="A7307" s="3">
        <v>41818.725462962961</v>
      </c>
      <c r="B7307" s="2">
        <v>29.1</v>
      </c>
      <c r="C7307" s="2">
        <v>150.80000000000001</v>
      </c>
      <c r="D7307" s="2">
        <v>0</v>
      </c>
      <c r="E7307" s="2">
        <v>251.79999999999424</v>
      </c>
    </row>
    <row r="7308" spans="1:5" x14ac:dyDescent="0.25">
      <c r="A7308" s="3">
        <v>41818.725578703707</v>
      </c>
      <c r="B7308" s="2">
        <v>29.1</v>
      </c>
      <c r="C7308" s="2">
        <v>150.6</v>
      </c>
      <c r="D7308" s="2">
        <v>0</v>
      </c>
      <c r="E7308" s="2">
        <v>251.79999999999424</v>
      </c>
    </row>
    <row r="7309" spans="1:5" x14ac:dyDescent="0.25">
      <c r="A7309" s="3">
        <v>41818.742592592593</v>
      </c>
      <c r="B7309" s="2">
        <v>29.1</v>
      </c>
      <c r="C7309" s="2">
        <v>150.4</v>
      </c>
      <c r="D7309" s="2">
        <v>0</v>
      </c>
      <c r="E7309" s="2">
        <v>251.79999999999424</v>
      </c>
    </row>
    <row r="7310" spans="1:5" x14ac:dyDescent="0.25">
      <c r="A7310" s="3">
        <v>41818.74322916667</v>
      </c>
      <c r="B7310" s="2">
        <v>29.1</v>
      </c>
      <c r="C7310" s="2">
        <v>150.6</v>
      </c>
      <c r="D7310" s="2">
        <v>0</v>
      </c>
      <c r="E7310" s="2">
        <v>251.79999999999424</v>
      </c>
    </row>
    <row r="7311" spans="1:5" x14ac:dyDescent="0.25">
      <c r="A7311" s="3">
        <v>41818.743634259263</v>
      </c>
      <c r="B7311" s="2">
        <v>29.1</v>
      </c>
      <c r="C7311" s="2">
        <v>150.4</v>
      </c>
      <c r="D7311" s="2">
        <v>0</v>
      </c>
      <c r="E7311" s="2">
        <v>251.79999999999424</v>
      </c>
    </row>
    <row r="7312" spans="1:5" x14ac:dyDescent="0.25">
      <c r="A7312" s="3">
        <v>41818.745081018518</v>
      </c>
      <c r="B7312" s="2">
        <v>29.1</v>
      </c>
      <c r="C7312" s="2">
        <v>150.6</v>
      </c>
      <c r="D7312" s="2">
        <v>0</v>
      </c>
      <c r="E7312" s="2">
        <v>251.79999999999424</v>
      </c>
    </row>
    <row r="7313" spans="1:5" x14ac:dyDescent="0.25">
      <c r="A7313" s="3">
        <v>41818.745196759257</v>
      </c>
      <c r="B7313" s="2">
        <v>29.1</v>
      </c>
      <c r="C7313" s="2">
        <v>150.4</v>
      </c>
      <c r="D7313" s="2">
        <v>0</v>
      </c>
      <c r="E7313" s="2">
        <v>251.79999999999424</v>
      </c>
    </row>
    <row r="7314" spans="1:5" x14ac:dyDescent="0.25">
      <c r="A7314" s="3">
        <v>41818.745254629626</v>
      </c>
      <c r="B7314" s="2">
        <v>29.1</v>
      </c>
      <c r="C7314" s="2">
        <v>150.6</v>
      </c>
      <c r="D7314" s="2">
        <v>0</v>
      </c>
      <c r="E7314" s="2">
        <v>251.79999999999424</v>
      </c>
    </row>
    <row r="7315" spans="1:5" x14ac:dyDescent="0.25">
      <c r="A7315" s="3">
        <v>41818.74554398148</v>
      </c>
      <c r="B7315" s="2">
        <v>29.1</v>
      </c>
      <c r="C7315" s="2">
        <v>150.4</v>
      </c>
      <c r="D7315" s="2">
        <v>0</v>
      </c>
      <c r="E7315" s="2">
        <v>251.79999999999424</v>
      </c>
    </row>
    <row r="7316" spans="1:5" x14ac:dyDescent="0.25">
      <c r="A7316" s="3">
        <v>41818.757407407407</v>
      </c>
      <c r="B7316" s="2">
        <v>28.9</v>
      </c>
      <c r="C7316" s="2">
        <v>150.19999999999999</v>
      </c>
      <c r="D7316" s="2">
        <v>0</v>
      </c>
      <c r="E7316" s="2">
        <v>251.79999999999424</v>
      </c>
    </row>
    <row r="7317" spans="1:5" x14ac:dyDescent="0.25">
      <c r="A7317" s="3">
        <v>41818.802604166667</v>
      </c>
      <c r="B7317" s="2">
        <v>28.2</v>
      </c>
      <c r="C7317" s="2">
        <v>150</v>
      </c>
      <c r="D7317" s="2">
        <v>0</v>
      </c>
      <c r="E7317" s="2">
        <v>251.79999999999424</v>
      </c>
    </row>
    <row r="7318" spans="1:5" x14ac:dyDescent="0.25">
      <c r="A7318" s="3">
        <v>41818.803356481483</v>
      </c>
      <c r="B7318" s="2">
        <v>28.2</v>
      </c>
      <c r="C7318" s="2">
        <v>150.19999999999999</v>
      </c>
      <c r="D7318" s="2">
        <v>0</v>
      </c>
      <c r="E7318" s="2">
        <v>251.79999999999424</v>
      </c>
    </row>
    <row r="7319" spans="1:5" x14ac:dyDescent="0.25">
      <c r="A7319" s="3">
        <v>41818.803472222222</v>
      </c>
      <c r="B7319" s="2">
        <v>28.1</v>
      </c>
      <c r="C7319" s="2">
        <v>150</v>
      </c>
      <c r="D7319" s="2">
        <v>0</v>
      </c>
      <c r="E7319" s="2">
        <v>251.79999999999424</v>
      </c>
    </row>
    <row r="7320" spans="1:5" x14ac:dyDescent="0.25">
      <c r="A7320" s="3">
        <v>41818.836516203701</v>
      </c>
      <c r="B7320" s="2">
        <v>27.2</v>
      </c>
      <c r="C7320" s="2">
        <v>149.80000000000001</v>
      </c>
      <c r="D7320" s="2">
        <v>0</v>
      </c>
      <c r="E7320" s="2">
        <v>251.79999999999424</v>
      </c>
    </row>
    <row r="7321" spans="1:5" x14ac:dyDescent="0.25">
      <c r="A7321" s="3">
        <v>41818.865567129629</v>
      </c>
      <c r="B7321" s="2">
        <v>26.6</v>
      </c>
      <c r="C7321" s="2">
        <v>149.6</v>
      </c>
      <c r="D7321" s="2">
        <v>0</v>
      </c>
      <c r="E7321" s="2">
        <v>251.79999999999424</v>
      </c>
    </row>
    <row r="7322" spans="1:5" x14ac:dyDescent="0.25">
      <c r="A7322" s="3">
        <v>41818.897800925923</v>
      </c>
      <c r="B7322" s="2">
        <v>26</v>
      </c>
      <c r="C7322" s="2">
        <v>149.4</v>
      </c>
      <c r="D7322" s="2">
        <v>0</v>
      </c>
      <c r="E7322" s="2">
        <v>251.79999999999424</v>
      </c>
    </row>
    <row r="7323" spans="1:5" x14ac:dyDescent="0.25">
      <c r="A7323" s="3">
        <v>41818.952256944445</v>
      </c>
      <c r="B7323" s="2">
        <v>24.8</v>
      </c>
      <c r="C7323" s="2">
        <v>149.19999999999999</v>
      </c>
      <c r="D7323" s="2">
        <v>0</v>
      </c>
      <c r="E7323" s="2">
        <v>251.79999999999424</v>
      </c>
    </row>
    <row r="7324" spans="1:5" x14ac:dyDescent="0.25">
      <c r="A7324" s="3">
        <v>41819.009780092594</v>
      </c>
      <c r="B7324" s="2">
        <v>23.8</v>
      </c>
      <c r="C7324" s="2">
        <v>149</v>
      </c>
      <c r="D7324" s="2">
        <v>0</v>
      </c>
      <c r="E7324" s="2">
        <v>251.79999999999424</v>
      </c>
    </row>
    <row r="7325" spans="1:5" x14ac:dyDescent="0.25">
      <c r="A7325" s="3">
        <v>41819.064641203702</v>
      </c>
      <c r="B7325" s="2">
        <v>22.8</v>
      </c>
      <c r="C7325" s="2">
        <v>148.80000000000001</v>
      </c>
      <c r="D7325" s="2">
        <v>0</v>
      </c>
      <c r="E7325" s="2">
        <v>251.79999999999424</v>
      </c>
    </row>
    <row r="7326" spans="1:5" x14ac:dyDescent="0.25">
      <c r="A7326" s="3">
        <v>41819.138078703705</v>
      </c>
      <c r="B7326" s="2">
        <v>21.8</v>
      </c>
      <c r="C7326" s="2">
        <v>148.6</v>
      </c>
      <c r="D7326" s="2">
        <v>0</v>
      </c>
      <c r="E7326" s="2">
        <v>251.79999999999424</v>
      </c>
    </row>
    <row r="7327" spans="1:5" x14ac:dyDescent="0.25">
      <c r="A7327" s="3">
        <v>41819.278124999997</v>
      </c>
      <c r="B7327" s="2">
        <v>20.6</v>
      </c>
      <c r="C7327" s="2">
        <v>148.4</v>
      </c>
      <c r="D7327" s="2">
        <v>0</v>
      </c>
      <c r="E7327" s="2">
        <v>251.79999999999424</v>
      </c>
    </row>
    <row r="7328" spans="1:5" x14ac:dyDescent="0.25">
      <c r="A7328" s="3">
        <v>41819.352951388886</v>
      </c>
      <c r="B7328" s="2">
        <v>20.6</v>
      </c>
      <c r="C7328" s="2">
        <v>148.19999999999999</v>
      </c>
      <c r="D7328" s="2">
        <v>0</v>
      </c>
      <c r="E7328" s="2">
        <v>251.79999999999424</v>
      </c>
    </row>
    <row r="7329" spans="1:5" x14ac:dyDescent="0.25">
      <c r="A7329" s="3">
        <v>41819.390914351854</v>
      </c>
      <c r="B7329" s="2">
        <v>21.7</v>
      </c>
      <c r="C7329" s="2">
        <v>148.4</v>
      </c>
      <c r="D7329" s="2">
        <v>0</v>
      </c>
      <c r="E7329" s="2">
        <v>251.79999999999424</v>
      </c>
    </row>
    <row r="7330" spans="1:5" x14ac:dyDescent="0.25">
      <c r="A7330" s="3">
        <v>41819.39675925926</v>
      </c>
      <c r="B7330" s="2">
        <v>21.8</v>
      </c>
      <c r="C7330" s="2">
        <v>148.19999999999999</v>
      </c>
      <c r="D7330" s="2">
        <v>0</v>
      </c>
      <c r="E7330" s="2">
        <v>251.79999999999424</v>
      </c>
    </row>
    <row r="7331" spans="1:5" x14ac:dyDescent="0.25">
      <c r="A7331" s="3">
        <v>41819.404224537036</v>
      </c>
      <c r="B7331" s="2">
        <v>22.1</v>
      </c>
      <c r="C7331" s="2">
        <v>148.4</v>
      </c>
      <c r="D7331" s="2">
        <v>0</v>
      </c>
      <c r="E7331" s="2">
        <v>251.79999999999424</v>
      </c>
    </row>
    <row r="7332" spans="1:5" x14ac:dyDescent="0.25">
      <c r="A7332" s="3">
        <v>41819.404282407406</v>
      </c>
      <c r="B7332" s="2">
        <v>22.1</v>
      </c>
      <c r="C7332" s="2">
        <v>148.19999999999999</v>
      </c>
      <c r="D7332" s="2">
        <v>0</v>
      </c>
      <c r="E7332" s="2">
        <v>251.79999999999424</v>
      </c>
    </row>
    <row r="7333" spans="1:5" x14ac:dyDescent="0.25">
      <c r="A7333" s="3">
        <v>41819.481365740743</v>
      </c>
      <c r="B7333" s="2">
        <v>25.5</v>
      </c>
      <c r="C7333" s="2">
        <v>148</v>
      </c>
      <c r="D7333" s="2">
        <v>0</v>
      </c>
      <c r="E7333" s="2">
        <v>251.79999999999424</v>
      </c>
    </row>
    <row r="7334" spans="1:5" x14ac:dyDescent="0.25">
      <c r="A7334" s="3">
        <v>41819.481423611112</v>
      </c>
      <c r="B7334" s="2">
        <v>25.5</v>
      </c>
      <c r="C7334" s="2">
        <v>148.19999999999999</v>
      </c>
      <c r="D7334" s="2">
        <v>0</v>
      </c>
      <c r="E7334" s="2">
        <v>251.79999999999424</v>
      </c>
    </row>
    <row r="7335" spans="1:5" x14ac:dyDescent="0.25">
      <c r="A7335" s="3">
        <v>41819.483622685184</v>
      </c>
      <c r="B7335" s="2">
        <v>25.6</v>
      </c>
      <c r="C7335" s="2">
        <v>148</v>
      </c>
      <c r="D7335" s="2">
        <v>0</v>
      </c>
      <c r="E7335" s="2">
        <v>251.79999999999424</v>
      </c>
    </row>
    <row r="7336" spans="1:5" x14ac:dyDescent="0.25">
      <c r="A7336" s="3">
        <v>41819.483738425923</v>
      </c>
      <c r="B7336" s="2">
        <v>25.6</v>
      </c>
      <c r="C7336" s="2">
        <v>148.19999999999999</v>
      </c>
      <c r="D7336" s="2">
        <v>0</v>
      </c>
      <c r="E7336" s="2">
        <v>251.79999999999424</v>
      </c>
    </row>
    <row r="7337" spans="1:5" x14ac:dyDescent="0.25">
      <c r="A7337" s="3">
        <v>41819.484606481485</v>
      </c>
      <c r="B7337" s="2">
        <v>25.7</v>
      </c>
      <c r="C7337" s="2">
        <v>148</v>
      </c>
      <c r="D7337" s="2">
        <v>0</v>
      </c>
      <c r="E7337" s="2">
        <v>251.79999999999424</v>
      </c>
    </row>
    <row r="7338" spans="1:5" x14ac:dyDescent="0.25">
      <c r="A7338" s="3">
        <v>41819.485358796293</v>
      </c>
      <c r="B7338" s="2">
        <v>25.8</v>
      </c>
      <c r="C7338" s="2">
        <v>148.19999999999999</v>
      </c>
      <c r="D7338" s="2">
        <v>0</v>
      </c>
      <c r="E7338" s="2">
        <v>251.79999999999424</v>
      </c>
    </row>
    <row r="7339" spans="1:5" x14ac:dyDescent="0.25">
      <c r="A7339" s="3">
        <v>41819.485474537039</v>
      </c>
      <c r="B7339" s="2">
        <v>25.8</v>
      </c>
      <c r="C7339" s="2">
        <v>148</v>
      </c>
      <c r="D7339" s="2">
        <v>0</v>
      </c>
      <c r="E7339" s="2">
        <v>251.79999999999424</v>
      </c>
    </row>
    <row r="7340" spans="1:5" x14ac:dyDescent="0.25">
      <c r="A7340" s="3">
        <v>41819.486111111109</v>
      </c>
      <c r="B7340" s="2">
        <v>25.8</v>
      </c>
      <c r="C7340" s="2">
        <v>148.19999999999999</v>
      </c>
      <c r="D7340" s="2">
        <v>0</v>
      </c>
      <c r="E7340" s="2">
        <v>251.79999999999424</v>
      </c>
    </row>
    <row r="7341" spans="1:5" x14ac:dyDescent="0.25">
      <c r="A7341" s="3">
        <v>41819.486168981479</v>
      </c>
      <c r="B7341" s="2">
        <v>25.8</v>
      </c>
      <c r="C7341" s="2">
        <v>148</v>
      </c>
      <c r="D7341" s="2">
        <v>0</v>
      </c>
      <c r="E7341" s="2">
        <v>251.79999999999424</v>
      </c>
    </row>
    <row r="7342" spans="1:5" x14ac:dyDescent="0.25">
      <c r="A7342" s="3">
        <v>41819.486689814818</v>
      </c>
      <c r="B7342" s="2">
        <v>25.8</v>
      </c>
      <c r="C7342" s="2">
        <v>148.19999999999999</v>
      </c>
      <c r="D7342" s="2">
        <v>0</v>
      </c>
      <c r="E7342" s="2">
        <v>251.79999999999424</v>
      </c>
    </row>
    <row r="7343" spans="1:5" x14ac:dyDescent="0.25">
      <c r="A7343" s="3">
        <v>41819.486863425926</v>
      </c>
      <c r="B7343" s="2">
        <v>25.8</v>
      </c>
      <c r="C7343" s="2">
        <v>148</v>
      </c>
      <c r="D7343" s="2">
        <v>0</v>
      </c>
      <c r="E7343" s="2">
        <v>251.79999999999424</v>
      </c>
    </row>
    <row r="7344" spans="1:5" x14ac:dyDescent="0.25">
      <c r="A7344" s="3">
        <v>41819.489814814813</v>
      </c>
      <c r="B7344" s="2">
        <v>26</v>
      </c>
      <c r="C7344" s="2">
        <v>148.19999999999999</v>
      </c>
      <c r="D7344" s="2">
        <v>0</v>
      </c>
      <c r="E7344" s="2">
        <v>251.79999999999424</v>
      </c>
    </row>
    <row r="7345" spans="1:5" x14ac:dyDescent="0.25">
      <c r="A7345" s="3">
        <v>41819.490104166667</v>
      </c>
      <c r="B7345" s="2">
        <v>26</v>
      </c>
      <c r="C7345" s="2">
        <v>148</v>
      </c>
      <c r="D7345" s="2">
        <v>0</v>
      </c>
      <c r="E7345" s="2">
        <v>251.79999999999424</v>
      </c>
    </row>
    <row r="7346" spans="1:5" x14ac:dyDescent="0.25">
      <c r="A7346" s="3">
        <v>41819.491203703707</v>
      </c>
      <c r="B7346" s="2">
        <v>26.1</v>
      </c>
      <c r="C7346" s="2">
        <v>148.19999999999999</v>
      </c>
      <c r="D7346" s="2">
        <v>0</v>
      </c>
      <c r="E7346" s="2">
        <v>251.79999999999424</v>
      </c>
    </row>
    <row r="7347" spans="1:5" x14ac:dyDescent="0.25">
      <c r="A7347" s="3">
        <v>41819.491377314815</v>
      </c>
      <c r="B7347" s="2">
        <v>26.1</v>
      </c>
      <c r="C7347" s="2">
        <v>148</v>
      </c>
      <c r="D7347" s="2">
        <v>0</v>
      </c>
      <c r="E7347" s="2">
        <v>251.79999999999424</v>
      </c>
    </row>
    <row r="7348" spans="1:5" x14ac:dyDescent="0.25">
      <c r="A7348" s="3">
        <v>41819.492476851854</v>
      </c>
      <c r="B7348" s="2">
        <v>26.2</v>
      </c>
      <c r="C7348" s="2">
        <v>148.19999999999999</v>
      </c>
      <c r="D7348" s="2">
        <v>0</v>
      </c>
      <c r="E7348" s="2">
        <v>251.79999999999424</v>
      </c>
    </row>
    <row r="7349" spans="1:5" x14ac:dyDescent="0.25">
      <c r="A7349" s="3">
        <v>41819.492650462962</v>
      </c>
      <c r="B7349" s="2">
        <v>26.2</v>
      </c>
      <c r="C7349" s="2">
        <v>148</v>
      </c>
      <c r="D7349" s="2">
        <v>0</v>
      </c>
      <c r="E7349" s="2">
        <v>251.79999999999424</v>
      </c>
    </row>
    <row r="7350" spans="1:5" x14ac:dyDescent="0.25">
      <c r="A7350" s="3">
        <v>41819.49832175926</v>
      </c>
      <c r="B7350" s="2">
        <v>26.4</v>
      </c>
      <c r="C7350" s="2">
        <v>148.19999999999999</v>
      </c>
      <c r="D7350" s="2">
        <v>0</v>
      </c>
      <c r="E7350" s="2">
        <v>251.79999999999424</v>
      </c>
    </row>
    <row r="7351" spans="1:5" x14ac:dyDescent="0.25">
      <c r="A7351" s="3">
        <v>41819.498379629629</v>
      </c>
      <c r="B7351" s="2">
        <v>26.4</v>
      </c>
      <c r="C7351" s="2">
        <v>148</v>
      </c>
      <c r="D7351" s="2">
        <v>0</v>
      </c>
      <c r="E7351" s="2">
        <v>251.79999999999424</v>
      </c>
    </row>
    <row r="7352" spans="1:5" x14ac:dyDescent="0.25">
      <c r="A7352" s="3">
        <v>41819.513136574074</v>
      </c>
      <c r="B7352" s="2">
        <v>26.8</v>
      </c>
      <c r="C7352" s="2">
        <v>148.19999999999999</v>
      </c>
      <c r="D7352" s="2">
        <v>0</v>
      </c>
      <c r="E7352" s="2">
        <v>251.79999999999424</v>
      </c>
    </row>
    <row r="7353" spans="1:5" x14ac:dyDescent="0.25">
      <c r="A7353" s="3">
        <v>41819.519907407404</v>
      </c>
      <c r="B7353" s="2">
        <v>26.8</v>
      </c>
      <c r="C7353" s="2">
        <v>148</v>
      </c>
      <c r="D7353" s="2">
        <v>0</v>
      </c>
      <c r="E7353" s="2">
        <v>251.79999999999424</v>
      </c>
    </row>
    <row r="7354" spans="1:5" x14ac:dyDescent="0.25">
      <c r="A7354" s="3">
        <v>41819.52002314815</v>
      </c>
      <c r="B7354" s="2">
        <v>26.8</v>
      </c>
      <c r="C7354" s="2">
        <v>148.19999999999999</v>
      </c>
      <c r="D7354" s="2">
        <v>0</v>
      </c>
      <c r="E7354" s="2">
        <v>251.79999999999424</v>
      </c>
    </row>
    <row r="7355" spans="1:5" x14ac:dyDescent="0.25">
      <c r="A7355" s="3">
        <v>41819.520312499997</v>
      </c>
      <c r="B7355" s="2">
        <v>26.8</v>
      </c>
      <c r="C7355" s="2">
        <v>148</v>
      </c>
      <c r="D7355" s="2">
        <v>0</v>
      </c>
      <c r="E7355" s="2">
        <v>251.79999999999424</v>
      </c>
    </row>
    <row r="7356" spans="1:5" x14ac:dyDescent="0.25">
      <c r="A7356" s="3">
        <v>41819.520370370374</v>
      </c>
      <c r="B7356" s="2">
        <v>26.8</v>
      </c>
      <c r="C7356" s="2">
        <v>148.19999999999999</v>
      </c>
      <c r="D7356" s="2">
        <v>0</v>
      </c>
      <c r="E7356" s="2">
        <v>251.79999999999424</v>
      </c>
    </row>
    <row r="7357" spans="1:5" x14ac:dyDescent="0.25">
      <c r="A7357" s="3">
        <v>41819.520601851851</v>
      </c>
      <c r="B7357" s="2">
        <v>26.8</v>
      </c>
      <c r="C7357" s="2">
        <v>148</v>
      </c>
      <c r="D7357" s="2">
        <v>0</v>
      </c>
      <c r="E7357" s="2">
        <v>251.79999999999424</v>
      </c>
    </row>
    <row r="7358" spans="1:5" x14ac:dyDescent="0.25">
      <c r="A7358" s="3">
        <v>41819.52065972222</v>
      </c>
      <c r="B7358" s="2">
        <v>26.8</v>
      </c>
      <c r="C7358" s="2">
        <v>148.19999999999999</v>
      </c>
      <c r="D7358" s="2">
        <v>0</v>
      </c>
      <c r="E7358" s="2">
        <v>251.79999999999424</v>
      </c>
    </row>
    <row r="7359" spans="1:5" x14ac:dyDescent="0.25">
      <c r="A7359" s="3">
        <v>41819.531481481485</v>
      </c>
      <c r="B7359" s="2">
        <v>26.7</v>
      </c>
      <c r="C7359" s="2">
        <v>148.19999999999999</v>
      </c>
      <c r="D7359" s="2">
        <v>0.2</v>
      </c>
      <c r="E7359" s="2">
        <v>251.99999999999423</v>
      </c>
    </row>
    <row r="7360" spans="1:5" x14ac:dyDescent="0.25">
      <c r="A7360" s="3">
        <v>41819.533564814818</v>
      </c>
      <c r="B7360" s="2">
        <v>26.6</v>
      </c>
      <c r="C7360" s="2">
        <v>148.19999999999999</v>
      </c>
      <c r="D7360" s="2">
        <v>0.2</v>
      </c>
      <c r="E7360" s="2">
        <v>252.19999999999422</v>
      </c>
    </row>
    <row r="7361" spans="1:5" x14ac:dyDescent="0.25">
      <c r="A7361" s="3">
        <v>41819.605150462965</v>
      </c>
      <c r="B7361" s="2">
        <v>27.4</v>
      </c>
      <c r="C7361" s="2">
        <v>148</v>
      </c>
      <c r="D7361" s="2">
        <v>0</v>
      </c>
      <c r="E7361" s="2">
        <v>252.19999999999422</v>
      </c>
    </row>
    <row r="7362" spans="1:5" x14ac:dyDescent="0.25">
      <c r="A7362" s="3">
        <v>41819.605208333334</v>
      </c>
      <c r="B7362" s="2">
        <v>27.4</v>
      </c>
      <c r="C7362" s="2">
        <v>148.19999999999999</v>
      </c>
      <c r="D7362" s="2">
        <v>0</v>
      </c>
      <c r="E7362" s="2">
        <v>252.19999999999422</v>
      </c>
    </row>
    <row r="7363" spans="1:5" x14ac:dyDescent="0.25">
      <c r="A7363" s="3">
        <v>41819.605613425927</v>
      </c>
      <c r="B7363" s="2">
        <v>27.4</v>
      </c>
      <c r="C7363" s="2">
        <v>148</v>
      </c>
      <c r="D7363" s="2">
        <v>0</v>
      </c>
      <c r="E7363" s="2">
        <v>252.19999999999422</v>
      </c>
    </row>
    <row r="7364" spans="1:5" x14ac:dyDescent="0.25">
      <c r="A7364" s="3">
        <v>41819.606365740743</v>
      </c>
      <c r="B7364" s="2">
        <v>27.4</v>
      </c>
      <c r="C7364" s="2">
        <v>148.19999999999999</v>
      </c>
      <c r="D7364" s="2">
        <v>0</v>
      </c>
      <c r="E7364" s="2">
        <v>252.19999999999422</v>
      </c>
    </row>
    <row r="7365" spans="1:5" x14ac:dyDescent="0.25">
      <c r="A7365" s="3">
        <v>41819.606481481482</v>
      </c>
      <c r="B7365" s="2">
        <v>27.4</v>
      </c>
      <c r="C7365" s="2">
        <v>148</v>
      </c>
      <c r="D7365" s="2">
        <v>0</v>
      </c>
      <c r="E7365" s="2">
        <v>252.19999999999422</v>
      </c>
    </row>
    <row r="7366" spans="1:5" x14ac:dyDescent="0.25">
      <c r="A7366" s="3">
        <v>41819.655150462961</v>
      </c>
      <c r="B7366" s="2">
        <v>27.7</v>
      </c>
      <c r="C7366" s="2">
        <v>147.80000000000001</v>
      </c>
      <c r="D7366" s="2">
        <v>0</v>
      </c>
      <c r="E7366" s="2">
        <v>252.19999999999422</v>
      </c>
    </row>
    <row r="7367" spans="1:5" x14ac:dyDescent="0.25">
      <c r="A7367" s="3">
        <v>41819.684895833336</v>
      </c>
      <c r="B7367" s="2">
        <v>27.4</v>
      </c>
      <c r="C7367" s="2">
        <v>148</v>
      </c>
      <c r="D7367" s="2">
        <v>0</v>
      </c>
      <c r="E7367" s="2">
        <v>252.19999999999422</v>
      </c>
    </row>
    <row r="7368" spans="1:5" x14ac:dyDescent="0.25">
      <c r="A7368" s="3">
        <v>41819.684953703705</v>
      </c>
      <c r="B7368" s="2">
        <v>27.4</v>
      </c>
      <c r="C7368" s="2">
        <v>148</v>
      </c>
      <c r="D7368" s="2">
        <v>0.2</v>
      </c>
      <c r="E7368" s="2">
        <v>252.39999999999421</v>
      </c>
    </row>
    <row r="7369" spans="1:5" x14ac:dyDescent="0.25">
      <c r="A7369" s="3">
        <v>41819.685937499999</v>
      </c>
      <c r="B7369" s="2">
        <v>27.4</v>
      </c>
      <c r="C7369" s="2">
        <v>148</v>
      </c>
      <c r="D7369" s="2">
        <v>0.2</v>
      </c>
      <c r="E7369" s="2">
        <v>252.5999999999942</v>
      </c>
    </row>
    <row r="7370" spans="1:5" x14ac:dyDescent="0.25">
      <c r="A7370" s="3">
        <v>41819.76898148148</v>
      </c>
      <c r="B7370" s="2">
        <v>27</v>
      </c>
      <c r="C7370" s="2">
        <v>148</v>
      </c>
      <c r="D7370" s="2">
        <v>0.2</v>
      </c>
      <c r="E7370" s="2">
        <v>252.79999999999418</v>
      </c>
    </row>
    <row r="7371" spans="1:5" x14ac:dyDescent="0.25">
      <c r="A7371" s="3">
        <v>41819.771701388891</v>
      </c>
      <c r="B7371" s="2">
        <v>26.9</v>
      </c>
      <c r="C7371" s="2">
        <v>148</v>
      </c>
      <c r="D7371" s="2">
        <v>0.2</v>
      </c>
      <c r="E7371" s="2">
        <v>252.99999999999417</v>
      </c>
    </row>
    <row r="7372" spans="1:5" x14ac:dyDescent="0.25">
      <c r="A7372" s="3">
        <v>41819.899189814816</v>
      </c>
      <c r="B7372" s="2">
        <v>25.1</v>
      </c>
      <c r="C7372" s="2">
        <v>147.80000000000001</v>
      </c>
      <c r="D7372" s="2">
        <v>0</v>
      </c>
      <c r="E7372" s="2">
        <v>252.99999999999417</v>
      </c>
    </row>
    <row r="7373" spans="1:5" x14ac:dyDescent="0.25">
      <c r="A7373" s="3">
        <v>41819.940335648149</v>
      </c>
      <c r="B7373" s="2">
        <v>24.4</v>
      </c>
      <c r="C7373" s="2">
        <v>147.80000000000001</v>
      </c>
      <c r="D7373" s="2">
        <v>0.2</v>
      </c>
      <c r="E7373" s="2">
        <v>253.19999999999416</v>
      </c>
    </row>
    <row r="7374" spans="1:5" x14ac:dyDescent="0.25">
      <c r="A7374" s="3">
        <v>41819.940740740742</v>
      </c>
      <c r="B7374" s="2">
        <v>24.4</v>
      </c>
      <c r="C7374" s="2">
        <v>148</v>
      </c>
      <c r="D7374" s="2">
        <v>0</v>
      </c>
      <c r="E7374" s="2">
        <v>253.19999999999416</v>
      </c>
    </row>
    <row r="7375" spans="1:5" x14ac:dyDescent="0.25">
      <c r="A7375" s="3">
        <v>41819.94091435185</v>
      </c>
      <c r="B7375" s="2">
        <v>24.4</v>
      </c>
      <c r="C7375" s="2">
        <v>148</v>
      </c>
      <c r="D7375" s="2">
        <v>0.2</v>
      </c>
      <c r="E7375" s="2">
        <v>253.39999999999415</v>
      </c>
    </row>
    <row r="7376" spans="1:5" x14ac:dyDescent="0.25">
      <c r="A7376" s="3">
        <v>41819.941377314812</v>
      </c>
      <c r="B7376" s="2">
        <v>24.4</v>
      </c>
      <c r="C7376" s="2">
        <v>148</v>
      </c>
      <c r="D7376" s="2">
        <v>0.2</v>
      </c>
      <c r="E7376" s="2">
        <v>253.59999999999414</v>
      </c>
    </row>
    <row r="7377" spans="1:5" x14ac:dyDescent="0.25">
      <c r="A7377" s="3">
        <v>41819.941608796296</v>
      </c>
      <c r="B7377" s="2">
        <v>24.4</v>
      </c>
      <c r="C7377" s="2">
        <v>148.19999999999999</v>
      </c>
      <c r="D7377" s="2">
        <v>0</v>
      </c>
      <c r="E7377" s="2">
        <v>253.59999999999414</v>
      </c>
    </row>
    <row r="7378" spans="1:5" x14ac:dyDescent="0.25">
      <c r="A7378" s="3">
        <v>41819.941666666666</v>
      </c>
      <c r="B7378" s="2">
        <v>24.4</v>
      </c>
      <c r="C7378" s="2">
        <v>148.19999999999999</v>
      </c>
      <c r="D7378" s="2">
        <v>0.2</v>
      </c>
      <c r="E7378" s="2">
        <v>253.79999999999413</v>
      </c>
    </row>
    <row r="7379" spans="1:5" x14ac:dyDescent="0.25">
      <c r="A7379" s="3">
        <v>41819.942013888889</v>
      </c>
      <c r="B7379" s="2">
        <v>24.4</v>
      </c>
      <c r="C7379" s="2">
        <v>148.19999999999999</v>
      </c>
      <c r="D7379" s="2">
        <v>0.2</v>
      </c>
      <c r="E7379" s="2">
        <v>253.99999999999412</v>
      </c>
    </row>
    <row r="7380" spans="1:5" x14ac:dyDescent="0.25">
      <c r="A7380" s="3">
        <v>41819.942129629628</v>
      </c>
      <c r="B7380" s="2">
        <v>24.4</v>
      </c>
      <c r="C7380" s="2">
        <v>148.4</v>
      </c>
      <c r="D7380" s="2">
        <v>0</v>
      </c>
      <c r="E7380" s="2">
        <v>253.99999999999412</v>
      </c>
    </row>
    <row r="7381" spans="1:5" x14ac:dyDescent="0.25">
      <c r="A7381" s="3">
        <v>41819.942650462966</v>
      </c>
      <c r="B7381" s="2">
        <v>24.4</v>
      </c>
      <c r="C7381" s="2">
        <v>148.4</v>
      </c>
      <c r="D7381" s="2">
        <v>0.2</v>
      </c>
      <c r="E7381" s="2">
        <v>254.19999999999411</v>
      </c>
    </row>
    <row r="7382" spans="1:5" x14ac:dyDescent="0.25">
      <c r="A7382" s="3">
        <v>41819.942708333336</v>
      </c>
      <c r="B7382" s="2">
        <v>24.4</v>
      </c>
      <c r="C7382" s="2">
        <v>148.6</v>
      </c>
      <c r="D7382" s="2">
        <v>0</v>
      </c>
      <c r="E7382" s="2">
        <v>254.19999999999411</v>
      </c>
    </row>
    <row r="7383" spans="1:5" x14ac:dyDescent="0.25">
      <c r="A7383" s="3">
        <v>41819.943749999999</v>
      </c>
      <c r="B7383" s="2">
        <v>24.2</v>
      </c>
      <c r="C7383" s="2">
        <v>148.80000000000001</v>
      </c>
      <c r="D7383" s="2">
        <v>0</v>
      </c>
      <c r="E7383" s="2">
        <v>254.19999999999411</v>
      </c>
    </row>
    <row r="7384" spans="1:5" x14ac:dyDescent="0.25">
      <c r="A7384" s="3">
        <v>41819.943865740737</v>
      </c>
      <c r="B7384" s="2">
        <v>24.2</v>
      </c>
      <c r="C7384" s="2">
        <v>148.80000000000001</v>
      </c>
      <c r="D7384" s="2">
        <v>0.2</v>
      </c>
      <c r="E7384" s="2">
        <v>254.39999999999409</v>
      </c>
    </row>
    <row r="7385" spans="1:5" x14ac:dyDescent="0.25">
      <c r="A7385" s="3">
        <v>41819.949999999997</v>
      </c>
      <c r="B7385" s="2">
        <v>24</v>
      </c>
      <c r="C7385" s="2">
        <v>148.80000000000001</v>
      </c>
      <c r="D7385" s="2">
        <v>0.2</v>
      </c>
      <c r="E7385" s="2">
        <v>254.59999999999408</v>
      </c>
    </row>
    <row r="7386" spans="1:5" x14ac:dyDescent="0.25">
      <c r="A7386" s="3">
        <v>41819.999247685184</v>
      </c>
      <c r="B7386" s="2">
        <v>23.1</v>
      </c>
      <c r="C7386" s="2">
        <v>149</v>
      </c>
      <c r="D7386" s="2">
        <v>0</v>
      </c>
      <c r="E7386" s="2">
        <v>254.59999999999408</v>
      </c>
    </row>
    <row r="7387" spans="1:5" x14ac:dyDescent="0.25">
      <c r="A7387" s="3">
        <v>41819.999537037038</v>
      </c>
      <c r="B7387" s="2">
        <v>23.1</v>
      </c>
      <c r="C7387" s="2">
        <v>149</v>
      </c>
      <c r="D7387" s="2">
        <v>0.2</v>
      </c>
      <c r="E7387" s="2">
        <v>254.79999999999407</v>
      </c>
    </row>
    <row r="7388" spans="1:5" x14ac:dyDescent="0.25">
      <c r="A7388" s="3">
        <v>41820.000231481485</v>
      </c>
      <c r="B7388" s="2">
        <v>23.1</v>
      </c>
      <c r="C7388" s="2">
        <v>149</v>
      </c>
      <c r="D7388" s="2">
        <v>0.2</v>
      </c>
      <c r="E7388" s="2">
        <v>254.99999999999406</v>
      </c>
    </row>
    <row r="7389" spans="1:5" x14ac:dyDescent="0.25">
      <c r="A7389" s="3">
        <v>41820.000405092593</v>
      </c>
      <c r="B7389" s="2">
        <v>23.1</v>
      </c>
      <c r="C7389" s="2">
        <v>149.19999999999999</v>
      </c>
      <c r="D7389" s="2">
        <v>0</v>
      </c>
      <c r="E7389" s="2">
        <v>254.99999999999406</v>
      </c>
    </row>
    <row r="7390" spans="1:5" x14ac:dyDescent="0.25">
      <c r="A7390" s="3">
        <v>41820.003298611111</v>
      </c>
      <c r="B7390" s="2">
        <v>23</v>
      </c>
      <c r="C7390" s="2">
        <v>149.19999999999999</v>
      </c>
      <c r="D7390" s="2">
        <v>0.2</v>
      </c>
      <c r="E7390" s="2">
        <v>255.19999999999405</v>
      </c>
    </row>
    <row r="7391" spans="1:5" x14ac:dyDescent="0.25">
      <c r="A7391" s="3">
        <v>41820.006712962961</v>
      </c>
      <c r="B7391" s="2">
        <v>23</v>
      </c>
      <c r="C7391" s="2">
        <v>149.4</v>
      </c>
      <c r="D7391" s="2">
        <v>0</v>
      </c>
      <c r="E7391" s="2">
        <v>255.19999999999405</v>
      </c>
    </row>
    <row r="7392" spans="1:5" x14ac:dyDescent="0.25">
      <c r="A7392" s="3">
        <v>41820.008043981485</v>
      </c>
      <c r="B7392" s="2">
        <v>23</v>
      </c>
      <c r="C7392" s="2">
        <v>149.4</v>
      </c>
      <c r="D7392" s="2">
        <v>0.2</v>
      </c>
      <c r="E7392" s="2">
        <v>255.39999999999404</v>
      </c>
    </row>
    <row r="7393" spans="1:5" x14ac:dyDescent="0.25">
      <c r="A7393" s="3">
        <v>41820.008506944447</v>
      </c>
      <c r="B7393" s="2">
        <v>23</v>
      </c>
      <c r="C7393" s="2">
        <v>149.6</v>
      </c>
      <c r="D7393" s="2">
        <v>0</v>
      </c>
      <c r="E7393" s="2">
        <v>255.39999999999404</v>
      </c>
    </row>
    <row r="7394" spans="1:5" x14ac:dyDescent="0.25">
      <c r="A7394" s="3">
        <v>41820.008969907409</v>
      </c>
      <c r="B7394" s="2">
        <v>22.9</v>
      </c>
      <c r="C7394" s="2">
        <v>149.6</v>
      </c>
      <c r="D7394" s="2">
        <v>0.2</v>
      </c>
      <c r="E7394" s="2">
        <v>255.59999999999403</v>
      </c>
    </row>
    <row r="7395" spans="1:5" x14ac:dyDescent="0.25">
      <c r="A7395" s="3">
        <v>41820.009027777778</v>
      </c>
      <c r="B7395" s="2">
        <v>22.9</v>
      </c>
      <c r="C7395" s="2">
        <v>149.80000000000001</v>
      </c>
      <c r="D7395" s="2">
        <v>0</v>
      </c>
      <c r="E7395" s="2">
        <v>255.59999999999403</v>
      </c>
    </row>
    <row r="7396" spans="1:5" x14ac:dyDescent="0.25">
      <c r="A7396" s="3">
        <v>41820.009722222225</v>
      </c>
      <c r="B7396" s="2">
        <v>22.9</v>
      </c>
      <c r="C7396" s="2">
        <v>150</v>
      </c>
      <c r="D7396" s="2">
        <v>0</v>
      </c>
      <c r="E7396" s="2">
        <v>255.59999999999403</v>
      </c>
    </row>
    <row r="7397" spans="1:5" x14ac:dyDescent="0.25">
      <c r="A7397" s="3">
        <v>41820.009780092594</v>
      </c>
      <c r="B7397" s="2">
        <v>22.9</v>
      </c>
      <c r="C7397" s="2">
        <v>150</v>
      </c>
      <c r="D7397" s="2">
        <v>0.2</v>
      </c>
      <c r="E7397" s="2">
        <v>255.79999999999401</v>
      </c>
    </row>
    <row r="7398" spans="1:5" x14ac:dyDescent="0.25">
      <c r="A7398" s="3">
        <v>41820.010185185187</v>
      </c>
      <c r="B7398" s="2">
        <v>22.8</v>
      </c>
      <c r="C7398" s="2">
        <v>150</v>
      </c>
      <c r="D7398" s="2">
        <v>0.2</v>
      </c>
      <c r="E7398" s="2">
        <v>255.999999999994</v>
      </c>
    </row>
    <row r="7399" spans="1:5" x14ac:dyDescent="0.25">
      <c r="A7399" s="3">
        <v>41820.010358796295</v>
      </c>
      <c r="B7399" s="2">
        <v>22.8</v>
      </c>
      <c r="C7399" s="2">
        <v>150.19999999999999</v>
      </c>
      <c r="D7399" s="2">
        <v>0</v>
      </c>
      <c r="E7399" s="2">
        <v>255.999999999994</v>
      </c>
    </row>
    <row r="7400" spans="1:5" x14ac:dyDescent="0.25">
      <c r="A7400" s="3">
        <v>41820.010706018518</v>
      </c>
      <c r="B7400" s="2">
        <v>22.8</v>
      </c>
      <c r="C7400" s="2">
        <v>150.19999999999999</v>
      </c>
      <c r="D7400" s="2">
        <v>0.2</v>
      </c>
      <c r="E7400" s="2">
        <v>256.19999999999402</v>
      </c>
    </row>
    <row r="7401" spans="1:5" x14ac:dyDescent="0.25">
      <c r="A7401" s="3">
        <v>41820.010879629626</v>
      </c>
      <c r="B7401" s="2">
        <v>22.8</v>
      </c>
      <c r="C7401" s="2">
        <v>150.4</v>
      </c>
      <c r="D7401" s="2">
        <v>0</v>
      </c>
      <c r="E7401" s="2">
        <v>256.19999999999402</v>
      </c>
    </row>
    <row r="7402" spans="1:5" x14ac:dyDescent="0.25">
      <c r="A7402" s="3">
        <v>41820.010937500003</v>
      </c>
      <c r="B7402" s="2">
        <v>22.8</v>
      </c>
      <c r="C7402" s="2">
        <v>150.4</v>
      </c>
      <c r="D7402" s="2">
        <v>0.2</v>
      </c>
      <c r="E7402" s="2">
        <v>256.39999999999401</v>
      </c>
    </row>
    <row r="7403" spans="1:5" x14ac:dyDescent="0.25">
      <c r="A7403" s="3">
        <v>41820.01122685185</v>
      </c>
      <c r="B7403" s="2">
        <v>22.8</v>
      </c>
      <c r="C7403" s="2">
        <v>150.6</v>
      </c>
      <c r="D7403" s="2">
        <v>0.2</v>
      </c>
      <c r="E7403" s="2">
        <v>256.599999999994</v>
      </c>
    </row>
    <row r="7404" spans="1:5" x14ac:dyDescent="0.25">
      <c r="A7404" s="3">
        <v>41820.011574074073</v>
      </c>
      <c r="B7404" s="2">
        <v>22.8</v>
      </c>
      <c r="C7404" s="2">
        <v>150.80000000000001</v>
      </c>
      <c r="D7404" s="2">
        <v>0</v>
      </c>
      <c r="E7404" s="2">
        <v>256.599999999994</v>
      </c>
    </row>
    <row r="7405" spans="1:5" x14ac:dyDescent="0.25">
      <c r="A7405" s="3">
        <v>41820.011747685188</v>
      </c>
      <c r="B7405" s="2">
        <v>22.8</v>
      </c>
      <c r="C7405" s="2">
        <v>150.80000000000001</v>
      </c>
      <c r="D7405" s="2">
        <v>0.2</v>
      </c>
      <c r="E7405" s="2">
        <v>256.79999999999399</v>
      </c>
    </row>
    <row r="7406" spans="1:5" x14ac:dyDescent="0.25">
      <c r="A7406" s="3">
        <v>41820.012152777781</v>
      </c>
      <c r="B7406" s="2">
        <v>22.8</v>
      </c>
      <c r="C7406" s="2">
        <v>151</v>
      </c>
      <c r="D7406" s="2">
        <v>0</v>
      </c>
      <c r="E7406" s="2">
        <v>256.79999999999399</v>
      </c>
    </row>
    <row r="7407" spans="1:5" x14ac:dyDescent="0.25">
      <c r="A7407" s="3">
        <v>41820.012789351851</v>
      </c>
      <c r="B7407" s="2">
        <v>22.8</v>
      </c>
      <c r="C7407" s="2">
        <v>151</v>
      </c>
      <c r="D7407" s="2">
        <v>0.2</v>
      </c>
      <c r="E7407" s="2">
        <v>256.99999999999397</v>
      </c>
    </row>
    <row r="7408" spans="1:5" x14ac:dyDescent="0.25">
      <c r="A7408" s="3">
        <v>41820.013078703705</v>
      </c>
      <c r="B7408" s="2">
        <v>22.7</v>
      </c>
      <c r="C7408" s="2">
        <v>151.19999999999999</v>
      </c>
      <c r="D7408" s="2">
        <v>0</v>
      </c>
      <c r="E7408" s="2">
        <v>256.99999999999397</v>
      </c>
    </row>
    <row r="7409" spans="1:5" x14ac:dyDescent="0.25">
      <c r="A7409" s="3">
        <v>41820.013888888891</v>
      </c>
      <c r="B7409" s="2">
        <v>22.7</v>
      </c>
      <c r="C7409" s="2">
        <v>151.19999999999999</v>
      </c>
      <c r="D7409" s="2">
        <v>0.2</v>
      </c>
      <c r="E7409" s="2">
        <v>257.19999999999396</v>
      </c>
    </row>
    <row r="7410" spans="1:5" x14ac:dyDescent="0.25">
      <c r="A7410" s="3">
        <v>41820.014062499999</v>
      </c>
      <c r="B7410" s="2">
        <v>22.7</v>
      </c>
      <c r="C7410" s="2">
        <v>151.4</v>
      </c>
      <c r="D7410" s="2">
        <v>0</v>
      </c>
      <c r="E7410" s="2">
        <v>257.19999999999396</v>
      </c>
    </row>
    <row r="7411" spans="1:5" x14ac:dyDescent="0.25">
      <c r="A7411" s="3">
        <v>41820.014293981483</v>
      </c>
      <c r="B7411" s="2">
        <v>22.7</v>
      </c>
      <c r="C7411" s="2">
        <v>151.4</v>
      </c>
      <c r="D7411" s="2">
        <v>0.2</v>
      </c>
      <c r="E7411" s="2">
        <v>257.39999999999395</v>
      </c>
    </row>
    <row r="7412" spans="1:5" x14ac:dyDescent="0.25">
      <c r="A7412" s="3">
        <v>41820.014525462961</v>
      </c>
      <c r="B7412" s="2">
        <v>22.7</v>
      </c>
      <c r="C7412" s="2">
        <v>151.6</v>
      </c>
      <c r="D7412" s="2">
        <v>0</v>
      </c>
      <c r="E7412" s="2">
        <v>257.39999999999395</v>
      </c>
    </row>
    <row r="7413" spans="1:5" x14ac:dyDescent="0.25">
      <c r="A7413" s="3">
        <v>41820.014699074076</v>
      </c>
      <c r="B7413" s="2">
        <v>22.7</v>
      </c>
      <c r="C7413" s="2">
        <v>151.6</v>
      </c>
      <c r="D7413" s="2">
        <v>0.2</v>
      </c>
      <c r="E7413" s="2">
        <v>257.59999999999394</v>
      </c>
    </row>
    <row r="7414" spans="1:5" x14ac:dyDescent="0.25">
      <c r="A7414" s="3">
        <v>41820.014988425923</v>
      </c>
      <c r="B7414" s="2">
        <v>22.7</v>
      </c>
      <c r="C7414" s="2">
        <v>151.80000000000001</v>
      </c>
      <c r="D7414" s="2">
        <v>0.2</v>
      </c>
      <c r="E7414" s="2">
        <v>257.79999999999393</v>
      </c>
    </row>
    <row r="7415" spans="1:5" x14ac:dyDescent="0.25">
      <c r="A7415" s="3">
        <v>41820.015162037038</v>
      </c>
      <c r="B7415" s="2">
        <v>22.7</v>
      </c>
      <c r="C7415" s="2">
        <v>151.80000000000001</v>
      </c>
      <c r="D7415" s="2">
        <v>0.2</v>
      </c>
      <c r="E7415" s="2">
        <v>257.99999999999392</v>
      </c>
    </row>
    <row r="7416" spans="1:5" x14ac:dyDescent="0.25">
      <c r="A7416" s="3">
        <v>41820.015219907407</v>
      </c>
      <c r="B7416" s="2">
        <v>22.7</v>
      </c>
      <c r="C7416" s="2">
        <v>152</v>
      </c>
      <c r="D7416" s="2">
        <v>0</v>
      </c>
      <c r="E7416" s="2">
        <v>257.99999999999392</v>
      </c>
    </row>
    <row r="7417" spans="1:5" x14ac:dyDescent="0.25">
      <c r="A7417" s="3">
        <v>41820.015335648146</v>
      </c>
      <c r="B7417" s="2">
        <v>22.7</v>
      </c>
      <c r="C7417" s="2">
        <v>152</v>
      </c>
      <c r="D7417" s="2">
        <v>0.2</v>
      </c>
      <c r="E7417" s="2">
        <v>258.19999999999391</v>
      </c>
    </row>
    <row r="7418" spans="1:5" x14ac:dyDescent="0.25">
      <c r="A7418" s="3">
        <v>41820.015451388892</v>
      </c>
      <c r="B7418" s="2">
        <v>22.7</v>
      </c>
      <c r="C7418" s="2">
        <v>152.19999999999999</v>
      </c>
      <c r="D7418" s="2">
        <v>0</v>
      </c>
      <c r="E7418" s="2">
        <v>258.19999999999391</v>
      </c>
    </row>
    <row r="7419" spans="1:5" x14ac:dyDescent="0.25">
      <c r="A7419" s="3">
        <v>41820.015567129631</v>
      </c>
      <c r="B7419" s="2">
        <v>22.7</v>
      </c>
      <c r="C7419" s="2">
        <v>152.19999999999999</v>
      </c>
      <c r="D7419" s="2">
        <v>0.2</v>
      </c>
      <c r="E7419" s="2">
        <v>258.3999999999939</v>
      </c>
    </row>
    <row r="7420" spans="1:5" x14ac:dyDescent="0.25">
      <c r="A7420" s="3">
        <v>41820.015682870369</v>
      </c>
      <c r="B7420" s="2">
        <v>22.6</v>
      </c>
      <c r="C7420" s="2">
        <v>152.4</v>
      </c>
      <c r="D7420" s="2">
        <v>0</v>
      </c>
      <c r="E7420" s="2">
        <v>258.3999999999939</v>
      </c>
    </row>
    <row r="7421" spans="1:5" x14ac:dyDescent="0.25">
      <c r="A7421" s="3">
        <v>41820.015914351854</v>
      </c>
      <c r="B7421" s="2">
        <v>22.6</v>
      </c>
      <c r="C7421" s="2">
        <v>152.4</v>
      </c>
      <c r="D7421" s="2">
        <v>0.2</v>
      </c>
      <c r="E7421" s="2">
        <v>258.59999999999388</v>
      </c>
    </row>
    <row r="7422" spans="1:5" x14ac:dyDescent="0.25">
      <c r="A7422" s="3">
        <v>41820.015972222223</v>
      </c>
      <c r="B7422" s="2">
        <v>22.6</v>
      </c>
      <c r="C7422" s="2">
        <v>152.6</v>
      </c>
      <c r="D7422" s="2">
        <v>0</v>
      </c>
      <c r="E7422" s="2">
        <v>258.59999999999388</v>
      </c>
    </row>
    <row r="7423" spans="1:5" x14ac:dyDescent="0.25">
      <c r="A7423" s="3">
        <v>41820.016261574077</v>
      </c>
      <c r="B7423" s="2">
        <v>22.6</v>
      </c>
      <c r="C7423" s="2">
        <v>152.80000000000001</v>
      </c>
      <c r="D7423" s="2">
        <v>0.2</v>
      </c>
      <c r="E7423" s="2">
        <v>258.79999999999387</v>
      </c>
    </row>
    <row r="7424" spans="1:5" x14ac:dyDescent="0.25">
      <c r="A7424" s="3">
        <v>41820.016550925924</v>
      </c>
      <c r="B7424" s="2">
        <v>22.5</v>
      </c>
      <c r="C7424" s="2">
        <v>153</v>
      </c>
      <c r="D7424" s="2">
        <v>0.2</v>
      </c>
      <c r="E7424" s="2">
        <v>258.99999999999386</v>
      </c>
    </row>
    <row r="7425" spans="1:5" x14ac:dyDescent="0.25">
      <c r="A7425" s="3">
        <v>41820.016840277778</v>
      </c>
      <c r="B7425" s="2">
        <v>22.5</v>
      </c>
      <c r="C7425" s="2">
        <v>153.19999999999999</v>
      </c>
      <c r="D7425" s="2">
        <v>0</v>
      </c>
      <c r="E7425" s="2">
        <v>258.99999999999386</v>
      </c>
    </row>
    <row r="7426" spans="1:5" x14ac:dyDescent="0.25">
      <c r="A7426" s="3">
        <v>41820.016898148147</v>
      </c>
      <c r="B7426" s="2">
        <v>22.5</v>
      </c>
      <c r="C7426" s="2">
        <v>153.19999999999999</v>
      </c>
      <c r="D7426" s="2">
        <v>0.2</v>
      </c>
      <c r="E7426" s="2">
        <v>259.19999999999385</v>
      </c>
    </row>
    <row r="7427" spans="1:5" x14ac:dyDescent="0.25">
      <c r="A7427" s="3">
        <v>41820.017245370371</v>
      </c>
      <c r="B7427" s="2">
        <v>22.5</v>
      </c>
      <c r="C7427" s="2">
        <v>153.4</v>
      </c>
      <c r="D7427" s="2">
        <v>0</v>
      </c>
      <c r="E7427" s="2">
        <v>259.19999999999385</v>
      </c>
    </row>
    <row r="7428" spans="1:5" x14ac:dyDescent="0.25">
      <c r="A7428" s="3">
        <v>41820.017418981479</v>
      </c>
      <c r="B7428" s="2">
        <v>22.5</v>
      </c>
      <c r="C7428" s="2">
        <v>153.4</v>
      </c>
      <c r="D7428" s="2">
        <v>0.2</v>
      </c>
      <c r="E7428" s="2">
        <v>259.39999999999384</v>
      </c>
    </row>
    <row r="7429" spans="1:5" x14ac:dyDescent="0.25">
      <c r="A7429" s="3">
        <v>41820.017534722225</v>
      </c>
      <c r="B7429" s="2">
        <v>22.5</v>
      </c>
      <c r="C7429" s="2">
        <v>153.4</v>
      </c>
      <c r="D7429" s="2">
        <v>0.2</v>
      </c>
      <c r="E7429" s="2">
        <v>259.59999999999383</v>
      </c>
    </row>
    <row r="7430" spans="1:5" x14ac:dyDescent="0.25">
      <c r="A7430" s="3">
        <v>41820.017592592594</v>
      </c>
      <c r="B7430" s="2">
        <v>22.5</v>
      </c>
      <c r="C7430" s="2">
        <v>153.6</v>
      </c>
      <c r="D7430" s="2">
        <v>0</v>
      </c>
      <c r="E7430" s="2">
        <v>259.59999999999383</v>
      </c>
    </row>
    <row r="7431" spans="1:5" x14ac:dyDescent="0.25">
      <c r="A7431" s="3">
        <v>41820.017650462964</v>
      </c>
      <c r="B7431" s="2">
        <v>22.5</v>
      </c>
      <c r="C7431" s="2">
        <v>153.6</v>
      </c>
      <c r="D7431" s="2">
        <v>0.2</v>
      </c>
      <c r="E7431" s="2">
        <v>259.79999999999382</v>
      </c>
    </row>
    <row r="7432" spans="1:5" x14ac:dyDescent="0.25">
      <c r="A7432" s="3">
        <v>41820.017766203702</v>
      </c>
      <c r="B7432" s="2">
        <v>22.5</v>
      </c>
      <c r="C7432" s="2">
        <v>153.6</v>
      </c>
      <c r="D7432" s="2">
        <v>0.2</v>
      </c>
      <c r="E7432" s="2">
        <v>259.9999999999938</v>
      </c>
    </row>
    <row r="7433" spans="1:5" x14ac:dyDescent="0.25">
      <c r="A7433" s="3">
        <v>41820.017824074072</v>
      </c>
      <c r="B7433" s="2">
        <v>22.5</v>
      </c>
      <c r="C7433" s="2">
        <v>153.80000000000001</v>
      </c>
      <c r="D7433" s="2">
        <v>0</v>
      </c>
      <c r="E7433" s="2">
        <v>259.9999999999938</v>
      </c>
    </row>
    <row r="7434" spans="1:5" x14ac:dyDescent="0.25">
      <c r="A7434" s="3">
        <v>41820.017881944441</v>
      </c>
      <c r="B7434" s="2">
        <v>22.4</v>
      </c>
      <c r="C7434" s="2">
        <v>153.80000000000001</v>
      </c>
      <c r="D7434" s="2">
        <v>0.2</v>
      </c>
      <c r="E7434" s="2">
        <v>260.19999999999379</v>
      </c>
    </row>
    <row r="7435" spans="1:5" x14ac:dyDescent="0.25">
      <c r="A7435" s="3">
        <v>41820.017939814818</v>
      </c>
      <c r="B7435" s="2">
        <v>22.4</v>
      </c>
      <c r="C7435" s="2">
        <v>154</v>
      </c>
      <c r="D7435" s="2">
        <v>0</v>
      </c>
      <c r="E7435" s="2">
        <v>260.19999999999379</v>
      </c>
    </row>
    <row r="7436" spans="1:5" x14ac:dyDescent="0.25">
      <c r="A7436" s="3">
        <v>41820.017997685187</v>
      </c>
      <c r="B7436" s="2">
        <v>22.4</v>
      </c>
      <c r="C7436" s="2">
        <v>154</v>
      </c>
      <c r="D7436" s="2">
        <v>0.2</v>
      </c>
      <c r="E7436" s="2">
        <v>260.39999999999378</v>
      </c>
    </row>
    <row r="7437" spans="1:5" x14ac:dyDescent="0.25">
      <c r="A7437" s="3">
        <v>41820.018113425926</v>
      </c>
      <c r="B7437" s="2">
        <v>22.3</v>
      </c>
      <c r="C7437" s="2">
        <v>154.19999999999999</v>
      </c>
      <c r="D7437" s="2">
        <v>0.2</v>
      </c>
      <c r="E7437" s="2">
        <v>260.59999999999377</v>
      </c>
    </row>
    <row r="7438" spans="1:5" x14ac:dyDescent="0.25">
      <c r="A7438" s="3">
        <v>41820.018229166664</v>
      </c>
      <c r="B7438" s="2">
        <v>22.3</v>
      </c>
      <c r="C7438" s="2">
        <v>154.19999999999999</v>
      </c>
      <c r="D7438" s="2">
        <v>0.2</v>
      </c>
      <c r="E7438" s="2">
        <v>260.79999999999376</v>
      </c>
    </row>
    <row r="7439" spans="1:5" x14ac:dyDescent="0.25">
      <c r="A7439" s="3">
        <v>41820.018287037034</v>
      </c>
      <c r="B7439" s="2">
        <v>22.4</v>
      </c>
      <c r="C7439" s="2">
        <v>154.4</v>
      </c>
      <c r="D7439" s="2">
        <v>0</v>
      </c>
      <c r="E7439" s="2">
        <v>260.79999999999376</v>
      </c>
    </row>
    <row r="7440" spans="1:5" x14ac:dyDescent="0.25">
      <c r="A7440" s="3">
        <v>41820.018460648149</v>
      </c>
      <c r="B7440" s="2">
        <v>22.3</v>
      </c>
      <c r="C7440" s="2">
        <v>154.6</v>
      </c>
      <c r="D7440" s="2">
        <v>0.2</v>
      </c>
      <c r="E7440" s="2">
        <v>260.99999999999375</v>
      </c>
    </row>
    <row r="7441" spans="1:5" x14ac:dyDescent="0.25">
      <c r="A7441" s="3">
        <v>41820.018576388888</v>
      </c>
      <c r="B7441" s="2">
        <v>22.3</v>
      </c>
      <c r="C7441" s="2">
        <v>154.80000000000001</v>
      </c>
      <c r="D7441" s="2">
        <v>0</v>
      </c>
      <c r="E7441" s="2">
        <v>260.99999999999375</v>
      </c>
    </row>
    <row r="7442" spans="1:5" x14ac:dyDescent="0.25">
      <c r="A7442" s="3">
        <v>41820.018750000003</v>
      </c>
      <c r="B7442" s="2">
        <v>22.3</v>
      </c>
      <c r="C7442" s="2">
        <v>155</v>
      </c>
      <c r="D7442" s="2">
        <v>0</v>
      </c>
      <c r="E7442" s="2">
        <v>260.99999999999375</v>
      </c>
    </row>
    <row r="7443" spans="1:5" x14ac:dyDescent="0.25">
      <c r="A7443" s="3">
        <v>41820.018807870372</v>
      </c>
      <c r="B7443" s="2">
        <v>22.3</v>
      </c>
      <c r="C7443" s="2">
        <v>155</v>
      </c>
      <c r="D7443" s="2">
        <v>0.2</v>
      </c>
      <c r="E7443" s="2">
        <v>261.19999999999374</v>
      </c>
    </row>
    <row r="7444" spans="1:5" x14ac:dyDescent="0.25">
      <c r="A7444" s="3">
        <v>41820.01903935185</v>
      </c>
      <c r="B7444" s="2">
        <v>22.3</v>
      </c>
      <c r="C7444" s="2">
        <v>155.19999999999999</v>
      </c>
      <c r="D7444" s="2">
        <v>0</v>
      </c>
      <c r="E7444" s="2">
        <v>261.19999999999374</v>
      </c>
    </row>
    <row r="7445" spans="1:5" x14ac:dyDescent="0.25">
      <c r="A7445" s="3">
        <v>41820.019155092596</v>
      </c>
      <c r="B7445" s="2">
        <v>22.3</v>
      </c>
      <c r="C7445" s="2">
        <v>155.19999999999999</v>
      </c>
      <c r="D7445" s="2">
        <v>0.2</v>
      </c>
      <c r="E7445" s="2">
        <v>261.39999999999372</v>
      </c>
    </row>
    <row r="7446" spans="1:5" x14ac:dyDescent="0.25">
      <c r="A7446" s="3">
        <v>41820.019270833334</v>
      </c>
      <c r="B7446" s="2">
        <v>22.4</v>
      </c>
      <c r="C7446" s="2">
        <v>155.19999999999999</v>
      </c>
      <c r="D7446" s="2">
        <v>0.2</v>
      </c>
      <c r="E7446" s="2">
        <v>261.59999999999371</v>
      </c>
    </row>
    <row r="7447" spans="1:5" x14ac:dyDescent="0.25">
      <c r="A7447" s="3">
        <v>41820.019328703704</v>
      </c>
      <c r="B7447" s="2">
        <v>22.3</v>
      </c>
      <c r="C7447" s="2">
        <v>155.4</v>
      </c>
      <c r="D7447" s="2">
        <v>0</v>
      </c>
      <c r="E7447" s="2">
        <v>261.59999999999371</v>
      </c>
    </row>
    <row r="7448" spans="1:5" x14ac:dyDescent="0.25">
      <c r="A7448" s="3">
        <v>41820.019444444442</v>
      </c>
      <c r="B7448" s="2">
        <v>22.3</v>
      </c>
      <c r="C7448" s="2">
        <v>155.4</v>
      </c>
      <c r="D7448" s="2">
        <v>0.2</v>
      </c>
      <c r="E7448" s="2">
        <v>261.7999999999937</v>
      </c>
    </row>
    <row r="7449" spans="1:5" x14ac:dyDescent="0.25">
      <c r="A7449" s="3">
        <v>41820.019502314812</v>
      </c>
      <c r="B7449" s="2">
        <v>22.3</v>
      </c>
      <c r="C7449" s="2">
        <v>155.6</v>
      </c>
      <c r="D7449" s="2">
        <v>0</v>
      </c>
      <c r="E7449" s="2">
        <v>261.7999999999937</v>
      </c>
    </row>
    <row r="7450" spans="1:5" x14ac:dyDescent="0.25">
      <c r="A7450" s="3">
        <v>41820.019791666666</v>
      </c>
      <c r="B7450" s="2">
        <v>22.2</v>
      </c>
      <c r="C7450" s="2">
        <v>155.80000000000001</v>
      </c>
      <c r="D7450" s="2">
        <v>0</v>
      </c>
      <c r="E7450" s="2">
        <v>261.7999999999937</v>
      </c>
    </row>
    <row r="7451" spans="1:5" x14ac:dyDescent="0.25">
      <c r="A7451" s="3">
        <v>41820.020775462966</v>
      </c>
      <c r="B7451" s="2">
        <v>22.3</v>
      </c>
      <c r="C7451" s="2">
        <v>156</v>
      </c>
      <c r="D7451" s="2">
        <v>0</v>
      </c>
      <c r="E7451" s="2">
        <v>261.7999999999937</v>
      </c>
    </row>
    <row r="7452" spans="1:5" x14ac:dyDescent="0.25">
      <c r="A7452" s="3">
        <v>41820.021122685182</v>
      </c>
      <c r="B7452" s="2">
        <v>22.3</v>
      </c>
      <c r="C7452" s="2">
        <v>156</v>
      </c>
      <c r="D7452" s="2">
        <v>0.2</v>
      </c>
      <c r="E7452" s="2">
        <v>261.99999999999369</v>
      </c>
    </row>
    <row r="7453" spans="1:5" x14ac:dyDescent="0.25">
      <c r="A7453" s="3">
        <v>41820.024826388886</v>
      </c>
      <c r="B7453" s="2">
        <v>22.3</v>
      </c>
      <c r="C7453" s="2">
        <v>156</v>
      </c>
      <c r="D7453" s="2">
        <v>0.2</v>
      </c>
      <c r="E7453" s="2">
        <v>262.19999999999368</v>
      </c>
    </row>
    <row r="7454" spans="1:5" x14ac:dyDescent="0.25">
      <c r="A7454" s="3">
        <v>41820.025057870371</v>
      </c>
      <c r="B7454" s="2">
        <v>22.3</v>
      </c>
      <c r="C7454" s="2">
        <v>156.19999999999999</v>
      </c>
      <c r="D7454" s="2">
        <v>0</v>
      </c>
      <c r="E7454" s="2">
        <v>262.19999999999368</v>
      </c>
    </row>
    <row r="7455" spans="1:5" x14ac:dyDescent="0.25">
      <c r="A7455" s="3">
        <v>41820.025520833333</v>
      </c>
      <c r="B7455" s="2">
        <v>22.3</v>
      </c>
      <c r="C7455" s="2">
        <v>156.19999999999999</v>
      </c>
      <c r="D7455" s="2">
        <v>0.2</v>
      </c>
      <c r="E7455" s="2">
        <v>262.39999999999367</v>
      </c>
    </row>
    <row r="7456" spans="1:5" x14ac:dyDescent="0.25">
      <c r="A7456" s="3">
        <v>41820.025868055556</v>
      </c>
      <c r="B7456" s="2">
        <v>22.3</v>
      </c>
      <c r="C7456" s="2">
        <v>156.4</v>
      </c>
      <c r="D7456" s="2">
        <v>0</v>
      </c>
      <c r="E7456" s="2">
        <v>262.39999999999367</v>
      </c>
    </row>
    <row r="7457" spans="1:5" x14ac:dyDescent="0.25">
      <c r="A7457" s="3">
        <v>41820.026736111111</v>
      </c>
      <c r="B7457" s="2">
        <v>22.2</v>
      </c>
      <c r="C7457" s="2">
        <v>156.4</v>
      </c>
      <c r="D7457" s="2">
        <v>0.2</v>
      </c>
      <c r="E7457" s="2">
        <v>262.59999999999366</v>
      </c>
    </row>
    <row r="7458" spans="1:5" x14ac:dyDescent="0.25">
      <c r="A7458" s="3">
        <v>41820.026967592596</v>
      </c>
      <c r="B7458" s="2">
        <v>22.2</v>
      </c>
      <c r="C7458" s="2">
        <v>156.6</v>
      </c>
      <c r="D7458" s="2">
        <v>0</v>
      </c>
      <c r="E7458" s="2">
        <v>262.59999999999366</v>
      </c>
    </row>
    <row r="7459" spans="1:5" x14ac:dyDescent="0.25">
      <c r="A7459" s="3">
        <v>41820.027256944442</v>
      </c>
      <c r="B7459" s="2">
        <v>22.2</v>
      </c>
      <c r="C7459" s="2">
        <v>156.6</v>
      </c>
      <c r="D7459" s="2">
        <v>0.2</v>
      </c>
      <c r="E7459" s="2">
        <v>262.79999999999364</v>
      </c>
    </row>
    <row r="7460" spans="1:5" x14ac:dyDescent="0.25">
      <c r="A7460" s="3">
        <v>41820.027488425927</v>
      </c>
      <c r="B7460" s="2">
        <v>22.2</v>
      </c>
      <c r="C7460" s="2">
        <v>156.80000000000001</v>
      </c>
      <c r="D7460" s="2">
        <v>0</v>
      </c>
      <c r="E7460" s="2">
        <v>262.79999999999364</v>
      </c>
    </row>
    <row r="7461" spans="1:5" x14ac:dyDescent="0.25">
      <c r="A7461" s="3">
        <v>41820.027546296296</v>
      </c>
      <c r="B7461" s="2">
        <v>22.2</v>
      </c>
      <c r="C7461" s="2">
        <v>156.80000000000001</v>
      </c>
      <c r="D7461" s="2">
        <v>0.2</v>
      </c>
      <c r="E7461" s="2">
        <v>262.99999999999363</v>
      </c>
    </row>
    <row r="7462" spans="1:5" x14ac:dyDescent="0.25">
      <c r="A7462" s="3">
        <v>41820.027777777781</v>
      </c>
      <c r="B7462" s="2">
        <v>22.2</v>
      </c>
      <c r="C7462" s="2">
        <v>156.80000000000001</v>
      </c>
      <c r="D7462" s="2">
        <v>0.2</v>
      </c>
      <c r="E7462" s="2">
        <v>263.19999999999362</v>
      </c>
    </row>
    <row r="7463" spans="1:5" x14ac:dyDescent="0.25">
      <c r="A7463" s="3">
        <v>41820.02783564815</v>
      </c>
      <c r="B7463" s="2">
        <v>22.2</v>
      </c>
      <c r="C7463" s="2">
        <v>157</v>
      </c>
      <c r="D7463" s="2">
        <v>0</v>
      </c>
      <c r="E7463" s="2">
        <v>263.19999999999362</v>
      </c>
    </row>
    <row r="7464" spans="1:5" x14ac:dyDescent="0.25">
      <c r="A7464" s="3">
        <v>41820.028124999997</v>
      </c>
      <c r="B7464" s="2">
        <v>22.2</v>
      </c>
      <c r="C7464" s="2">
        <v>157.19999999999999</v>
      </c>
      <c r="D7464" s="2">
        <v>0.2</v>
      </c>
      <c r="E7464" s="2">
        <v>263.39999999999361</v>
      </c>
    </row>
    <row r="7465" spans="1:5" x14ac:dyDescent="0.25">
      <c r="A7465" s="3">
        <v>41820.02847222222</v>
      </c>
      <c r="B7465" s="2">
        <v>22.1</v>
      </c>
      <c r="C7465" s="2">
        <v>157.4</v>
      </c>
      <c r="D7465" s="2">
        <v>0</v>
      </c>
      <c r="E7465" s="2">
        <v>263.39999999999361</v>
      </c>
    </row>
    <row r="7466" spans="1:5" x14ac:dyDescent="0.25">
      <c r="A7466" s="3">
        <v>41820.029224537036</v>
      </c>
      <c r="B7466" s="2">
        <v>22.1</v>
      </c>
      <c r="C7466" s="2">
        <v>157.6</v>
      </c>
      <c r="D7466" s="2">
        <v>0.2</v>
      </c>
      <c r="E7466" s="2">
        <v>263.5999999999936</v>
      </c>
    </row>
    <row r="7467" spans="1:5" x14ac:dyDescent="0.25">
      <c r="A7467" s="3">
        <v>41820.030671296299</v>
      </c>
      <c r="B7467" s="2">
        <v>22.1</v>
      </c>
      <c r="C7467" s="2">
        <v>157.80000000000001</v>
      </c>
      <c r="D7467" s="2">
        <v>0</v>
      </c>
      <c r="E7467" s="2">
        <v>263.5999999999936</v>
      </c>
    </row>
    <row r="7468" spans="1:5" x14ac:dyDescent="0.25">
      <c r="A7468" s="3">
        <v>41820.030902777777</v>
      </c>
      <c r="B7468" s="2">
        <v>22.1</v>
      </c>
      <c r="C7468" s="2">
        <v>157.80000000000001</v>
      </c>
      <c r="D7468" s="2">
        <v>0.2</v>
      </c>
      <c r="E7468" s="2">
        <v>263.79999999999359</v>
      </c>
    </row>
    <row r="7469" spans="1:5" x14ac:dyDescent="0.25">
      <c r="A7469" s="3">
        <v>41820.031828703701</v>
      </c>
      <c r="B7469" s="2">
        <v>22.1</v>
      </c>
      <c r="C7469" s="2">
        <v>158</v>
      </c>
      <c r="D7469" s="2">
        <v>0.2</v>
      </c>
      <c r="E7469" s="2">
        <v>263.99999999999358</v>
      </c>
    </row>
    <row r="7470" spans="1:5" x14ac:dyDescent="0.25">
      <c r="A7470" s="3">
        <v>41820.032118055555</v>
      </c>
      <c r="B7470" s="2">
        <v>22.1</v>
      </c>
      <c r="C7470" s="2">
        <v>158</v>
      </c>
      <c r="D7470" s="2">
        <v>0.2</v>
      </c>
      <c r="E7470" s="2">
        <v>264.19999999999357</v>
      </c>
    </row>
    <row r="7471" spans="1:5" x14ac:dyDescent="0.25">
      <c r="A7471" s="3">
        <v>41820.03229166667</v>
      </c>
      <c r="B7471" s="2">
        <v>22.1</v>
      </c>
      <c r="C7471" s="2">
        <v>158.19999999999999</v>
      </c>
      <c r="D7471" s="2">
        <v>0</v>
      </c>
      <c r="E7471" s="2">
        <v>264.19999999999357</v>
      </c>
    </row>
    <row r="7472" spans="1:5" x14ac:dyDescent="0.25">
      <c r="A7472" s="3">
        <v>41820.032465277778</v>
      </c>
      <c r="B7472" s="2">
        <v>22.1</v>
      </c>
      <c r="C7472" s="2">
        <v>158.19999999999999</v>
      </c>
      <c r="D7472" s="2">
        <v>0.2</v>
      </c>
      <c r="E7472" s="2">
        <v>264.39999999999355</v>
      </c>
    </row>
    <row r="7473" spans="1:5" x14ac:dyDescent="0.25">
      <c r="A7473" s="3">
        <v>41820.032696759263</v>
      </c>
      <c r="B7473" s="2">
        <v>22.1</v>
      </c>
      <c r="C7473" s="2">
        <v>158.4</v>
      </c>
      <c r="D7473" s="2">
        <v>0</v>
      </c>
      <c r="E7473" s="2">
        <v>264.39999999999355</v>
      </c>
    </row>
    <row r="7474" spans="1:5" x14ac:dyDescent="0.25">
      <c r="A7474" s="3">
        <v>41820.03292824074</v>
      </c>
      <c r="B7474" s="2">
        <v>22</v>
      </c>
      <c r="C7474" s="2">
        <v>158.4</v>
      </c>
      <c r="D7474" s="2">
        <v>0.2</v>
      </c>
      <c r="E7474" s="2">
        <v>264.59999999999354</v>
      </c>
    </row>
    <row r="7475" spans="1:5" x14ac:dyDescent="0.25">
      <c r="A7475" s="3">
        <v>41820.033159722225</v>
      </c>
      <c r="B7475" s="2">
        <v>22</v>
      </c>
      <c r="C7475" s="2">
        <v>158.6</v>
      </c>
      <c r="D7475" s="2">
        <v>0</v>
      </c>
      <c r="E7475" s="2">
        <v>264.59999999999354</v>
      </c>
    </row>
    <row r="7476" spans="1:5" x14ac:dyDescent="0.25">
      <c r="A7476" s="3">
        <v>41820.034143518518</v>
      </c>
      <c r="B7476" s="2">
        <v>22</v>
      </c>
      <c r="C7476" s="2">
        <v>158.6</v>
      </c>
      <c r="D7476" s="2">
        <v>0.2</v>
      </c>
      <c r="E7476" s="2">
        <v>264.79999999999353</v>
      </c>
    </row>
    <row r="7477" spans="1:5" x14ac:dyDescent="0.25">
      <c r="A7477" s="3">
        <v>41820.034201388888</v>
      </c>
      <c r="B7477" s="2">
        <v>22</v>
      </c>
      <c r="C7477" s="2">
        <v>158.80000000000001</v>
      </c>
      <c r="D7477" s="2">
        <v>0</v>
      </c>
      <c r="E7477" s="2">
        <v>264.79999999999353</v>
      </c>
    </row>
    <row r="7478" spans="1:5" x14ac:dyDescent="0.25">
      <c r="A7478" s="3">
        <v>41820.035011574073</v>
      </c>
      <c r="B7478" s="2">
        <v>22</v>
      </c>
      <c r="C7478" s="2">
        <v>158.80000000000001</v>
      </c>
      <c r="D7478" s="2">
        <v>0.2</v>
      </c>
      <c r="E7478" s="2">
        <v>264.99999999999352</v>
      </c>
    </row>
    <row r="7479" spans="1:5" x14ac:dyDescent="0.25">
      <c r="A7479" s="3">
        <v>41820.035127314812</v>
      </c>
      <c r="B7479" s="2">
        <v>22</v>
      </c>
      <c r="C7479" s="2">
        <v>159</v>
      </c>
      <c r="D7479" s="2">
        <v>0</v>
      </c>
      <c r="E7479" s="2">
        <v>264.99999999999352</v>
      </c>
    </row>
    <row r="7480" spans="1:5" x14ac:dyDescent="0.25">
      <c r="A7480" s="3">
        <v>41820.035532407404</v>
      </c>
      <c r="B7480" s="2">
        <v>21.9</v>
      </c>
      <c r="C7480" s="2">
        <v>159</v>
      </c>
      <c r="D7480" s="2">
        <v>0.2</v>
      </c>
      <c r="E7480" s="2">
        <v>265.19999999999351</v>
      </c>
    </row>
    <row r="7481" spans="1:5" x14ac:dyDescent="0.25">
      <c r="A7481" s="3">
        <v>41820.035763888889</v>
      </c>
      <c r="B7481" s="2">
        <v>21.9</v>
      </c>
      <c r="C7481" s="2">
        <v>159.19999999999999</v>
      </c>
      <c r="D7481" s="2">
        <v>0</v>
      </c>
      <c r="E7481" s="2">
        <v>265.19999999999351</v>
      </c>
    </row>
    <row r="7482" spans="1:5" x14ac:dyDescent="0.25">
      <c r="A7482" s="3">
        <v>41820.035995370374</v>
      </c>
      <c r="B7482" s="2">
        <v>21.9</v>
      </c>
      <c r="C7482" s="2">
        <v>159.19999999999999</v>
      </c>
      <c r="D7482" s="2">
        <v>0.2</v>
      </c>
      <c r="E7482" s="2">
        <v>265.3999999999935</v>
      </c>
    </row>
    <row r="7483" spans="1:5" x14ac:dyDescent="0.25">
      <c r="A7483" s="3">
        <v>41820.03628472222</v>
      </c>
      <c r="B7483" s="2">
        <v>21.9</v>
      </c>
      <c r="C7483" s="2">
        <v>159.4</v>
      </c>
      <c r="D7483" s="2">
        <v>0</v>
      </c>
      <c r="E7483" s="2">
        <v>265.3999999999935</v>
      </c>
    </row>
    <row r="7484" spans="1:5" x14ac:dyDescent="0.25">
      <c r="A7484" s="3">
        <v>41820.036516203705</v>
      </c>
      <c r="B7484" s="2">
        <v>21.9</v>
      </c>
      <c r="C7484" s="2">
        <v>159.4</v>
      </c>
      <c r="D7484" s="2">
        <v>0.2</v>
      </c>
      <c r="E7484" s="2">
        <v>265.59999999999349</v>
      </c>
    </row>
    <row r="7485" spans="1:5" x14ac:dyDescent="0.25">
      <c r="A7485" s="3">
        <v>41820.036747685182</v>
      </c>
      <c r="B7485" s="2">
        <v>21.9</v>
      </c>
      <c r="C7485" s="2">
        <v>159.6</v>
      </c>
      <c r="D7485" s="2">
        <v>0</v>
      </c>
      <c r="E7485" s="2">
        <v>265.59999999999349</v>
      </c>
    </row>
    <row r="7486" spans="1:5" x14ac:dyDescent="0.25">
      <c r="A7486" s="3">
        <v>41820.036863425928</v>
      </c>
      <c r="B7486" s="2">
        <v>21.9</v>
      </c>
      <c r="C7486" s="2">
        <v>159.6</v>
      </c>
      <c r="D7486" s="2">
        <v>0.2</v>
      </c>
      <c r="E7486" s="2">
        <v>265.79999999999347</v>
      </c>
    </row>
    <row r="7487" spans="1:5" x14ac:dyDescent="0.25">
      <c r="A7487" s="3">
        <v>41820.037152777775</v>
      </c>
      <c r="B7487" s="2">
        <v>21.9</v>
      </c>
      <c r="C7487" s="2">
        <v>159.80000000000001</v>
      </c>
      <c r="D7487" s="2">
        <v>0</v>
      </c>
      <c r="E7487" s="2">
        <v>265.79999999999347</v>
      </c>
    </row>
    <row r="7488" spans="1:5" x14ac:dyDescent="0.25">
      <c r="A7488" s="3">
        <v>41820.037210648145</v>
      </c>
      <c r="B7488" s="2">
        <v>21.9</v>
      </c>
      <c r="C7488" s="2">
        <v>159.80000000000001</v>
      </c>
      <c r="D7488" s="2">
        <v>0.2</v>
      </c>
      <c r="E7488" s="2">
        <v>265.99999999999346</v>
      </c>
    </row>
    <row r="7489" spans="1:5" x14ac:dyDescent="0.25">
      <c r="A7489" s="3">
        <v>41820.037442129629</v>
      </c>
      <c r="B7489" s="2">
        <v>21.9</v>
      </c>
      <c r="C7489" s="2">
        <v>159.80000000000001</v>
      </c>
      <c r="D7489" s="2">
        <v>0.2</v>
      </c>
      <c r="E7489" s="2">
        <v>266.19999999999345</v>
      </c>
    </row>
    <row r="7490" spans="1:5" x14ac:dyDescent="0.25">
      <c r="A7490" s="3">
        <v>41820.037499999999</v>
      </c>
      <c r="B7490" s="2">
        <v>21.9</v>
      </c>
      <c r="C7490" s="2">
        <v>160</v>
      </c>
      <c r="D7490" s="2">
        <v>0</v>
      </c>
      <c r="E7490" s="2">
        <v>266.19999999999345</v>
      </c>
    </row>
    <row r="7491" spans="1:5" x14ac:dyDescent="0.25">
      <c r="A7491" s="3">
        <v>41820.037673611114</v>
      </c>
      <c r="B7491" s="2">
        <v>21.9</v>
      </c>
      <c r="C7491" s="2">
        <v>160</v>
      </c>
      <c r="D7491" s="2">
        <v>0.2</v>
      </c>
      <c r="E7491" s="2">
        <v>266.39999999999344</v>
      </c>
    </row>
    <row r="7492" spans="1:5" x14ac:dyDescent="0.25">
      <c r="A7492" s="3">
        <v>41820.037789351853</v>
      </c>
      <c r="B7492" s="2">
        <v>21.9</v>
      </c>
      <c r="C7492" s="2">
        <v>160.19999999999999</v>
      </c>
      <c r="D7492" s="2">
        <v>0</v>
      </c>
      <c r="E7492" s="2">
        <v>266.39999999999344</v>
      </c>
    </row>
    <row r="7493" spans="1:5" x14ac:dyDescent="0.25">
      <c r="A7493" s="3">
        <v>41820.03802083333</v>
      </c>
      <c r="B7493" s="2">
        <v>21.9</v>
      </c>
      <c r="C7493" s="2">
        <v>160.19999999999999</v>
      </c>
      <c r="D7493" s="2">
        <v>0.2</v>
      </c>
      <c r="E7493" s="2">
        <v>266.59999999999343</v>
      </c>
    </row>
    <row r="7494" spans="1:5" x14ac:dyDescent="0.25">
      <c r="A7494" s="3">
        <v>41820.038078703707</v>
      </c>
      <c r="B7494" s="2">
        <v>21.9</v>
      </c>
      <c r="C7494" s="2">
        <v>160.4</v>
      </c>
      <c r="D7494" s="2">
        <v>0</v>
      </c>
      <c r="E7494" s="2">
        <v>266.59999999999343</v>
      </c>
    </row>
    <row r="7495" spans="1:5" x14ac:dyDescent="0.25">
      <c r="A7495" s="3">
        <v>41820.038483796299</v>
      </c>
      <c r="B7495" s="2">
        <v>21.8</v>
      </c>
      <c r="C7495" s="2">
        <v>160.6</v>
      </c>
      <c r="D7495" s="2">
        <v>0</v>
      </c>
      <c r="E7495" s="2">
        <v>266.59999999999343</v>
      </c>
    </row>
    <row r="7496" spans="1:5" x14ac:dyDescent="0.25">
      <c r="A7496" s="3">
        <v>41820.038599537038</v>
      </c>
      <c r="B7496" s="2">
        <v>21.8</v>
      </c>
      <c r="C7496" s="2">
        <v>160.6</v>
      </c>
      <c r="D7496" s="2">
        <v>0.2</v>
      </c>
      <c r="E7496" s="2">
        <v>266.79999999999342</v>
      </c>
    </row>
    <row r="7497" spans="1:5" x14ac:dyDescent="0.25">
      <c r="A7497" s="3">
        <v>41820.039004629631</v>
      </c>
      <c r="B7497" s="2">
        <v>21.8</v>
      </c>
      <c r="C7497" s="2">
        <v>160.80000000000001</v>
      </c>
      <c r="D7497" s="2">
        <v>0</v>
      </c>
      <c r="E7497" s="2">
        <v>266.79999999999342</v>
      </c>
    </row>
    <row r="7498" spans="1:5" x14ac:dyDescent="0.25">
      <c r="A7498" s="3">
        <v>41820.039293981485</v>
      </c>
      <c r="B7498" s="2">
        <v>21.8</v>
      </c>
      <c r="C7498" s="2">
        <v>160.80000000000001</v>
      </c>
      <c r="D7498" s="2">
        <v>0.2</v>
      </c>
      <c r="E7498" s="2">
        <v>266.99999999999341</v>
      </c>
    </row>
    <row r="7499" spans="1:5" x14ac:dyDescent="0.25">
      <c r="A7499" s="3">
        <v>41820.039872685185</v>
      </c>
      <c r="B7499" s="2">
        <v>21.8</v>
      </c>
      <c r="C7499" s="2">
        <v>161</v>
      </c>
      <c r="D7499" s="2">
        <v>0</v>
      </c>
      <c r="E7499" s="2">
        <v>266.99999999999341</v>
      </c>
    </row>
    <row r="7500" spans="1:5" x14ac:dyDescent="0.25">
      <c r="A7500" s="3">
        <v>41820.040335648147</v>
      </c>
      <c r="B7500" s="2">
        <v>21.8</v>
      </c>
      <c r="C7500" s="2">
        <v>161</v>
      </c>
      <c r="D7500" s="2">
        <v>0.2</v>
      </c>
      <c r="E7500" s="2">
        <v>267.19999999999339</v>
      </c>
    </row>
    <row r="7501" spans="1:5" x14ac:dyDescent="0.25">
      <c r="A7501" s="3">
        <v>41820.040914351855</v>
      </c>
      <c r="B7501" s="2">
        <v>21.8</v>
      </c>
      <c r="C7501" s="2">
        <v>161.19999999999999</v>
      </c>
      <c r="D7501" s="2">
        <v>0</v>
      </c>
      <c r="E7501" s="2">
        <v>267.19999999999339</v>
      </c>
    </row>
    <row r="7502" spans="1:5" x14ac:dyDescent="0.25">
      <c r="A7502" s="3">
        <v>41820.041145833333</v>
      </c>
      <c r="B7502" s="2">
        <v>21.8</v>
      </c>
      <c r="C7502" s="2">
        <v>161.19999999999999</v>
      </c>
      <c r="D7502" s="2">
        <v>0.2</v>
      </c>
      <c r="E7502" s="2">
        <v>267.39999999999338</v>
      </c>
    </row>
    <row r="7503" spans="1:5" x14ac:dyDescent="0.25">
      <c r="A7503" s="3">
        <v>41820.041666666664</v>
      </c>
      <c r="B7503" s="2">
        <v>21.8</v>
      </c>
      <c r="C7503" s="2">
        <v>161.4</v>
      </c>
      <c r="D7503" s="2">
        <v>0</v>
      </c>
      <c r="E7503" s="2">
        <v>267.39999999999338</v>
      </c>
    </row>
    <row r="7504" spans="1:5" x14ac:dyDescent="0.25">
      <c r="A7504" s="3">
        <v>41820.04184027778</v>
      </c>
      <c r="B7504" s="2">
        <v>21.8</v>
      </c>
      <c r="C7504" s="2">
        <v>161.4</v>
      </c>
      <c r="D7504" s="2">
        <v>0.2</v>
      </c>
      <c r="E7504" s="2">
        <v>267.59999999999337</v>
      </c>
    </row>
    <row r="7505" spans="1:5" x14ac:dyDescent="0.25">
      <c r="A7505" s="3">
        <v>41820.042245370372</v>
      </c>
      <c r="B7505" s="2">
        <v>21.8</v>
      </c>
      <c r="C7505" s="2">
        <v>161.6</v>
      </c>
      <c r="D7505" s="2">
        <v>0</v>
      </c>
      <c r="E7505" s="2">
        <v>267.59999999999337</v>
      </c>
    </row>
    <row r="7506" spans="1:5" x14ac:dyDescent="0.25">
      <c r="A7506" s="3">
        <v>41820.042708333334</v>
      </c>
      <c r="B7506" s="2">
        <v>21.8</v>
      </c>
      <c r="C7506" s="2">
        <v>161.6</v>
      </c>
      <c r="D7506" s="2">
        <v>0.2</v>
      </c>
      <c r="E7506" s="2">
        <v>267.79999999999336</v>
      </c>
    </row>
    <row r="7507" spans="1:5" x14ac:dyDescent="0.25">
      <c r="A7507" s="3">
        <v>41820.043055555558</v>
      </c>
      <c r="B7507" s="2">
        <v>21.8</v>
      </c>
      <c r="C7507" s="2">
        <v>161.80000000000001</v>
      </c>
      <c r="D7507" s="2">
        <v>0</v>
      </c>
      <c r="E7507" s="2">
        <v>267.79999999999336</v>
      </c>
    </row>
    <row r="7508" spans="1:5" x14ac:dyDescent="0.25">
      <c r="A7508" s="3">
        <v>41820.043749999997</v>
      </c>
      <c r="B7508" s="2">
        <v>21.7</v>
      </c>
      <c r="C7508" s="2">
        <v>161.80000000000001</v>
      </c>
      <c r="D7508" s="2">
        <v>0.2</v>
      </c>
      <c r="E7508" s="2">
        <v>267.99999999999335</v>
      </c>
    </row>
    <row r="7509" spans="1:5" x14ac:dyDescent="0.25">
      <c r="A7509" s="3">
        <v>41820.04415509259</v>
      </c>
      <c r="B7509" s="2">
        <v>21.7</v>
      </c>
      <c r="C7509" s="2">
        <v>162</v>
      </c>
      <c r="D7509" s="2">
        <v>0</v>
      </c>
      <c r="E7509" s="2">
        <v>267.99999999999335</v>
      </c>
    </row>
    <row r="7510" spans="1:5" x14ac:dyDescent="0.25">
      <c r="A7510" s="3">
        <v>41820.044560185182</v>
      </c>
      <c r="B7510" s="2">
        <v>21.7</v>
      </c>
      <c r="C7510" s="2">
        <v>162</v>
      </c>
      <c r="D7510" s="2">
        <v>0.2</v>
      </c>
      <c r="E7510" s="2">
        <v>268.19999999999334</v>
      </c>
    </row>
    <row r="7511" spans="1:5" x14ac:dyDescent="0.25">
      <c r="A7511" s="3">
        <v>41820.045312499999</v>
      </c>
      <c r="B7511" s="2">
        <v>21.7</v>
      </c>
      <c r="C7511" s="2">
        <v>162.19999999999999</v>
      </c>
      <c r="D7511" s="2">
        <v>0</v>
      </c>
      <c r="E7511" s="2">
        <v>268.19999999999334</v>
      </c>
    </row>
    <row r="7512" spans="1:5" x14ac:dyDescent="0.25">
      <c r="A7512" s="3">
        <v>41820.047395833331</v>
      </c>
      <c r="B7512" s="2">
        <v>21.7</v>
      </c>
      <c r="C7512" s="2">
        <v>162.19999999999999</v>
      </c>
      <c r="D7512" s="2">
        <v>0.2</v>
      </c>
      <c r="E7512" s="2">
        <v>268.39999999999333</v>
      </c>
    </row>
    <row r="7513" spans="1:5" x14ac:dyDescent="0.25">
      <c r="A7513" s="3">
        <v>41820.04791666667</v>
      </c>
      <c r="B7513" s="2">
        <v>21.7</v>
      </c>
      <c r="C7513" s="2">
        <v>162.4</v>
      </c>
      <c r="D7513" s="2">
        <v>0</v>
      </c>
      <c r="E7513" s="2">
        <v>268.39999999999333</v>
      </c>
    </row>
    <row r="7514" spans="1:5" x14ac:dyDescent="0.25">
      <c r="A7514" s="3">
        <v>41820.048668981479</v>
      </c>
      <c r="B7514" s="2">
        <v>21.7</v>
      </c>
      <c r="C7514" s="2">
        <v>162.4</v>
      </c>
      <c r="D7514" s="2">
        <v>0.2</v>
      </c>
      <c r="E7514" s="2">
        <v>268.59999999999332</v>
      </c>
    </row>
    <row r="7515" spans="1:5" x14ac:dyDescent="0.25">
      <c r="A7515" s="3">
        <v>41820.049189814818</v>
      </c>
      <c r="B7515" s="2">
        <v>21.7</v>
      </c>
      <c r="C7515" s="2">
        <v>162.6</v>
      </c>
      <c r="D7515" s="2">
        <v>0</v>
      </c>
      <c r="E7515" s="2">
        <v>268.59999999999332</v>
      </c>
    </row>
    <row r="7516" spans="1:5" x14ac:dyDescent="0.25">
      <c r="A7516" s="3">
        <v>41820.049768518518</v>
      </c>
      <c r="B7516" s="2">
        <v>21.6</v>
      </c>
      <c r="C7516" s="2">
        <v>162.6</v>
      </c>
      <c r="D7516" s="2">
        <v>0.2</v>
      </c>
      <c r="E7516" s="2">
        <v>268.7999999999933</v>
      </c>
    </row>
    <row r="7517" spans="1:5" x14ac:dyDescent="0.25">
      <c r="A7517" s="3">
        <v>41820.050347222219</v>
      </c>
      <c r="B7517" s="2">
        <v>21.7</v>
      </c>
      <c r="C7517" s="2">
        <v>162.80000000000001</v>
      </c>
      <c r="D7517" s="2">
        <v>0</v>
      </c>
      <c r="E7517" s="2">
        <v>268.7999999999933</v>
      </c>
    </row>
    <row r="7518" spans="1:5" x14ac:dyDescent="0.25">
      <c r="A7518" s="3">
        <v>41820.050694444442</v>
      </c>
      <c r="B7518" s="2">
        <v>21.6</v>
      </c>
      <c r="C7518" s="2">
        <v>162.80000000000001</v>
      </c>
      <c r="D7518" s="2">
        <v>0.2</v>
      </c>
      <c r="E7518" s="2">
        <v>268.99999999999329</v>
      </c>
    </row>
    <row r="7519" spans="1:5" x14ac:dyDescent="0.25">
      <c r="A7519" s="3">
        <v>41820.051215277781</v>
      </c>
      <c r="B7519" s="2">
        <v>21.6</v>
      </c>
      <c r="C7519" s="2">
        <v>163</v>
      </c>
      <c r="D7519" s="2">
        <v>0</v>
      </c>
      <c r="E7519" s="2">
        <v>268.99999999999329</v>
      </c>
    </row>
    <row r="7520" spans="1:5" x14ac:dyDescent="0.25">
      <c r="A7520" s="3">
        <v>41820.05127314815</v>
      </c>
      <c r="B7520" s="2">
        <v>21.6</v>
      </c>
      <c r="C7520" s="2">
        <v>163</v>
      </c>
      <c r="D7520" s="2">
        <v>0.2</v>
      </c>
      <c r="E7520" s="2">
        <v>269.19999999999328</v>
      </c>
    </row>
    <row r="7521" spans="1:5" x14ac:dyDescent="0.25">
      <c r="A7521" s="3">
        <v>41820.051736111112</v>
      </c>
      <c r="B7521" s="2">
        <v>21.6</v>
      </c>
      <c r="C7521" s="2">
        <v>163.19999999999999</v>
      </c>
      <c r="D7521" s="2">
        <v>0</v>
      </c>
      <c r="E7521" s="2">
        <v>269.19999999999328</v>
      </c>
    </row>
    <row r="7522" spans="1:5" x14ac:dyDescent="0.25">
      <c r="A7522" s="3">
        <v>41820.051793981482</v>
      </c>
      <c r="B7522" s="2">
        <v>21.6</v>
      </c>
      <c r="C7522" s="2">
        <v>163.19999999999999</v>
      </c>
      <c r="D7522" s="2">
        <v>0.2</v>
      </c>
      <c r="E7522" s="2">
        <v>269.39999999999327</v>
      </c>
    </row>
    <row r="7523" spans="1:5" x14ac:dyDescent="0.25">
      <c r="A7523" s="3">
        <v>41820.052256944444</v>
      </c>
      <c r="B7523" s="2">
        <v>21.5</v>
      </c>
      <c r="C7523" s="2">
        <v>163.4</v>
      </c>
      <c r="D7523" s="2">
        <v>0</v>
      </c>
      <c r="E7523" s="2">
        <v>269.39999999999327</v>
      </c>
    </row>
    <row r="7524" spans="1:5" x14ac:dyDescent="0.25">
      <c r="A7524" s="3">
        <v>41820.052430555559</v>
      </c>
      <c r="B7524" s="2">
        <v>21.5</v>
      </c>
      <c r="C7524" s="2">
        <v>163.4</v>
      </c>
      <c r="D7524" s="2">
        <v>0.2</v>
      </c>
      <c r="E7524" s="2">
        <v>269.59999999999326</v>
      </c>
    </row>
    <row r="7525" spans="1:5" x14ac:dyDescent="0.25">
      <c r="A7525" s="3">
        <v>41820.05300925926</v>
      </c>
      <c r="B7525" s="2">
        <v>21.5</v>
      </c>
      <c r="C7525" s="2">
        <v>163.6</v>
      </c>
      <c r="D7525" s="2">
        <v>0</v>
      </c>
      <c r="E7525" s="2">
        <v>269.59999999999326</v>
      </c>
    </row>
    <row r="7526" spans="1:5" x14ac:dyDescent="0.25">
      <c r="A7526" s="3">
        <v>41820.053182870368</v>
      </c>
      <c r="B7526" s="2">
        <v>21.5</v>
      </c>
      <c r="C7526" s="2">
        <v>163.6</v>
      </c>
      <c r="D7526" s="2">
        <v>0.2</v>
      </c>
      <c r="E7526" s="2">
        <v>269.79999999999325</v>
      </c>
    </row>
    <row r="7527" spans="1:5" x14ac:dyDescent="0.25">
      <c r="A7527" s="3">
        <v>41820.053935185184</v>
      </c>
      <c r="B7527" s="2">
        <v>21.5</v>
      </c>
      <c r="C7527" s="2">
        <v>163.80000000000001</v>
      </c>
      <c r="D7527" s="2">
        <v>0</v>
      </c>
      <c r="E7527" s="2">
        <v>269.79999999999325</v>
      </c>
    </row>
    <row r="7528" spans="1:5" x14ac:dyDescent="0.25">
      <c r="A7528" s="3">
        <v>41820.054108796299</v>
      </c>
      <c r="B7528" s="2">
        <v>21.5</v>
      </c>
      <c r="C7528" s="2">
        <v>163.80000000000001</v>
      </c>
      <c r="D7528" s="2">
        <v>0.2</v>
      </c>
      <c r="E7528" s="2">
        <v>269.99999999999324</v>
      </c>
    </row>
    <row r="7529" spans="1:5" x14ac:dyDescent="0.25">
      <c r="A7529" s="3">
        <v>41820.055034722223</v>
      </c>
      <c r="B7529" s="2">
        <v>21.5</v>
      </c>
      <c r="C7529" s="2">
        <v>164</v>
      </c>
      <c r="D7529" s="2">
        <v>0</v>
      </c>
      <c r="E7529" s="2">
        <v>269.99999999999324</v>
      </c>
    </row>
    <row r="7530" spans="1:5" x14ac:dyDescent="0.25">
      <c r="A7530" s="3">
        <v>41820.055092592593</v>
      </c>
      <c r="B7530" s="2">
        <v>21.5</v>
      </c>
      <c r="C7530" s="2">
        <v>164</v>
      </c>
      <c r="D7530" s="2">
        <v>0.2</v>
      </c>
      <c r="E7530" s="2">
        <v>270.19999999999322</v>
      </c>
    </row>
    <row r="7531" spans="1:5" x14ac:dyDescent="0.25">
      <c r="A7531" s="3">
        <v>41820.055844907409</v>
      </c>
      <c r="B7531" s="2">
        <v>21.5</v>
      </c>
      <c r="C7531" s="2">
        <v>164.2</v>
      </c>
      <c r="D7531" s="2">
        <v>0.2</v>
      </c>
      <c r="E7531" s="2">
        <v>270.39999999999321</v>
      </c>
    </row>
    <row r="7532" spans="1:5" x14ac:dyDescent="0.25">
      <c r="A7532" s="3">
        <v>41820.057291666664</v>
      </c>
      <c r="B7532" s="2">
        <v>21.5</v>
      </c>
      <c r="C7532" s="2">
        <v>164.4</v>
      </c>
      <c r="D7532" s="2">
        <v>0</v>
      </c>
      <c r="E7532" s="2">
        <v>270.39999999999321</v>
      </c>
    </row>
    <row r="7533" spans="1:5" x14ac:dyDescent="0.25">
      <c r="A7533" s="3">
        <v>41820.05746527778</v>
      </c>
      <c r="B7533" s="2">
        <v>21.4</v>
      </c>
      <c r="C7533" s="2">
        <v>164.4</v>
      </c>
      <c r="D7533" s="2">
        <v>0.2</v>
      </c>
      <c r="E7533" s="2">
        <v>270.5999999999932</v>
      </c>
    </row>
    <row r="7534" spans="1:5" x14ac:dyDescent="0.25">
      <c r="A7534" s="3">
        <v>41820.059664351851</v>
      </c>
      <c r="B7534" s="2">
        <v>21.4</v>
      </c>
      <c r="C7534" s="2">
        <v>164.4</v>
      </c>
      <c r="D7534" s="2">
        <v>0.2</v>
      </c>
      <c r="E7534" s="2">
        <v>270.79999999999319</v>
      </c>
    </row>
    <row r="7535" spans="1:5" x14ac:dyDescent="0.25">
      <c r="A7535" s="3">
        <v>41820.05972222222</v>
      </c>
      <c r="B7535" s="2">
        <v>21.4</v>
      </c>
      <c r="C7535" s="2">
        <v>164.6</v>
      </c>
      <c r="D7535" s="2">
        <v>0</v>
      </c>
      <c r="E7535" s="2">
        <v>270.79999999999319</v>
      </c>
    </row>
    <row r="7536" spans="1:5" x14ac:dyDescent="0.25">
      <c r="A7536" s="3">
        <v>41820.061689814815</v>
      </c>
      <c r="B7536" s="2">
        <v>21.4</v>
      </c>
      <c r="C7536" s="2">
        <v>164.6</v>
      </c>
      <c r="D7536" s="2">
        <v>0.2</v>
      </c>
      <c r="E7536" s="2">
        <v>270.99999999999318</v>
      </c>
    </row>
    <row r="7537" spans="1:5" x14ac:dyDescent="0.25">
      <c r="A7537" s="3">
        <v>41820.062094907407</v>
      </c>
      <c r="B7537" s="2">
        <v>21.4</v>
      </c>
      <c r="C7537" s="2">
        <v>164.8</v>
      </c>
      <c r="D7537" s="2">
        <v>0</v>
      </c>
      <c r="E7537" s="2">
        <v>270.99999999999318</v>
      </c>
    </row>
    <row r="7538" spans="1:5" x14ac:dyDescent="0.25">
      <c r="A7538" s="3">
        <v>41820.064120370371</v>
      </c>
      <c r="B7538" s="2">
        <v>21.4</v>
      </c>
      <c r="C7538" s="2">
        <v>164.8</v>
      </c>
      <c r="D7538" s="2">
        <v>0.2</v>
      </c>
      <c r="E7538" s="2">
        <v>271.19999999999317</v>
      </c>
    </row>
    <row r="7539" spans="1:5" x14ac:dyDescent="0.25">
      <c r="A7539" s="3">
        <v>41820.064236111109</v>
      </c>
      <c r="B7539" s="2">
        <v>21.4</v>
      </c>
      <c r="C7539" s="2">
        <v>165</v>
      </c>
      <c r="D7539" s="2">
        <v>0</v>
      </c>
      <c r="E7539" s="2">
        <v>271.19999999999317</v>
      </c>
    </row>
    <row r="7540" spans="1:5" x14ac:dyDescent="0.25">
      <c r="A7540" s="3">
        <v>41820.067650462966</v>
      </c>
      <c r="B7540" s="2">
        <v>21.3</v>
      </c>
      <c r="C7540" s="2">
        <v>165</v>
      </c>
      <c r="D7540" s="2">
        <v>0.2</v>
      </c>
      <c r="E7540" s="2">
        <v>271.39999999999316</v>
      </c>
    </row>
    <row r="7541" spans="1:5" x14ac:dyDescent="0.25">
      <c r="A7541" s="3">
        <v>41820.068807870368</v>
      </c>
      <c r="B7541" s="2">
        <v>21.3</v>
      </c>
      <c r="C7541" s="2">
        <v>165.2</v>
      </c>
      <c r="D7541" s="2">
        <v>0</v>
      </c>
      <c r="E7541" s="2">
        <v>271.39999999999316</v>
      </c>
    </row>
    <row r="7542" spans="1:5" x14ac:dyDescent="0.25">
      <c r="A7542" s="3">
        <v>41820.071469907409</v>
      </c>
      <c r="B7542" s="2">
        <v>21.3</v>
      </c>
      <c r="C7542" s="2">
        <v>165.2</v>
      </c>
      <c r="D7542" s="2">
        <v>0.2</v>
      </c>
      <c r="E7542" s="2">
        <v>271.59999999999314</v>
      </c>
    </row>
    <row r="7543" spans="1:5" x14ac:dyDescent="0.25">
      <c r="A7543" s="3">
        <v>41820.072337962964</v>
      </c>
      <c r="B7543" s="2">
        <v>21.3</v>
      </c>
      <c r="C7543" s="2">
        <v>165.4</v>
      </c>
      <c r="D7543" s="2">
        <v>0</v>
      </c>
      <c r="E7543" s="2">
        <v>271.59999999999314</v>
      </c>
    </row>
    <row r="7544" spans="1:5" x14ac:dyDescent="0.25">
      <c r="A7544" s="3">
        <v>41820.074479166666</v>
      </c>
      <c r="B7544" s="2">
        <v>21.2</v>
      </c>
      <c r="C7544" s="2">
        <v>165.4</v>
      </c>
      <c r="D7544" s="2">
        <v>0.2</v>
      </c>
      <c r="E7544" s="2">
        <v>271.79999999999313</v>
      </c>
    </row>
    <row r="7545" spans="1:5" x14ac:dyDescent="0.25">
      <c r="A7545" s="3">
        <v>41820.075636574074</v>
      </c>
      <c r="B7545" s="2">
        <v>21.2</v>
      </c>
      <c r="C7545" s="2">
        <v>165.6</v>
      </c>
      <c r="D7545" s="2">
        <v>0</v>
      </c>
      <c r="E7545" s="2">
        <v>271.79999999999313</v>
      </c>
    </row>
    <row r="7546" spans="1:5" x14ac:dyDescent="0.25">
      <c r="A7546" s="3">
        <v>41820.077719907407</v>
      </c>
      <c r="B7546" s="2">
        <v>21.1</v>
      </c>
      <c r="C7546" s="2">
        <v>165.6</v>
      </c>
      <c r="D7546" s="2">
        <v>0.2</v>
      </c>
      <c r="E7546" s="2">
        <v>271.99999999999312</v>
      </c>
    </row>
    <row r="7547" spans="1:5" x14ac:dyDescent="0.25">
      <c r="A7547" s="3">
        <v>41820.078587962962</v>
      </c>
      <c r="B7547" s="2">
        <v>21.1</v>
      </c>
      <c r="C7547" s="2">
        <v>165.8</v>
      </c>
      <c r="D7547" s="2">
        <v>0</v>
      </c>
      <c r="E7547" s="2">
        <v>271.99999999999312</v>
      </c>
    </row>
    <row r="7548" spans="1:5" x14ac:dyDescent="0.25">
      <c r="A7548" s="3">
        <v>41820.080555555556</v>
      </c>
      <c r="B7548" s="2">
        <v>21.1</v>
      </c>
      <c r="C7548" s="2">
        <v>165.8</v>
      </c>
      <c r="D7548" s="2">
        <v>0.2</v>
      </c>
      <c r="E7548" s="2">
        <v>272.19999999999311</v>
      </c>
    </row>
    <row r="7549" spans="1:5" x14ac:dyDescent="0.25">
      <c r="A7549" s="3">
        <v>41820.081944444442</v>
      </c>
      <c r="B7549" s="2">
        <v>21.1</v>
      </c>
      <c r="C7549" s="2">
        <v>166</v>
      </c>
      <c r="D7549" s="2">
        <v>0</v>
      </c>
      <c r="E7549" s="2">
        <v>272.19999999999311</v>
      </c>
    </row>
    <row r="7550" spans="1:5" x14ac:dyDescent="0.25">
      <c r="A7550" s="3">
        <v>41820.083391203705</v>
      </c>
      <c r="B7550" s="2">
        <v>21.1</v>
      </c>
      <c r="C7550" s="2">
        <v>166</v>
      </c>
      <c r="D7550" s="2">
        <v>0.2</v>
      </c>
      <c r="E7550" s="2">
        <v>272.3999999999931</v>
      </c>
    </row>
    <row r="7551" spans="1:5" x14ac:dyDescent="0.25">
      <c r="A7551" s="3">
        <v>41820.084548611114</v>
      </c>
      <c r="B7551" s="2">
        <v>21</v>
      </c>
      <c r="C7551" s="2">
        <v>166.2</v>
      </c>
      <c r="D7551" s="2">
        <v>0</v>
      </c>
      <c r="E7551" s="2">
        <v>272.3999999999931</v>
      </c>
    </row>
    <row r="7552" spans="1:5" x14ac:dyDescent="0.25">
      <c r="A7552" s="3">
        <v>41820.085821759261</v>
      </c>
      <c r="B7552" s="2">
        <v>21</v>
      </c>
      <c r="C7552" s="2">
        <v>166.2</v>
      </c>
      <c r="D7552" s="2">
        <v>0.2</v>
      </c>
      <c r="E7552" s="2">
        <v>272.59999999999309</v>
      </c>
    </row>
    <row r="7553" spans="1:5" x14ac:dyDescent="0.25">
      <c r="A7553" s="3">
        <v>41820.088252314818</v>
      </c>
      <c r="B7553" s="2">
        <v>20.9</v>
      </c>
      <c r="C7553" s="2">
        <v>166.4</v>
      </c>
      <c r="D7553" s="2">
        <v>0</v>
      </c>
      <c r="E7553" s="2">
        <v>272.59999999999309</v>
      </c>
    </row>
    <row r="7554" spans="1:5" x14ac:dyDescent="0.25">
      <c r="A7554" s="3">
        <v>41820.090624999997</v>
      </c>
      <c r="B7554" s="2">
        <v>20.9</v>
      </c>
      <c r="C7554" s="2">
        <v>166.4</v>
      </c>
      <c r="D7554" s="2">
        <v>0.2</v>
      </c>
      <c r="E7554" s="2">
        <v>272.79999999999308</v>
      </c>
    </row>
    <row r="7555" spans="1:5" x14ac:dyDescent="0.25">
      <c r="A7555" s="3">
        <v>41820.092939814815</v>
      </c>
      <c r="B7555" s="2">
        <v>20.9</v>
      </c>
      <c r="C7555" s="2">
        <v>166.6</v>
      </c>
      <c r="D7555" s="2">
        <v>0</v>
      </c>
      <c r="E7555" s="2">
        <v>272.79999999999308</v>
      </c>
    </row>
    <row r="7556" spans="1:5" x14ac:dyDescent="0.25">
      <c r="A7556" s="3">
        <v>41820.093865740739</v>
      </c>
      <c r="B7556" s="2">
        <v>20.9</v>
      </c>
      <c r="C7556" s="2">
        <v>166.6</v>
      </c>
      <c r="D7556" s="2">
        <v>0.2</v>
      </c>
      <c r="E7556" s="2">
        <v>272.99999999999307</v>
      </c>
    </row>
    <row r="7557" spans="1:5" x14ac:dyDescent="0.25">
      <c r="A7557" s="3">
        <v>41820.095659722225</v>
      </c>
      <c r="B7557" s="2">
        <v>20.9</v>
      </c>
      <c r="C7557" s="2">
        <v>166.8</v>
      </c>
      <c r="D7557" s="2">
        <v>0</v>
      </c>
      <c r="E7557" s="2">
        <v>272.99999999999307</v>
      </c>
    </row>
    <row r="7558" spans="1:5" x14ac:dyDescent="0.25">
      <c r="A7558" s="3">
        <v>41820.096643518518</v>
      </c>
      <c r="B7558" s="2">
        <v>20.8</v>
      </c>
      <c r="C7558" s="2">
        <v>166.8</v>
      </c>
      <c r="D7558" s="2">
        <v>0.2</v>
      </c>
      <c r="E7558" s="2">
        <v>273.19999999999305</v>
      </c>
    </row>
    <row r="7559" spans="1:5" x14ac:dyDescent="0.25">
      <c r="A7559" s="3">
        <v>41820.100405092591</v>
      </c>
      <c r="B7559" s="2">
        <v>20.8</v>
      </c>
      <c r="C7559" s="2">
        <v>167</v>
      </c>
      <c r="D7559" s="2">
        <v>0</v>
      </c>
      <c r="E7559" s="2">
        <v>273.19999999999305</v>
      </c>
    </row>
    <row r="7560" spans="1:5" x14ac:dyDescent="0.25">
      <c r="A7560" s="3">
        <v>41820.101157407407</v>
      </c>
      <c r="B7560" s="2">
        <v>20.8</v>
      </c>
      <c r="C7560" s="2">
        <v>167</v>
      </c>
      <c r="D7560" s="2">
        <v>0.2</v>
      </c>
      <c r="E7560" s="2">
        <v>273.39999999999304</v>
      </c>
    </row>
    <row r="7561" spans="1:5" x14ac:dyDescent="0.25">
      <c r="A7561" s="3">
        <v>41820.102835648147</v>
      </c>
      <c r="B7561" s="2">
        <v>20.8</v>
      </c>
      <c r="C7561" s="2">
        <v>167.2</v>
      </c>
      <c r="D7561" s="2">
        <v>0</v>
      </c>
      <c r="E7561" s="2">
        <v>273.39999999999304</v>
      </c>
    </row>
    <row r="7562" spans="1:5" x14ac:dyDescent="0.25">
      <c r="A7562" s="3">
        <v>41820.103009259263</v>
      </c>
      <c r="B7562" s="2">
        <v>20.7</v>
      </c>
      <c r="C7562" s="2">
        <v>167.2</v>
      </c>
      <c r="D7562" s="2">
        <v>0.2</v>
      </c>
      <c r="E7562" s="2">
        <v>273.59999999999303</v>
      </c>
    </row>
    <row r="7563" spans="1:5" x14ac:dyDescent="0.25">
      <c r="A7563" s="3">
        <v>41820.104629629626</v>
      </c>
      <c r="B7563" s="2">
        <v>20.7</v>
      </c>
      <c r="C7563" s="2">
        <v>167.2</v>
      </c>
      <c r="D7563" s="2">
        <v>0.2</v>
      </c>
      <c r="E7563" s="2">
        <v>273.79999999999302</v>
      </c>
    </row>
    <row r="7564" spans="1:5" x14ac:dyDescent="0.25">
      <c r="A7564" s="3">
        <v>41820.104687500003</v>
      </c>
      <c r="B7564" s="2">
        <v>20.7</v>
      </c>
      <c r="C7564" s="2">
        <v>167.4</v>
      </c>
      <c r="D7564" s="2">
        <v>0</v>
      </c>
      <c r="E7564" s="2">
        <v>273.79999999999302</v>
      </c>
    </row>
    <row r="7565" spans="1:5" x14ac:dyDescent="0.25">
      <c r="A7565" s="3">
        <v>41820.106770833336</v>
      </c>
      <c r="B7565" s="2">
        <v>20.7</v>
      </c>
      <c r="C7565" s="2">
        <v>167.6</v>
      </c>
      <c r="D7565" s="2">
        <v>0</v>
      </c>
      <c r="E7565" s="2">
        <v>273.79999999999302</v>
      </c>
    </row>
    <row r="7566" spans="1:5" x14ac:dyDescent="0.25">
      <c r="A7566" s="3">
        <v>41820.106944444444</v>
      </c>
      <c r="B7566" s="2">
        <v>20.7</v>
      </c>
      <c r="C7566" s="2">
        <v>167.6</v>
      </c>
      <c r="D7566" s="2">
        <v>0.2</v>
      </c>
      <c r="E7566" s="2">
        <v>273.99999999999301</v>
      </c>
    </row>
    <row r="7567" spans="1:5" x14ac:dyDescent="0.25">
      <c r="A7567" s="3">
        <v>41820.109201388892</v>
      </c>
      <c r="B7567" s="2">
        <v>20.7</v>
      </c>
      <c r="C7567" s="2">
        <v>167.6</v>
      </c>
      <c r="D7567" s="2">
        <v>0.2</v>
      </c>
      <c r="E7567" s="2">
        <v>274.199999999993</v>
      </c>
    </row>
    <row r="7568" spans="1:5" x14ac:dyDescent="0.25">
      <c r="A7568" s="3">
        <v>41820.109548611108</v>
      </c>
      <c r="B7568" s="2">
        <v>20.7</v>
      </c>
      <c r="C7568" s="2">
        <v>167.8</v>
      </c>
      <c r="D7568" s="2">
        <v>0</v>
      </c>
      <c r="E7568" s="2">
        <v>274.199999999993</v>
      </c>
    </row>
    <row r="7569" spans="1:5" x14ac:dyDescent="0.25">
      <c r="A7569" s="3">
        <v>41820.111747685187</v>
      </c>
      <c r="B7569" s="2">
        <v>20.6</v>
      </c>
      <c r="C7569" s="2">
        <v>167.8</v>
      </c>
      <c r="D7569" s="2">
        <v>0.2</v>
      </c>
      <c r="E7569" s="2">
        <v>274.39999999999299</v>
      </c>
    </row>
    <row r="7570" spans="1:5" x14ac:dyDescent="0.25">
      <c r="A7570" s="3">
        <v>41820.11209490741</v>
      </c>
      <c r="B7570" s="2">
        <v>20.6</v>
      </c>
      <c r="C7570" s="2">
        <v>168</v>
      </c>
      <c r="D7570" s="2">
        <v>0</v>
      </c>
      <c r="E7570" s="2">
        <v>274.39999999999299</v>
      </c>
    </row>
    <row r="7571" spans="1:5" x14ac:dyDescent="0.25">
      <c r="A7571" s="3">
        <v>41820.113368055558</v>
      </c>
      <c r="B7571" s="2">
        <v>20.6</v>
      </c>
      <c r="C7571" s="2">
        <v>168</v>
      </c>
      <c r="D7571" s="2">
        <v>0.2</v>
      </c>
      <c r="E7571" s="2">
        <v>274.59999999999297</v>
      </c>
    </row>
    <row r="7572" spans="1:5" x14ac:dyDescent="0.25">
      <c r="A7572" s="3">
        <v>41820.114004629628</v>
      </c>
      <c r="B7572" s="2">
        <v>20.6</v>
      </c>
      <c r="C7572" s="2">
        <v>168.2</v>
      </c>
      <c r="D7572" s="2">
        <v>0</v>
      </c>
      <c r="E7572" s="2">
        <v>274.59999999999297</v>
      </c>
    </row>
    <row r="7573" spans="1:5" x14ac:dyDescent="0.25">
      <c r="A7573" s="3">
        <v>41820.115335648145</v>
      </c>
      <c r="B7573" s="2">
        <v>20.6</v>
      </c>
      <c r="C7573" s="2">
        <v>168.2</v>
      </c>
      <c r="D7573" s="2">
        <v>0.2</v>
      </c>
      <c r="E7573" s="2">
        <v>274.79999999999296</v>
      </c>
    </row>
    <row r="7574" spans="1:5" x14ac:dyDescent="0.25">
      <c r="A7574" s="3">
        <v>41820.115972222222</v>
      </c>
      <c r="B7574" s="2">
        <v>20.6</v>
      </c>
      <c r="C7574" s="2">
        <v>168.4</v>
      </c>
      <c r="D7574" s="2">
        <v>0</v>
      </c>
      <c r="E7574" s="2">
        <v>274.79999999999296</v>
      </c>
    </row>
    <row r="7575" spans="1:5" x14ac:dyDescent="0.25">
      <c r="A7575" s="3">
        <v>41820.116840277777</v>
      </c>
      <c r="B7575" s="2">
        <v>20.6</v>
      </c>
      <c r="C7575" s="2">
        <v>168.4</v>
      </c>
      <c r="D7575" s="2">
        <v>0.2</v>
      </c>
      <c r="E7575" s="2">
        <v>274.99999999999295</v>
      </c>
    </row>
    <row r="7576" spans="1:5" x14ac:dyDescent="0.25">
      <c r="A7576" s="3">
        <v>41820.117592592593</v>
      </c>
      <c r="B7576" s="2">
        <v>20.6</v>
      </c>
      <c r="C7576" s="2">
        <v>168.6</v>
      </c>
      <c r="D7576" s="2">
        <v>0</v>
      </c>
      <c r="E7576" s="2">
        <v>274.99999999999295</v>
      </c>
    </row>
    <row r="7577" spans="1:5" x14ac:dyDescent="0.25">
      <c r="A7577" s="3">
        <v>41820.118750000001</v>
      </c>
      <c r="B7577" s="2">
        <v>20.6</v>
      </c>
      <c r="C7577" s="2">
        <v>168.6</v>
      </c>
      <c r="D7577" s="2">
        <v>0.2</v>
      </c>
      <c r="E7577" s="2">
        <v>275.19999999999294</v>
      </c>
    </row>
    <row r="7578" spans="1:5" x14ac:dyDescent="0.25">
      <c r="A7578" s="3">
        <v>41820.119618055556</v>
      </c>
      <c r="B7578" s="2">
        <v>20.5</v>
      </c>
      <c r="C7578" s="2">
        <v>168.8</v>
      </c>
      <c r="D7578" s="2">
        <v>0</v>
      </c>
      <c r="E7578" s="2">
        <v>275.19999999999294</v>
      </c>
    </row>
    <row r="7579" spans="1:5" x14ac:dyDescent="0.25">
      <c r="A7579" s="3">
        <v>41820.120081018518</v>
      </c>
      <c r="B7579" s="2">
        <v>20.5</v>
      </c>
      <c r="C7579" s="2">
        <v>168.8</v>
      </c>
      <c r="D7579" s="2">
        <v>0.2</v>
      </c>
      <c r="E7579" s="2">
        <v>275.39999999999293</v>
      </c>
    </row>
    <row r="7580" spans="1:5" x14ac:dyDescent="0.25">
      <c r="A7580" s="3">
        <v>41820.121006944442</v>
      </c>
      <c r="B7580" s="2">
        <v>20.5</v>
      </c>
      <c r="C7580" s="2">
        <v>169</v>
      </c>
      <c r="D7580" s="2">
        <v>0</v>
      </c>
      <c r="E7580" s="2">
        <v>275.39999999999293</v>
      </c>
    </row>
    <row r="7581" spans="1:5" x14ac:dyDescent="0.25">
      <c r="A7581" s="3">
        <v>41820.121759259258</v>
      </c>
      <c r="B7581" s="2">
        <v>20.5</v>
      </c>
      <c r="C7581" s="2">
        <v>169</v>
      </c>
      <c r="D7581" s="2">
        <v>0.2</v>
      </c>
      <c r="E7581" s="2">
        <v>275.59999999999292</v>
      </c>
    </row>
    <row r="7582" spans="1:5" x14ac:dyDescent="0.25">
      <c r="A7582" s="3">
        <v>41820.122395833336</v>
      </c>
      <c r="B7582" s="2">
        <v>20.5</v>
      </c>
      <c r="C7582" s="2">
        <v>169.2</v>
      </c>
      <c r="D7582" s="2">
        <v>0</v>
      </c>
      <c r="E7582" s="2">
        <v>275.59999999999292</v>
      </c>
    </row>
    <row r="7583" spans="1:5" x14ac:dyDescent="0.25">
      <c r="A7583" s="3">
        <v>41820.12332175926</v>
      </c>
      <c r="B7583" s="2">
        <v>20.5</v>
      </c>
      <c r="C7583" s="2">
        <v>169.2</v>
      </c>
      <c r="D7583" s="2">
        <v>0.2</v>
      </c>
      <c r="E7583" s="2">
        <v>275.79999999999291</v>
      </c>
    </row>
    <row r="7584" spans="1:5" x14ac:dyDescent="0.25">
      <c r="A7584" s="3">
        <v>41820.125520833331</v>
      </c>
      <c r="B7584" s="2">
        <v>20.399999999999999</v>
      </c>
      <c r="C7584" s="2">
        <v>169.4</v>
      </c>
      <c r="D7584" s="2">
        <v>0</v>
      </c>
      <c r="E7584" s="2">
        <v>275.79999999999291</v>
      </c>
    </row>
    <row r="7585" spans="1:5" x14ac:dyDescent="0.25">
      <c r="A7585" s="3">
        <v>41820.127488425926</v>
      </c>
      <c r="B7585" s="2">
        <v>20.399999999999999</v>
      </c>
      <c r="C7585" s="2">
        <v>169.4</v>
      </c>
      <c r="D7585" s="2">
        <v>0.2</v>
      </c>
      <c r="E7585" s="2">
        <v>275.99999999999289</v>
      </c>
    </row>
    <row r="7586" spans="1:5" x14ac:dyDescent="0.25">
      <c r="A7586" s="3">
        <v>41820.130613425928</v>
      </c>
      <c r="B7586" s="2">
        <v>20.399999999999999</v>
      </c>
      <c r="C7586" s="2">
        <v>169.6</v>
      </c>
      <c r="D7586" s="2">
        <v>0</v>
      </c>
      <c r="E7586" s="2">
        <v>275.99999999999289</v>
      </c>
    </row>
    <row r="7587" spans="1:5" x14ac:dyDescent="0.25">
      <c r="A7587" s="3">
        <v>41820.131076388891</v>
      </c>
      <c r="B7587" s="2">
        <v>20.399999999999999</v>
      </c>
      <c r="C7587" s="2">
        <v>169.6</v>
      </c>
      <c r="D7587" s="2">
        <v>0.2</v>
      </c>
      <c r="E7587" s="2">
        <v>276.19999999999288</v>
      </c>
    </row>
    <row r="7588" spans="1:5" x14ac:dyDescent="0.25">
      <c r="A7588" s="3">
        <v>41820.133564814816</v>
      </c>
      <c r="B7588" s="2">
        <v>20.3</v>
      </c>
      <c r="C7588" s="2">
        <v>169.8</v>
      </c>
      <c r="D7588" s="2">
        <v>0</v>
      </c>
      <c r="E7588" s="2">
        <v>276.19999999999288</v>
      </c>
    </row>
    <row r="7589" spans="1:5" x14ac:dyDescent="0.25">
      <c r="A7589" s="3">
        <v>41820.133622685185</v>
      </c>
      <c r="B7589" s="2">
        <v>20.399999999999999</v>
      </c>
      <c r="C7589" s="2">
        <v>169.8</v>
      </c>
      <c r="D7589" s="2">
        <v>0.2</v>
      </c>
      <c r="E7589" s="2">
        <v>276.39999999999287</v>
      </c>
    </row>
    <row r="7590" spans="1:5" x14ac:dyDescent="0.25">
      <c r="A7590" s="3">
        <v>41820.135300925926</v>
      </c>
      <c r="B7590" s="2">
        <v>20.3</v>
      </c>
      <c r="C7590" s="2">
        <v>169.8</v>
      </c>
      <c r="D7590" s="2">
        <v>0.2</v>
      </c>
      <c r="E7590" s="2">
        <v>276.59999999999286</v>
      </c>
    </row>
    <row r="7591" spans="1:5" x14ac:dyDescent="0.25">
      <c r="A7591" s="3">
        <v>41820.135821759257</v>
      </c>
      <c r="B7591" s="2">
        <v>20.3</v>
      </c>
      <c r="C7591" s="2">
        <v>170</v>
      </c>
      <c r="D7591" s="2">
        <v>0</v>
      </c>
      <c r="E7591" s="2">
        <v>276.59999999999286</v>
      </c>
    </row>
    <row r="7592" spans="1:5" x14ac:dyDescent="0.25">
      <c r="A7592" s="3">
        <v>41820.137037037035</v>
      </c>
      <c r="B7592" s="2">
        <v>20.3</v>
      </c>
      <c r="C7592" s="2">
        <v>170</v>
      </c>
      <c r="D7592" s="2">
        <v>0.2</v>
      </c>
      <c r="E7592" s="2">
        <v>276.79999999999285</v>
      </c>
    </row>
    <row r="7593" spans="1:5" x14ac:dyDescent="0.25">
      <c r="A7593" s="3">
        <v>41820.137789351851</v>
      </c>
      <c r="B7593" s="2">
        <v>20.3</v>
      </c>
      <c r="C7593" s="2">
        <v>170.2</v>
      </c>
      <c r="D7593" s="2">
        <v>0</v>
      </c>
      <c r="E7593" s="2">
        <v>276.79999999999285</v>
      </c>
    </row>
    <row r="7594" spans="1:5" x14ac:dyDescent="0.25">
      <c r="A7594" s="3">
        <v>41820.138252314813</v>
      </c>
      <c r="B7594" s="2">
        <v>20.3</v>
      </c>
      <c r="C7594" s="2">
        <v>170.2</v>
      </c>
      <c r="D7594" s="2">
        <v>0.2</v>
      </c>
      <c r="E7594" s="2">
        <v>276.99999999999284</v>
      </c>
    </row>
    <row r="7595" spans="1:5" x14ac:dyDescent="0.25">
      <c r="A7595" s="3">
        <v>41820.138773148145</v>
      </c>
      <c r="B7595" s="2">
        <v>20.3</v>
      </c>
      <c r="C7595" s="2">
        <v>170.4</v>
      </c>
      <c r="D7595" s="2">
        <v>0</v>
      </c>
      <c r="E7595" s="2">
        <v>276.99999999999284</v>
      </c>
    </row>
    <row r="7596" spans="1:5" x14ac:dyDescent="0.25">
      <c r="A7596" s="3">
        <v>41820.139525462961</v>
      </c>
      <c r="B7596" s="2">
        <v>20.3</v>
      </c>
      <c r="C7596" s="2">
        <v>170.4</v>
      </c>
      <c r="D7596" s="2">
        <v>0.2</v>
      </c>
      <c r="E7596" s="2">
        <v>277.19999999999283</v>
      </c>
    </row>
    <row r="7597" spans="1:5" x14ac:dyDescent="0.25">
      <c r="A7597" s="3">
        <v>41820.139988425923</v>
      </c>
      <c r="B7597" s="2">
        <v>20.3</v>
      </c>
      <c r="C7597" s="2">
        <v>170.6</v>
      </c>
      <c r="D7597" s="2">
        <v>0</v>
      </c>
      <c r="E7597" s="2">
        <v>277.19999999999283</v>
      </c>
    </row>
    <row r="7598" spans="1:5" x14ac:dyDescent="0.25">
      <c r="A7598" s="3">
        <v>41820.140798611108</v>
      </c>
      <c r="B7598" s="2">
        <v>20.3</v>
      </c>
      <c r="C7598" s="2">
        <v>170.6</v>
      </c>
      <c r="D7598" s="2">
        <v>0.2</v>
      </c>
      <c r="E7598" s="2">
        <v>277.39999999999281</v>
      </c>
    </row>
    <row r="7599" spans="1:5" x14ac:dyDescent="0.25">
      <c r="A7599" s="3">
        <v>41820.141724537039</v>
      </c>
      <c r="B7599" s="2">
        <v>20.2</v>
      </c>
      <c r="C7599" s="2">
        <v>170.8</v>
      </c>
      <c r="D7599" s="2">
        <v>0</v>
      </c>
      <c r="E7599" s="2">
        <v>277.39999999999281</v>
      </c>
    </row>
    <row r="7600" spans="1:5" x14ac:dyDescent="0.25">
      <c r="A7600" s="3">
        <v>41820.142245370371</v>
      </c>
      <c r="B7600" s="2">
        <v>20.2</v>
      </c>
      <c r="C7600" s="2">
        <v>170.8</v>
      </c>
      <c r="D7600" s="2">
        <v>0.2</v>
      </c>
      <c r="E7600" s="2">
        <v>277.5999999999928</v>
      </c>
    </row>
    <row r="7601" spans="1:5" x14ac:dyDescent="0.25">
      <c r="A7601" s="3">
        <v>41820.143692129626</v>
      </c>
      <c r="B7601" s="2">
        <v>20.2</v>
      </c>
      <c r="C7601" s="2">
        <v>171</v>
      </c>
      <c r="D7601" s="2">
        <v>0</v>
      </c>
      <c r="E7601" s="2">
        <v>277.5999999999928</v>
      </c>
    </row>
    <row r="7602" spans="1:5" x14ac:dyDescent="0.25">
      <c r="A7602" s="3">
        <v>41820.143750000003</v>
      </c>
      <c r="B7602" s="2">
        <v>20.2</v>
      </c>
      <c r="C7602" s="2">
        <v>171</v>
      </c>
      <c r="D7602" s="2">
        <v>0.2</v>
      </c>
      <c r="E7602" s="2">
        <v>277.79999999999279</v>
      </c>
    </row>
    <row r="7603" spans="1:5" x14ac:dyDescent="0.25">
      <c r="A7603" s="3">
        <v>41820.145254629628</v>
      </c>
      <c r="B7603" s="2">
        <v>20.2</v>
      </c>
      <c r="C7603" s="2">
        <v>171.2</v>
      </c>
      <c r="D7603" s="2">
        <v>0</v>
      </c>
      <c r="E7603" s="2">
        <v>277.79999999999279</v>
      </c>
    </row>
    <row r="7604" spans="1:5" x14ac:dyDescent="0.25">
      <c r="A7604" s="3">
        <v>41820.145891203705</v>
      </c>
      <c r="B7604" s="2">
        <v>20.2</v>
      </c>
      <c r="C7604" s="2">
        <v>171.2</v>
      </c>
      <c r="D7604" s="2">
        <v>0.2</v>
      </c>
      <c r="E7604" s="2">
        <v>277.99999999999278</v>
      </c>
    </row>
    <row r="7605" spans="1:5" x14ac:dyDescent="0.25">
      <c r="A7605" s="3">
        <v>41820.148148148146</v>
      </c>
      <c r="B7605" s="2">
        <v>20.2</v>
      </c>
      <c r="C7605" s="2">
        <v>171.2</v>
      </c>
      <c r="D7605" s="2">
        <v>0.2</v>
      </c>
      <c r="E7605" s="2">
        <v>278.19999999999277</v>
      </c>
    </row>
    <row r="7606" spans="1:5" x14ac:dyDescent="0.25">
      <c r="A7606" s="3">
        <v>41820.148206018515</v>
      </c>
      <c r="B7606" s="2">
        <v>20.2</v>
      </c>
      <c r="C7606" s="2">
        <v>171.4</v>
      </c>
      <c r="D7606" s="2">
        <v>0</v>
      </c>
      <c r="E7606" s="2">
        <v>278.19999999999277</v>
      </c>
    </row>
    <row r="7607" spans="1:5" x14ac:dyDescent="0.25">
      <c r="A7607" s="3">
        <v>41820.149421296293</v>
      </c>
      <c r="B7607" s="2">
        <v>20.2</v>
      </c>
      <c r="C7607" s="2">
        <v>171.6</v>
      </c>
      <c r="D7607" s="2">
        <v>0.2</v>
      </c>
      <c r="E7607" s="2">
        <v>278.39999999999276</v>
      </c>
    </row>
    <row r="7608" spans="1:5" x14ac:dyDescent="0.25">
      <c r="A7608" s="3">
        <v>41820.150405092594</v>
      </c>
      <c r="B7608" s="2">
        <v>20.100000000000001</v>
      </c>
      <c r="C7608" s="2">
        <v>171.6</v>
      </c>
      <c r="D7608" s="2">
        <v>0.2</v>
      </c>
      <c r="E7608" s="2">
        <v>278.59999999999275</v>
      </c>
    </row>
    <row r="7609" spans="1:5" x14ac:dyDescent="0.25">
      <c r="A7609" s="3">
        <v>41820.150520833333</v>
      </c>
      <c r="B7609" s="2">
        <v>20.100000000000001</v>
      </c>
      <c r="C7609" s="2">
        <v>171.8</v>
      </c>
      <c r="D7609" s="2">
        <v>0</v>
      </c>
      <c r="E7609" s="2">
        <v>278.59999999999275</v>
      </c>
    </row>
    <row r="7610" spans="1:5" x14ac:dyDescent="0.25">
      <c r="A7610" s="3">
        <v>41820.151331018518</v>
      </c>
      <c r="B7610" s="2">
        <v>20.100000000000001</v>
      </c>
      <c r="C7610" s="2">
        <v>171.8</v>
      </c>
      <c r="D7610" s="2">
        <v>0.2</v>
      </c>
      <c r="E7610" s="2">
        <v>278.79999999999274</v>
      </c>
    </row>
    <row r="7611" spans="1:5" x14ac:dyDescent="0.25">
      <c r="A7611" s="3">
        <v>41820.151620370372</v>
      </c>
      <c r="B7611" s="2">
        <v>20.100000000000001</v>
      </c>
      <c r="C7611" s="2">
        <v>172</v>
      </c>
      <c r="D7611" s="2">
        <v>0</v>
      </c>
      <c r="E7611" s="2">
        <v>278.79999999999274</v>
      </c>
    </row>
    <row r="7612" spans="1:5" x14ac:dyDescent="0.25">
      <c r="A7612" s="3">
        <v>41820.152372685188</v>
      </c>
      <c r="B7612" s="2">
        <v>20.100000000000001</v>
      </c>
      <c r="C7612" s="2">
        <v>172</v>
      </c>
      <c r="D7612" s="2">
        <v>0.2</v>
      </c>
      <c r="E7612" s="2">
        <v>278.99999999999272</v>
      </c>
    </row>
    <row r="7613" spans="1:5" x14ac:dyDescent="0.25">
      <c r="A7613" s="3">
        <v>41820.152719907404</v>
      </c>
      <c r="B7613" s="2">
        <v>20.100000000000001</v>
      </c>
      <c r="C7613" s="2">
        <v>172.2</v>
      </c>
      <c r="D7613" s="2">
        <v>0</v>
      </c>
      <c r="E7613" s="2">
        <v>278.99999999999272</v>
      </c>
    </row>
    <row r="7614" spans="1:5" x14ac:dyDescent="0.25">
      <c r="A7614" s="3">
        <v>41820.153356481482</v>
      </c>
      <c r="B7614" s="2">
        <v>20.100000000000001</v>
      </c>
      <c r="C7614" s="2">
        <v>172.2</v>
      </c>
      <c r="D7614" s="2">
        <v>0.2</v>
      </c>
      <c r="E7614" s="2">
        <v>279.19999999999271</v>
      </c>
    </row>
    <row r="7615" spans="1:5" x14ac:dyDescent="0.25">
      <c r="A7615" s="3">
        <v>41820.153819444444</v>
      </c>
      <c r="B7615" s="2">
        <v>20.100000000000001</v>
      </c>
      <c r="C7615" s="2">
        <v>172.4</v>
      </c>
      <c r="D7615" s="2">
        <v>0</v>
      </c>
      <c r="E7615" s="2">
        <v>279.19999999999271</v>
      </c>
    </row>
    <row r="7616" spans="1:5" x14ac:dyDescent="0.25">
      <c r="A7616" s="3">
        <v>41820.154398148145</v>
      </c>
      <c r="B7616" s="2">
        <v>20.100000000000001</v>
      </c>
      <c r="C7616" s="2">
        <v>172.4</v>
      </c>
      <c r="D7616" s="2">
        <v>0.2</v>
      </c>
      <c r="E7616" s="2">
        <v>279.3999999999927</v>
      </c>
    </row>
    <row r="7617" spans="1:5" x14ac:dyDescent="0.25">
      <c r="A7617" s="3">
        <v>41820.155092592591</v>
      </c>
      <c r="B7617" s="2">
        <v>20.100000000000001</v>
      </c>
      <c r="C7617" s="2">
        <v>172.6</v>
      </c>
      <c r="D7617" s="2">
        <v>0</v>
      </c>
      <c r="E7617" s="2">
        <v>279.3999999999927</v>
      </c>
    </row>
    <row r="7618" spans="1:5" x14ac:dyDescent="0.25">
      <c r="A7618" s="3">
        <v>41820.155613425923</v>
      </c>
      <c r="B7618" s="2">
        <v>20.100000000000001</v>
      </c>
      <c r="C7618" s="2">
        <v>172.6</v>
      </c>
      <c r="D7618" s="2">
        <v>0.2</v>
      </c>
      <c r="E7618" s="2">
        <v>279.59999999999269</v>
      </c>
    </row>
    <row r="7619" spans="1:5" x14ac:dyDescent="0.25">
      <c r="A7619" s="3">
        <v>41820.156365740739</v>
      </c>
      <c r="B7619" s="2">
        <v>20.100000000000001</v>
      </c>
      <c r="C7619" s="2">
        <v>172.8</v>
      </c>
      <c r="D7619" s="2">
        <v>0</v>
      </c>
      <c r="E7619" s="2">
        <v>279.59999999999269</v>
      </c>
    </row>
    <row r="7620" spans="1:5" x14ac:dyDescent="0.25">
      <c r="A7620" s="3">
        <v>41820.156770833331</v>
      </c>
      <c r="B7620" s="2">
        <v>20.100000000000001</v>
      </c>
      <c r="C7620" s="2">
        <v>172.8</v>
      </c>
      <c r="D7620" s="2">
        <v>0.2</v>
      </c>
      <c r="E7620" s="2">
        <v>279.79999999999268</v>
      </c>
    </row>
    <row r="7621" spans="1:5" x14ac:dyDescent="0.25">
      <c r="A7621" s="3">
        <v>41820.157986111109</v>
      </c>
      <c r="B7621" s="2">
        <v>20</v>
      </c>
      <c r="C7621" s="2">
        <v>173</v>
      </c>
      <c r="D7621" s="2">
        <v>0</v>
      </c>
      <c r="E7621" s="2">
        <v>279.79999999999268</v>
      </c>
    </row>
    <row r="7622" spans="1:5" x14ac:dyDescent="0.25">
      <c r="A7622" s="3">
        <v>41820.158159722225</v>
      </c>
      <c r="B7622" s="2">
        <v>20</v>
      </c>
      <c r="C7622" s="2">
        <v>173</v>
      </c>
      <c r="D7622" s="2">
        <v>0.2</v>
      </c>
      <c r="E7622" s="2">
        <v>279.99999999999267</v>
      </c>
    </row>
    <row r="7623" spans="1:5" x14ac:dyDescent="0.25">
      <c r="A7623" s="3">
        <v>41820.159317129626</v>
      </c>
      <c r="B7623" s="2">
        <v>20</v>
      </c>
      <c r="C7623" s="2">
        <v>173.2</v>
      </c>
      <c r="D7623" s="2">
        <v>0.2</v>
      </c>
      <c r="E7623" s="2">
        <v>280.19999999999266</v>
      </c>
    </row>
    <row r="7624" spans="1:5" x14ac:dyDescent="0.25">
      <c r="A7624" s="3">
        <v>41820.160532407404</v>
      </c>
      <c r="B7624" s="2">
        <v>20</v>
      </c>
      <c r="C7624" s="2">
        <v>173.4</v>
      </c>
      <c r="D7624" s="2">
        <v>0.2</v>
      </c>
      <c r="E7624" s="2">
        <v>280.39999999999264</v>
      </c>
    </row>
    <row r="7625" spans="1:5" x14ac:dyDescent="0.25">
      <c r="A7625" s="3">
        <v>41820.161689814813</v>
      </c>
      <c r="B7625" s="2">
        <v>19.899999999999999</v>
      </c>
      <c r="C7625" s="2">
        <v>173.4</v>
      </c>
      <c r="D7625" s="2">
        <v>0.2</v>
      </c>
      <c r="E7625" s="2">
        <v>280.59999999999263</v>
      </c>
    </row>
    <row r="7626" spans="1:5" x14ac:dyDescent="0.25">
      <c r="A7626" s="3">
        <v>41820.161921296298</v>
      </c>
      <c r="B7626" s="2">
        <v>19.899999999999999</v>
      </c>
      <c r="C7626" s="2">
        <v>173.6</v>
      </c>
      <c r="D7626" s="2">
        <v>0</v>
      </c>
      <c r="E7626" s="2">
        <v>280.59999999999263</v>
      </c>
    </row>
    <row r="7627" spans="1:5" x14ac:dyDescent="0.25">
      <c r="A7627" s="3">
        <v>41820.163078703707</v>
      </c>
      <c r="B7627" s="2">
        <v>19.899999999999999</v>
      </c>
      <c r="C7627" s="2">
        <v>173.6</v>
      </c>
      <c r="D7627" s="2">
        <v>0.2</v>
      </c>
      <c r="E7627" s="2">
        <v>280.79999999999262</v>
      </c>
    </row>
    <row r="7628" spans="1:5" x14ac:dyDescent="0.25">
      <c r="A7628" s="3">
        <v>41820.163599537038</v>
      </c>
      <c r="B7628" s="2">
        <v>19.899999999999999</v>
      </c>
      <c r="C7628" s="2">
        <v>173.8</v>
      </c>
      <c r="D7628" s="2">
        <v>0</v>
      </c>
      <c r="E7628" s="2">
        <v>280.79999999999262</v>
      </c>
    </row>
    <row r="7629" spans="1:5" x14ac:dyDescent="0.25">
      <c r="A7629" s="3">
        <v>41820.164004629631</v>
      </c>
      <c r="B7629" s="2">
        <v>19.899999999999999</v>
      </c>
      <c r="C7629" s="2">
        <v>173.8</v>
      </c>
      <c r="D7629" s="2">
        <v>0.2</v>
      </c>
      <c r="E7629" s="2">
        <v>280.99999999999261</v>
      </c>
    </row>
    <row r="7630" spans="1:5" x14ac:dyDescent="0.25">
      <c r="A7630" s="3">
        <v>41820.164756944447</v>
      </c>
      <c r="B7630" s="2">
        <v>19.899999999999999</v>
      </c>
      <c r="C7630" s="2">
        <v>174</v>
      </c>
      <c r="D7630" s="2">
        <v>0</v>
      </c>
      <c r="E7630" s="2">
        <v>280.99999999999261</v>
      </c>
    </row>
    <row r="7631" spans="1:5" x14ac:dyDescent="0.25">
      <c r="A7631" s="3">
        <v>41820.164988425924</v>
      </c>
      <c r="B7631" s="2">
        <v>19.899999999999999</v>
      </c>
      <c r="C7631" s="2">
        <v>174</v>
      </c>
      <c r="D7631" s="2">
        <v>0.2</v>
      </c>
      <c r="E7631" s="2">
        <v>281.1999999999926</v>
      </c>
    </row>
    <row r="7632" spans="1:5" x14ac:dyDescent="0.25">
      <c r="A7632" s="3">
        <v>41820.166319444441</v>
      </c>
      <c r="B7632" s="2">
        <v>19.899999999999999</v>
      </c>
      <c r="C7632" s="2">
        <v>174.2</v>
      </c>
      <c r="D7632" s="2">
        <v>0</v>
      </c>
      <c r="E7632" s="2">
        <v>281.1999999999926</v>
      </c>
    </row>
    <row r="7633" spans="1:5" x14ac:dyDescent="0.25">
      <c r="A7633" s="3">
        <v>41820.166608796295</v>
      </c>
      <c r="B7633" s="2">
        <v>19.899999999999999</v>
      </c>
      <c r="C7633" s="2">
        <v>174.2</v>
      </c>
      <c r="D7633" s="2">
        <v>0.2</v>
      </c>
      <c r="E7633" s="2">
        <v>281.39999999999259</v>
      </c>
    </row>
    <row r="7634" spans="1:5" x14ac:dyDescent="0.25">
      <c r="A7634" s="3">
        <v>41820.168229166666</v>
      </c>
      <c r="B7634" s="2">
        <v>19.899999999999999</v>
      </c>
      <c r="C7634" s="2">
        <v>174.2</v>
      </c>
      <c r="D7634" s="2">
        <v>0.2</v>
      </c>
      <c r="E7634" s="2">
        <v>281.59999999999258</v>
      </c>
    </row>
    <row r="7635" spans="1:5" x14ac:dyDescent="0.25">
      <c r="A7635" s="3">
        <v>41820.168576388889</v>
      </c>
      <c r="B7635" s="2">
        <v>19.899999999999999</v>
      </c>
      <c r="C7635" s="2">
        <v>174.4</v>
      </c>
      <c r="D7635" s="2">
        <v>0</v>
      </c>
      <c r="E7635" s="2">
        <v>281.59999999999258</v>
      </c>
    </row>
    <row r="7636" spans="1:5" x14ac:dyDescent="0.25">
      <c r="A7636" s="3">
        <v>41820.169270833336</v>
      </c>
      <c r="B7636" s="2">
        <v>19.899999999999999</v>
      </c>
      <c r="C7636" s="2">
        <v>174.4</v>
      </c>
      <c r="D7636" s="2">
        <v>0.2</v>
      </c>
      <c r="E7636" s="2">
        <v>281.79999999999256</v>
      </c>
    </row>
    <row r="7637" spans="1:5" x14ac:dyDescent="0.25">
      <c r="A7637" s="3">
        <v>41820.169965277775</v>
      </c>
      <c r="B7637" s="2">
        <v>19.899999999999999</v>
      </c>
      <c r="C7637" s="2">
        <v>174.6</v>
      </c>
      <c r="D7637" s="2">
        <v>0</v>
      </c>
      <c r="E7637" s="2">
        <v>281.79999999999256</v>
      </c>
    </row>
    <row r="7638" spans="1:5" x14ac:dyDescent="0.25">
      <c r="A7638" s="3">
        <v>41820.170254629629</v>
      </c>
      <c r="B7638" s="2">
        <v>19.899999999999999</v>
      </c>
      <c r="C7638" s="2">
        <v>174.6</v>
      </c>
      <c r="D7638" s="2">
        <v>0.2</v>
      </c>
      <c r="E7638" s="2">
        <v>281.99999999999255</v>
      </c>
    </row>
    <row r="7639" spans="1:5" x14ac:dyDescent="0.25">
      <c r="A7639" s="3">
        <v>41820.171296296299</v>
      </c>
      <c r="B7639" s="2">
        <v>19.8</v>
      </c>
      <c r="C7639" s="2">
        <v>174.6</v>
      </c>
      <c r="D7639" s="2">
        <v>0.2</v>
      </c>
      <c r="E7639" s="2">
        <v>282.19999999999254</v>
      </c>
    </row>
    <row r="7640" spans="1:5" x14ac:dyDescent="0.25">
      <c r="A7640" s="3">
        <v>41820.171354166669</v>
      </c>
      <c r="B7640" s="2">
        <v>19.8</v>
      </c>
      <c r="C7640" s="2">
        <v>174.8</v>
      </c>
      <c r="D7640" s="2">
        <v>0</v>
      </c>
      <c r="E7640" s="2">
        <v>282.19999999999254</v>
      </c>
    </row>
    <row r="7641" spans="1:5" x14ac:dyDescent="0.25">
      <c r="A7641" s="3">
        <v>41820.172569444447</v>
      </c>
      <c r="B7641" s="2">
        <v>19.8</v>
      </c>
      <c r="C7641" s="2">
        <v>174.8</v>
      </c>
      <c r="D7641" s="2">
        <v>0.2</v>
      </c>
      <c r="E7641" s="2">
        <v>282.39999999999253</v>
      </c>
    </row>
    <row r="7642" spans="1:5" x14ac:dyDescent="0.25">
      <c r="A7642" s="3">
        <v>41820.172858796293</v>
      </c>
      <c r="B7642" s="2">
        <v>19.8</v>
      </c>
      <c r="C7642" s="2">
        <v>175</v>
      </c>
      <c r="D7642" s="2">
        <v>0</v>
      </c>
      <c r="E7642" s="2">
        <v>282.39999999999253</v>
      </c>
    </row>
    <row r="7643" spans="1:5" x14ac:dyDescent="0.25">
      <c r="A7643" s="3">
        <v>41820.174421296295</v>
      </c>
      <c r="B7643" s="2">
        <v>19.8</v>
      </c>
      <c r="C7643" s="2">
        <v>175</v>
      </c>
      <c r="D7643" s="2">
        <v>0.2</v>
      </c>
      <c r="E7643" s="2">
        <v>282.59999999999252</v>
      </c>
    </row>
    <row r="7644" spans="1:5" x14ac:dyDescent="0.25">
      <c r="A7644" s="3">
        <v>41820.175057870372</v>
      </c>
      <c r="B7644" s="2">
        <v>19.8</v>
      </c>
      <c r="C7644" s="2">
        <v>175.2</v>
      </c>
      <c r="D7644" s="2">
        <v>0</v>
      </c>
      <c r="E7644" s="2">
        <v>282.59999999999252</v>
      </c>
    </row>
    <row r="7645" spans="1:5" x14ac:dyDescent="0.25">
      <c r="A7645" s="3">
        <v>41820.175578703704</v>
      </c>
      <c r="B7645" s="2">
        <v>19.8</v>
      </c>
      <c r="C7645" s="2">
        <v>175.2</v>
      </c>
      <c r="D7645" s="2">
        <v>0.2</v>
      </c>
      <c r="E7645" s="2">
        <v>282.79999999999251</v>
      </c>
    </row>
    <row r="7646" spans="1:5" x14ac:dyDescent="0.25">
      <c r="A7646" s="3">
        <v>41820.176099537035</v>
      </c>
      <c r="B7646" s="2">
        <v>19.8</v>
      </c>
      <c r="C7646" s="2">
        <v>175.4</v>
      </c>
      <c r="D7646" s="2">
        <v>0</v>
      </c>
      <c r="E7646" s="2">
        <v>282.79999999999251</v>
      </c>
    </row>
    <row r="7647" spans="1:5" x14ac:dyDescent="0.25">
      <c r="A7647" s="3">
        <v>41820.17627314815</v>
      </c>
      <c r="B7647" s="2">
        <v>19.8</v>
      </c>
      <c r="C7647" s="2">
        <v>175.4</v>
      </c>
      <c r="D7647" s="2">
        <v>0.2</v>
      </c>
      <c r="E7647" s="2">
        <v>282.9999999999925</v>
      </c>
    </row>
    <row r="7648" spans="1:5" x14ac:dyDescent="0.25">
      <c r="A7648" s="3">
        <v>41820.177025462966</v>
      </c>
      <c r="B7648" s="2">
        <v>19.8</v>
      </c>
      <c r="C7648" s="2">
        <v>175.6</v>
      </c>
      <c r="D7648" s="2">
        <v>0.2</v>
      </c>
      <c r="E7648" s="2">
        <v>283.19999999999249</v>
      </c>
    </row>
    <row r="7649" spans="1:5" x14ac:dyDescent="0.25">
      <c r="A7649" s="3">
        <v>41820.177719907406</v>
      </c>
      <c r="B7649" s="2">
        <v>19.8</v>
      </c>
      <c r="C7649" s="2">
        <v>175.6</v>
      </c>
      <c r="D7649" s="2">
        <v>0.2</v>
      </c>
      <c r="E7649" s="2">
        <v>283.39999999999247</v>
      </c>
    </row>
    <row r="7650" spans="1:5" x14ac:dyDescent="0.25">
      <c r="A7650" s="3">
        <v>41820.177893518521</v>
      </c>
      <c r="B7650" s="2">
        <v>19.8</v>
      </c>
      <c r="C7650" s="2">
        <v>175.8</v>
      </c>
      <c r="D7650" s="2">
        <v>0</v>
      </c>
      <c r="E7650" s="2">
        <v>283.39999999999247</v>
      </c>
    </row>
    <row r="7651" spans="1:5" x14ac:dyDescent="0.25">
      <c r="A7651" s="3">
        <v>41820.178414351853</v>
      </c>
      <c r="B7651" s="2">
        <v>19.7</v>
      </c>
      <c r="C7651" s="2">
        <v>175.8</v>
      </c>
      <c r="D7651" s="2">
        <v>0.2</v>
      </c>
      <c r="E7651" s="2">
        <v>283.59999999999246</v>
      </c>
    </row>
    <row r="7652" spans="1:5" x14ac:dyDescent="0.25">
      <c r="A7652" s="3">
        <v>41820.178703703707</v>
      </c>
      <c r="B7652" s="2">
        <v>19.7</v>
      </c>
      <c r="C7652" s="2">
        <v>176</v>
      </c>
      <c r="D7652" s="2">
        <v>0</v>
      </c>
      <c r="E7652" s="2">
        <v>283.59999999999246</v>
      </c>
    </row>
    <row r="7653" spans="1:5" x14ac:dyDescent="0.25">
      <c r="A7653" s="3">
        <v>41820.179050925923</v>
      </c>
      <c r="B7653" s="2">
        <v>19.7</v>
      </c>
      <c r="C7653" s="2">
        <v>176</v>
      </c>
      <c r="D7653" s="2">
        <v>0.2</v>
      </c>
      <c r="E7653" s="2">
        <v>283.79999999999245</v>
      </c>
    </row>
    <row r="7654" spans="1:5" x14ac:dyDescent="0.25">
      <c r="A7654" s="3">
        <v>41820.179456018515</v>
      </c>
      <c r="B7654" s="2">
        <v>19.7</v>
      </c>
      <c r="C7654" s="2">
        <v>176.2</v>
      </c>
      <c r="D7654" s="2">
        <v>0</v>
      </c>
      <c r="E7654" s="2">
        <v>283.79999999999245</v>
      </c>
    </row>
    <row r="7655" spans="1:5" x14ac:dyDescent="0.25">
      <c r="A7655" s="3">
        <v>41820.179861111108</v>
      </c>
      <c r="B7655" s="2">
        <v>19.7</v>
      </c>
      <c r="C7655" s="2">
        <v>176.2</v>
      </c>
      <c r="D7655" s="2">
        <v>0.2</v>
      </c>
      <c r="E7655" s="2">
        <v>283.99999999999244</v>
      </c>
    </row>
    <row r="7656" spans="1:5" x14ac:dyDescent="0.25">
      <c r="A7656" s="3">
        <v>41820.180266203701</v>
      </c>
      <c r="B7656" s="2">
        <v>19.7</v>
      </c>
      <c r="C7656" s="2">
        <v>176.4</v>
      </c>
      <c r="D7656" s="2">
        <v>0</v>
      </c>
      <c r="E7656" s="2">
        <v>283.99999999999244</v>
      </c>
    </row>
    <row r="7657" spans="1:5" x14ac:dyDescent="0.25">
      <c r="A7657" s="3">
        <v>41820.18072916667</v>
      </c>
      <c r="B7657" s="2">
        <v>19.7</v>
      </c>
      <c r="C7657" s="2">
        <v>176.4</v>
      </c>
      <c r="D7657" s="2">
        <v>0.2</v>
      </c>
      <c r="E7657" s="2">
        <v>284.19999999999243</v>
      </c>
    </row>
    <row r="7658" spans="1:5" x14ac:dyDescent="0.25">
      <c r="A7658" s="3">
        <v>41820.181250000001</v>
      </c>
      <c r="B7658" s="2">
        <v>19.7</v>
      </c>
      <c r="C7658" s="2">
        <v>176.6</v>
      </c>
      <c r="D7658" s="2">
        <v>0</v>
      </c>
      <c r="E7658" s="2">
        <v>284.19999999999243</v>
      </c>
    </row>
    <row r="7659" spans="1:5" x14ac:dyDescent="0.25">
      <c r="A7659" s="3">
        <v>41820.181886574072</v>
      </c>
      <c r="B7659" s="2">
        <v>19.600000000000001</v>
      </c>
      <c r="C7659" s="2">
        <v>176.6</v>
      </c>
      <c r="D7659" s="2">
        <v>0.2</v>
      </c>
      <c r="E7659" s="2">
        <v>284.39999999999242</v>
      </c>
    </row>
    <row r="7660" spans="1:5" x14ac:dyDescent="0.25">
      <c r="A7660" s="3">
        <v>41820.18310185185</v>
      </c>
      <c r="B7660" s="2">
        <v>19.600000000000001</v>
      </c>
      <c r="C7660" s="2">
        <v>176.8</v>
      </c>
      <c r="D7660" s="2">
        <v>0.2</v>
      </c>
      <c r="E7660" s="2">
        <v>284.59999999999241</v>
      </c>
    </row>
    <row r="7661" spans="1:5" x14ac:dyDescent="0.25">
      <c r="A7661" s="3">
        <v>41820.18414351852</v>
      </c>
      <c r="B7661" s="2">
        <v>19.600000000000001</v>
      </c>
      <c r="C7661" s="2">
        <v>176.8</v>
      </c>
      <c r="D7661" s="2">
        <v>0.2</v>
      </c>
      <c r="E7661" s="2">
        <v>284.79999999999239</v>
      </c>
    </row>
    <row r="7662" spans="1:5" x14ac:dyDescent="0.25">
      <c r="A7662" s="3">
        <v>41820.184317129628</v>
      </c>
      <c r="B7662" s="2">
        <v>19.5</v>
      </c>
      <c r="C7662" s="2">
        <v>177</v>
      </c>
      <c r="D7662" s="2">
        <v>0</v>
      </c>
      <c r="E7662" s="2">
        <v>284.79999999999239</v>
      </c>
    </row>
    <row r="7663" spans="1:5" x14ac:dyDescent="0.25">
      <c r="A7663" s="3">
        <v>41820.18472222222</v>
      </c>
      <c r="B7663" s="2">
        <v>19.5</v>
      </c>
      <c r="C7663" s="2">
        <v>177.2</v>
      </c>
      <c r="D7663" s="2">
        <v>0.2</v>
      </c>
      <c r="E7663" s="2">
        <v>284.99999999999238</v>
      </c>
    </row>
    <row r="7664" spans="1:5" x14ac:dyDescent="0.25">
      <c r="A7664" s="3">
        <v>41820.185243055559</v>
      </c>
      <c r="B7664" s="2">
        <v>19.5</v>
      </c>
      <c r="C7664" s="2">
        <v>177.2</v>
      </c>
      <c r="D7664" s="2">
        <v>0</v>
      </c>
      <c r="E7664" s="2">
        <v>284.99999999999238</v>
      </c>
    </row>
    <row r="7665" spans="1:5" x14ac:dyDescent="0.25">
      <c r="A7665" s="3">
        <v>41820.185474537036</v>
      </c>
      <c r="B7665" s="2">
        <v>19.5</v>
      </c>
      <c r="C7665" s="2">
        <v>177.4</v>
      </c>
      <c r="D7665" s="2">
        <v>0.2</v>
      </c>
      <c r="E7665" s="2">
        <v>285.19999999999237</v>
      </c>
    </row>
    <row r="7666" spans="1:5" x14ac:dyDescent="0.25">
      <c r="A7666" s="3">
        <v>41820.186053240737</v>
      </c>
      <c r="B7666" s="2">
        <v>19.5</v>
      </c>
      <c r="C7666" s="2">
        <v>177.6</v>
      </c>
      <c r="D7666" s="2">
        <v>0.2</v>
      </c>
      <c r="E7666" s="2">
        <v>285.39999999999236</v>
      </c>
    </row>
    <row r="7667" spans="1:5" x14ac:dyDescent="0.25">
      <c r="A7667" s="3">
        <v>41820.186111111114</v>
      </c>
      <c r="B7667" s="2">
        <v>19.5</v>
      </c>
      <c r="C7667" s="2">
        <v>177.6</v>
      </c>
      <c r="D7667" s="2">
        <v>0</v>
      </c>
      <c r="E7667" s="2">
        <v>285.39999999999236</v>
      </c>
    </row>
    <row r="7668" spans="1:5" x14ac:dyDescent="0.25">
      <c r="A7668" s="3">
        <v>41820.187094907407</v>
      </c>
      <c r="B7668" s="2">
        <v>19.5</v>
      </c>
      <c r="C7668" s="2">
        <v>177.8</v>
      </c>
      <c r="D7668" s="2">
        <v>0.2</v>
      </c>
      <c r="E7668" s="2">
        <v>285.59999999999235</v>
      </c>
    </row>
    <row r="7669" spans="1:5" x14ac:dyDescent="0.25">
      <c r="A7669" s="3">
        <v>41820.187152777777</v>
      </c>
      <c r="B7669" s="2">
        <v>19.5</v>
      </c>
      <c r="C7669" s="2">
        <v>177.8</v>
      </c>
      <c r="D7669" s="2">
        <v>0</v>
      </c>
      <c r="E7669" s="2">
        <v>285.59999999999235</v>
      </c>
    </row>
    <row r="7670" spans="1:5" x14ac:dyDescent="0.25">
      <c r="A7670" s="3">
        <v>41820.188368055555</v>
      </c>
      <c r="B7670" s="2">
        <v>19.399999999999999</v>
      </c>
      <c r="C7670" s="2">
        <v>178</v>
      </c>
      <c r="D7670" s="2">
        <v>0.2</v>
      </c>
      <c r="E7670" s="2">
        <v>285.79999999999234</v>
      </c>
    </row>
    <row r="7671" spans="1:5" x14ac:dyDescent="0.25">
      <c r="A7671" s="3">
        <v>41820.190104166664</v>
      </c>
      <c r="B7671" s="2">
        <v>19.399999999999999</v>
      </c>
      <c r="C7671" s="2">
        <v>178.2</v>
      </c>
      <c r="D7671" s="2">
        <v>0.2</v>
      </c>
      <c r="E7671" s="2">
        <v>285.99999999999233</v>
      </c>
    </row>
    <row r="7672" spans="1:5" x14ac:dyDescent="0.25">
      <c r="A7672" s="3">
        <v>41820.191377314812</v>
      </c>
      <c r="B7672" s="2">
        <v>19.3</v>
      </c>
      <c r="C7672" s="2">
        <v>178.4</v>
      </c>
      <c r="D7672" s="2">
        <v>0.2</v>
      </c>
      <c r="E7672" s="2">
        <v>286.19999999999231</v>
      </c>
    </row>
    <row r="7673" spans="1:5" x14ac:dyDescent="0.25">
      <c r="A7673" s="3">
        <v>41820.192650462966</v>
      </c>
      <c r="B7673" s="2">
        <v>19.3</v>
      </c>
      <c r="C7673" s="2">
        <v>178.4</v>
      </c>
      <c r="D7673" s="2">
        <v>0</v>
      </c>
      <c r="E7673" s="2">
        <v>286.19999999999231</v>
      </c>
    </row>
    <row r="7674" spans="1:5" x14ac:dyDescent="0.25">
      <c r="A7674" s="3">
        <v>41820.193344907406</v>
      </c>
      <c r="B7674" s="2">
        <v>19.3</v>
      </c>
      <c r="C7674" s="2">
        <v>178.6</v>
      </c>
      <c r="D7674" s="2">
        <v>0.2</v>
      </c>
      <c r="E7674" s="2">
        <v>286.3999999999923</v>
      </c>
    </row>
    <row r="7675" spans="1:5" x14ac:dyDescent="0.25">
      <c r="A7675" s="3">
        <v>41820.194444444445</v>
      </c>
      <c r="B7675" s="2">
        <v>19.3</v>
      </c>
      <c r="C7675" s="2">
        <v>178.6</v>
      </c>
      <c r="D7675" s="2">
        <v>0</v>
      </c>
      <c r="E7675" s="2">
        <v>286.3999999999923</v>
      </c>
    </row>
    <row r="7676" spans="1:5" x14ac:dyDescent="0.25">
      <c r="A7676" s="3">
        <v>41820.195543981485</v>
      </c>
      <c r="B7676" s="2">
        <v>19.2</v>
      </c>
      <c r="C7676" s="2">
        <v>178.8</v>
      </c>
      <c r="D7676" s="2">
        <v>0.2</v>
      </c>
      <c r="E7676" s="2">
        <v>286.59999999999229</v>
      </c>
    </row>
    <row r="7677" spans="1:5" x14ac:dyDescent="0.25">
      <c r="A7677" s="3">
        <v>41820.197800925926</v>
      </c>
      <c r="B7677" s="2">
        <v>19.2</v>
      </c>
      <c r="C7677" s="2">
        <v>179</v>
      </c>
      <c r="D7677" s="2">
        <v>0.2</v>
      </c>
      <c r="E7677" s="2">
        <v>286.79999999999228</v>
      </c>
    </row>
    <row r="7678" spans="1:5" x14ac:dyDescent="0.25">
      <c r="A7678" s="3">
        <v>41820.199363425927</v>
      </c>
      <c r="B7678" s="2">
        <v>19.100000000000001</v>
      </c>
      <c r="C7678" s="2">
        <v>179</v>
      </c>
      <c r="D7678" s="2">
        <v>0</v>
      </c>
      <c r="E7678" s="2">
        <v>286.79999999999228</v>
      </c>
    </row>
    <row r="7679" spans="1:5" x14ac:dyDescent="0.25">
      <c r="A7679" s="3">
        <v>41820.199884259258</v>
      </c>
      <c r="B7679" s="2">
        <v>19.100000000000001</v>
      </c>
      <c r="C7679" s="2">
        <v>179.2</v>
      </c>
      <c r="D7679" s="2">
        <v>0.2</v>
      </c>
      <c r="E7679" s="2">
        <v>286.99999999999227</v>
      </c>
    </row>
    <row r="7680" spans="1:5" x14ac:dyDescent="0.25">
      <c r="A7680" s="3">
        <v>41820.201388888891</v>
      </c>
      <c r="B7680" s="2">
        <v>19.100000000000001</v>
      </c>
      <c r="C7680" s="2">
        <v>179.4</v>
      </c>
      <c r="D7680" s="2">
        <v>0.2</v>
      </c>
      <c r="E7680" s="2">
        <v>287.19999999999226</v>
      </c>
    </row>
    <row r="7681" spans="1:5" x14ac:dyDescent="0.25">
      <c r="A7681" s="3">
        <v>41820.202141203707</v>
      </c>
      <c r="B7681" s="2">
        <v>19</v>
      </c>
      <c r="C7681" s="2">
        <v>179.4</v>
      </c>
      <c r="D7681" s="2">
        <v>0</v>
      </c>
      <c r="E7681" s="2">
        <v>287.19999999999226</v>
      </c>
    </row>
    <row r="7682" spans="1:5" x14ac:dyDescent="0.25">
      <c r="A7682" s="3">
        <v>41820.203182870369</v>
      </c>
      <c r="B7682" s="2">
        <v>18.899999999999999</v>
      </c>
      <c r="C7682" s="2">
        <v>179.6</v>
      </c>
      <c r="D7682" s="2">
        <v>0.2</v>
      </c>
      <c r="E7682" s="2">
        <v>287.39999999999225</v>
      </c>
    </row>
    <row r="7683" spans="1:5" x14ac:dyDescent="0.25">
      <c r="A7683" s="3">
        <v>41820.20480324074</v>
      </c>
      <c r="B7683" s="2">
        <v>18.899999999999999</v>
      </c>
      <c r="C7683" s="2">
        <v>179.8</v>
      </c>
      <c r="D7683" s="2">
        <v>0.2</v>
      </c>
      <c r="E7683" s="2">
        <v>287.59999999999224</v>
      </c>
    </row>
    <row r="7684" spans="1:5" x14ac:dyDescent="0.25">
      <c r="A7684" s="3">
        <v>41820.205324074072</v>
      </c>
      <c r="B7684" s="2">
        <v>18.899999999999999</v>
      </c>
      <c r="C7684" s="2">
        <v>179.8</v>
      </c>
      <c r="D7684" s="2">
        <v>0</v>
      </c>
      <c r="E7684" s="2">
        <v>287.59999999999224</v>
      </c>
    </row>
    <row r="7685" spans="1:5" x14ac:dyDescent="0.25">
      <c r="A7685" s="3">
        <v>41820.206365740742</v>
      </c>
      <c r="B7685" s="2">
        <v>18.899999999999999</v>
      </c>
      <c r="C7685" s="2">
        <v>180</v>
      </c>
      <c r="D7685" s="2">
        <v>0.2</v>
      </c>
      <c r="E7685" s="2">
        <v>287.79999999999222</v>
      </c>
    </row>
    <row r="7686" spans="1:5" x14ac:dyDescent="0.25">
      <c r="A7686" s="3">
        <v>41820.207986111112</v>
      </c>
      <c r="B7686" s="2">
        <v>18.8</v>
      </c>
      <c r="C7686" s="2">
        <v>180</v>
      </c>
      <c r="D7686" s="2">
        <v>0</v>
      </c>
      <c r="E7686" s="2">
        <v>287.79999999999222</v>
      </c>
    </row>
    <row r="7687" spans="1:5" x14ac:dyDescent="0.25">
      <c r="A7687" s="3">
        <v>41820.20821759259</v>
      </c>
      <c r="B7687" s="2">
        <v>18.8</v>
      </c>
      <c r="C7687" s="2">
        <v>180.2</v>
      </c>
      <c r="D7687" s="2">
        <v>0.2</v>
      </c>
      <c r="E7687" s="2">
        <v>287.99999999999221</v>
      </c>
    </row>
    <row r="7688" spans="1:5" x14ac:dyDescent="0.25">
      <c r="A7688" s="3">
        <v>41820.209837962961</v>
      </c>
      <c r="B7688" s="2">
        <v>18.8</v>
      </c>
      <c r="C7688" s="2">
        <v>180.4</v>
      </c>
      <c r="D7688" s="2">
        <v>0.2</v>
      </c>
      <c r="E7688" s="2">
        <v>288.1999999999922</v>
      </c>
    </row>
    <row r="7689" spans="1:5" x14ac:dyDescent="0.25">
      <c r="A7689" s="3">
        <v>41820.211747685185</v>
      </c>
      <c r="B7689" s="2">
        <v>18.7</v>
      </c>
      <c r="C7689" s="2">
        <v>180.6</v>
      </c>
      <c r="D7689" s="2">
        <v>0.2</v>
      </c>
      <c r="E7689" s="2">
        <v>288.39999999999219</v>
      </c>
    </row>
    <row r="7690" spans="1:5" x14ac:dyDescent="0.25">
      <c r="A7690" s="3">
        <v>41820.213078703702</v>
      </c>
      <c r="B7690" s="2">
        <v>18.7</v>
      </c>
      <c r="C7690" s="2">
        <v>180.8</v>
      </c>
      <c r="D7690" s="2">
        <v>0.2</v>
      </c>
      <c r="E7690" s="2">
        <v>288.59999999999218</v>
      </c>
    </row>
    <row r="7691" spans="1:5" x14ac:dyDescent="0.25">
      <c r="A7691" s="3">
        <v>41820.213425925926</v>
      </c>
      <c r="B7691" s="2">
        <v>18.7</v>
      </c>
      <c r="C7691" s="2">
        <v>180.8</v>
      </c>
      <c r="D7691" s="2">
        <v>0</v>
      </c>
      <c r="E7691" s="2">
        <v>288.59999999999218</v>
      </c>
    </row>
    <row r="7692" spans="1:5" x14ac:dyDescent="0.25">
      <c r="A7692" s="3">
        <v>41820.214641203704</v>
      </c>
      <c r="B7692" s="2">
        <v>18.600000000000001</v>
      </c>
      <c r="C7692" s="2">
        <v>181</v>
      </c>
      <c r="D7692" s="2">
        <v>0.2</v>
      </c>
      <c r="E7692" s="2">
        <v>288.79999999999217</v>
      </c>
    </row>
    <row r="7693" spans="1:5" x14ac:dyDescent="0.25">
      <c r="A7693" s="3">
        <v>41820.216724537036</v>
      </c>
      <c r="B7693" s="2">
        <v>18.5</v>
      </c>
      <c r="C7693" s="2">
        <v>181.2</v>
      </c>
      <c r="D7693" s="2">
        <v>0.2</v>
      </c>
      <c r="E7693" s="2">
        <v>288.99999999999216</v>
      </c>
    </row>
    <row r="7694" spans="1:5" x14ac:dyDescent="0.25">
      <c r="A7694" s="3">
        <v>41820.218981481485</v>
      </c>
      <c r="B7694" s="2">
        <v>18.5</v>
      </c>
      <c r="C7694" s="2">
        <v>181.4</v>
      </c>
      <c r="D7694" s="2">
        <v>0.2</v>
      </c>
      <c r="E7694" s="2">
        <v>289.19999999999214</v>
      </c>
    </row>
    <row r="7695" spans="1:5" x14ac:dyDescent="0.25">
      <c r="A7695" s="3">
        <v>41820.220775462964</v>
      </c>
      <c r="B7695" s="2">
        <v>18.399999999999999</v>
      </c>
      <c r="C7695" s="2">
        <v>181.6</v>
      </c>
      <c r="D7695" s="2">
        <v>0.2</v>
      </c>
      <c r="E7695" s="2">
        <v>289.39999999999213</v>
      </c>
    </row>
    <row r="7696" spans="1:5" x14ac:dyDescent="0.25">
      <c r="A7696" s="3">
        <v>41820.222337962965</v>
      </c>
      <c r="B7696" s="2">
        <v>18.399999999999999</v>
      </c>
      <c r="C7696" s="2">
        <v>181.6</v>
      </c>
      <c r="D7696" s="2">
        <v>0</v>
      </c>
      <c r="E7696" s="2">
        <v>289.39999999999213</v>
      </c>
    </row>
    <row r="7697" spans="1:5" x14ac:dyDescent="0.25">
      <c r="A7697" s="3">
        <v>41820.222569444442</v>
      </c>
      <c r="B7697" s="2">
        <v>18.399999999999999</v>
      </c>
      <c r="C7697" s="2">
        <v>181.8</v>
      </c>
      <c r="D7697" s="2">
        <v>0.2</v>
      </c>
      <c r="E7697" s="2">
        <v>289.59999999999212</v>
      </c>
    </row>
    <row r="7698" spans="1:5" x14ac:dyDescent="0.25">
      <c r="A7698" s="3">
        <v>41820.224247685182</v>
      </c>
      <c r="B7698" s="2">
        <v>18.399999999999999</v>
      </c>
      <c r="C7698" s="2">
        <v>182</v>
      </c>
      <c r="D7698" s="2">
        <v>0.2</v>
      </c>
      <c r="E7698" s="2">
        <v>289.79999999999211</v>
      </c>
    </row>
    <row r="7699" spans="1:5" x14ac:dyDescent="0.25">
      <c r="A7699" s="3">
        <v>41820.226099537038</v>
      </c>
      <c r="B7699" s="2">
        <v>18.3</v>
      </c>
      <c r="C7699" s="2">
        <v>182.2</v>
      </c>
      <c r="D7699" s="2">
        <v>0.2</v>
      </c>
      <c r="E7699" s="2">
        <v>289.9999999999921</v>
      </c>
    </row>
    <row r="7700" spans="1:5" x14ac:dyDescent="0.25">
      <c r="A7700" s="3">
        <v>41820.226793981485</v>
      </c>
      <c r="B7700" s="2">
        <v>18.3</v>
      </c>
      <c r="C7700" s="2">
        <v>182.2</v>
      </c>
      <c r="D7700" s="2">
        <v>0</v>
      </c>
      <c r="E7700" s="2">
        <v>289.9999999999921</v>
      </c>
    </row>
    <row r="7701" spans="1:5" x14ac:dyDescent="0.25">
      <c r="A7701" s="3">
        <v>41820.226851851854</v>
      </c>
      <c r="B7701" s="2">
        <v>18.3</v>
      </c>
      <c r="C7701" s="2">
        <v>182.2</v>
      </c>
      <c r="D7701" s="2">
        <v>0</v>
      </c>
      <c r="E7701" s="2">
        <v>289.9999999999921</v>
      </c>
    </row>
    <row r="7702" spans="1:5" x14ac:dyDescent="0.25">
      <c r="A7702" s="3">
        <v>41820.227777777778</v>
      </c>
      <c r="B7702" s="2">
        <v>18.100000000000001</v>
      </c>
      <c r="C7702" s="2">
        <v>182.4</v>
      </c>
      <c r="D7702" s="2">
        <v>0.2</v>
      </c>
      <c r="E7702" s="2">
        <v>290.19999999999209</v>
      </c>
    </row>
    <row r="7703" spans="1:5" x14ac:dyDescent="0.25">
      <c r="A7703" s="3">
        <v>41820.229745370372</v>
      </c>
      <c r="B7703" s="2">
        <v>18.100000000000001</v>
      </c>
      <c r="C7703" s="2">
        <v>182.6</v>
      </c>
      <c r="D7703" s="2">
        <v>0.2</v>
      </c>
      <c r="E7703" s="2">
        <v>290.39999999999208</v>
      </c>
    </row>
    <row r="7704" spans="1:5" x14ac:dyDescent="0.25">
      <c r="A7704" s="3">
        <v>41820.231770833336</v>
      </c>
      <c r="B7704" s="2">
        <v>18.100000000000001</v>
      </c>
      <c r="C7704" s="2">
        <v>182.8</v>
      </c>
      <c r="D7704" s="2">
        <v>0.2</v>
      </c>
      <c r="E7704" s="2">
        <v>290.59999999999206</v>
      </c>
    </row>
    <row r="7705" spans="1:5" x14ac:dyDescent="0.25">
      <c r="A7705" s="3">
        <v>41820.233912037038</v>
      </c>
      <c r="B7705" s="2">
        <v>18</v>
      </c>
      <c r="C7705" s="2">
        <v>183</v>
      </c>
      <c r="D7705" s="2">
        <v>0.2</v>
      </c>
      <c r="E7705" s="2">
        <v>290.79999999999205</v>
      </c>
    </row>
    <row r="7706" spans="1:5" x14ac:dyDescent="0.25">
      <c r="A7706" s="3">
        <v>41820.235648148147</v>
      </c>
      <c r="B7706" s="2">
        <v>18</v>
      </c>
      <c r="C7706" s="2">
        <v>183.2</v>
      </c>
      <c r="D7706" s="2">
        <v>0.2</v>
      </c>
      <c r="E7706" s="2">
        <v>290.99999999999204</v>
      </c>
    </row>
    <row r="7707" spans="1:5" x14ac:dyDescent="0.25">
      <c r="A7707" s="3">
        <v>41820.236631944441</v>
      </c>
      <c r="B7707" s="2">
        <v>18</v>
      </c>
      <c r="C7707" s="2">
        <v>183.4</v>
      </c>
      <c r="D7707" s="2">
        <v>0.2</v>
      </c>
      <c r="E7707" s="2">
        <v>291.19999999999203</v>
      </c>
    </row>
    <row r="7708" spans="1:5" x14ac:dyDescent="0.25">
      <c r="A7708" s="3">
        <v>41820.237268518518</v>
      </c>
      <c r="B7708" s="2">
        <v>18</v>
      </c>
      <c r="C7708" s="2">
        <v>183.6</v>
      </c>
      <c r="D7708" s="2">
        <v>0.2</v>
      </c>
      <c r="E7708" s="2">
        <v>291.39999999999202</v>
      </c>
    </row>
    <row r="7709" spans="1:5" x14ac:dyDescent="0.25">
      <c r="A7709" s="3">
        <v>41820.237847222219</v>
      </c>
      <c r="B7709" s="2">
        <v>17.899999999999999</v>
      </c>
      <c r="C7709" s="2">
        <v>183.8</v>
      </c>
      <c r="D7709" s="2">
        <v>0.2</v>
      </c>
      <c r="E7709" s="2">
        <v>291.59999999999201</v>
      </c>
    </row>
    <row r="7710" spans="1:5" x14ac:dyDescent="0.25">
      <c r="A7710" s="3">
        <v>41820.238425925927</v>
      </c>
      <c r="B7710" s="2">
        <v>17.899999999999999</v>
      </c>
      <c r="C7710" s="2">
        <v>184</v>
      </c>
      <c r="D7710" s="2">
        <v>0.2</v>
      </c>
      <c r="E7710" s="2">
        <v>291.799999999992</v>
      </c>
    </row>
    <row r="7711" spans="1:5" x14ac:dyDescent="0.25">
      <c r="A7711" s="3">
        <v>41820.239120370374</v>
      </c>
      <c r="B7711" s="2">
        <v>17.899999999999999</v>
      </c>
      <c r="C7711" s="2">
        <v>184.2</v>
      </c>
      <c r="D7711" s="2">
        <v>0.2</v>
      </c>
      <c r="E7711" s="2">
        <v>291.99999999999199</v>
      </c>
    </row>
    <row r="7712" spans="1:5" x14ac:dyDescent="0.25">
      <c r="A7712" s="3">
        <v>41820.239699074074</v>
      </c>
      <c r="B7712" s="2">
        <v>17.8</v>
      </c>
      <c r="C7712" s="2">
        <v>184.4</v>
      </c>
      <c r="D7712" s="2">
        <v>0.2</v>
      </c>
      <c r="E7712" s="2">
        <v>292.19999999999197</v>
      </c>
    </row>
    <row r="7713" spans="1:5" x14ac:dyDescent="0.25">
      <c r="A7713" s="3">
        <v>41820.240219907406</v>
      </c>
      <c r="B7713" s="2">
        <v>17.899999999999999</v>
      </c>
      <c r="C7713" s="2">
        <v>184.6</v>
      </c>
      <c r="D7713" s="2">
        <v>0.2</v>
      </c>
      <c r="E7713" s="2">
        <v>292.39999999999196</v>
      </c>
    </row>
    <row r="7714" spans="1:5" x14ac:dyDescent="0.25">
      <c r="A7714" s="3">
        <v>41820.240624999999</v>
      </c>
      <c r="B7714" s="2">
        <v>17.8</v>
      </c>
      <c r="C7714" s="2">
        <v>184.8</v>
      </c>
      <c r="D7714" s="2">
        <v>0.2</v>
      </c>
      <c r="E7714" s="2">
        <v>292.59999999999195</v>
      </c>
    </row>
    <row r="7715" spans="1:5" x14ac:dyDescent="0.25">
      <c r="A7715" s="3">
        <v>41820.241203703707</v>
      </c>
      <c r="B7715" s="2">
        <v>17.8</v>
      </c>
      <c r="C7715" s="2">
        <v>185</v>
      </c>
      <c r="D7715" s="2">
        <v>0.2</v>
      </c>
      <c r="E7715" s="2">
        <v>292.79999999999194</v>
      </c>
    </row>
    <row r="7716" spans="1:5" x14ac:dyDescent="0.25">
      <c r="A7716" s="3">
        <v>41820.241666666669</v>
      </c>
      <c r="B7716" s="2">
        <v>17.8</v>
      </c>
      <c r="C7716" s="2">
        <v>185.2</v>
      </c>
      <c r="D7716" s="2">
        <v>0.2</v>
      </c>
      <c r="E7716" s="2">
        <v>292.99999999999193</v>
      </c>
    </row>
    <row r="7717" spans="1:5" x14ac:dyDescent="0.25">
      <c r="A7717" s="3">
        <v>41820.2421875</v>
      </c>
      <c r="B7717" s="2">
        <v>17.8</v>
      </c>
      <c r="C7717" s="2">
        <v>185.4</v>
      </c>
      <c r="D7717" s="2">
        <v>0.2</v>
      </c>
      <c r="E7717" s="2">
        <v>293.19999999999192</v>
      </c>
    </row>
    <row r="7718" spans="1:5" x14ac:dyDescent="0.25">
      <c r="A7718" s="3">
        <v>41820.242766203701</v>
      </c>
      <c r="B7718" s="2">
        <v>17.8</v>
      </c>
      <c r="C7718" s="2">
        <v>185.6</v>
      </c>
      <c r="D7718" s="2">
        <v>0.2</v>
      </c>
      <c r="E7718" s="2">
        <v>293.39999999999191</v>
      </c>
    </row>
    <row r="7719" spans="1:5" x14ac:dyDescent="0.25">
      <c r="A7719" s="3">
        <v>41820.243344907409</v>
      </c>
      <c r="B7719" s="2">
        <v>17.8</v>
      </c>
      <c r="C7719" s="2">
        <v>185.8</v>
      </c>
      <c r="D7719" s="2">
        <v>0.2</v>
      </c>
      <c r="E7719" s="2">
        <v>293.59999999999189</v>
      </c>
    </row>
    <row r="7720" spans="1:5" x14ac:dyDescent="0.25">
      <c r="A7720" s="3">
        <v>41820.24386574074</v>
      </c>
      <c r="B7720" s="2">
        <v>17.7</v>
      </c>
      <c r="C7720" s="2">
        <v>186</v>
      </c>
      <c r="D7720" s="2">
        <v>0.2</v>
      </c>
      <c r="E7720" s="2">
        <v>293.79999999999188</v>
      </c>
    </row>
    <row r="7721" spans="1:5" x14ac:dyDescent="0.25">
      <c r="A7721" s="3">
        <v>41820.244270833333</v>
      </c>
      <c r="B7721" s="2">
        <v>17.7</v>
      </c>
      <c r="C7721" s="2">
        <v>186.2</v>
      </c>
      <c r="D7721" s="2">
        <v>0.2</v>
      </c>
      <c r="E7721" s="2">
        <v>293.99999999999187</v>
      </c>
    </row>
    <row r="7722" spans="1:5" x14ac:dyDescent="0.25">
      <c r="A7722" s="3">
        <v>41820.244849537034</v>
      </c>
      <c r="B7722" s="2">
        <v>17.7</v>
      </c>
      <c r="C7722" s="2">
        <v>186.4</v>
      </c>
      <c r="D7722" s="2">
        <v>0.2</v>
      </c>
      <c r="E7722" s="2">
        <v>294.19999999999186</v>
      </c>
    </row>
    <row r="7723" spans="1:5" x14ac:dyDescent="0.25">
      <c r="A7723" s="3">
        <v>41820.245370370372</v>
      </c>
      <c r="B7723" s="2">
        <v>17.7</v>
      </c>
      <c r="C7723" s="2">
        <v>186.6</v>
      </c>
      <c r="D7723" s="2">
        <v>0.2</v>
      </c>
      <c r="E7723" s="2">
        <v>294.39999999999185</v>
      </c>
    </row>
    <row r="7724" spans="1:5" x14ac:dyDescent="0.25">
      <c r="A7724" s="3">
        <v>41820.245428240742</v>
      </c>
      <c r="B7724" s="2">
        <v>17.7</v>
      </c>
      <c r="C7724" s="2">
        <v>186.6</v>
      </c>
      <c r="D7724" s="2">
        <v>0</v>
      </c>
      <c r="E7724" s="2">
        <v>294.39999999999185</v>
      </c>
    </row>
    <row r="7725" spans="1:5" x14ac:dyDescent="0.25">
      <c r="A7725" s="3">
        <v>41820.245833333334</v>
      </c>
      <c r="B7725" s="2">
        <v>17.7</v>
      </c>
      <c r="C7725" s="2">
        <v>186.8</v>
      </c>
      <c r="D7725" s="2">
        <v>0.2</v>
      </c>
      <c r="E7725" s="2">
        <v>294.59999999999184</v>
      </c>
    </row>
    <row r="7726" spans="1:5" x14ac:dyDescent="0.25">
      <c r="A7726" s="3">
        <v>41820.246354166666</v>
      </c>
      <c r="B7726" s="2">
        <v>17.7</v>
      </c>
      <c r="C7726" s="2">
        <v>187</v>
      </c>
      <c r="D7726" s="2">
        <v>0.2</v>
      </c>
      <c r="E7726" s="2">
        <v>294.79999999999183</v>
      </c>
    </row>
    <row r="7727" spans="1:5" x14ac:dyDescent="0.25">
      <c r="A7727" s="3">
        <v>41820.246817129628</v>
      </c>
      <c r="B7727" s="2">
        <v>17.7</v>
      </c>
      <c r="C7727" s="2">
        <v>187.2</v>
      </c>
      <c r="D7727" s="2">
        <v>0.2</v>
      </c>
      <c r="E7727" s="2">
        <v>294.99999999999181</v>
      </c>
    </row>
    <row r="7728" spans="1:5" x14ac:dyDescent="0.25">
      <c r="A7728" s="3">
        <v>41820.247337962966</v>
      </c>
      <c r="B7728" s="2">
        <v>17.600000000000001</v>
      </c>
      <c r="C7728" s="2">
        <v>187.4</v>
      </c>
      <c r="D7728" s="2">
        <v>0.2</v>
      </c>
      <c r="E7728" s="2">
        <v>295.1999999999918</v>
      </c>
    </row>
    <row r="7729" spans="1:5" x14ac:dyDescent="0.25">
      <c r="A7729" s="3">
        <v>41820.247569444444</v>
      </c>
      <c r="B7729" s="2">
        <v>17.600000000000001</v>
      </c>
      <c r="C7729" s="2">
        <v>187.4</v>
      </c>
      <c r="D7729" s="2">
        <v>0</v>
      </c>
      <c r="E7729" s="2">
        <v>295.1999999999918</v>
      </c>
    </row>
    <row r="7730" spans="1:5" x14ac:dyDescent="0.25">
      <c r="A7730" s="3">
        <v>41820.247916666667</v>
      </c>
      <c r="B7730" s="2">
        <v>17.600000000000001</v>
      </c>
      <c r="C7730" s="2">
        <v>187.6</v>
      </c>
      <c r="D7730" s="2">
        <v>0.2</v>
      </c>
      <c r="E7730" s="2">
        <v>295.39999999999179</v>
      </c>
    </row>
    <row r="7731" spans="1:5" x14ac:dyDescent="0.25">
      <c r="A7731" s="3">
        <v>41820.248611111114</v>
      </c>
      <c r="B7731" s="2">
        <v>17.5</v>
      </c>
      <c r="C7731" s="2">
        <v>187.8</v>
      </c>
      <c r="D7731" s="2">
        <v>0.2</v>
      </c>
      <c r="E7731" s="2">
        <v>295.59999999999178</v>
      </c>
    </row>
    <row r="7732" spans="1:5" x14ac:dyDescent="0.25">
      <c r="A7732" s="3">
        <v>41820.249305555553</v>
      </c>
      <c r="B7732" s="2">
        <v>17.5</v>
      </c>
      <c r="C7732" s="2">
        <v>188</v>
      </c>
      <c r="D7732" s="2">
        <v>0.2</v>
      </c>
      <c r="E7732" s="2">
        <v>295.79999999999177</v>
      </c>
    </row>
    <row r="7733" spans="1:5" x14ac:dyDescent="0.25">
      <c r="A7733" s="3">
        <v>41820.250057870369</v>
      </c>
      <c r="B7733" s="2">
        <v>17.5</v>
      </c>
      <c r="C7733" s="2">
        <v>188.2</v>
      </c>
      <c r="D7733" s="2">
        <v>0.2</v>
      </c>
      <c r="E7733" s="2">
        <v>295.99999999999176</v>
      </c>
    </row>
    <row r="7734" spans="1:5" x14ac:dyDescent="0.25">
      <c r="A7734" s="3">
        <v>41820.250752314816</v>
      </c>
      <c r="B7734" s="2">
        <v>17.5</v>
      </c>
      <c r="C7734" s="2">
        <v>188.4</v>
      </c>
      <c r="D7734" s="2">
        <v>0.2</v>
      </c>
      <c r="E7734" s="2">
        <v>296.19999999999175</v>
      </c>
    </row>
    <row r="7735" spans="1:5" x14ac:dyDescent="0.25">
      <c r="A7735" s="3">
        <v>41820.251620370371</v>
      </c>
      <c r="B7735" s="2">
        <v>17.5</v>
      </c>
      <c r="C7735" s="2">
        <v>188.6</v>
      </c>
      <c r="D7735" s="2">
        <v>0.2</v>
      </c>
      <c r="E7735" s="2">
        <v>296.39999999999173</v>
      </c>
    </row>
    <row r="7736" spans="1:5" x14ac:dyDescent="0.25">
      <c r="A7736" s="3">
        <v>41820.252256944441</v>
      </c>
      <c r="B7736" s="2">
        <v>17.399999999999999</v>
      </c>
      <c r="C7736" s="2">
        <v>188.8</v>
      </c>
      <c r="D7736" s="2">
        <v>0.2</v>
      </c>
      <c r="E7736" s="2">
        <v>296.59999999999172</v>
      </c>
    </row>
    <row r="7737" spans="1:5" x14ac:dyDescent="0.25">
      <c r="A7737" s="3">
        <v>41820.253009259257</v>
      </c>
      <c r="B7737" s="2">
        <v>17.399999999999999</v>
      </c>
      <c r="C7737" s="2">
        <v>189</v>
      </c>
      <c r="D7737" s="2">
        <v>0.2</v>
      </c>
      <c r="E7737" s="2">
        <v>296.79999999999171</v>
      </c>
    </row>
    <row r="7738" spans="1:5" x14ac:dyDescent="0.25">
      <c r="A7738" s="3">
        <v>41820.253703703704</v>
      </c>
      <c r="B7738" s="2">
        <v>17.399999999999999</v>
      </c>
      <c r="C7738" s="2">
        <v>189.2</v>
      </c>
      <c r="D7738" s="2">
        <v>0.2</v>
      </c>
      <c r="E7738" s="2">
        <v>296.9999999999917</v>
      </c>
    </row>
    <row r="7739" spans="1:5" x14ac:dyDescent="0.25">
      <c r="A7739" s="3">
        <v>41820.254282407404</v>
      </c>
      <c r="B7739" s="2">
        <v>17.399999999999999</v>
      </c>
      <c r="C7739" s="2">
        <v>189.4</v>
      </c>
      <c r="D7739" s="2">
        <v>0.2</v>
      </c>
      <c r="E7739" s="2">
        <v>297.19999999999169</v>
      </c>
    </row>
    <row r="7740" spans="1:5" x14ac:dyDescent="0.25">
      <c r="A7740" s="3">
        <v>41820.254861111112</v>
      </c>
      <c r="B7740" s="2">
        <v>17.399999999999999</v>
      </c>
      <c r="C7740" s="2">
        <v>189.6</v>
      </c>
      <c r="D7740" s="2">
        <v>0.2</v>
      </c>
      <c r="E7740" s="2">
        <v>297.39999999999168</v>
      </c>
    </row>
    <row r="7741" spans="1:5" x14ac:dyDescent="0.25">
      <c r="A7741" s="3">
        <v>41820.255150462966</v>
      </c>
      <c r="B7741" s="2">
        <v>17.399999999999999</v>
      </c>
      <c r="C7741" s="2">
        <v>189.6</v>
      </c>
      <c r="D7741" s="2">
        <v>0</v>
      </c>
      <c r="E7741" s="2">
        <v>297.39999999999168</v>
      </c>
    </row>
    <row r="7742" spans="1:5" x14ac:dyDescent="0.25">
      <c r="A7742" s="3">
        <v>41820.255671296298</v>
      </c>
      <c r="B7742" s="2">
        <v>17.399999999999999</v>
      </c>
      <c r="C7742" s="2">
        <v>189.8</v>
      </c>
      <c r="D7742" s="2">
        <v>0.2</v>
      </c>
      <c r="E7742" s="2">
        <v>297.59999999999167</v>
      </c>
    </row>
    <row r="7743" spans="1:5" x14ac:dyDescent="0.25">
      <c r="A7743" s="3">
        <v>41820.256481481483</v>
      </c>
      <c r="B7743" s="2">
        <v>17.3</v>
      </c>
      <c r="C7743" s="2">
        <v>190</v>
      </c>
      <c r="D7743" s="2">
        <v>0.2</v>
      </c>
      <c r="E7743" s="2">
        <v>297.79999999999166</v>
      </c>
    </row>
    <row r="7744" spans="1:5" x14ac:dyDescent="0.25">
      <c r="A7744" s="3">
        <v>41820.257407407407</v>
      </c>
      <c r="B7744" s="2">
        <v>17.3</v>
      </c>
      <c r="C7744" s="2">
        <v>190.2</v>
      </c>
      <c r="D7744" s="2">
        <v>0.2</v>
      </c>
      <c r="E7744" s="2">
        <v>297.99999999999164</v>
      </c>
    </row>
    <row r="7745" spans="1:5" x14ac:dyDescent="0.25">
      <c r="A7745" s="3">
        <v>41820.257638888892</v>
      </c>
      <c r="B7745" s="2">
        <v>17.3</v>
      </c>
      <c r="C7745" s="2">
        <v>190.2</v>
      </c>
      <c r="D7745" s="2">
        <v>0</v>
      </c>
      <c r="E7745" s="2">
        <v>297.99999999999164</v>
      </c>
    </row>
    <row r="7746" spans="1:5" x14ac:dyDescent="0.25">
      <c r="A7746" s="3">
        <v>41820.258217592593</v>
      </c>
      <c r="B7746" s="2">
        <v>17.3</v>
      </c>
      <c r="C7746" s="2">
        <v>190.4</v>
      </c>
      <c r="D7746" s="2">
        <v>0.2</v>
      </c>
      <c r="E7746" s="2">
        <v>298.19999999999163</v>
      </c>
    </row>
    <row r="7747" spans="1:5" x14ac:dyDescent="0.25">
      <c r="A7747" s="3">
        <v>41820.259201388886</v>
      </c>
      <c r="B7747" s="2">
        <v>17.3</v>
      </c>
      <c r="C7747" s="2">
        <v>190.6</v>
      </c>
      <c r="D7747" s="2">
        <v>0.2</v>
      </c>
      <c r="E7747" s="2">
        <v>298.39999999999162</v>
      </c>
    </row>
    <row r="7748" spans="1:5" x14ac:dyDescent="0.25">
      <c r="A7748" s="3">
        <v>41820.260185185187</v>
      </c>
      <c r="B7748" s="2">
        <v>17.2</v>
      </c>
      <c r="C7748" s="2">
        <v>190.8</v>
      </c>
      <c r="D7748" s="2">
        <v>0.2</v>
      </c>
      <c r="E7748" s="2">
        <v>298.59999999999161</v>
      </c>
    </row>
    <row r="7749" spans="1:5" x14ac:dyDescent="0.25">
      <c r="A7749" s="3">
        <v>41820.261400462965</v>
      </c>
      <c r="B7749" s="2">
        <v>17.2</v>
      </c>
      <c r="C7749" s="2">
        <v>191</v>
      </c>
      <c r="D7749" s="2">
        <v>0.2</v>
      </c>
      <c r="E7749" s="2">
        <v>298.7999999999916</v>
      </c>
    </row>
    <row r="7750" spans="1:5" x14ac:dyDescent="0.25">
      <c r="A7750" s="3">
        <v>41820.262557870374</v>
      </c>
      <c r="B7750" s="2">
        <v>17.2</v>
      </c>
      <c r="C7750" s="2">
        <v>191.2</v>
      </c>
      <c r="D7750" s="2">
        <v>0.2</v>
      </c>
      <c r="E7750" s="2">
        <v>298.99999999999159</v>
      </c>
    </row>
    <row r="7751" spans="1:5" x14ac:dyDescent="0.25">
      <c r="A7751" s="3">
        <v>41820.263773148145</v>
      </c>
      <c r="B7751" s="2">
        <v>17.2</v>
      </c>
      <c r="C7751" s="2">
        <v>191.4</v>
      </c>
      <c r="D7751" s="2">
        <v>0.2</v>
      </c>
      <c r="E7751" s="2">
        <v>299.19999999999158</v>
      </c>
    </row>
    <row r="7752" spans="1:5" x14ac:dyDescent="0.25">
      <c r="A7752" s="3">
        <v>41820.264641203707</v>
      </c>
      <c r="B7752" s="2">
        <v>17.100000000000001</v>
      </c>
      <c r="C7752" s="2">
        <v>191.6</v>
      </c>
      <c r="D7752" s="2">
        <v>0.2</v>
      </c>
      <c r="E7752" s="2">
        <v>299.39999999999156</v>
      </c>
    </row>
    <row r="7753" spans="1:5" x14ac:dyDescent="0.25">
      <c r="A7753" s="3">
        <v>41820.265972222223</v>
      </c>
      <c r="B7753" s="2">
        <v>17.100000000000001</v>
      </c>
      <c r="C7753" s="2">
        <v>191.8</v>
      </c>
      <c r="D7753" s="2">
        <v>0.2</v>
      </c>
      <c r="E7753" s="2">
        <v>299.59999999999155</v>
      </c>
    </row>
    <row r="7754" spans="1:5" x14ac:dyDescent="0.25">
      <c r="A7754" s="3">
        <v>41820.267187500001</v>
      </c>
      <c r="B7754" s="2">
        <v>17.100000000000001</v>
      </c>
      <c r="C7754" s="2">
        <v>192</v>
      </c>
      <c r="D7754" s="2">
        <v>0.2</v>
      </c>
      <c r="E7754" s="2">
        <v>299.79999999999154</v>
      </c>
    </row>
    <row r="7755" spans="1:5" x14ac:dyDescent="0.25">
      <c r="A7755" s="3">
        <v>41820.268171296295</v>
      </c>
      <c r="B7755" s="2">
        <v>17.100000000000001</v>
      </c>
      <c r="C7755" s="2">
        <v>192.2</v>
      </c>
      <c r="D7755" s="2">
        <v>0.2</v>
      </c>
      <c r="E7755" s="2">
        <v>299.99999999999153</v>
      </c>
    </row>
    <row r="7756" spans="1:5" x14ac:dyDescent="0.25">
      <c r="A7756" s="3">
        <v>41820.269097222219</v>
      </c>
      <c r="B7756" s="2">
        <v>17.100000000000001</v>
      </c>
      <c r="C7756" s="2">
        <v>192.4</v>
      </c>
      <c r="D7756" s="2">
        <v>0.2</v>
      </c>
      <c r="E7756" s="2">
        <v>300.19999999999152</v>
      </c>
    </row>
    <row r="7757" spans="1:5" x14ac:dyDescent="0.25">
      <c r="A7757" s="3">
        <v>41820.269965277781</v>
      </c>
      <c r="B7757" s="2">
        <v>17</v>
      </c>
      <c r="C7757" s="2">
        <v>192.6</v>
      </c>
      <c r="D7757" s="2">
        <v>0.2</v>
      </c>
      <c r="E7757" s="2">
        <v>300.39999999999151</v>
      </c>
    </row>
    <row r="7758" spans="1:5" x14ac:dyDescent="0.25">
      <c r="A7758" s="3">
        <v>41820.270775462966</v>
      </c>
      <c r="B7758" s="2">
        <v>17</v>
      </c>
      <c r="C7758" s="2">
        <v>192.8</v>
      </c>
      <c r="D7758" s="2">
        <v>0.2</v>
      </c>
      <c r="E7758" s="2">
        <v>300.5999999999915</v>
      </c>
    </row>
    <row r="7759" spans="1:5" x14ac:dyDescent="0.25">
      <c r="A7759" s="3">
        <v>41820.271932870368</v>
      </c>
      <c r="B7759" s="2">
        <v>17</v>
      </c>
      <c r="C7759" s="2">
        <v>193</v>
      </c>
      <c r="D7759" s="2">
        <v>0.2</v>
      </c>
      <c r="E7759" s="2">
        <v>300.79999999999148</v>
      </c>
    </row>
    <row r="7760" spans="1:5" x14ac:dyDescent="0.25">
      <c r="A7760" s="3">
        <v>41820.273090277777</v>
      </c>
      <c r="B7760" s="2">
        <v>17</v>
      </c>
      <c r="C7760" s="2">
        <v>193.2</v>
      </c>
      <c r="D7760" s="2">
        <v>0.2</v>
      </c>
      <c r="E7760" s="2">
        <v>300.99999999999147</v>
      </c>
    </row>
    <row r="7761" spans="1:5" x14ac:dyDescent="0.25">
      <c r="A7761" s="3">
        <v>41820.274305555555</v>
      </c>
      <c r="B7761" s="2">
        <v>17</v>
      </c>
      <c r="C7761" s="2">
        <v>193.4</v>
      </c>
      <c r="D7761" s="2">
        <v>0.2</v>
      </c>
      <c r="E7761" s="2">
        <v>301.19999999999146</v>
      </c>
    </row>
    <row r="7762" spans="1:5" x14ac:dyDescent="0.25">
      <c r="A7762" s="3">
        <v>41820.275462962964</v>
      </c>
      <c r="B7762" s="2">
        <v>16.899999999999999</v>
      </c>
      <c r="C7762" s="2">
        <v>193.6</v>
      </c>
      <c r="D7762" s="2">
        <v>0.2</v>
      </c>
      <c r="E7762" s="2">
        <v>301.39999999999145</v>
      </c>
    </row>
    <row r="7763" spans="1:5" x14ac:dyDescent="0.25">
      <c r="A7763" s="3">
        <v>41820.276909722219</v>
      </c>
      <c r="B7763" s="2">
        <v>16.899999999999999</v>
      </c>
      <c r="C7763" s="2">
        <v>193.8</v>
      </c>
      <c r="D7763" s="2">
        <v>0.2</v>
      </c>
      <c r="E7763" s="2">
        <v>301.59999999999144</v>
      </c>
    </row>
    <row r="7764" spans="1:5" x14ac:dyDescent="0.25">
      <c r="A7764" s="3">
        <v>41820.278587962966</v>
      </c>
      <c r="B7764" s="2">
        <v>16.899999999999999</v>
      </c>
      <c r="C7764" s="2">
        <v>194</v>
      </c>
      <c r="D7764" s="2">
        <v>0.2</v>
      </c>
      <c r="E7764" s="2">
        <v>301.79999999999143</v>
      </c>
    </row>
    <row r="7765" spans="1:5" x14ac:dyDescent="0.25">
      <c r="A7765" s="3">
        <v>41820.280497685184</v>
      </c>
      <c r="B7765" s="2">
        <v>16.899999999999999</v>
      </c>
      <c r="C7765" s="2">
        <v>194</v>
      </c>
      <c r="D7765" s="2">
        <v>0</v>
      </c>
      <c r="E7765" s="2">
        <v>301.79999999999143</v>
      </c>
    </row>
    <row r="7766" spans="1:5" x14ac:dyDescent="0.25">
      <c r="A7766" s="3">
        <v>41820.280960648146</v>
      </c>
      <c r="B7766" s="2">
        <v>16.899999999999999</v>
      </c>
      <c r="C7766" s="2">
        <v>194.2</v>
      </c>
      <c r="D7766" s="2">
        <v>0.2</v>
      </c>
      <c r="E7766" s="2">
        <v>301.99999999999142</v>
      </c>
    </row>
    <row r="7767" spans="1:5" x14ac:dyDescent="0.25">
      <c r="A7767" s="3">
        <v>41820.283333333333</v>
      </c>
      <c r="B7767" s="2">
        <v>16.8</v>
      </c>
      <c r="C7767" s="2">
        <v>194.4</v>
      </c>
      <c r="D7767" s="2">
        <v>0.2</v>
      </c>
      <c r="E7767" s="2">
        <v>302.19999999999141</v>
      </c>
    </row>
    <row r="7768" spans="1:5" x14ac:dyDescent="0.25">
      <c r="A7768" s="3">
        <v>41820.28738425926</v>
      </c>
      <c r="B7768" s="2">
        <v>16.8</v>
      </c>
      <c r="C7768" s="2">
        <v>194.4</v>
      </c>
      <c r="D7768" s="2">
        <v>0</v>
      </c>
      <c r="E7768" s="2">
        <v>302.19999999999141</v>
      </c>
    </row>
    <row r="7769" spans="1:5" x14ac:dyDescent="0.25">
      <c r="A7769" s="3">
        <v>41820.287499999999</v>
      </c>
      <c r="B7769" s="2">
        <v>16.8</v>
      </c>
      <c r="C7769" s="2">
        <v>194.6</v>
      </c>
      <c r="D7769" s="2">
        <v>0.2</v>
      </c>
      <c r="E7769" s="2">
        <v>302.39999999999139</v>
      </c>
    </row>
    <row r="7770" spans="1:5" x14ac:dyDescent="0.25">
      <c r="A7770" s="3">
        <v>41820.291493055556</v>
      </c>
      <c r="B7770" s="2">
        <v>16.7</v>
      </c>
      <c r="C7770" s="2">
        <v>194.8</v>
      </c>
      <c r="D7770" s="2">
        <v>0.2</v>
      </c>
      <c r="E7770" s="2">
        <v>302.59999999999138</v>
      </c>
    </row>
    <row r="7771" spans="1:5" x14ac:dyDescent="0.25">
      <c r="A7771" s="3">
        <v>41820.293749999997</v>
      </c>
      <c r="B7771" s="2">
        <v>16.600000000000001</v>
      </c>
      <c r="C7771" s="2">
        <v>194.8</v>
      </c>
      <c r="D7771" s="2">
        <v>0</v>
      </c>
      <c r="E7771" s="2">
        <v>302.59999999999138</v>
      </c>
    </row>
    <row r="7772" spans="1:5" x14ac:dyDescent="0.25">
      <c r="A7772" s="3">
        <v>41820.293923611112</v>
      </c>
      <c r="B7772" s="2">
        <v>16.600000000000001</v>
      </c>
      <c r="C7772" s="2">
        <v>195</v>
      </c>
      <c r="D7772" s="2">
        <v>0.2</v>
      </c>
      <c r="E7772" s="2">
        <v>302.79999999999137</v>
      </c>
    </row>
    <row r="7773" spans="1:5" x14ac:dyDescent="0.25">
      <c r="A7773" s="3">
        <v>41820.29415509259</v>
      </c>
      <c r="B7773" s="2">
        <v>16.600000000000001</v>
      </c>
      <c r="C7773" s="2">
        <v>195</v>
      </c>
      <c r="D7773" s="2">
        <v>0</v>
      </c>
      <c r="E7773" s="2">
        <v>302.79999999999137</v>
      </c>
    </row>
    <row r="7774" spans="1:5" x14ac:dyDescent="0.25">
      <c r="A7774" s="3">
        <v>41820.294386574074</v>
      </c>
      <c r="B7774" s="2">
        <v>16.600000000000001</v>
      </c>
      <c r="C7774" s="2">
        <v>195</v>
      </c>
      <c r="D7774" s="2">
        <v>0</v>
      </c>
      <c r="E7774" s="2">
        <v>302.79999999999137</v>
      </c>
    </row>
    <row r="7775" spans="1:5" x14ac:dyDescent="0.25">
      <c r="A7775" s="3">
        <v>41820.296469907407</v>
      </c>
      <c r="B7775" s="2">
        <v>16.600000000000001</v>
      </c>
      <c r="C7775" s="2">
        <v>195.2</v>
      </c>
      <c r="D7775" s="2">
        <v>0.2</v>
      </c>
      <c r="E7775" s="2">
        <v>302.99999999999136</v>
      </c>
    </row>
    <row r="7776" spans="1:5" x14ac:dyDescent="0.25">
      <c r="A7776" s="3">
        <v>41820.299942129626</v>
      </c>
      <c r="B7776" s="2">
        <v>16.5</v>
      </c>
      <c r="C7776" s="2">
        <v>195.4</v>
      </c>
      <c r="D7776" s="2">
        <v>0.2</v>
      </c>
      <c r="E7776" s="2">
        <v>303.19999999999135</v>
      </c>
    </row>
    <row r="7777" spans="1:5" x14ac:dyDescent="0.25">
      <c r="A7777" s="3">
        <v>41820.304108796299</v>
      </c>
      <c r="B7777" s="2">
        <v>16.5</v>
      </c>
      <c r="C7777" s="2">
        <v>195.6</v>
      </c>
      <c r="D7777" s="2">
        <v>0.2</v>
      </c>
      <c r="E7777" s="2">
        <v>303.39999999999134</v>
      </c>
    </row>
    <row r="7778" spans="1:5" x14ac:dyDescent="0.25">
      <c r="A7778" s="3">
        <v>41820.310763888891</v>
      </c>
      <c r="B7778" s="2">
        <v>16.399999999999999</v>
      </c>
      <c r="C7778" s="2">
        <v>195.8</v>
      </c>
      <c r="D7778" s="2">
        <v>0.2</v>
      </c>
      <c r="E7778" s="2">
        <v>303.59999999999133</v>
      </c>
    </row>
    <row r="7779" spans="1:5" x14ac:dyDescent="0.25">
      <c r="A7779" s="3">
        <v>41820.316377314812</v>
      </c>
      <c r="B7779" s="2">
        <v>16.399999999999999</v>
      </c>
      <c r="C7779" s="2">
        <v>195.8</v>
      </c>
      <c r="D7779" s="2">
        <v>0</v>
      </c>
      <c r="E7779" s="2">
        <v>303.59999999999133</v>
      </c>
    </row>
    <row r="7780" spans="1:5" x14ac:dyDescent="0.25">
      <c r="A7780" s="3">
        <v>41820.324189814812</v>
      </c>
      <c r="B7780" s="2">
        <v>16.3</v>
      </c>
      <c r="C7780" s="2">
        <v>195.8</v>
      </c>
      <c r="D7780" s="2">
        <v>0</v>
      </c>
      <c r="E7780" s="2">
        <v>303.59999999999133</v>
      </c>
    </row>
    <row r="7781" spans="1:5" x14ac:dyDescent="0.25">
      <c r="A7781" s="3">
        <v>41820.330034722225</v>
      </c>
      <c r="B7781" s="2">
        <v>16.3</v>
      </c>
      <c r="C7781" s="2">
        <v>196</v>
      </c>
      <c r="D7781" s="2">
        <v>0.2</v>
      </c>
      <c r="E7781" s="2">
        <v>303.79999999999131</v>
      </c>
    </row>
    <row r="7782" spans="1:5" x14ac:dyDescent="0.25">
      <c r="A7782" s="3">
        <v>41820.333680555559</v>
      </c>
      <c r="B7782" s="2">
        <v>16.3</v>
      </c>
      <c r="C7782" s="2">
        <v>196</v>
      </c>
      <c r="D7782" s="2">
        <v>0</v>
      </c>
      <c r="E7782" s="2">
        <v>303.79999999999131</v>
      </c>
    </row>
    <row r="7783" spans="1:5" x14ac:dyDescent="0.25">
      <c r="A7783" s="3">
        <v>41820.338368055556</v>
      </c>
      <c r="B7783" s="2">
        <v>16.3</v>
      </c>
      <c r="C7783" s="2">
        <v>196</v>
      </c>
      <c r="D7783" s="2">
        <v>0</v>
      </c>
      <c r="E7783" s="2">
        <v>303.79999999999131</v>
      </c>
    </row>
    <row r="7784" spans="1:5" x14ac:dyDescent="0.25">
      <c r="A7784" s="3">
        <v>41820.346990740742</v>
      </c>
      <c r="B7784" s="2">
        <v>16.3</v>
      </c>
      <c r="C7784" s="2">
        <v>196</v>
      </c>
      <c r="D7784" s="2">
        <v>0</v>
      </c>
      <c r="E7784" s="2">
        <v>303.79999999999131</v>
      </c>
    </row>
    <row r="7785" spans="1:5" x14ac:dyDescent="0.25">
      <c r="A7785" s="3">
        <v>41820.358217592591</v>
      </c>
      <c r="B7785" s="2">
        <v>16.399999999999999</v>
      </c>
      <c r="C7785" s="2">
        <v>196</v>
      </c>
      <c r="D7785" s="2">
        <v>0</v>
      </c>
      <c r="E7785" s="2">
        <v>303.79999999999131</v>
      </c>
    </row>
    <row r="7786" spans="1:5" x14ac:dyDescent="0.25">
      <c r="A7786" s="3">
        <v>41820.373495370368</v>
      </c>
      <c r="B7786" s="2">
        <v>16.399999999999999</v>
      </c>
      <c r="C7786" s="2">
        <v>196</v>
      </c>
      <c r="D7786" s="2">
        <v>0</v>
      </c>
      <c r="E7786" s="2">
        <v>303.79999999999131</v>
      </c>
    </row>
    <row r="7787" spans="1:5" x14ac:dyDescent="0.25">
      <c r="A7787" s="3">
        <v>41820.385300925926</v>
      </c>
      <c r="B7787" s="2">
        <v>16.5</v>
      </c>
      <c r="C7787" s="2">
        <v>196</v>
      </c>
      <c r="D7787" s="2">
        <v>0</v>
      </c>
      <c r="E7787" s="2">
        <v>303.79999999999131</v>
      </c>
    </row>
    <row r="7788" spans="1:5" x14ac:dyDescent="0.25">
      <c r="A7788" s="3">
        <v>41820.396701388891</v>
      </c>
      <c r="B7788" s="2">
        <v>16.5</v>
      </c>
      <c r="C7788" s="2">
        <v>196</v>
      </c>
      <c r="D7788" s="2">
        <v>0</v>
      </c>
      <c r="E7788" s="2">
        <v>303.79999999999131</v>
      </c>
    </row>
    <row r="7789" spans="1:5" x14ac:dyDescent="0.25">
      <c r="A7789" s="3">
        <v>41820.399537037039</v>
      </c>
      <c r="B7789" s="2">
        <v>16.5</v>
      </c>
      <c r="C7789" s="2">
        <v>196</v>
      </c>
      <c r="D7789" s="2">
        <v>0</v>
      </c>
      <c r="E7789" s="2">
        <v>303.79999999999131</v>
      </c>
    </row>
    <row r="7790" spans="1:5" x14ac:dyDescent="0.25">
      <c r="A7790" s="3">
        <v>41820.42291666667</v>
      </c>
      <c r="B7790" s="2">
        <v>16.600000000000001</v>
      </c>
      <c r="C7790" s="2">
        <v>196</v>
      </c>
      <c r="D7790" s="2">
        <v>0</v>
      </c>
      <c r="E7790" s="2">
        <v>303.79999999999131</v>
      </c>
    </row>
    <row r="7791" spans="1:5" x14ac:dyDescent="0.25">
      <c r="A7791" s="3">
        <v>41820.728356481479</v>
      </c>
      <c r="B7791" s="2">
        <v>20.7</v>
      </c>
      <c r="C7791" s="2">
        <v>195.8</v>
      </c>
      <c r="D7791" s="2">
        <v>0</v>
      </c>
      <c r="E7791" s="2">
        <v>303.79999999999131</v>
      </c>
    </row>
    <row r="7792" spans="1:5" x14ac:dyDescent="0.25">
      <c r="A7792" s="3">
        <v>41820.865624999999</v>
      </c>
      <c r="B7792" s="2">
        <v>20.5</v>
      </c>
      <c r="C7792" s="2">
        <v>195.6</v>
      </c>
      <c r="D7792" s="2">
        <v>0</v>
      </c>
      <c r="E7792" s="2">
        <v>303.79999999999131</v>
      </c>
    </row>
    <row r="7793" spans="1:5" x14ac:dyDescent="0.25">
      <c r="A7793" s="3">
        <v>41821.008449074077</v>
      </c>
      <c r="B7793" s="2">
        <v>18.399999999999999</v>
      </c>
      <c r="C7793" s="2">
        <v>195.4</v>
      </c>
      <c r="D7793" s="2">
        <v>0</v>
      </c>
      <c r="E7793" s="2">
        <v>303.79999999999131</v>
      </c>
    </row>
    <row r="7794" spans="1:5" x14ac:dyDescent="0.25">
      <c r="A7794" s="3">
        <v>41821.15729166667</v>
      </c>
      <c r="B7794" s="2">
        <v>16.3</v>
      </c>
      <c r="C7794" s="2">
        <v>195.2</v>
      </c>
      <c r="D7794" s="2">
        <v>0</v>
      </c>
      <c r="E7794" s="2">
        <v>303.79999999999131</v>
      </c>
    </row>
    <row r="7795" spans="1:5" x14ac:dyDescent="0.25">
      <c r="A7795" s="3">
        <v>41821.250173611108</v>
      </c>
      <c r="B7795" s="2">
        <v>15.5</v>
      </c>
      <c r="C7795" s="2">
        <v>195.2</v>
      </c>
      <c r="D7795" s="2">
        <v>0.2</v>
      </c>
      <c r="E7795" s="2">
        <v>303.9999999999913</v>
      </c>
    </row>
    <row r="7796" spans="1:5" x14ac:dyDescent="0.25">
      <c r="A7796" s="3">
        <v>41821.256076388891</v>
      </c>
      <c r="B7796" s="2">
        <v>15.5</v>
      </c>
      <c r="C7796" s="2">
        <v>195.4</v>
      </c>
      <c r="D7796" s="2">
        <v>0</v>
      </c>
      <c r="E7796" s="2">
        <v>303.9999999999913</v>
      </c>
    </row>
    <row r="7797" spans="1:5" x14ac:dyDescent="0.25">
      <c r="A7797" s="3">
        <v>41821.257291666669</v>
      </c>
      <c r="B7797" s="2">
        <v>15.4</v>
      </c>
      <c r="C7797" s="2">
        <v>195.4</v>
      </c>
      <c r="D7797" s="2">
        <v>0.2</v>
      </c>
      <c r="E7797" s="2">
        <v>304.19999999999129</v>
      </c>
    </row>
    <row r="7798" spans="1:5" x14ac:dyDescent="0.25">
      <c r="A7798" s="3">
        <v>41821.268518518518</v>
      </c>
      <c r="B7798" s="2">
        <v>15.4</v>
      </c>
      <c r="C7798" s="2">
        <v>195.4</v>
      </c>
      <c r="D7798" s="2">
        <v>0.2</v>
      </c>
      <c r="E7798" s="2">
        <v>304.39999999999128</v>
      </c>
    </row>
    <row r="7799" spans="1:5" x14ac:dyDescent="0.25">
      <c r="A7799" s="3">
        <v>41821.298148148147</v>
      </c>
      <c r="B7799" s="2">
        <v>15.2</v>
      </c>
      <c r="C7799" s="2">
        <v>195.6</v>
      </c>
      <c r="D7799" s="2">
        <v>0</v>
      </c>
      <c r="E7799" s="2">
        <v>304.39999999999128</v>
      </c>
    </row>
    <row r="7800" spans="1:5" x14ac:dyDescent="0.25">
      <c r="A7800" s="3">
        <v>41821.382986111108</v>
      </c>
      <c r="B7800" s="2">
        <v>15.2</v>
      </c>
      <c r="C7800" s="2">
        <v>195.6</v>
      </c>
      <c r="D7800" s="2">
        <v>0.2</v>
      </c>
      <c r="E7800" s="2">
        <v>304.59999999999127</v>
      </c>
    </row>
    <row r="7801" spans="1:5" x14ac:dyDescent="0.25">
      <c r="A7801" s="3">
        <v>41821.462384259263</v>
      </c>
      <c r="B7801" s="2">
        <v>17</v>
      </c>
      <c r="C7801" s="2">
        <v>195.4</v>
      </c>
      <c r="D7801" s="2">
        <v>0</v>
      </c>
      <c r="E7801" s="2">
        <v>304.59999999999127</v>
      </c>
    </row>
    <row r="7802" spans="1:5" x14ac:dyDescent="0.25">
      <c r="A7802" s="3">
        <v>41821.463541666664</v>
      </c>
      <c r="B7802" s="2">
        <v>17.2</v>
      </c>
      <c r="C7802" s="2">
        <v>195.6</v>
      </c>
      <c r="D7802" s="2">
        <v>0</v>
      </c>
      <c r="E7802" s="2">
        <v>304.59999999999127</v>
      </c>
    </row>
    <row r="7803" spans="1:5" x14ac:dyDescent="0.25">
      <c r="A7803" s="3">
        <v>41821.468229166669</v>
      </c>
      <c r="B7803" s="2">
        <v>17.399999999999999</v>
      </c>
      <c r="C7803" s="2">
        <v>195.4</v>
      </c>
      <c r="D7803" s="2">
        <v>0</v>
      </c>
      <c r="E7803" s="2">
        <v>304.59999999999127</v>
      </c>
    </row>
    <row r="7804" spans="1:5" x14ac:dyDescent="0.25">
      <c r="A7804" s="3">
        <v>41821.468807870369</v>
      </c>
      <c r="B7804" s="2">
        <v>17.5</v>
      </c>
      <c r="C7804" s="2">
        <v>195.6</v>
      </c>
      <c r="D7804" s="2">
        <v>0</v>
      </c>
      <c r="E7804" s="2">
        <v>304.59999999999127</v>
      </c>
    </row>
    <row r="7805" spans="1:5" x14ac:dyDescent="0.25">
      <c r="A7805" s="3">
        <v>41821.468981481485</v>
      </c>
      <c r="B7805" s="2">
        <v>17.5</v>
      </c>
      <c r="C7805" s="2">
        <v>195.4</v>
      </c>
      <c r="D7805" s="2">
        <v>0</v>
      </c>
      <c r="E7805" s="2">
        <v>304.59999999999127</v>
      </c>
    </row>
    <row r="7806" spans="1:5" x14ac:dyDescent="0.25">
      <c r="A7806" s="3">
        <v>41821.470254629632</v>
      </c>
      <c r="B7806" s="2">
        <v>17.600000000000001</v>
      </c>
      <c r="C7806" s="2">
        <v>195.6</v>
      </c>
      <c r="D7806" s="2">
        <v>0</v>
      </c>
      <c r="E7806" s="2">
        <v>304.59999999999127</v>
      </c>
    </row>
    <row r="7807" spans="1:5" x14ac:dyDescent="0.25">
      <c r="A7807" s="3">
        <v>41821.473321759258</v>
      </c>
      <c r="B7807" s="2">
        <v>17.899999999999999</v>
      </c>
      <c r="C7807" s="2">
        <v>195.4</v>
      </c>
      <c r="D7807" s="2">
        <v>0</v>
      </c>
      <c r="E7807" s="2">
        <v>304.59999999999127</v>
      </c>
    </row>
    <row r="7808" spans="1:5" x14ac:dyDescent="0.25">
      <c r="A7808" s="3">
        <v>41821.473611111112</v>
      </c>
      <c r="B7808" s="2">
        <v>17.899999999999999</v>
      </c>
      <c r="C7808" s="2">
        <v>195.6</v>
      </c>
      <c r="D7808" s="2">
        <v>0</v>
      </c>
      <c r="E7808" s="2">
        <v>304.59999999999127</v>
      </c>
    </row>
    <row r="7809" spans="1:5" x14ac:dyDescent="0.25">
      <c r="A7809" s="3">
        <v>41821.47378472222</v>
      </c>
      <c r="B7809" s="2">
        <v>17.899999999999999</v>
      </c>
      <c r="C7809" s="2">
        <v>195.4</v>
      </c>
      <c r="D7809" s="2">
        <v>0</v>
      </c>
      <c r="E7809" s="2">
        <v>304.59999999999127</v>
      </c>
    </row>
    <row r="7810" spans="1:5" x14ac:dyDescent="0.25">
      <c r="A7810" s="3">
        <v>41821.474189814813</v>
      </c>
      <c r="B7810" s="2">
        <v>17.899999999999999</v>
      </c>
      <c r="C7810" s="2">
        <v>195.6</v>
      </c>
      <c r="D7810" s="2">
        <v>0</v>
      </c>
      <c r="E7810" s="2">
        <v>304.59999999999127</v>
      </c>
    </row>
    <row r="7811" spans="1:5" x14ac:dyDescent="0.25">
      <c r="A7811" s="3">
        <v>41821.474363425928</v>
      </c>
      <c r="B7811" s="2">
        <v>17.899999999999999</v>
      </c>
      <c r="C7811" s="2">
        <v>195.4</v>
      </c>
      <c r="D7811" s="2">
        <v>0</v>
      </c>
      <c r="E7811" s="2">
        <v>304.59999999999127</v>
      </c>
    </row>
    <row r="7812" spans="1:5" x14ac:dyDescent="0.25">
      <c r="A7812" s="3">
        <v>41821.475752314815</v>
      </c>
      <c r="B7812" s="2">
        <v>17.899999999999999</v>
      </c>
      <c r="C7812" s="2">
        <v>195.6</v>
      </c>
      <c r="D7812" s="2">
        <v>0</v>
      </c>
      <c r="E7812" s="2">
        <v>304.59999999999127</v>
      </c>
    </row>
    <row r="7813" spans="1:5" x14ac:dyDescent="0.25">
      <c r="A7813" s="3">
        <v>41821.487615740742</v>
      </c>
      <c r="B7813" s="2">
        <v>18.8</v>
      </c>
      <c r="C7813" s="2">
        <v>195.4</v>
      </c>
      <c r="D7813" s="2">
        <v>0</v>
      </c>
      <c r="E7813" s="2">
        <v>304.59999999999127</v>
      </c>
    </row>
    <row r="7814" spans="1:5" x14ac:dyDescent="0.25">
      <c r="A7814" s="3">
        <v>41821.488310185188</v>
      </c>
      <c r="B7814" s="2">
        <v>18.899999999999999</v>
      </c>
      <c r="C7814" s="2">
        <v>195.6</v>
      </c>
      <c r="D7814" s="2">
        <v>0</v>
      </c>
      <c r="E7814" s="2">
        <v>304.59999999999127</v>
      </c>
    </row>
    <row r="7815" spans="1:5" x14ac:dyDescent="0.25">
      <c r="A7815" s="3">
        <v>41821.549189814818</v>
      </c>
      <c r="B7815" s="2">
        <v>22.6</v>
      </c>
      <c r="C7815" s="2">
        <v>195.4</v>
      </c>
      <c r="D7815" s="2">
        <v>0</v>
      </c>
      <c r="E7815" s="2">
        <v>304.59999999999127</v>
      </c>
    </row>
    <row r="7816" spans="1:5" x14ac:dyDescent="0.25">
      <c r="A7816" s="3">
        <v>41821.549884259257</v>
      </c>
      <c r="B7816" s="2">
        <v>22.7</v>
      </c>
      <c r="C7816" s="2">
        <v>195.6</v>
      </c>
      <c r="D7816" s="2">
        <v>0</v>
      </c>
      <c r="E7816" s="2">
        <v>304.59999999999127</v>
      </c>
    </row>
    <row r="7817" spans="1:5" x14ac:dyDescent="0.25">
      <c r="A7817" s="3">
        <v>41821.550347222219</v>
      </c>
      <c r="B7817" s="2">
        <v>22.7</v>
      </c>
      <c r="C7817" s="2">
        <v>195.4</v>
      </c>
      <c r="D7817" s="2">
        <v>0</v>
      </c>
      <c r="E7817" s="2">
        <v>304.59999999999127</v>
      </c>
    </row>
    <row r="7818" spans="1:5" x14ac:dyDescent="0.25">
      <c r="A7818" s="3">
        <v>41821.551157407404</v>
      </c>
      <c r="B7818" s="2">
        <v>22.7</v>
      </c>
      <c r="C7818" s="2">
        <v>195.6</v>
      </c>
      <c r="D7818" s="2">
        <v>0</v>
      </c>
      <c r="E7818" s="2">
        <v>304.59999999999127</v>
      </c>
    </row>
    <row r="7819" spans="1:5" x14ac:dyDescent="0.25">
      <c r="A7819" s="3">
        <v>41821.551562499997</v>
      </c>
      <c r="B7819" s="2">
        <v>22.8</v>
      </c>
      <c r="C7819" s="2">
        <v>195.4</v>
      </c>
      <c r="D7819" s="2">
        <v>0</v>
      </c>
      <c r="E7819" s="2">
        <v>304.59999999999127</v>
      </c>
    </row>
    <row r="7820" spans="1:5" x14ac:dyDescent="0.25">
      <c r="A7820" s="3">
        <v>41821.55196759259</v>
      </c>
      <c r="B7820" s="2">
        <v>22.8</v>
      </c>
      <c r="C7820" s="2">
        <v>195.6</v>
      </c>
      <c r="D7820" s="2">
        <v>0</v>
      </c>
      <c r="E7820" s="2">
        <v>304.59999999999127</v>
      </c>
    </row>
    <row r="7821" spans="1:5" x14ac:dyDescent="0.25">
      <c r="A7821" s="3">
        <v>41821.552199074074</v>
      </c>
      <c r="B7821" s="2">
        <v>22.8</v>
      </c>
      <c r="C7821" s="2">
        <v>195.4</v>
      </c>
      <c r="D7821" s="2">
        <v>0</v>
      </c>
      <c r="E7821" s="2">
        <v>304.59999999999127</v>
      </c>
    </row>
    <row r="7822" spans="1:5" x14ac:dyDescent="0.25">
      <c r="A7822" s="3">
        <v>41821.552256944444</v>
      </c>
      <c r="B7822" s="2">
        <v>22.8</v>
      </c>
      <c r="C7822" s="2">
        <v>195.6</v>
      </c>
      <c r="D7822" s="2">
        <v>0</v>
      </c>
      <c r="E7822" s="2">
        <v>304.59999999999127</v>
      </c>
    </row>
    <row r="7823" spans="1:5" x14ac:dyDescent="0.25">
      <c r="A7823" s="3">
        <v>41821.552662037036</v>
      </c>
      <c r="B7823" s="2">
        <v>22.8</v>
      </c>
      <c r="C7823" s="2">
        <v>195.4</v>
      </c>
      <c r="D7823" s="2">
        <v>0</v>
      </c>
      <c r="E7823" s="2">
        <v>304.59999999999127</v>
      </c>
    </row>
    <row r="7824" spans="1:5" x14ac:dyDescent="0.25">
      <c r="A7824" s="3">
        <v>41821.552719907406</v>
      </c>
      <c r="B7824" s="2">
        <v>22.8</v>
      </c>
      <c r="C7824" s="2">
        <v>195.6</v>
      </c>
      <c r="D7824" s="2">
        <v>0</v>
      </c>
      <c r="E7824" s="2">
        <v>304.59999999999127</v>
      </c>
    </row>
    <row r="7825" spans="1:5" x14ac:dyDescent="0.25">
      <c r="A7825" s="3">
        <v>41821.554224537038</v>
      </c>
      <c r="B7825" s="2">
        <v>23</v>
      </c>
      <c r="C7825" s="2">
        <v>195.4</v>
      </c>
      <c r="D7825" s="2">
        <v>0</v>
      </c>
      <c r="E7825" s="2">
        <v>304.59999999999127</v>
      </c>
    </row>
    <row r="7826" spans="1:5" x14ac:dyDescent="0.25">
      <c r="A7826" s="3">
        <v>41821.554340277777</v>
      </c>
      <c r="B7826" s="2">
        <v>22.9</v>
      </c>
      <c r="C7826" s="2">
        <v>195.6</v>
      </c>
      <c r="D7826" s="2">
        <v>0</v>
      </c>
      <c r="E7826" s="2">
        <v>304.59999999999127</v>
      </c>
    </row>
    <row r="7827" spans="1:5" x14ac:dyDescent="0.25">
      <c r="A7827" s="3">
        <v>41821.555034722223</v>
      </c>
      <c r="B7827" s="2">
        <v>23</v>
      </c>
      <c r="C7827" s="2">
        <v>195.4</v>
      </c>
      <c r="D7827" s="2">
        <v>0</v>
      </c>
      <c r="E7827" s="2">
        <v>304.59999999999127</v>
      </c>
    </row>
    <row r="7828" spans="1:5" x14ac:dyDescent="0.25">
      <c r="A7828" s="3">
        <v>41821.555208333331</v>
      </c>
      <c r="B7828" s="2">
        <v>23</v>
      </c>
      <c r="C7828" s="2">
        <v>195.6</v>
      </c>
      <c r="D7828" s="2">
        <v>0</v>
      </c>
      <c r="E7828" s="2">
        <v>304.59999999999127</v>
      </c>
    </row>
    <row r="7829" spans="1:5" x14ac:dyDescent="0.25">
      <c r="A7829" s="3">
        <v>41821.555324074077</v>
      </c>
      <c r="B7829" s="2">
        <v>23</v>
      </c>
      <c r="C7829" s="2">
        <v>195.4</v>
      </c>
      <c r="D7829" s="2">
        <v>0</v>
      </c>
      <c r="E7829" s="2">
        <v>304.59999999999127</v>
      </c>
    </row>
    <row r="7830" spans="1:5" x14ac:dyDescent="0.25">
      <c r="A7830" s="3">
        <v>41821.640740740739</v>
      </c>
      <c r="B7830" s="2">
        <v>26.3</v>
      </c>
      <c r="C7830" s="2">
        <v>195.2</v>
      </c>
      <c r="D7830" s="2">
        <v>0</v>
      </c>
      <c r="E7830" s="2">
        <v>304.59999999999127</v>
      </c>
    </row>
    <row r="7831" spans="1:5" x14ac:dyDescent="0.25">
      <c r="A7831" s="3">
        <v>41821.675925925927</v>
      </c>
      <c r="B7831" s="2">
        <v>25.8</v>
      </c>
      <c r="C7831" s="2">
        <v>195</v>
      </c>
      <c r="D7831" s="2">
        <v>0</v>
      </c>
      <c r="E7831" s="2">
        <v>304.59999999999127</v>
      </c>
    </row>
    <row r="7832" spans="1:5" x14ac:dyDescent="0.25">
      <c r="A7832" s="3">
        <v>41821.678472222222</v>
      </c>
      <c r="B7832" s="2">
        <v>25.8</v>
      </c>
      <c r="C7832" s="2">
        <v>195.2</v>
      </c>
      <c r="D7832" s="2">
        <v>0</v>
      </c>
      <c r="E7832" s="2">
        <v>304.59999999999127</v>
      </c>
    </row>
    <row r="7833" spans="1:5" x14ac:dyDescent="0.25">
      <c r="A7833" s="3">
        <v>41821.678587962961</v>
      </c>
      <c r="B7833" s="2">
        <v>25.8</v>
      </c>
      <c r="C7833" s="2">
        <v>195</v>
      </c>
      <c r="D7833" s="2">
        <v>0</v>
      </c>
      <c r="E7833" s="2">
        <v>304.59999999999127</v>
      </c>
    </row>
    <row r="7834" spans="1:5" x14ac:dyDescent="0.25">
      <c r="A7834" s="3">
        <v>41821.711342592593</v>
      </c>
      <c r="B7834" s="2">
        <v>25.6</v>
      </c>
      <c r="C7834" s="2">
        <v>194.8</v>
      </c>
      <c r="D7834" s="2">
        <v>0</v>
      </c>
      <c r="E7834" s="2">
        <v>304.59999999999127</v>
      </c>
    </row>
    <row r="7835" spans="1:5" x14ac:dyDescent="0.25">
      <c r="A7835" s="3">
        <v>41821.740277777775</v>
      </c>
      <c r="B7835" s="2">
        <v>25.5</v>
      </c>
      <c r="C7835" s="2">
        <v>194.6</v>
      </c>
      <c r="D7835" s="2">
        <v>0</v>
      </c>
      <c r="E7835" s="2">
        <v>304.59999999999127</v>
      </c>
    </row>
    <row r="7836" spans="1:5" x14ac:dyDescent="0.25">
      <c r="A7836" s="3">
        <v>41821.814872685187</v>
      </c>
      <c r="B7836" s="2">
        <v>24.8</v>
      </c>
      <c r="C7836" s="2">
        <v>194.4</v>
      </c>
      <c r="D7836" s="2">
        <v>0</v>
      </c>
      <c r="E7836" s="2">
        <v>304.59999999999127</v>
      </c>
    </row>
    <row r="7837" spans="1:5" x14ac:dyDescent="0.25">
      <c r="A7837" s="3">
        <v>41821.858449074076</v>
      </c>
      <c r="B7837" s="2">
        <v>24</v>
      </c>
      <c r="C7837" s="2">
        <v>194.2</v>
      </c>
      <c r="D7837" s="2">
        <v>0</v>
      </c>
      <c r="E7837" s="2">
        <v>304.59999999999127</v>
      </c>
    </row>
    <row r="7838" spans="1:5" x14ac:dyDescent="0.25">
      <c r="A7838" s="3">
        <v>41821.933391203704</v>
      </c>
      <c r="B7838" s="2">
        <v>22.5</v>
      </c>
      <c r="C7838" s="2">
        <v>194</v>
      </c>
      <c r="D7838" s="2">
        <v>0</v>
      </c>
      <c r="E7838" s="2">
        <v>304.59999999999127</v>
      </c>
    </row>
    <row r="7839" spans="1:5" x14ac:dyDescent="0.25">
      <c r="A7839" s="3">
        <v>41822.036747685182</v>
      </c>
      <c r="B7839" s="2">
        <v>20.6</v>
      </c>
      <c r="C7839" s="2">
        <v>193.8</v>
      </c>
      <c r="D7839" s="2">
        <v>0</v>
      </c>
      <c r="E7839" s="2">
        <v>304.59999999999127</v>
      </c>
    </row>
    <row r="7840" spans="1:5" x14ac:dyDescent="0.25">
      <c r="A7840" s="3">
        <v>41822.157638888886</v>
      </c>
      <c r="B7840" s="2">
        <v>18.600000000000001</v>
      </c>
      <c r="C7840" s="2">
        <v>193.6</v>
      </c>
      <c r="D7840" s="2">
        <v>0</v>
      </c>
      <c r="E7840" s="2">
        <v>304.59999999999127</v>
      </c>
    </row>
    <row r="7841" spans="1:5" x14ac:dyDescent="0.25">
      <c r="A7841" s="3">
        <v>41822.265972222223</v>
      </c>
      <c r="B7841" s="2">
        <v>17.100000000000001</v>
      </c>
      <c r="C7841" s="2">
        <v>193.4</v>
      </c>
      <c r="D7841" s="2">
        <v>0</v>
      </c>
      <c r="E7841" s="2">
        <v>304.59999999999127</v>
      </c>
    </row>
    <row r="7842" spans="1:5" x14ac:dyDescent="0.25">
      <c r="A7842" s="3">
        <v>41822.307291666664</v>
      </c>
      <c r="B7842" s="2">
        <v>17.100000000000001</v>
      </c>
      <c r="C7842" s="2">
        <v>193.2</v>
      </c>
      <c r="D7842" s="2">
        <v>0</v>
      </c>
      <c r="E7842" s="2">
        <v>304.59999999999127</v>
      </c>
    </row>
    <row r="7843" spans="1:5" x14ac:dyDescent="0.25">
      <c r="A7843" s="3">
        <v>41822.425462962965</v>
      </c>
      <c r="B7843" s="2">
        <v>19.399999999999999</v>
      </c>
      <c r="C7843" s="2">
        <v>193</v>
      </c>
      <c r="D7843" s="2">
        <v>0</v>
      </c>
      <c r="E7843" s="2">
        <v>304.59999999999127</v>
      </c>
    </row>
    <row r="7844" spans="1:5" x14ac:dyDescent="0.25">
      <c r="A7844" s="3">
        <v>41822.425694444442</v>
      </c>
      <c r="B7844" s="2">
        <v>19.399999999999999</v>
      </c>
      <c r="C7844" s="2">
        <v>193.2</v>
      </c>
      <c r="D7844" s="2">
        <v>0</v>
      </c>
      <c r="E7844" s="2">
        <v>304.59999999999127</v>
      </c>
    </row>
    <row r="7845" spans="1:5" x14ac:dyDescent="0.25">
      <c r="A7845" s="3">
        <v>41822.425983796296</v>
      </c>
      <c r="B7845" s="2">
        <v>19.399999999999999</v>
      </c>
      <c r="C7845" s="2">
        <v>193</v>
      </c>
      <c r="D7845" s="2">
        <v>0</v>
      </c>
      <c r="E7845" s="2">
        <v>304.59999999999127</v>
      </c>
    </row>
    <row r="7846" spans="1:5" x14ac:dyDescent="0.25">
      <c r="A7846" s="3">
        <v>41822.42627314815</v>
      </c>
      <c r="B7846" s="2">
        <v>19.399999999999999</v>
      </c>
      <c r="C7846" s="2">
        <v>193.2</v>
      </c>
      <c r="D7846" s="2">
        <v>0</v>
      </c>
      <c r="E7846" s="2">
        <v>304.59999999999127</v>
      </c>
    </row>
    <row r="7847" spans="1:5" x14ac:dyDescent="0.25">
      <c r="A7847" s="3">
        <v>41822.430497685185</v>
      </c>
      <c r="B7847" s="2">
        <v>19.5</v>
      </c>
      <c r="C7847" s="2">
        <v>193</v>
      </c>
      <c r="D7847" s="2">
        <v>0</v>
      </c>
      <c r="E7847" s="2">
        <v>304.59999999999127</v>
      </c>
    </row>
    <row r="7848" spans="1:5" x14ac:dyDescent="0.25">
      <c r="A7848" s="3">
        <v>41822.57534722222</v>
      </c>
      <c r="B7848" s="2">
        <v>25</v>
      </c>
      <c r="C7848" s="2">
        <v>192.8</v>
      </c>
      <c r="D7848" s="2">
        <v>0</v>
      </c>
      <c r="E7848" s="2">
        <v>304.59999999999127</v>
      </c>
    </row>
    <row r="7849" spans="1:5" x14ac:dyDescent="0.25">
      <c r="A7849" s="3">
        <v>41822.575462962966</v>
      </c>
      <c r="B7849" s="2">
        <v>25</v>
      </c>
      <c r="C7849" s="2">
        <v>193</v>
      </c>
      <c r="D7849" s="2">
        <v>0</v>
      </c>
      <c r="E7849" s="2">
        <v>304.59999999999127</v>
      </c>
    </row>
    <row r="7850" spans="1:5" x14ac:dyDescent="0.25">
      <c r="A7850" s="3">
        <v>41822.577488425923</v>
      </c>
      <c r="B7850" s="2">
        <v>25</v>
      </c>
      <c r="C7850" s="2">
        <v>192.8</v>
      </c>
      <c r="D7850" s="2">
        <v>0</v>
      </c>
      <c r="E7850" s="2">
        <v>304.59999999999127</v>
      </c>
    </row>
    <row r="7851" spans="1:5" x14ac:dyDescent="0.25">
      <c r="A7851" s="3">
        <v>41822.577546296299</v>
      </c>
      <c r="B7851" s="2">
        <v>25</v>
      </c>
      <c r="C7851" s="2">
        <v>193</v>
      </c>
      <c r="D7851" s="2">
        <v>0</v>
      </c>
      <c r="E7851" s="2">
        <v>304.59999999999127</v>
      </c>
    </row>
    <row r="7852" spans="1:5" x14ac:dyDescent="0.25">
      <c r="A7852" s="3">
        <v>41822.577777777777</v>
      </c>
      <c r="B7852" s="2">
        <v>25</v>
      </c>
      <c r="C7852" s="2">
        <v>192.8</v>
      </c>
      <c r="D7852" s="2">
        <v>0</v>
      </c>
      <c r="E7852" s="2">
        <v>304.59999999999127</v>
      </c>
    </row>
    <row r="7853" spans="1:5" x14ac:dyDescent="0.25">
      <c r="A7853" s="3">
        <v>41822.577835648146</v>
      </c>
      <c r="B7853" s="2">
        <v>25</v>
      </c>
      <c r="C7853" s="2">
        <v>193</v>
      </c>
      <c r="D7853" s="2">
        <v>0</v>
      </c>
      <c r="E7853" s="2">
        <v>304.59999999999127</v>
      </c>
    </row>
    <row r="7854" spans="1:5" x14ac:dyDescent="0.25">
      <c r="A7854" s="3">
        <v>41822.578356481485</v>
      </c>
      <c r="B7854" s="2">
        <v>25</v>
      </c>
      <c r="C7854" s="2">
        <v>192.8</v>
      </c>
      <c r="D7854" s="2">
        <v>0</v>
      </c>
      <c r="E7854" s="2">
        <v>304.59999999999127</v>
      </c>
    </row>
    <row r="7855" spans="1:5" x14ac:dyDescent="0.25">
      <c r="A7855" s="3">
        <v>41822.578587962962</v>
      </c>
      <c r="B7855" s="2">
        <v>25</v>
      </c>
      <c r="C7855" s="2">
        <v>193</v>
      </c>
      <c r="D7855" s="2">
        <v>0</v>
      </c>
      <c r="E7855" s="2">
        <v>304.59999999999127</v>
      </c>
    </row>
    <row r="7856" spans="1:5" x14ac:dyDescent="0.25">
      <c r="A7856" s="3">
        <v>41822.578877314816</v>
      </c>
      <c r="B7856" s="2">
        <v>25</v>
      </c>
      <c r="C7856" s="2">
        <v>192.8</v>
      </c>
      <c r="D7856" s="2">
        <v>0</v>
      </c>
      <c r="E7856" s="2">
        <v>304.59999999999127</v>
      </c>
    </row>
    <row r="7857" spans="1:5" x14ac:dyDescent="0.25">
      <c r="A7857" s="3">
        <v>41822.579398148147</v>
      </c>
      <c r="B7857" s="2">
        <v>25</v>
      </c>
      <c r="C7857" s="2">
        <v>193</v>
      </c>
      <c r="D7857" s="2">
        <v>0</v>
      </c>
      <c r="E7857" s="2">
        <v>304.59999999999127</v>
      </c>
    </row>
    <row r="7858" spans="1:5" x14ac:dyDescent="0.25">
      <c r="A7858" s="3">
        <v>41822.579571759263</v>
      </c>
      <c r="B7858" s="2">
        <v>25</v>
      </c>
      <c r="C7858" s="2">
        <v>192.8</v>
      </c>
      <c r="D7858" s="2">
        <v>0</v>
      </c>
      <c r="E7858" s="2">
        <v>304.59999999999127</v>
      </c>
    </row>
    <row r="7859" spans="1:5" x14ac:dyDescent="0.25">
      <c r="A7859" s="3">
        <v>41822.579629629632</v>
      </c>
      <c r="B7859" s="2">
        <v>25</v>
      </c>
      <c r="C7859" s="2">
        <v>193</v>
      </c>
      <c r="D7859" s="2">
        <v>0</v>
      </c>
      <c r="E7859" s="2">
        <v>304.59999999999127</v>
      </c>
    </row>
    <row r="7860" spans="1:5" x14ac:dyDescent="0.25">
      <c r="A7860" s="3">
        <v>41822.57980324074</v>
      </c>
      <c r="B7860" s="2">
        <v>25</v>
      </c>
      <c r="C7860" s="2">
        <v>192.8</v>
      </c>
      <c r="D7860" s="2">
        <v>0</v>
      </c>
      <c r="E7860" s="2">
        <v>304.59999999999127</v>
      </c>
    </row>
    <row r="7861" spans="1:5" x14ac:dyDescent="0.25">
      <c r="A7861" s="3">
        <v>41822.580381944441</v>
      </c>
      <c r="B7861" s="2">
        <v>25</v>
      </c>
      <c r="C7861" s="2">
        <v>193</v>
      </c>
      <c r="D7861" s="2">
        <v>0</v>
      </c>
      <c r="E7861" s="2">
        <v>304.59999999999127</v>
      </c>
    </row>
    <row r="7862" spans="1:5" x14ac:dyDescent="0.25">
      <c r="A7862" s="3">
        <v>41822.580497685187</v>
      </c>
      <c r="B7862" s="2">
        <v>25</v>
      </c>
      <c r="C7862" s="2">
        <v>192.8</v>
      </c>
      <c r="D7862" s="2">
        <v>0</v>
      </c>
      <c r="E7862" s="2">
        <v>304.59999999999127</v>
      </c>
    </row>
    <row r="7863" spans="1:5" x14ac:dyDescent="0.25">
      <c r="A7863" s="3">
        <v>41822.58084490741</v>
      </c>
      <c r="B7863" s="2">
        <v>25</v>
      </c>
      <c r="C7863" s="2">
        <v>193</v>
      </c>
      <c r="D7863" s="2">
        <v>0</v>
      </c>
      <c r="E7863" s="2">
        <v>304.59999999999127</v>
      </c>
    </row>
    <row r="7864" spans="1:5" x14ac:dyDescent="0.25">
      <c r="A7864" s="3">
        <v>41822.580960648149</v>
      </c>
      <c r="B7864" s="2">
        <v>25</v>
      </c>
      <c r="C7864" s="2">
        <v>192.8</v>
      </c>
      <c r="D7864" s="2">
        <v>0</v>
      </c>
      <c r="E7864" s="2">
        <v>304.59999999999127</v>
      </c>
    </row>
    <row r="7865" spans="1:5" x14ac:dyDescent="0.25">
      <c r="A7865" s="3">
        <v>41822.583796296298</v>
      </c>
      <c r="B7865" s="2">
        <v>25</v>
      </c>
      <c r="C7865" s="2">
        <v>193</v>
      </c>
      <c r="D7865" s="2">
        <v>0</v>
      </c>
      <c r="E7865" s="2">
        <v>304.59999999999127</v>
      </c>
    </row>
    <row r="7866" spans="1:5" x14ac:dyDescent="0.25">
      <c r="A7866" s="3">
        <v>41822.583912037036</v>
      </c>
      <c r="B7866" s="2">
        <v>25</v>
      </c>
      <c r="C7866" s="2">
        <v>192.8</v>
      </c>
      <c r="D7866" s="2">
        <v>0</v>
      </c>
      <c r="E7866" s="2">
        <v>304.59999999999127</v>
      </c>
    </row>
    <row r="7867" spans="1:5" x14ac:dyDescent="0.25">
      <c r="A7867" s="3">
        <v>41822.591203703705</v>
      </c>
      <c r="B7867" s="2">
        <v>25.4</v>
      </c>
      <c r="C7867" s="2">
        <v>192.6</v>
      </c>
      <c r="D7867" s="2">
        <v>0</v>
      </c>
      <c r="E7867" s="2">
        <v>304.59999999999127</v>
      </c>
    </row>
    <row r="7868" spans="1:5" x14ac:dyDescent="0.25">
      <c r="A7868" s="3">
        <v>41822.591261574074</v>
      </c>
      <c r="B7868" s="2">
        <v>25.4</v>
      </c>
      <c r="C7868" s="2">
        <v>192.8</v>
      </c>
      <c r="D7868" s="2">
        <v>0</v>
      </c>
      <c r="E7868" s="2">
        <v>304.59999999999127</v>
      </c>
    </row>
    <row r="7869" spans="1:5" x14ac:dyDescent="0.25">
      <c r="A7869" s="3">
        <v>41822.592303240737</v>
      </c>
      <c r="B7869" s="2">
        <v>25.5</v>
      </c>
      <c r="C7869" s="2">
        <v>192.6</v>
      </c>
      <c r="D7869" s="2">
        <v>0</v>
      </c>
      <c r="E7869" s="2">
        <v>304.59999999999127</v>
      </c>
    </row>
    <row r="7870" spans="1:5" x14ac:dyDescent="0.25">
      <c r="A7870" s="3">
        <v>41822.592361111114</v>
      </c>
      <c r="B7870" s="2">
        <v>25.4</v>
      </c>
      <c r="C7870" s="2">
        <v>192.8</v>
      </c>
      <c r="D7870" s="2">
        <v>0</v>
      </c>
      <c r="E7870" s="2">
        <v>304.59999999999127</v>
      </c>
    </row>
    <row r="7871" spans="1:5" x14ac:dyDescent="0.25">
      <c r="A7871" s="3">
        <v>41822.59270833333</v>
      </c>
      <c r="B7871" s="2">
        <v>25.5</v>
      </c>
      <c r="C7871" s="2">
        <v>192.6</v>
      </c>
      <c r="D7871" s="2">
        <v>0</v>
      </c>
      <c r="E7871" s="2">
        <v>304.59999999999127</v>
      </c>
    </row>
    <row r="7872" spans="1:5" x14ac:dyDescent="0.25">
      <c r="A7872" s="3">
        <v>41822.592766203707</v>
      </c>
      <c r="B7872" s="2">
        <v>25.5</v>
      </c>
      <c r="C7872" s="2">
        <v>192.8</v>
      </c>
      <c r="D7872" s="2">
        <v>0</v>
      </c>
      <c r="E7872" s="2">
        <v>304.59999999999127</v>
      </c>
    </row>
    <row r="7873" spans="1:5" x14ac:dyDescent="0.25">
      <c r="A7873" s="3">
        <v>41822.59479166667</v>
      </c>
      <c r="B7873" s="2">
        <v>25.6</v>
      </c>
      <c r="C7873" s="2">
        <v>192.6</v>
      </c>
      <c r="D7873" s="2">
        <v>0</v>
      </c>
      <c r="E7873" s="2">
        <v>304.59999999999127</v>
      </c>
    </row>
    <row r="7874" spans="1:5" x14ac:dyDescent="0.25">
      <c r="A7874" s="3">
        <v>41822.594965277778</v>
      </c>
      <c r="B7874" s="2">
        <v>25.6</v>
      </c>
      <c r="C7874" s="2">
        <v>192.8</v>
      </c>
      <c r="D7874" s="2">
        <v>0</v>
      </c>
      <c r="E7874" s="2">
        <v>304.59999999999127</v>
      </c>
    </row>
    <row r="7875" spans="1:5" x14ac:dyDescent="0.25">
      <c r="A7875" s="3">
        <v>41822.595081018517</v>
      </c>
      <c r="B7875" s="2">
        <v>25.6</v>
      </c>
      <c r="C7875" s="2">
        <v>192.6</v>
      </c>
      <c r="D7875" s="2">
        <v>0</v>
      </c>
      <c r="E7875" s="2">
        <v>304.59999999999127</v>
      </c>
    </row>
    <row r="7876" spans="1:5" x14ac:dyDescent="0.25">
      <c r="A7876" s="3">
        <v>41822.595370370371</v>
      </c>
      <c r="B7876" s="2">
        <v>25.6</v>
      </c>
      <c r="C7876" s="2">
        <v>192.8</v>
      </c>
      <c r="D7876" s="2">
        <v>0</v>
      </c>
      <c r="E7876" s="2">
        <v>304.59999999999127</v>
      </c>
    </row>
    <row r="7877" spans="1:5" x14ac:dyDescent="0.25">
      <c r="A7877" s="3">
        <v>41822.59542824074</v>
      </c>
      <c r="B7877" s="2">
        <v>25.6</v>
      </c>
      <c r="C7877" s="2">
        <v>192.6</v>
      </c>
      <c r="D7877" s="2">
        <v>0</v>
      </c>
      <c r="E7877" s="2">
        <v>304.59999999999127</v>
      </c>
    </row>
    <row r="7878" spans="1:5" x14ac:dyDescent="0.25">
      <c r="A7878" s="3">
        <v>41822.595717592594</v>
      </c>
      <c r="B7878" s="2">
        <v>25.6</v>
      </c>
      <c r="C7878" s="2">
        <v>192.8</v>
      </c>
      <c r="D7878" s="2">
        <v>0</v>
      </c>
      <c r="E7878" s="2">
        <v>304.59999999999127</v>
      </c>
    </row>
    <row r="7879" spans="1:5" x14ac:dyDescent="0.25">
      <c r="A7879" s="3">
        <v>41822.595833333333</v>
      </c>
      <c r="B7879" s="2">
        <v>25.7</v>
      </c>
      <c r="C7879" s="2">
        <v>192.6</v>
      </c>
      <c r="D7879" s="2">
        <v>0</v>
      </c>
      <c r="E7879" s="2">
        <v>304.59999999999127</v>
      </c>
    </row>
    <row r="7880" spans="1:5" x14ac:dyDescent="0.25">
      <c r="A7880" s="3">
        <v>41822.596585648149</v>
      </c>
      <c r="B7880" s="2">
        <v>25.6</v>
      </c>
      <c r="C7880" s="2">
        <v>192.8</v>
      </c>
      <c r="D7880" s="2">
        <v>0</v>
      </c>
      <c r="E7880" s="2">
        <v>304.59999999999127</v>
      </c>
    </row>
    <row r="7881" spans="1:5" x14ac:dyDescent="0.25">
      <c r="A7881" s="3">
        <v>41822.596643518518</v>
      </c>
      <c r="B7881" s="2">
        <v>25.6</v>
      </c>
      <c r="C7881" s="2">
        <v>192.6</v>
      </c>
      <c r="D7881" s="2">
        <v>0</v>
      </c>
      <c r="E7881" s="2">
        <v>304.59999999999127</v>
      </c>
    </row>
    <row r="7882" spans="1:5" x14ac:dyDescent="0.25">
      <c r="A7882" s="3">
        <v>41822.625636574077</v>
      </c>
      <c r="B7882" s="2">
        <v>27</v>
      </c>
      <c r="C7882" s="2">
        <v>192.4</v>
      </c>
      <c r="D7882" s="2">
        <v>0</v>
      </c>
      <c r="E7882" s="2">
        <v>304.59999999999127</v>
      </c>
    </row>
    <row r="7883" spans="1:5" x14ac:dyDescent="0.25">
      <c r="A7883" s="3">
        <v>41822.627488425926</v>
      </c>
      <c r="B7883" s="2">
        <v>27</v>
      </c>
      <c r="C7883" s="2">
        <v>192.6</v>
      </c>
      <c r="D7883" s="2">
        <v>0</v>
      </c>
      <c r="E7883" s="2">
        <v>304.59999999999127</v>
      </c>
    </row>
    <row r="7884" spans="1:5" x14ac:dyDescent="0.25">
      <c r="A7884" s="3">
        <v>41822.627604166664</v>
      </c>
      <c r="B7884" s="2">
        <v>27</v>
      </c>
      <c r="C7884" s="2">
        <v>192.4</v>
      </c>
      <c r="D7884" s="2">
        <v>0</v>
      </c>
      <c r="E7884" s="2">
        <v>304.59999999999127</v>
      </c>
    </row>
    <row r="7885" spans="1:5" x14ac:dyDescent="0.25">
      <c r="A7885" s="3">
        <v>41822.62771990741</v>
      </c>
      <c r="B7885" s="2">
        <v>27.1</v>
      </c>
      <c r="C7885" s="2">
        <v>192.6</v>
      </c>
      <c r="D7885" s="2">
        <v>0</v>
      </c>
      <c r="E7885" s="2">
        <v>304.59999999999127</v>
      </c>
    </row>
    <row r="7886" spans="1:5" x14ac:dyDescent="0.25">
      <c r="A7886" s="3">
        <v>41822.627835648149</v>
      </c>
      <c r="B7886" s="2">
        <v>27.1</v>
      </c>
      <c r="C7886" s="2">
        <v>192.4</v>
      </c>
      <c r="D7886" s="2">
        <v>0</v>
      </c>
      <c r="E7886" s="2">
        <v>304.59999999999127</v>
      </c>
    </row>
    <row r="7887" spans="1:5" x14ac:dyDescent="0.25">
      <c r="A7887" s="3">
        <v>41822.636111111111</v>
      </c>
      <c r="B7887" s="2">
        <v>27.5</v>
      </c>
      <c r="C7887" s="2">
        <v>192.6</v>
      </c>
      <c r="D7887" s="2">
        <v>0</v>
      </c>
      <c r="E7887" s="2">
        <v>304.59999999999127</v>
      </c>
    </row>
    <row r="7888" spans="1:5" x14ac:dyDescent="0.25">
      <c r="A7888" s="3">
        <v>41822.63616898148</v>
      </c>
      <c r="B7888" s="2">
        <v>27.4</v>
      </c>
      <c r="C7888" s="2">
        <v>192.4</v>
      </c>
      <c r="D7888" s="2">
        <v>0</v>
      </c>
      <c r="E7888" s="2">
        <v>304.59999999999127</v>
      </c>
    </row>
    <row r="7889" spans="1:5" x14ac:dyDescent="0.25">
      <c r="A7889" s="3">
        <v>41822.644560185188</v>
      </c>
      <c r="B7889" s="2">
        <v>27.7</v>
      </c>
      <c r="C7889" s="2">
        <v>192.6</v>
      </c>
      <c r="D7889" s="2">
        <v>0</v>
      </c>
      <c r="E7889" s="2">
        <v>304.59999999999127</v>
      </c>
    </row>
    <row r="7890" spans="1:5" x14ac:dyDescent="0.25">
      <c r="A7890" s="3">
        <v>41822.649594907409</v>
      </c>
      <c r="B7890" s="2">
        <v>27.8</v>
      </c>
      <c r="C7890" s="2">
        <v>192.4</v>
      </c>
      <c r="D7890" s="2">
        <v>0</v>
      </c>
      <c r="E7890" s="2">
        <v>304.59999999999127</v>
      </c>
    </row>
    <row r="7891" spans="1:5" x14ac:dyDescent="0.25">
      <c r="A7891" s="3">
        <v>41822.649884259263</v>
      </c>
      <c r="B7891" s="2">
        <v>27.8</v>
      </c>
      <c r="C7891" s="2">
        <v>192.6</v>
      </c>
      <c r="D7891" s="2">
        <v>0</v>
      </c>
      <c r="E7891" s="2">
        <v>304.59999999999127</v>
      </c>
    </row>
    <row r="7892" spans="1:5" x14ac:dyDescent="0.25">
      <c r="A7892" s="3">
        <v>41822.650231481479</v>
      </c>
      <c r="B7892" s="2">
        <v>27.8</v>
      </c>
      <c r="C7892" s="2">
        <v>192.4</v>
      </c>
      <c r="D7892" s="2">
        <v>0</v>
      </c>
      <c r="E7892" s="2">
        <v>304.59999999999127</v>
      </c>
    </row>
    <row r="7893" spans="1:5" x14ac:dyDescent="0.25">
      <c r="A7893" s="3">
        <v>41822.689062500001</v>
      </c>
      <c r="B7893" s="2">
        <v>27.5</v>
      </c>
      <c r="C7893" s="2">
        <v>192.2</v>
      </c>
      <c r="D7893" s="2">
        <v>0</v>
      </c>
      <c r="E7893" s="2">
        <v>304.59999999999127</v>
      </c>
    </row>
    <row r="7894" spans="1:5" x14ac:dyDescent="0.25">
      <c r="A7894" s="3">
        <v>41822.707465277781</v>
      </c>
      <c r="B7894" s="2">
        <v>27.3</v>
      </c>
      <c r="C7894" s="2">
        <v>192</v>
      </c>
      <c r="D7894" s="2">
        <v>0</v>
      </c>
      <c r="E7894" s="2">
        <v>304.59999999999127</v>
      </c>
    </row>
    <row r="7895" spans="1:5" x14ac:dyDescent="0.25">
      <c r="A7895" s="3">
        <v>41822.75341435185</v>
      </c>
      <c r="B7895" s="2">
        <v>26.8</v>
      </c>
      <c r="C7895" s="2">
        <v>191.8</v>
      </c>
      <c r="D7895" s="2">
        <v>0</v>
      </c>
      <c r="E7895" s="2">
        <v>304.59999999999127</v>
      </c>
    </row>
    <row r="7896" spans="1:5" x14ac:dyDescent="0.25">
      <c r="A7896" s="3">
        <v>41822.799131944441</v>
      </c>
      <c r="B7896" s="2">
        <v>26.1</v>
      </c>
      <c r="C7896" s="2">
        <v>191.6</v>
      </c>
      <c r="D7896" s="2">
        <v>0</v>
      </c>
      <c r="E7896" s="2">
        <v>304.59999999999127</v>
      </c>
    </row>
    <row r="7897" spans="1:5" x14ac:dyDescent="0.25">
      <c r="A7897" s="3">
        <v>41822.844155092593</v>
      </c>
      <c r="B7897" s="2">
        <v>25.4</v>
      </c>
      <c r="C7897" s="2">
        <v>191.4</v>
      </c>
      <c r="D7897" s="2">
        <v>0</v>
      </c>
      <c r="E7897" s="2">
        <v>304.59999999999127</v>
      </c>
    </row>
    <row r="7898" spans="1:5" x14ac:dyDescent="0.25">
      <c r="A7898" s="3">
        <v>41822.894965277781</v>
      </c>
      <c r="B7898" s="2">
        <v>24.4</v>
      </c>
      <c r="C7898" s="2">
        <v>191.2</v>
      </c>
      <c r="D7898" s="2">
        <v>0</v>
      </c>
      <c r="E7898" s="2">
        <v>304.59999999999127</v>
      </c>
    </row>
    <row r="7899" spans="1:5" x14ac:dyDescent="0.25">
      <c r="A7899" s="3">
        <v>41822.968344907407</v>
      </c>
      <c r="B7899" s="2">
        <v>23.2</v>
      </c>
      <c r="C7899" s="2">
        <v>191</v>
      </c>
      <c r="D7899" s="2">
        <v>0</v>
      </c>
      <c r="E7899" s="2">
        <v>304.59999999999127</v>
      </c>
    </row>
    <row r="7900" spans="1:5" x14ac:dyDescent="0.25">
      <c r="A7900" s="3">
        <v>41823.01666666667</v>
      </c>
      <c r="B7900" s="2">
        <v>22.5</v>
      </c>
      <c r="C7900" s="2">
        <v>190.8</v>
      </c>
      <c r="D7900" s="2">
        <v>0</v>
      </c>
      <c r="E7900" s="2">
        <v>304.59999999999127</v>
      </c>
    </row>
    <row r="7901" spans="1:5" x14ac:dyDescent="0.25">
      <c r="A7901" s="3">
        <v>41823.019965277781</v>
      </c>
      <c r="B7901" s="2">
        <v>22.4</v>
      </c>
      <c r="C7901" s="2">
        <v>191</v>
      </c>
      <c r="D7901" s="2">
        <v>0</v>
      </c>
      <c r="E7901" s="2">
        <v>304.59999999999127</v>
      </c>
    </row>
    <row r="7902" spans="1:5" x14ac:dyDescent="0.25">
      <c r="A7902" s="3">
        <v>41823.020196759258</v>
      </c>
      <c r="B7902" s="2">
        <v>22.4</v>
      </c>
      <c r="C7902" s="2">
        <v>190.8</v>
      </c>
      <c r="D7902" s="2">
        <v>0</v>
      </c>
      <c r="E7902" s="2">
        <v>304.59999999999127</v>
      </c>
    </row>
    <row r="7903" spans="1:5" x14ac:dyDescent="0.25">
      <c r="A7903" s="3">
        <v>41823.04184027778</v>
      </c>
      <c r="B7903" s="2">
        <v>21.8</v>
      </c>
      <c r="C7903" s="2">
        <v>190.6</v>
      </c>
      <c r="D7903" s="2">
        <v>0</v>
      </c>
      <c r="E7903" s="2">
        <v>304.59999999999127</v>
      </c>
    </row>
    <row r="7904" spans="1:5" x14ac:dyDescent="0.25">
      <c r="A7904" s="3">
        <v>41823.044675925928</v>
      </c>
      <c r="B7904" s="2">
        <v>21.7</v>
      </c>
      <c r="C7904" s="2">
        <v>190.8</v>
      </c>
      <c r="D7904" s="2">
        <v>0</v>
      </c>
      <c r="E7904" s="2">
        <v>304.59999999999127</v>
      </c>
    </row>
    <row r="7905" spans="1:5" x14ac:dyDescent="0.25">
      <c r="A7905" s="3">
        <v>41823.044965277775</v>
      </c>
      <c r="B7905" s="2">
        <v>21.7</v>
      </c>
      <c r="C7905" s="2">
        <v>190.6</v>
      </c>
      <c r="D7905" s="2">
        <v>0</v>
      </c>
      <c r="E7905" s="2">
        <v>304.59999999999127</v>
      </c>
    </row>
    <row r="7906" spans="1:5" x14ac:dyDescent="0.25">
      <c r="A7906" s="3">
        <v>41823.047569444447</v>
      </c>
      <c r="B7906" s="2">
        <v>21.6</v>
      </c>
      <c r="C7906" s="2">
        <v>190.8</v>
      </c>
      <c r="D7906" s="2">
        <v>0</v>
      </c>
      <c r="E7906" s="2">
        <v>304.59999999999127</v>
      </c>
    </row>
    <row r="7907" spans="1:5" x14ac:dyDescent="0.25">
      <c r="A7907" s="3">
        <v>41823.047627314816</v>
      </c>
      <c r="B7907" s="2">
        <v>21.6</v>
      </c>
      <c r="C7907" s="2">
        <v>190.6</v>
      </c>
      <c r="D7907" s="2">
        <v>0</v>
      </c>
      <c r="E7907" s="2">
        <v>304.59999999999127</v>
      </c>
    </row>
    <row r="7908" spans="1:5" x14ac:dyDescent="0.25">
      <c r="A7908" s="3">
        <v>41823.050810185188</v>
      </c>
      <c r="B7908" s="2">
        <v>21.5</v>
      </c>
      <c r="C7908" s="2">
        <v>190.8</v>
      </c>
      <c r="D7908" s="2">
        <v>0</v>
      </c>
      <c r="E7908" s="2">
        <v>304.59999999999127</v>
      </c>
    </row>
    <row r="7909" spans="1:5" x14ac:dyDescent="0.25">
      <c r="A7909" s="3">
        <v>41823.050868055558</v>
      </c>
      <c r="B7909" s="2">
        <v>21.5</v>
      </c>
      <c r="C7909" s="2">
        <v>190.6</v>
      </c>
      <c r="D7909" s="2">
        <v>0</v>
      </c>
      <c r="E7909" s="2">
        <v>304.59999999999127</v>
      </c>
    </row>
    <row r="7910" spans="1:5" x14ac:dyDescent="0.25">
      <c r="A7910" s="3">
        <v>41823.05133101852</v>
      </c>
      <c r="B7910" s="2">
        <v>21.5</v>
      </c>
      <c r="C7910" s="2">
        <v>190.8</v>
      </c>
      <c r="D7910" s="2">
        <v>0</v>
      </c>
      <c r="E7910" s="2">
        <v>304.59999999999127</v>
      </c>
    </row>
    <row r="7911" spans="1:5" x14ac:dyDescent="0.25">
      <c r="A7911" s="3">
        <v>41823.051446759258</v>
      </c>
      <c r="B7911" s="2">
        <v>21.5</v>
      </c>
      <c r="C7911" s="2">
        <v>190.6</v>
      </c>
      <c r="D7911" s="2">
        <v>0</v>
      </c>
      <c r="E7911" s="2">
        <v>304.59999999999127</v>
      </c>
    </row>
    <row r="7912" spans="1:5" x14ac:dyDescent="0.25">
      <c r="A7912" s="3">
        <v>41823.052314814813</v>
      </c>
      <c r="B7912" s="2">
        <v>21.4</v>
      </c>
      <c r="C7912" s="2">
        <v>190.8</v>
      </c>
      <c r="D7912" s="2">
        <v>0</v>
      </c>
      <c r="E7912" s="2">
        <v>304.59999999999127</v>
      </c>
    </row>
    <row r="7913" spans="1:5" x14ac:dyDescent="0.25">
      <c r="A7913" s="3">
        <v>41823.052777777775</v>
      </c>
      <c r="B7913" s="2">
        <v>21.5</v>
      </c>
      <c r="C7913" s="2">
        <v>190.6</v>
      </c>
      <c r="D7913" s="2">
        <v>0</v>
      </c>
      <c r="E7913" s="2">
        <v>304.59999999999127</v>
      </c>
    </row>
    <row r="7914" spans="1:5" x14ac:dyDescent="0.25">
      <c r="A7914" s="3">
        <v>41823.052951388891</v>
      </c>
      <c r="B7914" s="2">
        <v>21.4</v>
      </c>
      <c r="C7914" s="2">
        <v>190.8</v>
      </c>
      <c r="D7914" s="2">
        <v>0</v>
      </c>
      <c r="E7914" s="2">
        <v>304.59999999999127</v>
      </c>
    </row>
    <row r="7915" spans="1:5" x14ac:dyDescent="0.25">
      <c r="A7915" s="3">
        <v>41823.058275462965</v>
      </c>
      <c r="B7915" s="2">
        <v>21.2</v>
      </c>
      <c r="C7915" s="2">
        <v>190.8</v>
      </c>
      <c r="D7915" s="2">
        <v>0.2</v>
      </c>
      <c r="E7915" s="2">
        <v>304.79999999999126</v>
      </c>
    </row>
    <row r="7916" spans="1:5" x14ac:dyDescent="0.25">
      <c r="A7916" s="3">
        <v>41823.06591435185</v>
      </c>
      <c r="B7916" s="2">
        <v>20.9</v>
      </c>
      <c r="C7916" s="2">
        <v>190.8</v>
      </c>
      <c r="D7916" s="2">
        <v>0.2</v>
      </c>
      <c r="E7916" s="2">
        <v>304.99999999999125</v>
      </c>
    </row>
    <row r="7917" spans="1:5" x14ac:dyDescent="0.25">
      <c r="A7917" s="3">
        <v>41823.066608796296</v>
      </c>
      <c r="B7917" s="2">
        <v>20.9</v>
      </c>
      <c r="C7917" s="2">
        <v>191</v>
      </c>
      <c r="D7917" s="2">
        <v>0</v>
      </c>
      <c r="E7917" s="2">
        <v>304.99999999999125</v>
      </c>
    </row>
    <row r="7918" spans="1:5" x14ac:dyDescent="0.25">
      <c r="A7918" s="3">
        <v>41823.070601851854</v>
      </c>
      <c r="B7918" s="2">
        <v>20.8</v>
      </c>
      <c r="C7918" s="2">
        <v>191</v>
      </c>
      <c r="D7918" s="2">
        <v>0.2</v>
      </c>
      <c r="E7918" s="2">
        <v>305.19999999999123</v>
      </c>
    </row>
    <row r="7919" spans="1:5" x14ac:dyDescent="0.25">
      <c r="A7919" s="3">
        <v>41823.073148148149</v>
      </c>
      <c r="B7919" s="2">
        <v>20.7</v>
      </c>
      <c r="C7919" s="2">
        <v>191.2</v>
      </c>
      <c r="D7919" s="2">
        <v>0</v>
      </c>
      <c r="E7919" s="2">
        <v>305.19999999999123</v>
      </c>
    </row>
    <row r="7920" spans="1:5" x14ac:dyDescent="0.25">
      <c r="A7920" s="3">
        <v>41823.073900462965</v>
      </c>
      <c r="B7920" s="2">
        <v>20.6</v>
      </c>
      <c r="C7920" s="2">
        <v>191</v>
      </c>
      <c r="D7920" s="2">
        <v>0</v>
      </c>
      <c r="E7920" s="2">
        <v>305.19999999999123</v>
      </c>
    </row>
    <row r="7921" spans="1:5" x14ac:dyDescent="0.25">
      <c r="A7921" s="3">
        <v>41823.074189814812</v>
      </c>
      <c r="B7921" s="2">
        <v>20.6</v>
      </c>
      <c r="C7921" s="2">
        <v>191.2</v>
      </c>
      <c r="D7921" s="2">
        <v>0</v>
      </c>
      <c r="E7921" s="2">
        <v>305.19999999999123</v>
      </c>
    </row>
    <row r="7922" spans="1:5" x14ac:dyDescent="0.25">
      <c r="A7922" s="3">
        <v>41823.076793981483</v>
      </c>
      <c r="B7922" s="2">
        <v>20.5</v>
      </c>
      <c r="C7922" s="2">
        <v>191.2</v>
      </c>
      <c r="D7922" s="2">
        <v>0.2</v>
      </c>
      <c r="E7922" s="2">
        <v>305.39999999999122</v>
      </c>
    </row>
    <row r="7923" spans="1:5" x14ac:dyDescent="0.25">
      <c r="A7923" s="3">
        <v>41823.078761574077</v>
      </c>
      <c r="B7923" s="2">
        <v>20.5</v>
      </c>
      <c r="C7923" s="2">
        <v>191.4</v>
      </c>
      <c r="D7923" s="2">
        <v>0</v>
      </c>
      <c r="E7923" s="2">
        <v>305.39999999999122</v>
      </c>
    </row>
    <row r="7924" spans="1:5" x14ac:dyDescent="0.25">
      <c r="A7924" s="3">
        <v>41823.07916666667</v>
      </c>
      <c r="B7924" s="2">
        <v>20.399999999999999</v>
      </c>
      <c r="C7924" s="2">
        <v>191.2</v>
      </c>
      <c r="D7924" s="2">
        <v>0</v>
      </c>
      <c r="E7924" s="2">
        <v>305.39999999999122</v>
      </c>
    </row>
    <row r="7925" spans="1:5" x14ac:dyDescent="0.25">
      <c r="A7925" s="3">
        <v>41823.079340277778</v>
      </c>
      <c r="B7925" s="2">
        <v>20.399999999999999</v>
      </c>
      <c r="C7925" s="2">
        <v>191.4</v>
      </c>
      <c r="D7925" s="2">
        <v>0</v>
      </c>
      <c r="E7925" s="2">
        <v>305.39999999999122</v>
      </c>
    </row>
    <row r="7926" spans="1:5" x14ac:dyDescent="0.25">
      <c r="A7926" s="3">
        <v>41823.079456018517</v>
      </c>
      <c r="B7926" s="2">
        <v>20.399999999999999</v>
      </c>
      <c r="C7926" s="2">
        <v>191.4</v>
      </c>
      <c r="D7926" s="2">
        <v>0.2</v>
      </c>
      <c r="E7926" s="2">
        <v>305.59999999999121</v>
      </c>
    </row>
    <row r="7927" spans="1:5" x14ac:dyDescent="0.25">
      <c r="A7927" s="3">
        <v>41823.081944444442</v>
      </c>
      <c r="B7927" s="2">
        <v>20.3</v>
      </c>
      <c r="C7927" s="2">
        <v>191.4</v>
      </c>
      <c r="D7927" s="2">
        <v>0.2</v>
      </c>
      <c r="E7927" s="2">
        <v>305.7999999999912</v>
      </c>
    </row>
    <row r="7928" spans="1:5" x14ac:dyDescent="0.25">
      <c r="A7928" s="3">
        <v>41823.082407407404</v>
      </c>
      <c r="B7928" s="2">
        <v>20.3</v>
      </c>
      <c r="C7928" s="2">
        <v>191.6</v>
      </c>
      <c r="D7928" s="2">
        <v>0</v>
      </c>
      <c r="E7928" s="2">
        <v>305.7999999999912</v>
      </c>
    </row>
    <row r="7929" spans="1:5" x14ac:dyDescent="0.25">
      <c r="A7929" s="3">
        <v>41823.083969907406</v>
      </c>
      <c r="B7929" s="2">
        <v>20.2</v>
      </c>
      <c r="C7929" s="2">
        <v>191.6</v>
      </c>
      <c r="D7929" s="2">
        <v>0.2</v>
      </c>
      <c r="E7929" s="2">
        <v>305.99999999999119</v>
      </c>
    </row>
    <row r="7930" spans="1:5" x14ac:dyDescent="0.25">
      <c r="A7930" s="3">
        <v>41823.085532407407</v>
      </c>
      <c r="B7930" s="2">
        <v>20.2</v>
      </c>
      <c r="C7930" s="2">
        <v>191.8</v>
      </c>
      <c r="D7930" s="2">
        <v>0</v>
      </c>
      <c r="E7930" s="2">
        <v>305.99999999999119</v>
      </c>
    </row>
    <row r="7931" spans="1:5" x14ac:dyDescent="0.25">
      <c r="A7931" s="3">
        <v>41823.085706018515</v>
      </c>
      <c r="B7931" s="2">
        <v>20.2</v>
      </c>
      <c r="C7931" s="2">
        <v>191.8</v>
      </c>
      <c r="D7931" s="2">
        <v>0.2</v>
      </c>
      <c r="E7931" s="2">
        <v>306.19999999999118</v>
      </c>
    </row>
    <row r="7932" spans="1:5" x14ac:dyDescent="0.25">
      <c r="A7932" s="3">
        <v>41823.087210648147</v>
      </c>
      <c r="B7932" s="2">
        <v>20.2</v>
      </c>
      <c r="C7932" s="2">
        <v>191.8</v>
      </c>
      <c r="D7932" s="2">
        <v>0.2</v>
      </c>
      <c r="E7932" s="2">
        <v>306.39999999999117</v>
      </c>
    </row>
    <row r="7933" spans="1:5" x14ac:dyDescent="0.25">
      <c r="A7933" s="3">
        <v>41823.087384259263</v>
      </c>
      <c r="B7933" s="2">
        <v>20.2</v>
      </c>
      <c r="C7933" s="2">
        <v>192</v>
      </c>
      <c r="D7933" s="2">
        <v>0</v>
      </c>
      <c r="E7933" s="2">
        <v>306.39999999999117</v>
      </c>
    </row>
    <row r="7934" spans="1:5" x14ac:dyDescent="0.25">
      <c r="A7934" s="3">
        <v>41823.088483796295</v>
      </c>
      <c r="B7934" s="2">
        <v>20.100000000000001</v>
      </c>
      <c r="C7934" s="2">
        <v>192.2</v>
      </c>
      <c r="D7934" s="2">
        <v>0</v>
      </c>
      <c r="E7934" s="2">
        <v>306.39999999999117</v>
      </c>
    </row>
    <row r="7935" spans="1:5" x14ac:dyDescent="0.25">
      <c r="A7935" s="3">
        <v>41823.088773148149</v>
      </c>
      <c r="B7935" s="2">
        <v>20.100000000000001</v>
      </c>
      <c r="C7935" s="2">
        <v>192.2</v>
      </c>
      <c r="D7935" s="2">
        <v>0.2</v>
      </c>
      <c r="E7935" s="2">
        <v>306.59999999999116</v>
      </c>
    </row>
    <row r="7936" spans="1:5" x14ac:dyDescent="0.25">
      <c r="A7936" s="3">
        <v>41823.089641203704</v>
      </c>
      <c r="B7936" s="2">
        <v>20.100000000000001</v>
      </c>
      <c r="C7936" s="2">
        <v>192.4</v>
      </c>
      <c r="D7936" s="2">
        <v>0</v>
      </c>
      <c r="E7936" s="2">
        <v>306.59999999999116</v>
      </c>
    </row>
    <row r="7937" spans="1:5" x14ac:dyDescent="0.25">
      <c r="A7937" s="3">
        <v>41823.089872685188</v>
      </c>
      <c r="B7937" s="2">
        <v>20.100000000000001</v>
      </c>
      <c r="C7937" s="2">
        <v>192.4</v>
      </c>
      <c r="D7937" s="2">
        <v>0.2</v>
      </c>
      <c r="E7937" s="2">
        <v>306.79999999999114</v>
      </c>
    </row>
    <row r="7938" spans="1:5" x14ac:dyDescent="0.25">
      <c r="A7938" s="3">
        <v>41823.090567129628</v>
      </c>
      <c r="B7938" s="2">
        <v>20.100000000000001</v>
      </c>
      <c r="C7938" s="2">
        <v>192.6</v>
      </c>
      <c r="D7938" s="2">
        <v>0</v>
      </c>
      <c r="E7938" s="2">
        <v>306.79999999999114</v>
      </c>
    </row>
    <row r="7939" spans="1:5" x14ac:dyDescent="0.25">
      <c r="A7939" s="3">
        <v>41823.090798611112</v>
      </c>
      <c r="B7939" s="2">
        <v>20</v>
      </c>
      <c r="C7939" s="2">
        <v>192.6</v>
      </c>
      <c r="D7939" s="2">
        <v>0.2</v>
      </c>
      <c r="E7939" s="2">
        <v>306.99999999999113</v>
      </c>
    </row>
    <row r="7940" spans="1:5" x14ac:dyDescent="0.25">
      <c r="A7940" s="3">
        <v>41823.091493055559</v>
      </c>
      <c r="B7940" s="2">
        <v>20</v>
      </c>
      <c r="C7940" s="2">
        <v>192.8</v>
      </c>
      <c r="D7940" s="2">
        <v>0</v>
      </c>
      <c r="E7940" s="2">
        <v>306.99999999999113</v>
      </c>
    </row>
    <row r="7941" spans="1:5" x14ac:dyDescent="0.25">
      <c r="A7941" s="3">
        <v>41823.091840277775</v>
      </c>
      <c r="B7941" s="2">
        <v>20</v>
      </c>
      <c r="C7941" s="2">
        <v>192.8</v>
      </c>
      <c r="D7941" s="2">
        <v>0.2</v>
      </c>
      <c r="E7941" s="2">
        <v>307.19999999999112</v>
      </c>
    </row>
    <row r="7942" spans="1:5" x14ac:dyDescent="0.25">
      <c r="A7942" s="3">
        <v>41823.092824074076</v>
      </c>
      <c r="B7942" s="2">
        <v>19.899999999999999</v>
      </c>
      <c r="C7942" s="2">
        <v>193</v>
      </c>
      <c r="D7942" s="2">
        <v>0</v>
      </c>
      <c r="E7942" s="2">
        <v>307.19999999999112</v>
      </c>
    </row>
    <row r="7943" spans="1:5" x14ac:dyDescent="0.25">
      <c r="A7943" s="3">
        <v>41823.092997685184</v>
      </c>
      <c r="B7943" s="2">
        <v>19.899999999999999</v>
      </c>
      <c r="C7943" s="2">
        <v>193</v>
      </c>
      <c r="D7943" s="2">
        <v>0.2</v>
      </c>
      <c r="E7943" s="2">
        <v>307.39999999999111</v>
      </c>
    </row>
    <row r="7944" spans="1:5" x14ac:dyDescent="0.25">
      <c r="A7944" s="3">
        <v>41823.094328703701</v>
      </c>
      <c r="B7944" s="2">
        <v>19.899999999999999</v>
      </c>
      <c r="C7944" s="2">
        <v>193.2</v>
      </c>
      <c r="D7944" s="2">
        <v>0</v>
      </c>
      <c r="E7944" s="2">
        <v>307.39999999999111</v>
      </c>
    </row>
    <row r="7945" spans="1:5" x14ac:dyDescent="0.25">
      <c r="A7945" s="3">
        <v>41823.094386574077</v>
      </c>
      <c r="B7945" s="2">
        <v>19.899999999999999</v>
      </c>
      <c r="C7945" s="2">
        <v>193.2</v>
      </c>
      <c r="D7945" s="2">
        <v>0.2</v>
      </c>
      <c r="E7945" s="2">
        <v>307.5999999999911</v>
      </c>
    </row>
    <row r="7946" spans="1:5" x14ac:dyDescent="0.25">
      <c r="A7946" s="3">
        <v>41823.095601851855</v>
      </c>
      <c r="B7946" s="2">
        <v>19.899999999999999</v>
      </c>
      <c r="C7946" s="2">
        <v>193.2</v>
      </c>
      <c r="D7946" s="2">
        <v>0.2</v>
      </c>
      <c r="E7946" s="2">
        <v>307.79999999999109</v>
      </c>
    </row>
    <row r="7947" spans="1:5" x14ac:dyDescent="0.25">
      <c r="A7947" s="3">
        <v>41823.095659722225</v>
      </c>
      <c r="B7947" s="2">
        <v>19.899999999999999</v>
      </c>
      <c r="C7947" s="2">
        <v>193.4</v>
      </c>
      <c r="D7947" s="2">
        <v>0</v>
      </c>
      <c r="E7947" s="2">
        <v>307.79999999999109</v>
      </c>
    </row>
    <row r="7948" spans="1:5" x14ac:dyDescent="0.25">
      <c r="A7948" s="3">
        <v>41823.096701388888</v>
      </c>
      <c r="B7948" s="2">
        <v>19.899999999999999</v>
      </c>
      <c r="C7948" s="2">
        <v>193.4</v>
      </c>
      <c r="D7948" s="2">
        <v>0.2</v>
      </c>
      <c r="E7948" s="2">
        <v>307.99999999999108</v>
      </c>
    </row>
    <row r="7949" spans="1:5" x14ac:dyDescent="0.25">
      <c r="A7949" s="3">
        <v>41823.097048611111</v>
      </c>
      <c r="B7949" s="2">
        <v>19.8</v>
      </c>
      <c r="C7949" s="2">
        <v>193.6</v>
      </c>
      <c r="D7949" s="2">
        <v>0</v>
      </c>
      <c r="E7949" s="2">
        <v>307.99999999999108</v>
      </c>
    </row>
    <row r="7950" spans="1:5" x14ac:dyDescent="0.25">
      <c r="A7950" s="3">
        <v>41823.098668981482</v>
      </c>
      <c r="B7950" s="2">
        <v>19.8</v>
      </c>
      <c r="C7950" s="2">
        <v>193.6</v>
      </c>
      <c r="D7950" s="2">
        <v>0.2</v>
      </c>
      <c r="E7950" s="2">
        <v>308.19999999999106</v>
      </c>
    </row>
    <row r="7951" spans="1:5" x14ac:dyDescent="0.25">
      <c r="A7951" s="3">
        <v>41823.099594907406</v>
      </c>
      <c r="B7951" s="2">
        <v>19.8</v>
      </c>
      <c r="C7951" s="2">
        <v>193.8</v>
      </c>
      <c r="D7951" s="2">
        <v>0</v>
      </c>
      <c r="E7951" s="2">
        <v>308.19999999999106</v>
      </c>
    </row>
    <row r="7952" spans="1:5" x14ac:dyDescent="0.25">
      <c r="A7952" s="3">
        <v>41823.101041666669</v>
      </c>
      <c r="B7952" s="2">
        <v>19.8</v>
      </c>
      <c r="C7952" s="2">
        <v>193.8</v>
      </c>
      <c r="D7952" s="2">
        <v>0.2</v>
      </c>
      <c r="E7952" s="2">
        <v>308.39999999999105</v>
      </c>
    </row>
    <row r="7953" spans="1:5" x14ac:dyDescent="0.25">
      <c r="A7953" s="3">
        <v>41823.101446759261</v>
      </c>
      <c r="B7953" s="2">
        <v>19.8</v>
      </c>
      <c r="C7953" s="2">
        <v>194</v>
      </c>
      <c r="D7953" s="2">
        <v>0</v>
      </c>
      <c r="E7953" s="2">
        <v>308.39999999999105</v>
      </c>
    </row>
    <row r="7954" spans="1:5" x14ac:dyDescent="0.25">
      <c r="A7954" s="3">
        <v>41823.102256944447</v>
      </c>
      <c r="B7954" s="2">
        <v>19.7</v>
      </c>
      <c r="C7954" s="2">
        <v>194</v>
      </c>
      <c r="D7954" s="2">
        <v>0.2</v>
      </c>
      <c r="E7954" s="2">
        <v>308.59999999999104</v>
      </c>
    </row>
    <row r="7955" spans="1:5" x14ac:dyDescent="0.25">
      <c r="A7955" s="3">
        <v>41823.102719907409</v>
      </c>
      <c r="B7955" s="2">
        <v>19.7</v>
      </c>
      <c r="C7955" s="2">
        <v>194.2</v>
      </c>
      <c r="D7955" s="2">
        <v>0</v>
      </c>
      <c r="E7955" s="2">
        <v>308.59999999999104</v>
      </c>
    </row>
    <row r="7956" spans="1:5" x14ac:dyDescent="0.25">
      <c r="A7956" s="3">
        <v>41823.103877314818</v>
      </c>
      <c r="B7956" s="2">
        <v>19.7</v>
      </c>
      <c r="C7956" s="2">
        <v>194.2</v>
      </c>
      <c r="D7956" s="2">
        <v>0.2</v>
      </c>
      <c r="E7956" s="2">
        <v>308.79999999999103</v>
      </c>
    </row>
    <row r="7957" spans="1:5" x14ac:dyDescent="0.25">
      <c r="A7957" s="3">
        <v>41823.10497685185</v>
      </c>
      <c r="B7957" s="2">
        <v>19.7</v>
      </c>
      <c r="C7957" s="2">
        <v>194.4</v>
      </c>
      <c r="D7957" s="2">
        <v>0</v>
      </c>
      <c r="E7957" s="2">
        <v>308.79999999999103</v>
      </c>
    </row>
    <row r="7958" spans="1:5" x14ac:dyDescent="0.25">
      <c r="A7958" s="3">
        <v>41823.105497685188</v>
      </c>
      <c r="B7958" s="2">
        <v>19.7</v>
      </c>
      <c r="C7958" s="2">
        <v>194.4</v>
      </c>
      <c r="D7958" s="2">
        <v>0.2</v>
      </c>
      <c r="E7958" s="2">
        <v>308.99999999999102</v>
      </c>
    </row>
    <row r="7959" spans="1:5" x14ac:dyDescent="0.25">
      <c r="A7959" s="3">
        <v>41823.106076388889</v>
      </c>
      <c r="B7959" s="2">
        <v>19.600000000000001</v>
      </c>
      <c r="C7959" s="2">
        <v>194.6</v>
      </c>
      <c r="D7959" s="2">
        <v>0</v>
      </c>
      <c r="E7959" s="2">
        <v>308.99999999999102</v>
      </c>
    </row>
    <row r="7960" spans="1:5" x14ac:dyDescent="0.25">
      <c r="A7960" s="3">
        <v>41823.106307870374</v>
      </c>
      <c r="B7960" s="2">
        <v>19.600000000000001</v>
      </c>
      <c r="C7960" s="2">
        <v>194.6</v>
      </c>
      <c r="D7960" s="2">
        <v>0.2</v>
      </c>
      <c r="E7960" s="2">
        <v>309.19999999999101</v>
      </c>
    </row>
    <row r="7961" spans="1:5" x14ac:dyDescent="0.25">
      <c r="A7961" s="3">
        <v>41823.107002314813</v>
      </c>
      <c r="B7961" s="2">
        <v>19.600000000000001</v>
      </c>
      <c r="C7961" s="2">
        <v>194.8</v>
      </c>
      <c r="D7961" s="2">
        <v>0</v>
      </c>
      <c r="E7961" s="2">
        <v>309.19999999999101</v>
      </c>
    </row>
    <row r="7962" spans="1:5" x14ac:dyDescent="0.25">
      <c r="A7962" s="3">
        <v>41823.107233796298</v>
      </c>
      <c r="B7962" s="2">
        <v>19.600000000000001</v>
      </c>
      <c r="C7962" s="2">
        <v>194.8</v>
      </c>
      <c r="D7962" s="2">
        <v>0.2</v>
      </c>
      <c r="E7962" s="2">
        <v>309.399999999991</v>
      </c>
    </row>
    <row r="7963" spans="1:5" x14ac:dyDescent="0.25">
      <c r="A7963" s="3">
        <v>41823.107754629629</v>
      </c>
      <c r="B7963" s="2">
        <v>19.600000000000001</v>
      </c>
      <c r="C7963" s="2">
        <v>195</v>
      </c>
      <c r="D7963" s="2">
        <v>0</v>
      </c>
      <c r="E7963" s="2">
        <v>309.399999999991</v>
      </c>
    </row>
    <row r="7964" spans="1:5" x14ac:dyDescent="0.25">
      <c r="A7964" s="3">
        <v>41823.107928240737</v>
      </c>
      <c r="B7964" s="2">
        <v>19.5</v>
      </c>
      <c r="C7964" s="2">
        <v>195</v>
      </c>
      <c r="D7964" s="2">
        <v>0.2</v>
      </c>
      <c r="E7964" s="2">
        <v>309.59999999999098</v>
      </c>
    </row>
    <row r="7965" spans="1:5" x14ac:dyDescent="0.25">
      <c r="A7965" s="3">
        <v>41823.108680555553</v>
      </c>
      <c r="B7965" s="2">
        <v>19.5</v>
      </c>
      <c r="C7965" s="2">
        <v>195.2</v>
      </c>
      <c r="D7965" s="2">
        <v>0</v>
      </c>
      <c r="E7965" s="2">
        <v>309.59999999999098</v>
      </c>
    </row>
    <row r="7966" spans="1:5" x14ac:dyDescent="0.25">
      <c r="A7966" s="3">
        <v>41823.109722222223</v>
      </c>
      <c r="B7966" s="2">
        <v>19.5</v>
      </c>
      <c r="C7966" s="2">
        <v>195.2</v>
      </c>
      <c r="D7966" s="2">
        <v>0.2</v>
      </c>
      <c r="E7966" s="2">
        <v>309.79999999999097</v>
      </c>
    </row>
    <row r="7967" spans="1:5" x14ac:dyDescent="0.25">
      <c r="A7967" s="3">
        <v>41823.347685185188</v>
      </c>
      <c r="B7967" s="2">
        <v>17.100000000000001</v>
      </c>
      <c r="C7967" s="2">
        <v>195</v>
      </c>
      <c r="D7967" s="2">
        <v>0</v>
      </c>
      <c r="E7967" s="2">
        <v>309.79999999999097</v>
      </c>
    </row>
    <row r="7968" spans="1:5" x14ac:dyDescent="0.25">
      <c r="A7968" s="3">
        <v>41823.401620370372</v>
      </c>
      <c r="B7968" s="2">
        <v>19.3</v>
      </c>
      <c r="C7968" s="2">
        <v>195.2</v>
      </c>
      <c r="D7968" s="2">
        <v>0</v>
      </c>
      <c r="E7968" s="2">
        <v>309.79999999999097</v>
      </c>
    </row>
    <row r="7969" spans="1:5" x14ac:dyDescent="0.25">
      <c r="A7969" s="3">
        <v>41823.40179398148</v>
      </c>
      <c r="B7969" s="2">
        <v>19.3</v>
      </c>
      <c r="C7969" s="2">
        <v>195</v>
      </c>
      <c r="D7969" s="2">
        <v>0</v>
      </c>
      <c r="E7969" s="2">
        <v>309.79999999999097</v>
      </c>
    </row>
    <row r="7970" spans="1:5" x14ac:dyDescent="0.25">
      <c r="A7970" s="3">
        <v>41823.40185185185</v>
      </c>
      <c r="B7970" s="2">
        <v>19.3</v>
      </c>
      <c r="C7970" s="2">
        <v>195.2</v>
      </c>
      <c r="D7970" s="2">
        <v>0</v>
      </c>
      <c r="E7970" s="2">
        <v>309.79999999999097</v>
      </c>
    </row>
    <row r="7971" spans="1:5" x14ac:dyDescent="0.25">
      <c r="A7971" s="3">
        <v>41823.402025462965</v>
      </c>
      <c r="B7971" s="2">
        <v>19.399999999999999</v>
      </c>
      <c r="C7971" s="2">
        <v>195</v>
      </c>
      <c r="D7971" s="2">
        <v>0</v>
      </c>
      <c r="E7971" s="2">
        <v>309.79999999999097</v>
      </c>
    </row>
    <row r="7972" spans="1:5" x14ac:dyDescent="0.25">
      <c r="A7972" s="3">
        <v>41823.410821759258</v>
      </c>
      <c r="B7972" s="2">
        <v>19.8</v>
      </c>
      <c r="C7972" s="2">
        <v>195.2</v>
      </c>
      <c r="D7972" s="2">
        <v>0</v>
      </c>
      <c r="E7972" s="2">
        <v>309.79999999999097</v>
      </c>
    </row>
    <row r="7973" spans="1:5" x14ac:dyDescent="0.25">
      <c r="A7973" s="3">
        <v>41823.41128472222</v>
      </c>
      <c r="B7973" s="2">
        <v>19.899999999999999</v>
      </c>
      <c r="C7973" s="2">
        <v>195</v>
      </c>
      <c r="D7973" s="2">
        <v>0</v>
      </c>
      <c r="E7973" s="2">
        <v>309.79999999999097</v>
      </c>
    </row>
    <row r="7974" spans="1:5" x14ac:dyDescent="0.25">
      <c r="A7974" s="3">
        <v>41823.411458333336</v>
      </c>
      <c r="B7974" s="2">
        <v>19.899999999999999</v>
      </c>
      <c r="C7974" s="2">
        <v>195.2</v>
      </c>
      <c r="D7974" s="2">
        <v>0</v>
      </c>
      <c r="E7974" s="2">
        <v>309.79999999999097</v>
      </c>
    </row>
    <row r="7975" spans="1:5" x14ac:dyDescent="0.25">
      <c r="A7975" s="3">
        <v>41823.474016203705</v>
      </c>
      <c r="B7975" s="2">
        <v>23.8</v>
      </c>
      <c r="C7975" s="2">
        <v>195</v>
      </c>
      <c r="D7975" s="2">
        <v>0</v>
      </c>
      <c r="E7975" s="2">
        <v>309.79999999999097</v>
      </c>
    </row>
    <row r="7976" spans="1:5" x14ac:dyDescent="0.25">
      <c r="A7976" s="3">
        <v>41823.474189814813</v>
      </c>
      <c r="B7976" s="2">
        <v>23.8</v>
      </c>
      <c r="C7976" s="2">
        <v>195.2</v>
      </c>
      <c r="D7976" s="2">
        <v>0</v>
      </c>
      <c r="E7976" s="2">
        <v>309.79999999999097</v>
      </c>
    </row>
    <row r="7977" spans="1:5" x14ac:dyDescent="0.25">
      <c r="A7977" s="3">
        <v>41823.482754629629</v>
      </c>
      <c r="B7977" s="2">
        <v>24.4</v>
      </c>
      <c r="C7977" s="2">
        <v>195</v>
      </c>
      <c r="D7977" s="2">
        <v>0</v>
      </c>
      <c r="E7977" s="2">
        <v>309.79999999999097</v>
      </c>
    </row>
    <row r="7978" spans="1:5" x14ac:dyDescent="0.25">
      <c r="A7978" s="3">
        <v>41823.483680555553</v>
      </c>
      <c r="B7978" s="2">
        <v>24.4</v>
      </c>
      <c r="C7978" s="2">
        <v>195.2</v>
      </c>
      <c r="D7978" s="2">
        <v>0</v>
      </c>
      <c r="E7978" s="2">
        <v>309.79999999999097</v>
      </c>
    </row>
    <row r="7979" spans="1:5" x14ac:dyDescent="0.25">
      <c r="A7979" s="3">
        <v>41823.484143518515</v>
      </c>
      <c r="B7979" s="2">
        <v>24.5</v>
      </c>
      <c r="C7979" s="2">
        <v>195</v>
      </c>
      <c r="D7979" s="2">
        <v>0</v>
      </c>
      <c r="E7979" s="2">
        <v>309.79999999999097</v>
      </c>
    </row>
    <row r="7980" spans="1:5" x14ac:dyDescent="0.25">
      <c r="A7980" s="3">
        <v>41823.484664351854</v>
      </c>
      <c r="B7980" s="2">
        <v>24.5</v>
      </c>
      <c r="C7980" s="2">
        <v>195.2</v>
      </c>
      <c r="D7980" s="2">
        <v>0</v>
      </c>
      <c r="E7980" s="2">
        <v>309.79999999999097</v>
      </c>
    </row>
    <row r="7981" spans="1:5" x14ac:dyDescent="0.25">
      <c r="A7981" s="3">
        <v>41823.486921296295</v>
      </c>
      <c r="B7981" s="2">
        <v>24.6</v>
      </c>
      <c r="C7981" s="2">
        <v>195</v>
      </c>
      <c r="D7981" s="2">
        <v>0</v>
      </c>
      <c r="E7981" s="2">
        <v>309.79999999999097</v>
      </c>
    </row>
    <row r="7982" spans="1:5" x14ac:dyDescent="0.25">
      <c r="A7982" s="3">
        <v>41823.487384259257</v>
      </c>
      <c r="B7982" s="2">
        <v>24.7</v>
      </c>
      <c r="C7982" s="2">
        <v>195.2</v>
      </c>
      <c r="D7982" s="2">
        <v>0</v>
      </c>
      <c r="E7982" s="2">
        <v>309.79999999999097</v>
      </c>
    </row>
    <row r="7983" spans="1:5" x14ac:dyDescent="0.25">
      <c r="A7983" s="3">
        <v>41823.492245370369</v>
      </c>
      <c r="B7983" s="2">
        <v>24.9</v>
      </c>
      <c r="C7983" s="2">
        <v>195</v>
      </c>
      <c r="D7983" s="2">
        <v>0</v>
      </c>
      <c r="E7983" s="2">
        <v>309.79999999999097</v>
      </c>
    </row>
    <row r="7984" spans="1:5" x14ac:dyDescent="0.25">
      <c r="A7984" s="3">
        <v>41823.492881944447</v>
      </c>
      <c r="B7984" s="2">
        <v>25</v>
      </c>
      <c r="C7984" s="2">
        <v>195.2</v>
      </c>
      <c r="D7984" s="2">
        <v>0</v>
      </c>
      <c r="E7984" s="2">
        <v>309.79999999999097</v>
      </c>
    </row>
    <row r="7985" spans="1:5" x14ac:dyDescent="0.25">
      <c r="A7985" s="3">
        <v>41823.492997685185</v>
      </c>
      <c r="B7985" s="2">
        <v>25</v>
      </c>
      <c r="C7985" s="2">
        <v>195</v>
      </c>
      <c r="D7985" s="2">
        <v>0</v>
      </c>
      <c r="E7985" s="2">
        <v>309.79999999999097</v>
      </c>
    </row>
    <row r="7986" spans="1:5" x14ac:dyDescent="0.25">
      <c r="A7986" s="3">
        <v>41823.493750000001</v>
      </c>
      <c r="B7986" s="2">
        <v>25</v>
      </c>
      <c r="C7986" s="2">
        <v>195.2</v>
      </c>
      <c r="D7986" s="2">
        <v>0</v>
      </c>
      <c r="E7986" s="2">
        <v>309.79999999999097</v>
      </c>
    </row>
    <row r="7987" spans="1:5" x14ac:dyDescent="0.25">
      <c r="A7987" s="3">
        <v>41823.493807870371</v>
      </c>
      <c r="B7987" s="2">
        <v>25</v>
      </c>
      <c r="C7987" s="2">
        <v>195</v>
      </c>
      <c r="D7987" s="2">
        <v>0</v>
      </c>
      <c r="E7987" s="2">
        <v>309.79999999999097</v>
      </c>
    </row>
    <row r="7988" spans="1:5" x14ac:dyDescent="0.25">
      <c r="A7988" s="3">
        <v>41823.494791666664</v>
      </c>
      <c r="B7988" s="2">
        <v>25.1</v>
      </c>
      <c r="C7988" s="2">
        <v>195.2</v>
      </c>
      <c r="D7988" s="2">
        <v>0</v>
      </c>
      <c r="E7988" s="2">
        <v>309.79999999999097</v>
      </c>
    </row>
    <row r="7989" spans="1:5" x14ac:dyDescent="0.25">
      <c r="A7989" s="3">
        <v>41823.49490740741</v>
      </c>
      <c r="B7989" s="2">
        <v>25.1</v>
      </c>
      <c r="C7989" s="2">
        <v>195</v>
      </c>
      <c r="D7989" s="2">
        <v>0</v>
      </c>
      <c r="E7989" s="2">
        <v>309.79999999999097</v>
      </c>
    </row>
    <row r="7990" spans="1:5" x14ac:dyDescent="0.25">
      <c r="A7990" s="3">
        <v>41823.555381944447</v>
      </c>
      <c r="B7990" s="2">
        <v>28.5</v>
      </c>
      <c r="C7990" s="2">
        <v>194.8</v>
      </c>
      <c r="D7990" s="2">
        <v>0</v>
      </c>
      <c r="E7990" s="2">
        <v>309.79999999999097</v>
      </c>
    </row>
    <row r="7991" spans="1:5" x14ac:dyDescent="0.25">
      <c r="A7991" s="3">
        <v>41823.555613425924</v>
      </c>
      <c r="B7991" s="2">
        <v>28.5</v>
      </c>
      <c r="C7991" s="2">
        <v>195</v>
      </c>
      <c r="D7991" s="2">
        <v>0</v>
      </c>
      <c r="E7991" s="2">
        <v>309.79999999999097</v>
      </c>
    </row>
    <row r="7992" spans="1:5" x14ac:dyDescent="0.25">
      <c r="A7992" s="3">
        <v>41823.55572916667</v>
      </c>
      <c r="B7992" s="2">
        <v>28.5</v>
      </c>
      <c r="C7992" s="2">
        <v>194.8</v>
      </c>
      <c r="D7992" s="2">
        <v>0</v>
      </c>
      <c r="E7992" s="2">
        <v>309.79999999999097</v>
      </c>
    </row>
    <row r="7993" spans="1:5" x14ac:dyDescent="0.25">
      <c r="A7993" s="3">
        <v>41823.555960648147</v>
      </c>
      <c r="B7993" s="2">
        <v>28.5</v>
      </c>
      <c r="C7993" s="2">
        <v>195</v>
      </c>
      <c r="D7993" s="2">
        <v>0</v>
      </c>
      <c r="E7993" s="2">
        <v>309.79999999999097</v>
      </c>
    </row>
    <row r="7994" spans="1:5" x14ac:dyDescent="0.25">
      <c r="A7994" s="3">
        <v>41823.556076388886</v>
      </c>
      <c r="B7994" s="2">
        <v>28.5</v>
      </c>
      <c r="C7994" s="2">
        <v>194.8</v>
      </c>
      <c r="D7994" s="2">
        <v>0</v>
      </c>
      <c r="E7994" s="2">
        <v>309.79999999999097</v>
      </c>
    </row>
    <row r="7995" spans="1:5" x14ac:dyDescent="0.25">
      <c r="A7995" s="3">
        <v>41823.556134259263</v>
      </c>
      <c r="B7995" s="2">
        <v>28.5</v>
      </c>
      <c r="C7995" s="2">
        <v>195</v>
      </c>
      <c r="D7995" s="2">
        <v>0</v>
      </c>
      <c r="E7995" s="2">
        <v>309.79999999999097</v>
      </c>
    </row>
    <row r="7996" spans="1:5" x14ac:dyDescent="0.25">
      <c r="A7996" s="3">
        <v>41823.556423611109</v>
      </c>
      <c r="B7996" s="2">
        <v>28.5</v>
      </c>
      <c r="C7996" s="2">
        <v>194.8</v>
      </c>
      <c r="D7996" s="2">
        <v>0</v>
      </c>
      <c r="E7996" s="2">
        <v>309.79999999999097</v>
      </c>
    </row>
    <row r="7997" spans="1:5" x14ac:dyDescent="0.25">
      <c r="A7997" s="3">
        <v>41823.556655092594</v>
      </c>
      <c r="B7997" s="2">
        <v>28.5</v>
      </c>
      <c r="C7997" s="2">
        <v>195</v>
      </c>
      <c r="D7997" s="2">
        <v>0</v>
      </c>
      <c r="E7997" s="2">
        <v>309.79999999999097</v>
      </c>
    </row>
    <row r="7998" spans="1:5" x14ac:dyDescent="0.25">
      <c r="A7998" s="3">
        <v>41823.556828703702</v>
      </c>
      <c r="B7998" s="2">
        <v>28.6</v>
      </c>
      <c r="C7998" s="2">
        <v>194.8</v>
      </c>
      <c r="D7998" s="2">
        <v>0</v>
      </c>
      <c r="E7998" s="2">
        <v>309.79999999999097</v>
      </c>
    </row>
    <row r="7999" spans="1:5" x14ac:dyDescent="0.25">
      <c r="A7999" s="3">
        <v>41823.557118055556</v>
      </c>
      <c r="B7999" s="2">
        <v>28.6</v>
      </c>
      <c r="C7999" s="2">
        <v>195</v>
      </c>
      <c r="D7999" s="2">
        <v>0</v>
      </c>
      <c r="E7999" s="2">
        <v>309.79999999999097</v>
      </c>
    </row>
    <row r="8000" spans="1:5" x14ac:dyDescent="0.25">
      <c r="A8000" s="3">
        <v>41823.557233796295</v>
      </c>
      <c r="B8000" s="2">
        <v>28.6</v>
      </c>
      <c r="C8000" s="2">
        <v>194.8</v>
      </c>
      <c r="D8000" s="2">
        <v>0</v>
      </c>
      <c r="E8000" s="2">
        <v>309.79999999999097</v>
      </c>
    </row>
    <row r="8001" spans="1:5" x14ac:dyDescent="0.25">
      <c r="A8001" s="3">
        <v>41823.560069444444</v>
      </c>
      <c r="B8001" s="2">
        <v>28.7</v>
      </c>
      <c r="C8001" s="2">
        <v>195</v>
      </c>
      <c r="D8001" s="2">
        <v>0</v>
      </c>
      <c r="E8001" s="2">
        <v>309.79999999999097</v>
      </c>
    </row>
    <row r="8002" spans="1:5" x14ac:dyDescent="0.25">
      <c r="A8002" s="3">
        <v>41823.560474537036</v>
      </c>
      <c r="B8002" s="2">
        <v>28.7</v>
      </c>
      <c r="C8002" s="2">
        <v>194.8</v>
      </c>
      <c r="D8002" s="2">
        <v>0</v>
      </c>
      <c r="E8002" s="2">
        <v>309.79999999999097</v>
      </c>
    </row>
    <row r="8003" spans="1:5" x14ac:dyDescent="0.25">
      <c r="A8003" s="3">
        <v>41823.585648148146</v>
      </c>
      <c r="B8003" s="2">
        <v>29.5</v>
      </c>
      <c r="C8003" s="2">
        <v>194.6</v>
      </c>
      <c r="D8003" s="2">
        <v>0</v>
      </c>
      <c r="E8003" s="2">
        <v>309.79999999999097</v>
      </c>
    </row>
    <row r="8004" spans="1:5" x14ac:dyDescent="0.25">
      <c r="A8004" s="3">
        <v>41823.61377314815</v>
      </c>
      <c r="B8004" s="2">
        <v>30.8</v>
      </c>
      <c r="C8004" s="2">
        <v>194.4</v>
      </c>
      <c r="D8004" s="2">
        <v>0</v>
      </c>
      <c r="E8004" s="2">
        <v>309.79999999999097</v>
      </c>
    </row>
    <row r="8005" spans="1:5" x14ac:dyDescent="0.25">
      <c r="A8005" s="3">
        <v>41823.657002314816</v>
      </c>
      <c r="B8005" s="2">
        <v>31.1</v>
      </c>
      <c r="C8005" s="2">
        <v>194.2</v>
      </c>
      <c r="D8005" s="2">
        <v>0</v>
      </c>
      <c r="E8005" s="2">
        <v>309.79999999999097</v>
      </c>
    </row>
    <row r="8006" spans="1:5" x14ac:dyDescent="0.25">
      <c r="A8006" s="3">
        <v>41823.676388888889</v>
      </c>
      <c r="B8006" s="2">
        <v>30.3</v>
      </c>
      <c r="C8006" s="2">
        <v>194</v>
      </c>
      <c r="D8006" s="2">
        <v>0</v>
      </c>
      <c r="E8006" s="2">
        <v>309.79999999999097</v>
      </c>
    </row>
    <row r="8007" spans="1:5" x14ac:dyDescent="0.25">
      <c r="A8007" s="3">
        <v>41823.676504629628</v>
      </c>
      <c r="B8007" s="2">
        <v>30.4</v>
      </c>
      <c r="C8007" s="2">
        <v>194.2</v>
      </c>
      <c r="D8007" s="2">
        <v>0</v>
      </c>
      <c r="E8007" s="2">
        <v>309.79999999999097</v>
      </c>
    </row>
    <row r="8008" spans="1:5" x14ac:dyDescent="0.25">
      <c r="A8008" s="3">
        <v>41823.676562499997</v>
      </c>
      <c r="B8008" s="2">
        <v>30.3</v>
      </c>
      <c r="C8008" s="2">
        <v>194</v>
      </c>
      <c r="D8008" s="2">
        <v>0</v>
      </c>
      <c r="E8008" s="2">
        <v>309.79999999999097</v>
      </c>
    </row>
    <row r="8009" spans="1:5" x14ac:dyDescent="0.25">
      <c r="A8009" s="3">
        <v>41823.676793981482</v>
      </c>
      <c r="B8009" s="2">
        <v>30.3</v>
      </c>
      <c r="C8009" s="2">
        <v>194.2</v>
      </c>
      <c r="D8009" s="2">
        <v>0</v>
      </c>
      <c r="E8009" s="2">
        <v>309.79999999999097</v>
      </c>
    </row>
    <row r="8010" spans="1:5" x14ac:dyDescent="0.25">
      <c r="A8010" s="3">
        <v>41823.676851851851</v>
      </c>
      <c r="B8010" s="2">
        <v>30.3</v>
      </c>
      <c r="C8010" s="2">
        <v>194</v>
      </c>
      <c r="D8010" s="2">
        <v>0</v>
      </c>
      <c r="E8010" s="2">
        <v>309.79999999999097</v>
      </c>
    </row>
    <row r="8011" spans="1:5" x14ac:dyDescent="0.25">
      <c r="A8011" s="3">
        <v>41823.695370370369</v>
      </c>
      <c r="B8011" s="2">
        <v>29.8</v>
      </c>
      <c r="C8011" s="2">
        <v>193.8</v>
      </c>
      <c r="D8011" s="2">
        <v>0</v>
      </c>
      <c r="E8011" s="2">
        <v>309.79999999999097</v>
      </c>
    </row>
    <row r="8012" spans="1:5" x14ac:dyDescent="0.25">
      <c r="A8012" s="3">
        <v>41823.695891203701</v>
      </c>
      <c r="B8012" s="2">
        <v>29.8</v>
      </c>
      <c r="C8012" s="2">
        <v>194</v>
      </c>
      <c r="D8012" s="2">
        <v>0</v>
      </c>
      <c r="E8012" s="2">
        <v>309.79999999999097</v>
      </c>
    </row>
    <row r="8013" spans="1:5" x14ac:dyDescent="0.25">
      <c r="A8013" s="3">
        <v>41823.696122685185</v>
      </c>
      <c r="B8013" s="2">
        <v>29.8</v>
      </c>
      <c r="C8013" s="2">
        <v>193.8</v>
      </c>
      <c r="D8013" s="2">
        <v>0</v>
      </c>
      <c r="E8013" s="2">
        <v>309.79999999999097</v>
      </c>
    </row>
    <row r="8014" spans="1:5" x14ac:dyDescent="0.25">
      <c r="A8014" s="3">
        <v>41823.701331018521</v>
      </c>
      <c r="B8014" s="2">
        <v>29.6</v>
      </c>
      <c r="C8014" s="2">
        <v>193.6</v>
      </c>
      <c r="D8014" s="2">
        <v>0</v>
      </c>
      <c r="E8014" s="2">
        <v>309.79999999999097</v>
      </c>
    </row>
    <row r="8015" spans="1:5" x14ac:dyDescent="0.25">
      <c r="A8015" s="3">
        <v>41823.701562499999</v>
      </c>
      <c r="B8015" s="2">
        <v>29.6</v>
      </c>
      <c r="C8015" s="2">
        <v>193.8</v>
      </c>
      <c r="D8015" s="2">
        <v>0</v>
      </c>
      <c r="E8015" s="2">
        <v>309.79999999999097</v>
      </c>
    </row>
    <row r="8016" spans="1:5" x14ac:dyDescent="0.25">
      <c r="A8016" s="3">
        <v>41823.701678240737</v>
      </c>
      <c r="B8016" s="2">
        <v>29.6</v>
      </c>
      <c r="C8016" s="2">
        <v>193.6</v>
      </c>
      <c r="D8016" s="2">
        <v>0</v>
      </c>
      <c r="E8016" s="2">
        <v>309.79999999999097</v>
      </c>
    </row>
    <row r="8017" spans="1:5" x14ac:dyDescent="0.25">
      <c r="A8017" s="3">
        <v>41823.702604166669</v>
      </c>
      <c r="B8017" s="2">
        <v>29.5</v>
      </c>
      <c r="C8017" s="2">
        <v>193.8</v>
      </c>
      <c r="D8017" s="2">
        <v>0</v>
      </c>
      <c r="E8017" s="2">
        <v>309.79999999999097</v>
      </c>
    </row>
    <row r="8018" spans="1:5" x14ac:dyDescent="0.25">
      <c r="A8018" s="3">
        <v>41823.702777777777</v>
      </c>
      <c r="B8018" s="2">
        <v>29.5</v>
      </c>
      <c r="C8018" s="2">
        <v>193.6</v>
      </c>
      <c r="D8018" s="2">
        <v>0</v>
      </c>
      <c r="E8018" s="2">
        <v>309.79999999999097</v>
      </c>
    </row>
    <row r="8019" spans="1:5" x14ac:dyDescent="0.25">
      <c r="A8019" s="3">
        <v>41823.703182870369</v>
      </c>
      <c r="B8019" s="2">
        <v>29.5</v>
      </c>
      <c r="C8019" s="2">
        <v>193.8</v>
      </c>
      <c r="D8019" s="2">
        <v>0</v>
      </c>
      <c r="E8019" s="2">
        <v>309.79999999999097</v>
      </c>
    </row>
    <row r="8020" spans="1:5" x14ac:dyDescent="0.25">
      <c r="A8020" s="3">
        <v>41823.703645833331</v>
      </c>
      <c r="B8020" s="2">
        <v>29.5</v>
      </c>
      <c r="C8020" s="2">
        <v>193.6</v>
      </c>
      <c r="D8020" s="2">
        <v>0</v>
      </c>
      <c r="E8020" s="2">
        <v>309.79999999999097</v>
      </c>
    </row>
    <row r="8021" spans="1:5" x14ac:dyDescent="0.25">
      <c r="A8021" s="3">
        <v>41823.703935185185</v>
      </c>
      <c r="B8021" s="2">
        <v>29.5</v>
      </c>
      <c r="C8021" s="2">
        <v>193.8</v>
      </c>
      <c r="D8021" s="2">
        <v>0</v>
      </c>
      <c r="E8021" s="2">
        <v>309.79999999999097</v>
      </c>
    </row>
    <row r="8022" spans="1:5" x14ac:dyDescent="0.25">
      <c r="A8022" s="3">
        <v>41823.703993055555</v>
      </c>
      <c r="B8022" s="2">
        <v>29.5</v>
      </c>
      <c r="C8022" s="2">
        <v>193.6</v>
      </c>
      <c r="D8022" s="2">
        <v>0</v>
      </c>
      <c r="E8022" s="2">
        <v>309.79999999999097</v>
      </c>
    </row>
    <row r="8023" spans="1:5" x14ac:dyDescent="0.25">
      <c r="A8023" s="3">
        <v>41823.715798611112</v>
      </c>
      <c r="B8023" s="2">
        <v>29</v>
      </c>
      <c r="C8023" s="2">
        <v>193.4</v>
      </c>
      <c r="D8023" s="2">
        <v>0</v>
      </c>
      <c r="E8023" s="2">
        <v>309.79999999999097</v>
      </c>
    </row>
    <row r="8024" spans="1:5" x14ac:dyDescent="0.25">
      <c r="A8024" s="3">
        <v>41823.733969907407</v>
      </c>
      <c r="B8024" s="2">
        <v>28.7</v>
      </c>
      <c r="C8024" s="2">
        <v>193.2</v>
      </c>
      <c r="D8024" s="2">
        <v>0</v>
      </c>
      <c r="E8024" s="2">
        <v>309.79999999999097</v>
      </c>
    </row>
    <row r="8025" spans="1:5" x14ac:dyDescent="0.25">
      <c r="A8025" s="3">
        <v>41823.734085648146</v>
      </c>
      <c r="B8025" s="2">
        <v>28.7</v>
      </c>
      <c r="C8025" s="2">
        <v>193.4</v>
      </c>
      <c r="D8025" s="2">
        <v>0</v>
      </c>
      <c r="E8025" s="2">
        <v>309.79999999999097</v>
      </c>
    </row>
    <row r="8026" spans="1:5" x14ac:dyDescent="0.25">
      <c r="A8026" s="3">
        <v>41823.736226851855</v>
      </c>
      <c r="B8026" s="2">
        <v>28.7</v>
      </c>
      <c r="C8026" s="2">
        <v>193.2</v>
      </c>
      <c r="D8026" s="2">
        <v>0</v>
      </c>
      <c r="E8026" s="2">
        <v>309.79999999999097</v>
      </c>
    </row>
    <row r="8027" spans="1:5" x14ac:dyDescent="0.25">
      <c r="A8027" s="3">
        <v>41823.736342592594</v>
      </c>
      <c r="B8027" s="2">
        <v>28.7</v>
      </c>
      <c r="C8027" s="2">
        <v>193.4</v>
      </c>
      <c r="D8027" s="2">
        <v>0</v>
      </c>
      <c r="E8027" s="2">
        <v>309.79999999999097</v>
      </c>
    </row>
    <row r="8028" spans="1:5" x14ac:dyDescent="0.25">
      <c r="A8028" s="3">
        <v>41823.736689814818</v>
      </c>
      <c r="B8028" s="2">
        <v>28.7</v>
      </c>
      <c r="C8028" s="2">
        <v>193.2</v>
      </c>
      <c r="D8028" s="2">
        <v>0</v>
      </c>
      <c r="E8028" s="2">
        <v>309.79999999999097</v>
      </c>
    </row>
    <row r="8029" spans="1:5" x14ac:dyDescent="0.25">
      <c r="A8029" s="3">
        <v>41823.736805555556</v>
      </c>
      <c r="B8029" s="2">
        <v>28.7</v>
      </c>
      <c r="C8029" s="2">
        <v>193.4</v>
      </c>
      <c r="D8029" s="2">
        <v>0</v>
      </c>
      <c r="E8029" s="2">
        <v>309.79999999999097</v>
      </c>
    </row>
    <row r="8030" spans="1:5" x14ac:dyDescent="0.25">
      <c r="A8030" s="3">
        <v>41823.737326388888</v>
      </c>
      <c r="B8030" s="2">
        <v>28.7</v>
      </c>
      <c r="C8030" s="2">
        <v>193.2</v>
      </c>
      <c r="D8030" s="2">
        <v>0</v>
      </c>
      <c r="E8030" s="2">
        <v>309.79999999999097</v>
      </c>
    </row>
    <row r="8031" spans="1:5" x14ac:dyDescent="0.25">
      <c r="A8031" s="3">
        <v>41823.738425925927</v>
      </c>
      <c r="B8031" s="2">
        <v>28.7</v>
      </c>
      <c r="C8031" s="2">
        <v>193.4</v>
      </c>
      <c r="D8031" s="2">
        <v>0</v>
      </c>
      <c r="E8031" s="2">
        <v>309.79999999999097</v>
      </c>
    </row>
    <row r="8032" spans="1:5" x14ac:dyDescent="0.25">
      <c r="A8032" s="3">
        <v>41823.738541666666</v>
      </c>
      <c r="B8032" s="2">
        <v>28.7</v>
      </c>
      <c r="C8032" s="2">
        <v>193.2</v>
      </c>
      <c r="D8032" s="2">
        <v>0</v>
      </c>
      <c r="E8032" s="2">
        <v>309.79999999999097</v>
      </c>
    </row>
    <row r="8033" spans="1:5" x14ac:dyDescent="0.25">
      <c r="A8033" s="3">
        <v>41823.741666666669</v>
      </c>
      <c r="B8033" s="2">
        <v>28.7</v>
      </c>
      <c r="C8033" s="2">
        <v>193.4</v>
      </c>
      <c r="D8033" s="2">
        <v>0</v>
      </c>
      <c r="E8033" s="2">
        <v>309.79999999999097</v>
      </c>
    </row>
    <row r="8034" spans="1:5" x14ac:dyDescent="0.25">
      <c r="A8034" s="3">
        <v>41823.741724537038</v>
      </c>
      <c r="B8034" s="2">
        <v>28.7</v>
      </c>
      <c r="C8034" s="2">
        <v>193.2</v>
      </c>
      <c r="D8034" s="2">
        <v>0</v>
      </c>
      <c r="E8034" s="2">
        <v>309.79999999999097</v>
      </c>
    </row>
    <row r="8035" spans="1:5" x14ac:dyDescent="0.25">
      <c r="A8035" s="3">
        <v>41823.741782407407</v>
      </c>
      <c r="B8035" s="2">
        <v>28.7</v>
      </c>
      <c r="C8035" s="2">
        <v>193.4</v>
      </c>
      <c r="D8035" s="2">
        <v>0</v>
      </c>
      <c r="E8035" s="2">
        <v>309.79999999999097</v>
      </c>
    </row>
    <row r="8036" spans="1:5" x14ac:dyDescent="0.25">
      <c r="A8036" s="3">
        <v>41823.742013888892</v>
      </c>
      <c r="B8036" s="2">
        <v>28.7</v>
      </c>
      <c r="C8036" s="2">
        <v>193.2</v>
      </c>
      <c r="D8036" s="2">
        <v>0</v>
      </c>
      <c r="E8036" s="2">
        <v>309.79999999999097</v>
      </c>
    </row>
    <row r="8037" spans="1:5" x14ac:dyDescent="0.25">
      <c r="A8037" s="3">
        <v>41823.757523148146</v>
      </c>
      <c r="B8037" s="2">
        <v>28.6</v>
      </c>
      <c r="C8037" s="2">
        <v>193</v>
      </c>
      <c r="D8037" s="2">
        <v>0</v>
      </c>
      <c r="E8037" s="2">
        <v>309.79999999999097</v>
      </c>
    </row>
    <row r="8038" spans="1:5" x14ac:dyDescent="0.25">
      <c r="A8038" s="3">
        <v>41823.757581018515</v>
      </c>
      <c r="B8038" s="2">
        <v>28.6</v>
      </c>
      <c r="C8038" s="2">
        <v>193.2</v>
      </c>
      <c r="D8038" s="2">
        <v>0</v>
      </c>
      <c r="E8038" s="2">
        <v>309.79999999999097</v>
      </c>
    </row>
    <row r="8039" spans="1:5" x14ac:dyDescent="0.25">
      <c r="A8039" s="3">
        <v>41823.7578125</v>
      </c>
      <c r="B8039" s="2">
        <v>28.6</v>
      </c>
      <c r="C8039" s="2">
        <v>193</v>
      </c>
      <c r="D8039" s="2">
        <v>0</v>
      </c>
      <c r="E8039" s="2">
        <v>309.79999999999097</v>
      </c>
    </row>
    <row r="8040" spans="1:5" x14ac:dyDescent="0.25">
      <c r="A8040" s="3">
        <v>41823.765162037038</v>
      </c>
      <c r="B8040" s="2">
        <v>28.5</v>
      </c>
      <c r="C8040" s="2">
        <v>193.2</v>
      </c>
      <c r="D8040" s="2">
        <v>0</v>
      </c>
      <c r="E8040" s="2">
        <v>309.79999999999097</v>
      </c>
    </row>
    <row r="8041" spans="1:5" x14ac:dyDescent="0.25">
      <c r="A8041" s="3">
        <v>41823.765277777777</v>
      </c>
      <c r="B8041" s="2">
        <v>28.5</v>
      </c>
      <c r="C8041" s="2">
        <v>193</v>
      </c>
      <c r="D8041" s="2">
        <v>0</v>
      </c>
      <c r="E8041" s="2">
        <v>309.79999999999097</v>
      </c>
    </row>
    <row r="8042" spans="1:5" x14ac:dyDescent="0.25">
      <c r="A8042" s="3">
        <v>41823.804340277777</v>
      </c>
      <c r="B8042" s="2">
        <v>27.4</v>
      </c>
      <c r="C8042" s="2">
        <v>192.8</v>
      </c>
      <c r="D8042" s="2">
        <v>0</v>
      </c>
      <c r="E8042" s="2">
        <v>309.79999999999097</v>
      </c>
    </row>
    <row r="8043" spans="1:5" x14ac:dyDescent="0.25">
      <c r="A8043" s="3">
        <v>41823.835416666669</v>
      </c>
      <c r="B8043" s="2">
        <v>26.5</v>
      </c>
      <c r="C8043" s="2">
        <v>192.6</v>
      </c>
      <c r="D8043" s="2">
        <v>0</v>
      </c>
      <c r="E8043" s="2">
        <v>309.79999999999097</v>
      </c>
    </row>
    <row r="8044" spans="1:5" x14ac:dyDescent="0.25">
      <c r="A8044" s="3">
        <v>41823.871990740743</v>
      </c>
      <c r="B8044" s="2">
        <v>25.5</v>
      </c>
      <c r="C8044" s="2">
        <v>192.4</v>
      </c>
      <c r="D8044" s="2">
        <v>0</v>
      </c>
      <c r="E8044" s="2">
        <v>309.79999999999097</v>
      </c>
    </row>
    <row r="8045" spans="1:5" x14ac:dyDescent="0.25">
      <c r="A8045" s="3">
        <v>41823.915335648147</v>
      </c>
      <c r="B8045" s="2">
        <v>24.4</v>
      </c>
      <c r="C8045" s="2">
        <v>192.2</v>
      </c>
      <c r="D8045" s="2">
        <v>0</v>
      </c>
      <c r="E8045" s="2">
        <v>309.79999999999097</v>
      </c>
    </row>
    <row r="8046" spans="1:5" x14ac:dyDescent="0.25">
      <c r="A8046" s="3">
        <v>41823.958738425928</v>
      </c>
      <c r="B8046" s="2">
        <v>23.4</v>
      </c>
      <c r="C8046" s="2">
        <v>192</v>
      </c>
      <c r="D8046" s="2">
        <v>0</v>
      </c>
      <c r="E8046" s="2">
        <v>309.79999999999097</v>
      </c>
    </row>
    <row r="8047" spans="1:5" x14ac:dyDescent="0.25">
      <c r="A8047" s="3">
        <v>41824.00439814815</v>
      </c>
      <c r="B8047" s="2">
        <v>22.4</v>
      </c>
      <c r="C8047" s="2">
        <v>191.8</v>
      </c>
      <c r="D8047" s="2">
        <v>0</v>
      </c>
      <c r="E8047" s="2">
        <v>309.79999999999097</v>
      </c>
    </row>
    <row r="8048" spans="1:5" x14ac:dyDescent="0.25">
      <c r="A8048" s="3">
        <v>41824.070659722223</v>
      </c>
      <c r="B8048" s="2">
        <v>21</v>
      </c>
      <c r="C8048" s="2">
        <v>191.6</v>
      </c>
      <c r="D8048" s="2">
        <v>0</v>
      </c>
      <c r="E8048" s="2">
        <v>309.79999999999097</v>
      </c>
    </row>
    <row r="8049" spans="1:5" x14ac:dyDescent="0.25">
      <c r="A8049" s="3">
        <v>41824.168981481482</v>
      </c>
      <c r="B8049" s="2">
        <v>19.100000000000001</v>
      </c>
      <c r="C8049" s="2">
        <v>191.4</v>
      </c>
      <c r="D8049" s="2">
        <v>0</v>
      </c>
      <c r="E8049" s="2">
        <v>309.79999999999097</v>
      </c>
    </row>
    <row r="8050" spans="1:5" x14ac:dyDescent="0.25">
      <c r="A8050" s="3">
        <v>41824.286747685182</v>
      </c>
      <c r="B8050" s="2">
        <v>17.3</v>
      </c>
      <c r="C8050" s="2">
        <v>191.2</v>
      </c>
      <c r="D8050" s="2">
        <v>0</v>
      </c>
      <c r="E8050" s="2">
        <v>309.79999999999097</v>
      </c>
    </row>
    <row r="8051" spans="1:5" x14ac:dyDescent="0.25">
      <c r="A8051" s="3">
        <v>41824.345486111109</v>
      </c>
      <c r="B8051" s="2">
        <v>17</v>
      </c>
      <c r="C8051" s="2">
        <v>191</v>
      </c>
      <c r="D8051" s="2">
        <v>0</v>
      </c>
      <c r="E8051" s="2">
        <v>309.79999999999097</v>
      </c>
    </row>
    <row r="8052" spans="1:5" x14ac:dyDescent="0.25">
      <c r="A8052" s="3">
        <v>41824.527372685188</v>
      </c>
      <c r="B8052" s="2">
        <v>26.8</v>
      </c>
      <c r="C8052" s="2">
        <v>190.8</v>
      </c>
      <c r="D8052" s="2">
        <v>0</v>
      </c>
      <c r="E8052" s="2">
        <v>309.79999999999097</v>
      </c>
    </row>
    <row r="8053" spans="1:5" x14ac:dyDescent="0.25">
      <c r="A8053" s="3">
        <v>41824.527430555558</v>
      </c>
      <c r="B8053" s="2">
        <v>26.8</v>
      </c>
      <c r="C8053" s="2">
        <v>191</v>
      </c>
      <c r="D8053" s="2">
        <v>0</v>
      </c>
      <c r="E8053" s="2">
        <v>309.79999999999097</v>
      </c>
    </row>
    <row r="8054" spans="1:5" x14ac:dyDescent="0.25">
      <c r="A8054" s="3">
        <v>41824.52789351852</v>
      </c>
      <c r="B8054" s="2">
        <v>26.9</v>
      </c>
      <c r="C8054" s="2">
        <v>190.8</v>
      </c>
      <c r="D8054" s="2">
        <v>0</v>
      </c>
      <c r="E8054" s="2">
        <v>309.79999999999097</v>
      </c>
    </row>
    <row r="8055" spans="1:5" x14ac:dyDescent="0.25">
      <c r="A8055" s="3">
        <v>41824.529340277775</v>
      </c>
      <c r="B8055" s="2">
        <v>27</v>
      </c>
      <c r="C8055" s="2">
        <v>191</v>
      </c>
      <c r="D8055" s="2">
        <v>0</v>
      </c>
      <c r="E8055" s="2">
        <v>309.79999999999097</v>
      </c>
    </row>
    <row r="8056" spans="1:5" x14ac:dyDescent="0.25">
      <c r="A8056" s="3">
        <v>41824.529456018521</v>
      </c>
      <c r="B8056" s="2">
        <v>27</v>
      </c>
      <c r="C8056" s="2">
        <v>190.8</v>
      </c>
      <c r="D8056" s="2">
        <v>0</v>
      </c>
      <c r="E8056" s="2">
        <v>309.79999999999097</v>
      </c>
    </row>
    <row r="8057" spans="1:5" x14ac:dyDescent="0.25">
      <c r="A8057" s="3">
        <v>41824.529803240737</v>
      </c>
      <c r="B8057" s="2">
        <v>27</v>
      </c>
      <c r="C8057" s="2">
        <v>191</v>
      </c>
      <c r="D8057" s="2">
        <v>0</v>
      </c>
      <c r="E8057" s="2">
        <v>309.79999999999097</v>
      </c>
    </row>
    <row r="8058" spans="1:5" x14ac:dyDescent="0.25">
      <c r="A8058" s="3">
        <v>41824.529918981483</v>
      </c>
      <c r="B8058" s="2">
        <v>27</v>
      </c>
      <c r="C8058" s="2">
        <v>190.8</v>
      </c>
      <c r="D8058" s="2">
        <v>0</v>
      </c>
      <c r="E8058" s="2">
        <v>309.79999999999097</v>
      </c>
    </row>
    <row r="8059" spans="1:5" x14ac:dyDescent="0.25">
      <c r="A8059" s="3">
        <v>41824.530497685184</v>
      </c>
      <c r="B8059" s="2">
        <v>27</v>
      </c>
      <c r="C8059" s="2">
        <v>191</v>
      </c>
      <c r="D8059" s="2">
        <v>0</v>
      </c>
      <c r="E8059" s="2">
        <v>309.79999999999097</v>
      </c>
    </row>
    <row r="8060" spans="1:5" x14ac:dyDescent="0.25">
      <c r="A8060" s="3">
        <v>41824.530671296299</v>
      </c>
      <c r="B8060" s="2">
        <v>27</v>
      </c>
      <c r="C8060" s="2">
        <v>190.8</v>
      </c>
      <c r="D8060" s="2">
        <v>0</v>
      </c>
      <c r="E8060" s="2">
        <v>309.79999999999097</v>
      </c>
    </row>
    <row r="8061" spans="1:5" x14ac:dyDescent="0.25">
      <c r="A8061" s="3">
        <v>41824.531944444447</v>
      </c>
      <c r="B8061" s="2">
        <v>27.1</v>
      </c>
      <c r="C8061" s="2">
        <v>191</v>
      </c>
      <c r="D8061" s="2">
        <v>0</v>
      </c>
      <c r="E8061" s="2">
        <v>309.79999999999097</v>
      </c>
    </row>
    <row r="8062" spans="1:5" x14ac:dyDescent="0.25">
      <c r="A8062" s="3">
        <v>41824.532060185185</v>
      </c>
      <c r="B8062" s="2">
        <v>27.2</v>
      </c>
      <c r="C8062" s="2">
        <v>190.8</v>
      </c>
      <c r="D8062" s="2">
        <v>0</v>
      </c>
      <c r="E8062" s="2">
        <v>309.79999999999097</v>
      </c>
    </row>
    <row r="8063" spans="1:5" x14ac:dyDescent="0.25">
      <c r="A8063" s="3">
        <v>41824.554861111108</v>
      </c>
      <c r="B8063" s="2">
        <v>28.4</v>
      </c>
      <c r="C8063" s="2">
        <v>190.6</v>
      </c>
      <c r="D8063" s="2">
        <v>0</v>
      </c>
      <c r="E8063" s="2">
        <v>309.79999999999097</v>
      </c>
    </row>
    <row r="8064" spans="1:5" x14ac:dyDescent="0.25">
      <c r="A8064" s="3">
        <v>41824.554976851854</v>
      </c>
      <c r="B8064" s="2">
        <v>28.4</v>
      </c>
      <c r="C8064" s="2">
        <v>190.8</v>
      </c>
      <c r="D8064" s="2">
        <v>0</v>
      </c>
      <c r="E8064" s="2">
        <v>309.79999999999097</v>
      </c>
    </row>
    <row r="8065" spans="1:5" x14ac:dyDescent="0.25">
      <c r="A8065" s="3">
        <v>41824.555092592593</v>
      </c>
      <c r="B8065" s="2">
        <v>28.4</v>
      </c>
      <c r="C8065" s="2">
        <v>190.6</v>
      </c>
      <c r="D8065" s="2">
        <v>0</v>
      </c>
      <c r="E8065" s="2">
        <v>309.79999999999097</v>
      </c>
    </row>
    <row r="8066" spans="1:5" x14ac:dyDescent="0.25">
      <c r="A8066" s="3">
        <v>41824.555150462962</v>
      </c>
      <c r="B8066" s="2">
        <v>28.4</v>
      </c>
      <c r="C8066" s="2">
        <v>190.8</v>
      </c>
      <c r="D8066" s="2">
        <v>0</v>
      </c>
      <c r="E8066" s="2">
        <v>309.79999999999097</v>
      </c>
    </row>
    <row r="8067" spans="1:5" x14ac:dyDescent="0.25">
      <c r="A8067" s="3">
        <v>41824.555613425924</v>
      </c>
      <c r="B8067" s="2">
        <v>28.6</v>
      </c>
      <c r="C8067" s="2">
        <v>190.6</v>
      </c>
      <c r="D8067" s="2">
        <v>0</v>
      </c>
      <c r="E8067" s="2">
        <v>309.79999999999097</v>
      </c>
    </row>
    <row r="8068" spans="1:5" x14ac:dyDescent="0.25">
      <c r="A8068" s="3">
        <v>41824.555844907409</v>
      </c>
      <c r="B8068" s="2">
        <v>28.5</v>
      </c>
      <c r="C8068" s="2">
        <v>190.8</v>
      </c>
      <c r="D8068" s="2">
        <v>0</v>
      </c>
      <c r="E8068" s="2">
        <v>309.79999999999097</v>
      </c>
    </row>
    <row r="8069" spans="1:5" x14ac:dyDescent="0.25">
      <c r="A8069" s="3">
        <v>41824.556018518517</v>
      </c>
      <c r="B8069" s="2">
        <v>28.5</v>
      </c>
      <c r="C8069" s="2">
        <v>190.6</v>
      </c>
      <c r="D8069" s="2">
        <v>0</v>
      </c>
      <c r="E8069" s="2">
        <v>309.79999999999097</v>
      </c>
    </row>
    <row r="8070" spans="1:5" x14ac:dyDescent="0.25">
      <c r="A8070" s="3">
        <v>41824.556192129632</v>
      </c>
      <c r="B8070" s="2">
        <v>28.6</v>
      </c>
      <c r="C8070" s="2">
        <v>190.8</v>
      </c>
      <c r="D8070" s="2">
        <v>0</v>
      </c>
      <c r="E8070" s="2">
        <v>309.79999999999097</v>
      </c>
    </row>
    <row r="8071" spans="1:5" x14ac:dyDescent="0.25">
      <c r="A8071" s="3">
        <v>41824.556423611109</v>
      </c>
      <c r="B8071" s="2">
        <v>28.5</v>
      </c>
      <c r="C8071" s="2">
        <v>190.6</v>
      </c>
      <c r="D8071" s="2">
        <v>0</v>
      </c>
      <c r="E8071" s="2">
        <v>309.79999999999097</v>
      </c>
    </row>
    <row r="8072" spans="1:5" x14ac:dyDescent="0.25">
      <c r="A8072" s="3">
        <v>41824.556481481479</v>
      </c>
      <c r="B8072" s="2">
        <v>28.4</v>
      </c>
      <c r="C8072" s="2">
        <v>190.8</v>
      </c>
      <c r="D8072" s="2">
        <v>0</v>
      </c>
      <c r="E8072" s="2">
        <v>309.79999999999097</v>
      </c>
    </row>
    <row r="8073" spans="1:5" x14ac:dyDescent="0.25">
      <c r="A8073" s="3">
        <v>41824.556597222225</v>
      </c>
      <c r="B8073" s="2">
        <v>28.5</v>
      </c>
      <c r="C8073" s="2">
        <v>190.6</v>
      </c>
      <c r="D8073" s="2">
        <v>0</v>
      </c>
      <c r="E8073" s="2">
        <v>309.79999999999097</v>
      </c>
    </row>
    <row r="8074" spans="1:5" x14ac:dyDescent="0.25">
      <c r="A8074" s="3">
        <v>41824.557523148149</v>
      </c>
      <c r="B8074" s="2">
        <v>28.6</v>
      </c>
      <c r="C8074" s="2">
        <v>190.8</v>
      </c>
      <c r="D8074" s="2">
        <v>0</v>
      </c>
      <c r="E8074" s="2">
        <v>309.79999999999097</v>
      </c>
    </row>
    <row r="8075" spans="1:5" x14ac:dyDescent="0.25">
      <c r="A8075" s="3">
        <v>41824.557581018518</v>
      </c>
      <c r="B8075" s="2">
        <v>28.7</v>
      </c>
      <c r="C8075" s="2">
        <v>190.6</v>
      </c>
      <c r="D8075" s="2">
        <v>0</v>
      </c>
      <c r="E8075" s="2">
        <v>309.79999999999097</v>
      </c>
    </row>
    <row r="8076" spans="1:5" x14ac:dyDescent="0.25">
      <c r="A8076" s="3">
        <v>41824.558680555558</v>
      </c>
      <c r="B8076" s="2">
        <v>28.7</v>
      </c>
      <c r="C8076" s="2">
        <v>190.8</v>
      </c>
      <c r="D8076" s="2">
        <v>0</v>
      </c>
      <c r="E8076" s="2">
        <v>309.79999999999097</v>
      </c>
    </row>
    <row r="8077" spans="1:5" x14ac:dyDescent="0.25">
      <c r="A8077" s="3">
        <v>41824.559027777781</v>
      </c>
      <c r="B8077" s="2">
        <v>28.7</v>
      </c>
      <c r="C8077" s="2">
        <v>190.6</v>
      </c>
      <c r="D8077" s="2">
        <v>0</v>
      </c>
      <c r="E8077" s="2">
        <v>309.79999999999097</v>
      </c>
    </row>
    <row r="8078" spans="1:5" x14ac:dyDescent="0.25">
      <c r="A8078" s="3">
        <v>41824.593692129631</v>
      </c>
      <c r="B8078" s="2">
        <v>30.3</v>
      </c>
      <c r="C8078" s="2">
        <v>190.4</v>
      </c>
      <c r="D8078" s="2">
        <v>0</v>
      </c>
      <c r="E8078" s="2">
        <v>309.79999999999097</v>
      </c>
    </row>
    <row r="8079" spans="1:5" x14ac:dyDescent="0.25">
      <c r="A8079" s="3">
        <v>41824.594965277778</v>
      </c>
      <c r="B8079" s="2">
        <v>30.3</v>
      </c>
      <c r="C8079" s="2">
        <v>190.6</v>
      </c>
      <c r="D8079" s="2">
        <v>0</v>
      </c>
      <c r="E8079" s="2">
        <v>309.79999999999097</v>
      </c>
    </row>
    <row r="8080" spans="1:5" x14ac:dyDescent="0.25">
      <c r="A8080" s="3">
        <v>41824.59542824074</v>
      </c>
      <c r="B8080" s="2">
        <v>30.4</v>
      </c>
      <c r="C8080" s="2">
        <v>190.4</v>
      </c>
      <c r="D8080" s="2">
        <v>0</v>
      </c>
      <c r="E8080" s="2">
        <v>309.79999999999097</v>
      </c>
    </row>
    <row r="8081" spans="1:5" x14ac:dyDescent="0.25">
      <c r="A8081" s="3">
        <v>41824.620138888888</v>
      </c>
      <c r="B8081" s="2">
        <v>31.3</v>
      </c>
      <c r="C8081" s="2">
        <v>190.2</v>
      </c>
      <c r="D8081" s="2">
        <v>0</v>
      </c>
      <c r="E8081" s="2">
        <v>309.79999999999097</v>
      </c>
    </row>
    <row r="8082" spans="1:5" x14ac:dyDescent="0.25">
      <c r="A8082" s="3">
        <v>41824.653067129628</v>
      </c>
      <c r="B8082" s="2">
        <v>31.7</v>
      </c>
      <c r="C8082" s="2">
        <v>190</v>
      </c>
      <c r="D8082" s="2">
        <v>0</v>
      </c>
      <c r="E8082" s="2">
        <v>309.79999999999097</v>
      </c>
    </row>
    <row r="8083" spans="1:5" x14ac:dyDescent="0.25">
      <c r="A8083" s="3">
        <v>41824.653298611112</v>
      </c>
      <c r="B8083" s="2">
        <v>31.7</v>
      </c>
      <c r="C8083" s="2">
        <v>190.2</v>
      </c>
      <c r="D8083" s="2">
        <v>0</v>
      </c>
      <c r="E8083" s="2">
        <v>309.79999999999097</v>
      </c>
    </row>
    <row r="8084" spans="1:5" x14ac:dyDescent="0.25">
      <c r="A8084" s="3">
        <v>41824.65347222222</v>
      </c>
      <c r="B8084" s="2">
        <v>31.7</v>
      </c>
      <c r="C8084" s="2">
        <v>190</v>
      </c>
      <c r="D8084" s="2">
        <v>0</v>
      </c>
      <c r="E8084" s="2">
        <v>309.79999999999097</v>
      </c>
    </row>
    <row r="8085" spans="1:5" x14ac:dyDescent="0.25">
      <c r="A8085" s="3">
        <v>41824.678819444445</v>
      </c>
      <c r="B8085" s="2">
        <v>31.1</v>
      </c>
      <c r="C8085" s="2">
        <v>189.8</v>
      </c>
      <c r="D8085" s="2">
        <v>0</v>
      </c>
      <c r="E8085" s="2">
        <v>309.79999999999097</v>
      </c>
    </row>
    <row r="8086" spans="1:5" x14ac:dyDescent="0.25">
      <c r="A8086" s="3">
        <v>41824.679050925923</v>
      </c>
      <c r="B8086" s="2">
        <v>31.1</v>
      </c>
      <c r="C8086" s="2">
        <v>190</v>
      </c>
      <c r="D8086" s="2">
        <v>0</v>
      </c>
      <c r="E8086" s="2">
        <v>309.79999999999097</v>
      </c>
    </row>
    <row r="8087" spans="1:5" x14ac:dyDescent="0.25">
      <c r="A8087" s="3">
        <v>41824.6796875</v>
      </c>
      <c r="B8087" s="2">
        <v>31.1</v>
      </c>
      <c r="C8087" s="2">
        <v>189.8</v>
      </c>
      <c r="D8087" s="2">
        <v>0</v>
      </c>
      <c r="E8087" s="2">
        <v>309.79999999999097</v>
      </c>
    </row>
    <row r="8088" spans="1:5" x14ac:dyDescent="0.25">
      <c r="A8088" s="3">
        <v>41824.697800925926</v>
      </c>
      <c r="B8088" s="2">
        <v>30.8</v>
      </c>
      <c r="C8088" s="2">
        <v>189.6</v>
      </c>
      <c r="D8088" s="2">
        <v>0</v>
      </c>
      <c r="E8088" s="2">
        <v>309.79999999999097</v>
      </c>
    </row>
    <row r="8089" spans="1:5" x14ac:dyDescent="0.25">
      <c r="A8089" s="3">
        <v>41824.698263888888</v>
      </c>
      <c r="B8089" s="2">
        <v>30.8</v>
      </c>
      <c r="C8089" s="2">
        <v>189.8</v>
      </c>
      <c r="D8089" s="2">
        <v>0</v>
      </c>
      <c r="E8089" s="2">
        <v>309.79999999999097</v>
      </c>
    </row>
    <row r="8090" spans="1:5" x14ac:dyDescent="0.25">
      <c r="A8090" s="3">
        <v>41824.698437500003</v>
      </c>
      <c r="B8090" s="2">
        <v>30.8</v>
      </c>
      <c r="C8090" s="2">
        <v>189.6</v>
      </c>
      <c r="D8090" s="2">
        <v>0</v>
      </c>
      <c r="E8090" s="2">
        <v>309.79999999999097</v>
      </c>
    </row>
    <row r="8091" spans="1:5" x14ac:dyDescent="0.25">
      <c r="A8091" s="3">
        <v>41824.713946759257</v>
      </c>
      <c r="B8091" s="2">
        <v>30.4</v>
      </c>
      <c r="C8091" s="2">
        <v>189.4</v>
      </c>
      <c r="D8091" s="2">
        <v>0</v>
      </c>
      <c r="E8091" s="2">
        <v>309.79999999999097</v>
      </c>
    </row>
    <row r="8092" spans="1:5" x14ac:dyDescent="0.25">
      <c r="A8092" s="3">
        <v>41824.714641203704</v>
      </c>
      <c r="B8092" s="2">
        <v>30.4</v>
      </c>
      <c r="C8092" s="2">
        <v>189.6</v>
      </c>
      <c r="D8092" s="2">
        <v>0</v>
      </c>
      <c r="E8092" s="2">
        <v>309.79999999999097</v>
      </c>
    </row>
    <row r="8093" spans="1:5" x14ac:dyDescent="0.25">
      <c r="A8093" s="3">
        <v>41824.714988425927</v>
      </c>
      <c r="B8093" s="2">
        <v>30.4</v>
      </c>
      <c r="C8093" s="2">
        <v>189.4</v>
      </c>
      <c r="D8093" s="2">
        <v>0</v>
      </c>
      <c r="E8093" s="2">
        <v>309.79999999999097</v>
      </c>
    </row>
    <row r="8094" spans="1:5" x14ac:dyDescent="0.25">
      <c r="A8094" s="3">
        <v>41824.715219907404</v>
      </c>
      <c r="B8094" s="2">
        <v>30.4</v>
      </c>
      <c r="C8094" s="2">
        <v>189.6</v>
      </c>
      <c r="D8094" s="2">
        <v>0</v>
      </c>
      <c r="E8094" s="2">
        <v>309.79999999999097</v>
      </c>
    </row>
    <row r="8095" spans="1:5" x14ac:dyDescent="0.25">
      <c r="A8095" s="3">
        <v>41824.715277777781</v>
      </c>
      <c r="B8095" s="2">
        <v>30.4</v>
      </c>
      <c r="C8095" s="2">
        <v>189.4</v>
      </c>
      <c r="D8095" s="2">
        <v>0</v>
      </c>
      <c r="E8095" s="2">
        <v>309.79999999999097</v>
      </c>
    </row>
    <row r="8096" spans="1:5" x14ac:dyDescent="0.25">
      <c r="A8096" s="3">
        <v>41824.740856481483</v>
      </c>
      <c r="B8096" s="2">
        <v>29.9</v>
      </c>
      <c r="C8096" s="2">
        <v>189.2</v>
      </c>
      <c r="D8096" s="2">
        <v>0</v>
      </c>
      <c r="E8096" s="2">
        <v>309.79999999999097</v>
      </c>
    </row>
    <row r="8097" spans="1:5" x14ac:dyDescent="0.25">
      <c r="A8097" s="3">
        <v>41824.764236111114</v>
      </c>
      <c r="B8097" s="2">
        <v>29.5</v>
      </c>
      <c r="C8097" s="2">
        <v>189</v>
      </c>
      <c r="D8097" s="2">
        <v>0</v>
      </c>
      <c r="E8097" s="2">
        <v>309.79999999999097</v>
      </c>
    </row>
    <row r="8098" spans="1:5" x14ac:dyDescent="0.25">
      <c r="A8098" s="3">
        <v>41824.797106481485</v>
      </c>
      <c r="B8098" s="2">
        <v>28.7</v>
      </c>
      <c r="C8098" s="2">
        <v>188.8</v>
      </c>
      <c r="D8098" s="2">
        <v>0</v>
      </c>
      <c r="E8098" s="2">
        <v>309.79999999999097</v>
      </c>
    </row>
    <row r="8099" spans="1:5" x14ac:dyDescent="0.25">
      <c r="A8099" s="3">
        <v>41824.832233796296</v>
      </c>
      <c r="B8099" s="2">
        <v>27.9</v>
      </c>
      <c r="C8099" s="2">
        <v>188.6</v>
      </c>
      <c r="D8099" s="2">
        <v>0</v>
      </c>
      <c r="E8099" s="2">
        <v>309.79999999999097</v>
      </c>
    </row>
    <row r="8100" spans="1:5" x14ac:dyDescent="0.25">
      <c r="A8100" s="3">
        <v>41824.879224537035</v>
      </c>
      <c r="B8100" s="2">
        <v>26.7</v>
      </c>
      <c r="C8100" s="2">
        <v>188.4</v>
      </c>
      <c r="D8100" s="2">
        <v>0</v>
      </c>
      <c r="E8100" s="2">
        <v>309.79999999999097</v>
      </c>
    </row>
    <row r="8101" spans="1:5" x14ac:dyDescent="0.25">
      <c r="A8101" s="3">
        <v>41824.922337962962</v>
      </c>
      <c r="B8101" s="2">
        <v>25.6</v>
      </c>
      <c r="C8101" s="2">
        <v>188.2</v>
      </c>
      <c r="D8101" s="2">
        <v>0</v>
      </c>
      <c r="E8101" s="2">
        <v>309.79999999999097</v>
      </c>
    </row>
    <row r="8102" spans="1:5" x14ac:dyDescent="0.25">
      <c r="A8102" s="3">
        <v>41824.96875</v>
      </c>
      <c r="B8102" s="2">
        <v>24.5</v>
      </c>
      <c r="C8102" s="2">
        <v>188</v>
      </c>
      <c r="D8102" s="2">
        <v>0</v>
      </c>
      <c r="E8102" s="2">
        <v>309.79999999999097</v>
      </c>
    </row>
    <row r="8103" spans="1:5" x14ac:dyDescent="0.25">
      <c r="A8103" s="3">
        <v>41825.046412037038</v>
      </c>
      <c r="B8103" s="2">
        <v>22.8</v>
      </c>
      <c r="C8103" s="2">
        <v>187.8</v>
      </c>
      <c r="D8103" s="2">
        <v>0</v>
      </c>
      <c r="E8103" s="2">
        <v>309.79999999999097</v>
      </c>
    </row>
    <row r="8104" spans="1:5" x14ac:dyDescent="0.25">
      <c r="A8104" s="3">
        <v>41825.124016203707</v>
      </c>
      <c r="B8104" s="2">
        <v>21.4</v>
      </c>
      <c r="C8104" s="2">
        <v>187.6</v>
      </c>
      <c r="D8104" s="2">
        <v>0</v>
      </c>
      <c r="E8104" s="2">
        <v>309.79999999999097</v>
      </c>
    </row>
    <row r="8105" spans="1:5" x14ac:dyDescent="0.25">
      <c r="A8105" s="3">
        <v>41825.227025462962</v>
      </c>
      <c r="B8105" s="2">
        <v>20</v>
      </c>
      <c r="C8105" s="2">
        <v>187.4</v>
      </c>
      <c r="D8105" s="2">
        <v>0</v>
      </c>
      <c r="E8105" s="2">
        <v>309.79999999999097</v>
      </c>
    </row>
    <row r="8106" spans="1:5" x14ac:dyDescent="0.25">
      <c r="A8106" s="3">
        <v>41825.307060185187</v>
      </c>
      <c r="B8106" s="2">
        <v>19.3</v>
      </c>
      <c r="C8106" s="2">
        <v>187.2</v>
      </c>
      <c r="D8106" s="2">
        <v>0</v>
      </c>
      <c r="E8106" s="2">
        <v>309.79999999999097</v>
      </c>
    </row>
    <row r="8107" spans="1:5" x14ac:dyDescent="0.25">
      <c r="A8107" s="3">
        <v>41825.342650462961</v>
      </c>
      <c r="B8107" s="2">
        <v>19.2</v>
      </c>
      <c r="C8107" s="2">
        <v>187</v>
      </c>
      <c r="D8107" s="2">
        <v>0</v>
      </c>
      <c r="E8107" s="2">
        <v>309.79999999999097</v>
      </c>
    </row>
    <row r="8108" spans="1:5" x14ac:dyDescent="0.25">
      <c r="A8108" s="3">
        <v>41825.474999999999</v>
      </c>
      <c r="B8108" s="2">
        <v>24.4</v>
      </c>
      <c r="C8108" s="2">
        <v>186.8</v>
      </c>
      <c r="D8108" s="2">
        <v>0</v>
      </c>
      <c r="E8108" s="2">
        <v>309.79999999999097</v>
      </c>
    </row>
    <row r="8109" spans="1:5" x14ac:dyDescent="0.25">
      <c r="A8109" s="3">
        <v>41825.475115740737</v>
      </c>
      <c r="B8109" s="2">
        <v>24.4</v>
      </c>
      <c r="C8109" s="2">
        <v>187</v>
      </c>
      <c r="D8109" s="2">
        <v>0</v>
      </c>
      <c r="E8109" s="2">
        <v>309.79999999999097</v>
      </c>
    </row>
    <row r="8110" spans="1:5" x14ac:dyDescent="0.25">
      <c r="A8110" s="3">
        <v>41825.479861111111</v>
      </c>
      <c r="B8110" s="2">
        <v>24.7</v>
      </c>
      <c r="C8110" s="2">
        <v>186.8</v>
      </c>
      <c r="D8110" s="2">
        <v>0</v>
      </c>
      <c r="E8110" s="2">
        <v>309.79999999999097</v>
      </c>
    </row>
    <row r="8111" spans="1:5" x14ac:dyDescent="0.25">
      <c r="A8111" s="3">
        <v>41825.47997685185</v>
      </c>
      <c r="B8111" s="2">
        <v>24.8</v>
      </c>
      <c r="C8111" s="2">
        <v>187</v>
      </c>
      <c r="D8111" s="2">
        <v>0</v>
      </c>
      <c r="E8111" s="2">
        <v>309.79999999999097</v>
      </c>
    </row>
    <row r="8112" spans="1:5" x14ac:dyDescent="0.25">
      <c r="A8112" s="3">
        <v>41825.480266203704</v>
      </c>
      <c r="B8112" s="2">
        <v>24.7</v>
      </c>
      <c r="C8112" s="2">
        <v>186.8</v>
      </c>
      <c r="D8112" s="2">
        <v>0</v>
      </c>
      <c r="E8112" s="2">
        <v>309.79999999999097</v>
      </c>
    </row>
    <row r="8113" spans="1:5" x14ac:dyDescent="0.25">
      <c r="A8113" s="3">
        <v>41825.480324074073</v>
      </c>
      <c r="B8113" s="2">
        <v>24.7</v>
      </c>
      <c r="C8113" s="2">
        <v>187</v>
      </c>
      <c r="D8113" s="2">
        <v>0</v>
      </c>
      <c r="E8113" s="2">
        <v>309.79999999999097</v>
      </c>
    </row>
    <row r="8114" spans="1:5" x14ac:dyDescent="0.25">
      <c r="A8114" s="3">
        <v>41825.480381944442</v>
      </c>
      <c r="B8114" s="2">
        <v>24.8</v>
      </c>
      <c r="C8114" s="2">
        <v>186.8</v>
      </c>
      <c r="D8114" s="2">
        <v>0</v>
      </c>
      <c r="E8114" s="2">
        <v>309.79999999999097</v>
      </c>
    </row>
    <row r="8115" spans="1:5" x14ac:dyDescent="0.25">
      <c r="A8115" s="3">
        <v>41825.480671296296</v>
      </c>
      <c r="B8115" s="2">
        <v>24.7</v>
      </c>
      <c r="C8115" s="2">
        <v>187</v>
      </c>
      <c r="D8115" s="2">
        <v>0</v>
      </c>
      <c r="E8115" s="2">
        <v>309.79999999999097</v>
      </c>
    </row>
    <row r="8116" spans="1:5" x14ac:dyDescent="0.25">
      <c r="A8116" s="3">
        <v>41825.480902777781</v>
      </c>
      <c r="B8116" s="2">
        <v>24.8</v>
      </c>
      <c r="C8116" s="2">
        <v>186.8</v>
      </c>
      <c r="D8116" s="2">
        <v>0</v>
      </c>
      <c r="E8116" s="2">
        <v>309.79999999999097</v>
      </c>
    </row>
    <row r="8117" spans="1:5" x14ac:dyDescent="0.25">
      <c r="A8117" s="3">
        <v>41825.481134259258</v>
      </c>
      <c r="B8117" s="2">
        <v>24.8</v>
      </c>
      <c r="C8117" s="2">
        <v>187</v>
      </c>
      <c r="D8117" s="2">
        <v>0</v>
      </c>
      <c r="E8117" s="2">
        <v>309.79999999999097</v>
      </c>
    </row>
    <row r="8118" spans="1:5" x14ac:dyDescent="0.25">
      <c r="A8118" s="3">
        <v>41825.481249999997</v>
      </c>
      <c r="B8118" s="2">
        <v>24.8</v>
      </c>
      <c r="C8118" s="2">
        <v>186.8</v>
      </c>
      <c r="D8118" s="2">
        <v>0</v>
      </c>
      <c r="E8118" s="2">
        <v>309.79999999999097</v>
      </c>
    </row>
    <row r="8119" spans="1:5" x14ac:dyDescent="0.25">
      <c r="A8119" s="3">
        <v>41825.481307870374</v>
      </c>
      <c r="B8119" s="2">
        <v>24.8</v>
      </c>
      <c r="C8119" s="2">
        <v>187</v>
      </c>
      <c r="D8119" s="2">
        <v>0</v>
      </c>
      <c r="E8119" s="2">
        <v>309.79999999999097</v>
      </c>
    </row>
    <row r="8120" spans="1:5" x14ac:dyDescent="0.25">
      <c r="A8120" s="3">
        <v>41825.481365740743</v>
      </c>
      <c r="B8120" s="2">
        <v>24.8</v>
      </c>
      <c r="C8120" s="2">
        <v>186.8</v>
      </c>
      <c r="D8120" s="2">
        <v>0</v>
      </c>
      <c r="E8120" s="2">
        <v>309.79999999999097</v>
      </c>
    </row>
    <row r="8121" spans="1:5" x14ac:dyDescent="0.25">
      <c r="A8121" s="3">
        <v>41825.482002314813</v>
      </c>
      <c r="B8121" s="2">
        <v>24.8</v>
      </c>
      <c r="C8121" s="2">
        <v>187</v>
      </c>
      <c r="D8121" s="2">
        <v>0</v>
      </c>
      <c r="E8121" s="2">
        <v>309.79999999999097</v>
      </c>
    </row>
    <row r="8122" spans="1:5" x14ac:dyDescent="0.25">
      <c r="A8122" s="3">
        <v>41825.482060185182</v>
      </c>
      <c r="B8122" s="2">
        <v>24.8</v>
      </c>
      <c r="C8122" s="2">
        <v>186.8</v>
      </c>
      <c r="D8122" s="2">
        <v>0</v>
      </c>
      <c r="E8122" s="2">
        <v>309.79999999999097</v>
      </c>
    </row>
    <row r="8123" spans="1:5" x14ac:dyDescent="0.25">
      <c r="A8123" s="3">
        <v>41825.483159722222</v>
      </c>
      <c r="B8123" s="2">
        <v>24.9</v>
      </c>
      <c r="C8123" s="2">
        <v>187</v>
      </c>
      <c r="D8123" s="2">
        <v>0</v>
      </c>
      <c r="E8123" s="2">
        <v>309.79999999999097</v>
      </c>
    </row>
    <row r="8124" spans="1:5" x14ac:dyDescent="0.25">
      <c r="A8124" s="3">
        <v>41825.483449074076</v>
      </c>
      <c r="B8124" s="2">
        <v>24.9</v>
      </c>
      <c r="C8124" s="2">
        <v>186.8</v>
      </c>
      <c r="D8124" s="2">
        <v>0</v>
      </c>
      <c r="E8124" s="2">
        <v>309.79999999999097</v>
      </c>
    </row>
    <row r="8125" spans="1:5" x14ac:dyDescent="0.25">
      <c r="A8125" s="3">
        <v>41825.483506944445</v>
      </c>
      <c r="B8125" s="2">
        <v>24.9</v>
      </c>
      <c r="C8125" s="2">
        <v>187</v>
      </c>
      <c r="D8125" s="2">
        <v>0</v>
      </c>
      <c r="E8125" s="2">
        <v>309.79999999999097</v>
      </c>
    </row>
    <row r="8126" spans="1:5" x14ac:dyDescent="0.25">
      <c r="A8126" s="3">
        <v>41825.483680555553</v>
      </c>
      <c r="B8126" s="2">
        <v>24.9</v>
      </c>
      <c r="C8126" s="2">
        <v>186.8</v>
      </c>
      <c r="D8126" s="2">
        <v>0</v>
      </c>
      <c r="E8126" s="2">
        <v>309.79999999999097</v>
      </c>
    </row>
    <row r="8127" spans="1:5" x14ac:dyDescent="0.25">
      <c r="A8127" s="3">
        <v>41825.484201388892</v>
      </c>
      <c r="B8127" s="2">
        <v>25</v>
      </c>
      <c r="C8127" s="2">
        <v>187</v>
      </c>
      <c r="D8127" s="2">
        <v>0</v>
      </c>
      <c r="E8127" s="2">
        <v>309.79999999999097</v>
      </c>
    </row>
    <row r="8128" spans="1:5" x14ac:dyDescent="0.25">
      <c r="A8128" s="3">
        <v>41825.484259259261</v>
      </c>
      <c r="B8128" s="2">
        <v>25</v>
      </c>
      <c r="C8128" s="2">
        <v>186.8</v>
      </c>
      <c r="D8128" s="2">
        <v>0</v>
      </c>
      <c r="E8128" s="2">
        <v>309.79999999999097</v>
      </c>
    </row>
    <row r="8129" spans="1:5" x14ac:dyDescent="0.25">
      <c r="A8129" s="3">
        <v>41825.484375</v>
      </c>
      <c r="B8129" s="2">
        <v>25</v>
      </c>
      <c r="C8129" s="2">
        <v>187</v>
      </c>
      <c r="D8129" s="2">
        <v>0</v>
      </c>
      <c r="E8129" s="2">
        <v>309.79999999999097</v>
      </c>
    </row>
    <row r="8130" spans="1:5" x14ac:dyDescent="0.25">
      <c r="A8130" s="3">
        <v>41825.484606481485</v>
      </c>
      <c r="B8130" s="2">
        <v>25</v>
      </c>
      <c r="C8130" s="2">
        <v>186.8</v>
      </c>
      <c r="D8130" s="2">
        <v>0</v>
      </c>
      <c r="E8130" s="2">
        <v>309.79999999999097</v>
      </c>
    </row>
    <row r="8131" spans="1:5" x14ac:dyDescent="0.25">
      <c r="A8131" s="3">
        <v>41825.484837962962</v>
      </c>
      <c r="B8131" s="2">
        <v>25</v>
      </c>
      <c r="C8131" s="2">
        <v>187</v>
      </c>
      <c r="D8131" s="2">
        <v>0</v>
      </c>
      <c r="E8131" s="2">
        <v>309.79999999999097</v>
      </c>
    </row>
    <row r="8132" spans="1:5" x14ac:dyDescent="0.25">
      <c r="A8132" s="3">
        <v>41825.485011574077</v>
      </c>
      <c r="B8132" s="2">
        <v>25</v>
      </c>
      <c r="C8132" s="2">
        <v>186.8</v>
      </c>
      <c r="D8132" s="2">
        <v>0</v>
      </c>
      <c r="E8132" s="2">
        <v>309.79999999999097</v>
      </c>
    </row>
    <row r="8133" spans="1:5" x14ac:dyDescent="0.25">
      <c r="A8133" s="3">
        <v>41825.485300925924</v>
      </c>
      <c r="B8133" s="2">
        <v>25</v>
      </c>
      <c r="C8133" s="2">
        <v>187</v>
      </c>
      <c r="D8133" s="2">
        <v>0</v>
      </c>
      <c r="E8133" s="2">
        <v>309.79999999999097</v>
      </c>
    </row>
    <row r="8134" spans="1:5" x14ac:dyDescent="0.25">
      <c r="A8134" s="3">
        <v>41825.485706018517</v>
      </c>
      <c r="B8134" s="2">
        <v>25.1</v>
      </c>
      <c r="C8134" s="2">
        <v>186.8</v>
      </c>
      <c r="D8134" s="2">
        <v>0</v>
      </c>
      <c r="E8134" s="2">
        <v>309.79999999999097</v>
      </c>
    </row>
    <row r="8135" spans="1:5" x14ac:dyDescent="0.25">
      <c r="A8135" s="3">
        <v>41825.485821759263</v>
      </c>
      <c r="B8135" s="2">
        <v>25.1</v>
      </c>
      <c r="C8135" s="2">
        <v>187</v>
      </c>
      <c r="D8135" s="2">
        <v>0</v>
      </c>
      <c r="E8135" s="2">
        <v>309.79999999999097</v>
      </c>
    </row>
    <row r="8136" spans="1:5" x14ac:dyDescent="0.25">
      <c r="A8136" s="3">
        <v>41825.486342592594</v>
      </c>
      <c r="B8136" s="2">
        <v>25.1</v>
      </c>
      <c r="C8136" s="2">
        <v>186.8</v>
      </c>
      <c r="D8136" s="2">
        <v>0</v>
      </c>
      <c r="E8136" s="2">
        <v>309.79999999999097</v>
      </c>
    </row>
    <row r="8137" spans="1:5" x14ac:dyDescent="0.25">
      <c r="A8137" s="3">
        <v>41825.48715277778</v>
      </c>
      <c r="B8137" s="2">
        <v>25.2</v>
      </c>
      <c r="C8137" s="2">
        <v>187</v>
      </c>
      <c r="D8137" s="2">
        <v>0</v>
      </c>
      <c r="E8137" s="2">
        <v>309.79999999999097</v>
      </c>
    </row>
    <row r="8138" spans="1:5" x14ac:dyDescent="0.25">
      <c r="A8138" s="3">
        <v>41825.487210648149</v>
      </c>
      <c r="B8138" s="2">
        <v>25.2</v>
      </c>
      <c r="C8138" s="2">
        <v>186.8</v>
      </c>
      <c r="D8138" s="2">
        <v>0</v>
      </c>
      <c r="E8138" s="2">
        <v>309.79999999999097</v>
      </c>
    </row>
    <row r="8139" spans="1:5" x14ac:dyDescent="0.25">
      <c r="A8139" s="3">
        <v>41825.489004629628</v>
      </c>
      <c r="B8139" s="2">
        <v>25.2</v>
      </c>
      <c r="C8139" s="2">
        <v>187</v>
      </c>
      <c r="D8139" s="2">
        <v>0</v>
      </c>
      <c r="E8139" s="2">
        <v>309.79999999999097</v>
      </c>
    </row>
    <row r="8140" spans="1:5" x14ac:dyDescent="0.25">
      <c r="A8140" s="3">
        <v>41825.489293981482</v>
      </c>
      <c r="B8140" s="2">
        <v>25.4</v>
      </c>
      <c r="C8140" s="2">
        <v>186.8</v>
      </c>
      <c r="D8140" s="2">
        <v>0</v>
      </c>
      <c r="E8140" s="2">
        <v>309.79999999999097</v>
      </c>
    </row>
    <row r="8141" spans="1:5" x14ac:dyDescent="0.25">
      <c r="A8141" s="3">
        <v>41825.489525462966</v>
      </c>
      <c r="B8141" s="2">
        <v>25.4</v>
      </c>
      <c r="C8141" s="2">
        <v>187</v>
      </c>
      <c r="D8141" s="2">
        <v>0</v>
      </c>
      <c r="E8141" s="2">
        <v>309.79999999999097</v>
      </c>
    </row>
    <row r="8142" spans="1:5" x14ac:dyDescent="0.25">
      <c r="A8142" s="3">
        <v>41825.489756944444</v>
      </c>
      <c r="B8142" s="2">
        <v>25.4</v>
      </c>
      <c r="C8142" s="2">
        <v>186.8</v>
      </c>
      <c r="D8142" s="2">
        <v>0</v>
      </c>
      <c r="E8142" s="2">
        <v>309.79999999999097</v>
      </c>
    </row>
    <row r="8143" spans="1:5" x14ac:dyDescent="0.25">
      <c r="A8143" s="3">
        <v>41825.491261574076</v>
      </c>
      <c r="B8143" s="2">
        <v>25.4</v>
      </c>
      <c r="C8143" s="2">
        <v>187</v>
      </c>
      <c r="D8143" s="2">
        <v>0</v>
      </c>
      <c r="E8143" s="2">
        <v>309.79999999999097</v>
      </c>
    </row>
    <row r="8144" spans="1:5" x14ac:dyDescent="0.25">
      <c r="A8144" s="3">
        <v>41825.491493055553</v>
      </c>
      <c r="B8144" s="2">
        <v>25.4</v>
      </c>
      <c r="C8144" s="2">
        <v>186.8</v>
      </c>
      <c r="D8144" s="2">
        <v>0</v>
      </c>
      <c r="E8144" s="2">
        <v>309.79999999999097</v>
      </c>
    </row>
    <row r="8145" spans="1:5" x14ac:dyDescent="0.25">
      <c r="A8145" s="3">
        <v>41825.496238425927</v>
      </c>
      <c r="B8145" s="2">
        <v>25.7</v>
      </c>
      <c r="C8145" s="2">
        <v>187</v>
      </c>
      <c r="D8145" s="2">
        <v>0</v>
      </c>
      <c r="E8145" s="2">
        <v>309.79999999999097</v>
      </c>
    </row>
    <row r="8146" spans="1:5" x14ac:dyDescent="0.25">
      <c r="A8146" s="3">
        <v>41825.499768518515</v>
      </c>
      <c r="B8146" s="2">
        <v>25.9</v>
      </c>
      <c r="C8146" s="2">
        <v>186.8</v>
      </c>
      <c r="D8146" s="2">
        <v>0</v>
      </c>
      <c r="E8146" s="2">
        <v>309.79999999999097</v>
      </c>
    </row>
    <row r="8147" spans="1:5" x14ac:dyDescent="0.25">
      <c r="A8147" s="3">
        <v>41825.501099537039</v>
      </c>
      <c r="B8147" s="2">
        <v>25.9</v>
      </c>
      <c r="C8147" s="2">
        <v>187</v>
      </c>
      <c r="D8147" s="2">
        <v>0</v>
      </c>
      <c r="E8147" s="2">
        <v>309.79999999999097</v>
      </c>
    </row>
    <row r="8148" spans="1:5" x14ac:dyDescent="0.25">
      <c r="A8148" s="3">
        <v>41825.501273148147</v>
      </c>
      <c r="B8148" s="2">
        <v>25.9</v>
      </c>
      <c r="C8148" s="2">
        <v>186.8</v>
      </c>
      <c r="D8148" s="2">
        <v>0</v>
      </c>
      <c r="E8148" s="2">
        <v>309.79999999999097</v>
      </c>
    </row>
    <row r="8149" spans="1:5" x14ac:dyDescent="0.25">
      <c r="A8149" s="3">
        <v>41825.501388888886</v>
      </c>
      <c r="B8149" s="2">
        <v>25.9</v>
      </c>
      <c r="C8149" s="2">
        <v>187</v>
      </c>
      <c r="D8149" s="2">
        <v>0</v>
      </c>
      <c r="E8149" s="2">
        <v>309.79999999999097</v>
      </c>
    </row>
    <row r="8150" spans="1:5" x14ac:dyDescent="0.25">
      <c r="A8150" s="3">
        <v>41825.501446759263</v>
      </c>
      <c r="B8150" s="2">
        <v>25.9</v>
      </c>
      <c r="C8150" s="2">
        <v>186.8</v>
      </c>
      <c r="D8150" s="2">
        <v>0</v>
      </c>
      <c r="E8150" s="2">
        <v>309.79999999999097</v>
      </c>
    </row>
    <row r="8151" spans="1:5" x14ac:dyDescent="0.25">
      <c r="A8151" s="3">
        <v>41825.505208333336</v>
      </c>
      <c r="B8151" s="2">
        <v>26.2</v>
      </c>
      <c r="C8151" s="2">
        <v>187</v>
      </c>
      <c r="D8151" s="2">
        <v>0</v>
      </c>
      <c r="E8151" s="2">
        <v>309.79999999999097</v>
      </c>
    </row>
    <row r="8152" spans="1:5" x14ac:dyDescent="0.25">
      <c r="A8152" s="3">
        <v>41825.505381944444</v>
      </c>
      <c r="B8152" s="2">
        <v>26.2</v>
      </c>
      <c r="C8152" s="2">
        <v>186.8</v>
      </c>
      <c r="D8152" s="2">
        <v>0</v>
      </c>
      <c r="E8152" s="2">
        <v>309.79999999999097</v>
      </c>
    </row>
    <row r="8153" spans="1:5" x14ac:dyDescent="0.25">
      <c r="A8153" s="3">
        <v>41825.538773148146</v>
      </c>
      <c r="B8153" s="2">
        <v>28.2</v>
      </c>
      <c r="C8153" s="2">
        <v>186.6</v>
      </c>
      <c r="D8153" s="2">
        <v>0</v>
      </c>
      <c r="E8153" s="2">
        <v>309.79999999999097</v>
      </c>
    </row>
    <row r="8154" spans="1:5" x14ac:dyDescent="0.25">
      <c r="A8154" s="3">
        <v>41825.538888888892</v>
      </c>
      <c r="B8154" s="2">
        <v>28.2</v>
      </c>
      <c r="C8154" s="2">
        <v>186.8</v>
      </c>
      <c r="D8154" s="2">
        <v>0</v>
      </c>
      <c r="E8154" s="2">
        <v>309.79999999999097</v>
      </c>
    </row>
    <row r="8155" spans="1:5" x14ac:dyDescent="0.25">
      <c r="A8155" s="3">
        <v>41825.543402777781</v>
      </c>
      <c r="B8155" s="2">
        <v>28.4</v>
      </c>
      <c r="C8155" s="2">
        <v>186.6</v>
      </c>
      <c r="D8155" s="2">
        <v>0</v>
      </c>
      <c r="E8155" s="2">
        <v>309.79999999999097</v>
      </c>
    </row>
    <row r="8156" spans="1:5" x14ac:dyDescent="0.25">
      <c r="A8156" s="3">
        <v>41825.543576388889</v>
      </c>
      <c r="B8156" s="2">
        <v>28.5</v>
      </c>
      <c r="C8156" s="2">
        <v>186.8</v>
      </c>
      <c r="D8156" s="2">
        <v>0</v>
      </c>
      <c r="E8156" s="2">
        <v>309.79999999999097</v>
      </c>
    </row>
    <row r="8157" spans="1:5" x14ac:dyDescent="0.25">
      <c r="A8157" s="3">
        <v>41825.543807870374</v>
      </c>
      <c r="B8157" s="2">
        <v>28.5</v>
      </c>
      <c r="C8157" s="2">
        <v>186.6</v>
      </c>
      <c r="D8157" s="2">
        <v>0</v>
      </c>
      <c r="E8157" s="2">
        <v>309.79999999999097</v>
      </c>
    </row>
    <row r="8158" spans="1:5" x14ac:dyDescent="0.25">
      <c r="A8158" s="3">
        <v>41825.54409722222</v>
      </c>
      <c r="B8158" s="2">
        <v>28.5</v>
      </c>
      <c r="C8158" s="2">
        <v>186.8</v>
      </c>
      <c r="D8158" s="2">
        <v>0</v>
      </c>
      <c r="E8158" s="2">
        <v>309.79999999999097</v>
      </c>
    </row>
    <row r="8159" spans="1:5" x14ac:dyDescent="0.25">
      <c r="A8159" s="3">
        <v>41825.544733796298</v>
      </c>
      <c r="B8159" s="2">
        <v>28.5</v>
      </c>
      <c r="C8159" s="2">
        <v>186.6</v>
      </c>
      <c r="D8159" s="2">
        <v>0</v>
      </c>
      <c r="E8159" s="2">
        <v>309.79999999999097</v>
      </c>
    </row>
    <row r="8160" spans="1:5" x14ac:dyDescent="0.25">
      <c r="A8160" s="3">
        <v>41825.546469907407</v>
      </c>
      <c r="B8160" s="2">
        <v>28.7</v>
      </c>
      <c r="C8160" s="2">
        <v>186.8</v>
      </c>
      <c r="D8160" s="2">
        <v>0</v>
      </c>
      <c r="E8160" s="2">
        <v>309.79999999999097</v>
      </c>
    </row>
    <row r="8161" spans="1:5" x14ac:dyDescent="0.25">
      <c r="A8161" s="3">
        <v>41825.546643518515</v>
      </c>
      <c r="B8161" s="2">
        <v>28.7</v>
      </c>
      <c r="C8161" s="2">
        <v>186.6</v>
      </c>
      <c r="D8161" s="2">
        <v>0</v>
      </c>
      <c r="E8161" s="2">
        <v>309.79999999999097</v>
      </c>
    </row>
    <row r="8162" spans="1:5" x14ac:dyDescent="0.25">
      <c r="A8162" s="3">
        <v>41825.546817129631</v>
      </c>
      <c r="B8162" s="2">
        <v>28.6</v>
      </c>
      <c r="C8162" s="2">
        <v>186.8</v>
      </c>
      <c r="D8162" s="2">
        <v>0</v>
      </c>
      <c r="E8162" s="2">
        <v>309.79999999999097</v>
      </c>
    </row>
    <row r="8163" spans="1:5" x14ac:dyDescent="0.25">
      <c r="A8163" s="3">
        <v>41825.546990740739</v>
      </c>
      <c r="B8163" s="2">
        <v>28.7</v>
      </c>
      <c r="C8163" s="2">
        <v>186.6</v>
      </c>
      <c r="D8163" s="2">
        <v>0</v>
      </c>
      <c r="E8163" s="2">
        <v>309.79999999999097</v>
      </c>
    </row>
    <row r="8164" spans="1:5" x14ac:dyDescent="0.25">
      <c r="A8164" s="3">
        <v>41825.549537037034</v>
      </c>
      <c r="B8164" s="2">
        <v>28.7</v>
      </c>
      <c r="C8164" s="2">
        <v>186.8</v>
      </c>
      <c r="D8164" s="2">
        <v>0</v>
      </c>
      <c r="E8164" s="2">
        <v>309.79999999999097</v>
      </c>
    </row>
    <row r="8165" spans="1:5" x14ac:dyDescent="0.25">
      <c r="A8165" s="3">
        <v>41825.54959490741</v>
      </c>
      <c r="B8165" s="2">
        <v>28.7</v>
      </c>
      <c r="C8165" s="2">
        <v>186.6</v>
      </c>
      <c r="D8165" s="2">
        <v>0</v>
      </c>
      <c r="E8165" s="2">
        <v>309.79999999999097</v>
      </c>
    </row>
    <row r="8166" spans="1:5" x14ac:dyDescent="0.25">
      <c r="A8166" s="3">
        <v>41825.550115740742</v>
      </c>
      <c r="B8166" s="2">
        <v>28.8</v>
      </c>
      <c r="C8166" s="2">
        <v>186.8</v>
      </c>
      <c r="D8166" s="2">
        <v>0</v>
      </c>
      <c r="E8166" s="2">
        <v>309.79999999999097</v>
      </c>
    </row>
    <row r="8167" spans="1:5" x14ac:dyDescent="0.25">
      <c r="A8167" s="3">
        <v>41825.55023148148</v>
      </c>
      <c r="B8167" s="2">
        <v>28.8</v>
      </c>
      <c r="C8167" s="2">
        <v>186.6</v>
      </c>
      <c r="D8167" s="2">
        <v>0</v>
      </c>
      <c r="E8167" s="2">
        <v>309.79999999999097</v>
      </c>
    </row>
    <row r="8168" spans="1:5" x14ac:dyDescent="0.25">
      <c r="A8168" s="3">
        <v>41825.550752314812</v>
      </c>
      <c r="B8168" s="2">
        <v>28.8</v>
      </c>
      <c r="C8168" s="2">
        <v>186.8</v>
      </c>
      <c r="D8168" s="2">
        <v>0</v>
      </c>
      <c r="E8168" s="2">
        <v>309.79999999999097</v>
      </c>
    </row>
    <row r="8169" spans="1:5" x14ac:dyDescent="0.25">
      <c r="A8169" s="3">
        <v>41825.550868055558</v>
      </c>
      <c r="B8169" s="2">
        <v>28.8</v>
      </c>
      <c r="C8169" s="2">
        <v>186.6</v>
      </c>
      <c r="D8169" s="2">
        <v>0</v>
      </c>
      <c r="E8169" s="2">
        <v>309.79999999999097</v>
      </c>
    </row>
    <row r="8170" spans="1:5" x14ac:dyDescent="0.25">
      <c r="A8170" s="3">
        <v>41825.55972222222</v>
      </c>
      <c r="B8170" s="2">
        <v>29.3</v>
      </c>
      <c r="C8170" s="2">
        <v>186.4</v>
      </c>
      <c r="D8170" s="2">
        <v>0</v>
      </c>
      <c r="E8170" s="2">
        <v>309.79999999999097</v>
      </c>
    </row>
    <row r="8171" spans="1:5" x14ac:dyDescent="0.25">
      <c r="A8171" s="3">
        <v>41825.560127314813</v>
      </c>
      <c r="B8171" s="2">
        <v>29.3</v>
      </c>
      <c r="C8171" s="2">
        <v>186.6</v>
      </c>
      <c r="D8171" s="2">
        <v>0</v>
      </c>
      <c r="E8171" s="2">
        <v>309.79999999999097</v>
      </c>
    </row>
    <row r="8172" spans="1:5" x14ac:dyDescent="0.25">
      <c r="A8172" s="3">
        <v>41825.560474537036</v>
      </c>
      <c r="B8172" s="2">
        <v>29.4</v>
      </c>
      <c r="C8172" s="2">
        <v>186.4</v>
      </c>
      <c r="D8172" s="2">
        <v>0</v>
      </c>
      <c r="E8172" s="2">
        <v>309.79999999999097</v>
      </c>
    </row>
    <row r="8173" spans="1:5" x14ac:dyDescent="0.25">
      <c r="A8173" s="3">
        <v>41825.561747685184</v>
      </c>
      <c r="B8173" s="2">
        <v>29.3</v>
      </c>
      <c r="C8173" s="2">
        <v>186.6</v>
      </c>
      <c r="D8173" s="2">
        <v>0</v>
      </c>
      <c r="E8173" s="2">
        <v>309.79999999999097</v>
      </c>
    </row>
    <row r="8174" spans="1:5" x14ac:dyDescent="0.25">
      <c r="A8174" s="3">
        <v>41825.561921296299</v>
      </c>
      <c r="B8174" s="2">
        <v>29.3</v>
      </c>
      <c r="C8174" s="2">
        <v>186.4</v>
      </c>
      <c r="D8174" s="2">
        <v>0</v>
      </c>
      <c r="E8174" s="2">
        <v>309.79999999999097</v>
      </c>
    </row>
    <row r="8175" spans="1:5" x14ac:dyDescent="0.25">
      <c r="A8175" s="3">
        <v>41825.562094907407</v>
      </c>
      <c r="B8175" s="2">
        <v>29.3</v>
      </c>
      <c r="C8175" s="2">
        <v>186.6</v>
      </c>
      <c r="D8175" s="2">
        <v>0</v>
      </c>
      <c r="E8175" s="2">
        <v>309.79999999999097</v>
      </c>
    </row>
    <row r="8176" spans="1:5" x14ac:dyDescent="0.25">
      <c r="A8176" s="3">
        <v>41825.562152777777</v>
      </c>
      <c r="B8176" s="2">
        <v>29.3</v>
      </c>
      <c r="C8176" s="2">
        <v>186.4</v>
      </c>
      <c r="D8176" s="2">
        <v>0</v>
      </c>
      <c r="E8176" s="2">
        <v>309.79999999999097</v>
      </c>
    </row>
    <row r="8177" spans="1:5" x14ac:dyDescent="0.25">
      <c r="A8177" s="3">
        <v>41825.562210648146</v>
      </c>
      <c r="B8177" s="2">
        <v>29.3</v>
      </c>
      <c r="C8177" s="2">
        <v>186.6</v>
      </c>
      <c r="D8177" s="2">
        <v>0</v>
      </c>
      <c r="E8177" s="2">
        <v>309.79999999999097</v>
      </c>
    </row>
    <row r="8178" spans="1:5" x14ac:dyDescent="0.25">
      <c r="A8178" s="3">
        <v>41825.562615740739</v>
      </c>
      <c r="B8178" s="2">
        <v>29.3</v>
      </c>
      <c r="C8178" s="2">
        <v>186.4</v>
      </c>
      <c r="D8178" s="2">
        <v>0</v>
      </c>
      <c r="E8178" s="2">
        <v>309.79999999999097</v>
      </c>
    </row>
    <row r="8179" spans="1:5" x14ac:dyDescent="0.25">
      <c r="A8179" s="3">
        <v>41825.562731481485</v>
      </c>
      <c r="B8179" s="2">
        <v>29.3</v>
      </c>
      <c r="C8179" s="2">
        <v>186.6</v>
      </c>
      <c r="D8179" s="2">
        <v>0</v>
      </c>
      <c r="E8179" s="2">
        <v>309.79999999999097</v>
      </c>
    </row>
    <row r="8180" spans="1:5" x14ac:dyDescent="0.25">
      <c r="A8180" s="3">
        <v>41825.564409722225</v>
      </c>
      <c r="B8180" s="2">
        <v>29.4</v>
      </c>
      <c r="C8180" s="2">
        <v>186.4</v>
      </c>
      <c r="D8180" s="2">
        <v>0</v>
      </c>
      <c r="E8180" s="2">
        <v>309.79999999999097</v>
      </c>
    </row>
    <row r="8181" spans="1:5" x14ac:dyDescent="0.25">
      <c r="A8181" s="3">
        <v>41825.564525462964</v>
      </c>
      <c r="B8181" s="2">
        <v>29.4</v>
      </c>
      <c r="C8181" s="2">
        <v>186.6</v>
      </c>
      <c r="D8181" s="2">
        <v>0</v>
      </c>
      <c r="E8181" s="2">
        <v>309.79999999999097</v>
      </c>
    </row>
    <row r="8182" spans="1:5" x14ac:dyDescent="0.25">
      <c r="A8182" s="3">
        <v>41825.566435185188</v>
      </c>
      <c r="B8182" s="2">
        <v>29.3</v>
      </c>
      <c r="C8182" s="2">
        <v>186.4</v>
      </c>
      <c r="D8182" s="2">
        <v>0</v>
      </c>
      <c r="E8182" s="2">
        <v>309.79999999999097</v>
      </c>
    </row>
    <row r="8183" spans="1:5" x14ac:dyDescent="0.25">
      <c r="A8183" s="3">
        <v>41825.566550925927</v>
      </c>
      <c r="B8183" s="2">
        <v>29.3</v>
      </c>
      <c r="C8183" s="2">
        <v>186.6</v>
      </c>
      <c r="D8183" s="2">
        <v>0</v>
      </c>
      <c r="E8183" s="2">
        <v>309.79999999999097</v>
      </c>
    </row>
    <row r="8184" spans="1:5" x14ac:dyDescent="0.25">
      <c r="A8184" s="3">
        <v>41825.567245370374</v>
      </c>
      <c r="B8184" s="2">
        <v>29.3</v>
      </c>
      <c r="C8184" s="2">
        <v>186.4</v>
      </c>
      <c r="D8184" s="2">
        <v>0</v>
      </c>
      <c r="E8184" s="2">
        <v>309.79999999999097</v>
      </c>
    </row>
    <row r="8185" spans="1:5" x14ac:dyDescent="0.25">
      <c r="A8185" s="3">
        <v>41825.567361111112</v>
      </c>
      <c r="B8185" s="2">
        <v>29.3</v>
      </c>
      <c r="C8185" s="2">
        <v>186.6</v>
      </c>
      <c r="D8185" s="2">
        <v>0</v>
      </c>
      <c r="E8185" s="2">
        <v>309.79999999999097</v>
      </c>
    </row>
    <row r="8186" spans="1:5" x14ac:dyDescent="0.25">
      <c r="A8186" s="3">
        <v>41825.568113425928</v>
      </c>
      <c r="B8186" s="2">
        <v>29.3</v>
      </c>
      <c r="C8186" s="2">
        <v>186.4</v>
      </c>
      <c r="D8186" s="2">
        <v>0</v>
      </c>
      <c r="E8186" s="2">
        <v>309.79999999999097</v>
      </c>
    </row>
    <row r="8187" spans="1:5" x14ac:dyDescent="0.25">
      <c r="A8187" s="3">
        <v>41825.568518518521</v>
      </c>
      <c r="B8187" s="2">
        <v>29.3</v>
      </c>
      <c r="C8187" s="2">
        <v>186.6</v>
      </c>
      <c r="D8187" s="2">
        <v>0</v>
      </c>
      <c r="E8187" s="2">
        <v>309.79999999999097</v>
      </c>
    </row>
    <row r="8188" spans="1:5" x14ac:dyDescent="0.25">
      <c r="A8188" s="3">
        <v>41825.569212962961</v>
      </c>
      <c r="B8188" s="2">
        <v>29.3</v>
      </c>
      <c r="C8188" s="2">
        <v>186.4</v>
      </c>
      <c r="D8188" s="2">
        <v>0</v>
      </c>
      <c r="E8188" s="2">
        <v>309.79999999999097</v>
      </c>
    </row>
    <row r="8189" spans="1:5" x14ac:dyDescent="0.25">
      <c r="A8189" s="3">
        <v>41825.569618055553</v>
      </c>
      <c r="B8189" s="2">
        <v>29.3</v>
      </c>
      <c r="C8189" s="2">
        <v>186.6</v>
      </c>
      <c r="D8189" s="2">
        <v>0</v>
      </c>
      <c r="E8189" s="2">
        <v>309.79999999999097</v>
      </c>
    </row>
    <row r="8190" spans="1:5" x14ac:dyDescent="0.25">
      <c r="A8190" s="3">
        <v>41825.569733796299</v>
      </c>
      <c r="B8190" s="2">
        <v>29.3</v>
      </c>
      <c r="C8190" s="2">
        <v>186.4</v>
      </c>
      <c r="D8190" s="2">
        <v>0</v>
      </c>
      <c r="E8190" s="2">
        <v>309.79999999999097</v>
      </c>
    </row>
    <row r="8191" spans="1:5" x14ac:dyDescent="0.25">
      <c r="A8191" s="3">
        <v>41825.570543981485</v>
      </c>
      <c r="B8191" s="2">
        <v>29.3</v>
      </c>
      <c r="C8191" s="2">
        <v>186.6</v>
      </c>
      <c r="D8191" s="2">
        <v>0</v>
      </c>
      <c r="E8191" s="2">
        <v>309.79999999999097</v>
      </c>
    </row>
    <row r="8192" spans="1:5" x14ac:dyDescent="0.25">
      <c r="A8192" s="3">
        <v>41825.570775462962</v>
      </c>
      <c r="B8192" s="2">
        <v>29.3</v>
      </c>
      <c r="C8192" s="2">
        <v>186.4</v>
      </c>
      <c r="D8192" s="2">
        <v>0</v>
      </c>
      <c r="E8192" s="2">
        <v>309.79999999999097</v>
      </c>
    </row>
    <row r="8193" spans="1:5" x14ac:dyDescent="0.25">
      <c r="A8193" s="3">
        <v>41825.581712962965</v>
      </c>
      <c r="B8193" s="2">
        <v>29.5</v>
      </c>
      <c r="C8193" s="2">
        <v>186.2</v>
      </c>
      <c r="D8193" s="2">
        <v>0</v>
      </c>
      <c r="E8193" s="2">
        <v>309.79999999999097</v>
      </c>
    </row>
    <row r="8194" spans="1:5" x14ac:dyDescent="0.25">
      <c r="A8194" s="3">
        <v>41825.582002314812</v>
      </c>
      <c r="B8194" s="2">
        <v>29.6</v>
      </c>
      <c r="C8194" s="2">
        <v>186.4</v>
      </c>
      <c r="D8194" s="2">
        <v>0</v>
      </c>
      <c r="E8194" s="2">
        <v>309.79999999999097</v>
      </c>
    </row>
    <row r="8195" spans="1:5" x14ac:dyDescent="0.25">
      <c r="A8195" s="3">
        <v>41825.582118055558</v>
      </c>
      <c r="B8195" s="2">
        <v>29.6</v>
      </c>
      <c r="C8195" s="2">
        <v>186.2</v>
      </c>
      <c r="D8195" s="2">
        <v>0</v>
      </c>
      <c r="E8195" s="2">
        <v>309.79999999999097</v>
      </c>
    </row>
    <row r="8196" spans="1:5" x14ac:dyDescent="0.25">
      <c r="A8196" s="3">
        <v>41825.58258101852</v>
      </c>
      <c r="B8196" s="2">
        <v>29.6</v>
      </c>
      <c r="C8196" s="2">
        <v>186.4</v>
      </c>
      <c r="D8196" s="2">
        <v>0</v>
      </c>
      <c r="E8196" s="2">
        <v>309.79999999999097</v>
      </c>
    </row>
    <row r="8197" spans="1:5" x14ac:dyDescent="0.25">
      <c r="A8197" s="3">
        <v>41825.582638888889</v>
      </c>
      <c r="B8197" s="2">
        <v>29.6</v>
      </c>
      <c r="C8197" s="2">
        <v>186.2</v>
      </c>
      <c r="D8197" s="2">
        <v>0</v>
      </c>
      <c r="E8197" s="2">
        <v>309.79999999999097</v>
      </c>
    </row>
    <row r="8198" spans="1:5" x14ac:dyDescent="0.25">
      <c r="A8198" s="3">
        <v>41825.582754629628</v>
      </c>
      <c r="B8198" s="2">
        <v>29.6</v>
      </c>
      <c r="C8198" s="2">
        <v>186.4</v>
      </c>
      <c r="D8198" s="2">
        <v>0</v>
      </c>
      <c r="E8198" s="2">
        <v>309.79999999999097</v>
      </c>
    </row>
    <row r="8199" spans="1:5" x14ac:dyDescent="0.25">
      <c r="A8199" s="3">
        <v>41825.582928240743</v>
      </c>
      <c r="B8199" s="2">
        <v>29.7</v>
      </c>
      <c r="C8199" s="2">
        <v>186.2</v>
      </c>
      <c r="D8199" s="2">
        <v>0</v>
      </c>
      <c r="E8199" s="2">
        <v>309.79999999999097</v>
      </c>
    </row>
    <row r="8200" spans="1:5" x14ac:dyDescent="0.25">
      <c r="A8200" s="3">
        <v>41825.608912037038</v>
      </c>
      <c r="B8200" s="2">
        <v>30.9</v>
      </c>
      <c r="C8200" s="2">
        <v>186</v>
      </c>
      <c r="D8200" s="2">
        <v>0</v>
      </c>
      <c r="E8200" s="2">
        <v>309.79999999999097</v>
      </c>
    </row>
    <row r="8201" spans="1:5" x14ac:dyDescent="0.25">
      <c r="A8201" s="3">
        <v>41825.609085648146</v>
      </c>
      <c r="B8201" s="2">
        <v>30.9</v>
      </c>
      <c r="C8201" s="2">
        <v>186.2</v>
      </c>
      <c r="D8201" s="2">
        <v>0</v>
      </c>
      <c r="E8201" s="2">
        <v>309.79999999999097</v>
      </c>
    </row>
    <row r="8202" spans="1:5" x14ac:dyDescent="0.25">
      <c r="A8202" s="3">
        <v>41825.609143518515</v>
      </c>
      <c r="B8202" s="2">
        <v>30.9</v>
      </c>
      <c r="C8202" s="2">
        <v>186</v>
      </c>
      <c r="D8202" s="2">
        <v>0</v>
      </c>
      <c r="E8202" s="2">
        <v>309.79999999999097</v>
      </c>
    </row>
    <row r="8203" spans="1:5" x14ac:dyDescent="0.25">
      <c r="A8203" s="3">
        <v>41825.651273148149</v>
      </c>
      <c r="B8203" s="2">
        <v>32.1</v>
      </c>
      <c r="C8203" s="2">
        <v>185.8</v>
      </c>
      <c r="D8203" s="2">
        <v>0</v>
      </c>
      <c r="E8203" s="2">
        <v>309.79999999999097</v>
      </c>
    </row>
    <row r="8204" spans="1:5" x14ac:dyDescent="0.25">
      <c r="A8204" s="3">
        <v>41825.651504629626</v>
      </c>
      <c r="B8204" s="2">
        <v>32</v>
      </c>
      <c r="C8204" s="2">
        <v>186</v>
      </c>
      <c r="D8204" s="2">
        <v>0</v>
      </c>
      <c r="E8204" s="2">
        <v>309.79999999999097</v>
      </c>
    </row>
    <row r="8205" spans="1:5" x14ac:dyDescent="0.25">
      <c r="A8205" s="3">
        <v>41825.651678240742</v>
      </c>
      <c r="B8205" s="2">
        <v>32</v>
      </c>
      <c r="C8205" s="2">
        <v>185.8</v>
      </c>
      <c r="D8205" s="2">
        <v>0</v>
      </c>
      <c r="E8205" s="2">
        <v>309.79999999999097</v>
      </c>
    </row>
    <row r="8206" spans="1:5" x14ac:dyDescent="0.25">
      <c r="A8206" s="3">
        <v>41825.65289351852</v>
      </c>
      <c r="B8206" s="2">
        <v>32</v>
      </c>
      <c r="C8206" s="2">
        <v>186</v>
      </c>
      <c r="D8206" s="2">
        <v>0</v>
      </c>
      <c r="E8206" s="2">
        <v>309.79999999999097</v>
      </c>
    </row>
    <row r="8207" spans="1:5" x14ac:dyDescent="0.25">
      <c r="A8207" s="3">
        <v>41825.652951388889</v>
      </c>
      <c r="B8207" s="2">
        <v>32</v>
      </c>
      <c r="C8207" s="2">
        <v>185.8</v>
      </c>
      <c r="D8207" s="2">
        <v>0</v>
      </c>
      <c r="E8207" s="2">
        <v>309.79999999999097</v>
      </c>
    </row>
    <row r="8208" spans="1:5" x14ac:dyDescent="0.25">
      <c r="A8208" s="3">
        <v>41825.653124999997</v>
      </c>
      <c r="B8208" s="2">
        <v>32</v>
      </c>
      <c r="C8208" s="2">
        <v>186</v>
      </c>
      <c r="D8208" s="2">
        <v>0</v>
      </c>
      <c r="E8208" s="2">
        <v>309.79999999999097</v>
      </c>
    </row>
    <row r="8209" spans="1:5" x14ac:dyDescent="0.25">
      <c r="A8209" s="3">
        <v>41825.653182870374</v>
      </c>
      <c r="B8209" s="2">
        <v>31.9</v>
      </c>
      <c r="C8209" s="2">
        <v>185.8</v>
      </c>
      <c r="D8209" s="2">
        <v>0</v>
      </c>
      <c r="E8209" s="2">
        <v>309.79999999999097</v>
      </c>
    </row>
    <row r="8210" spans="1:5" x14ac:dyDescent="0.25">
      <c r="A8210" s="3">
        <v>41825.669212962966</v>
      </c>
      <c r="B8210" s="2">
        <v>31.3</v>
      </c>
      <c r="C8210" s="2">
        <v>185.6</v>
      </c>
      <c r="D8210" s="2">
        <v>0</v>
      </c>
      <c r="E8210" s="2">
        <v>309.79999999999097</v>
      </c>
    </row>
    <row r="8211" spans="1:5" x14ac:dyDescent="0.25">
      <c r="A8211" s="3">
        <v>41825.669270833336</v>
      </c>
      <c r="B8211" s="2">
        <v>31.3</v>
      </c>
      <c r="C8211" s="2">
        <v>185.8</v>
      </c>
      <c r="D8211" s="2">
        <v>0</v>
      </c>
      <c r="E8211" s="2">
        <v>309.79999999999097</v>
      </c>
    </row>
    <row r="8212" spans="1:5" x14ac:dyDescent="0.25">
      <c r="A8212" s="3">
        <v>41825.669618055559</v>
      </c>
      <c r="B8212" s="2">
        <v>31.3</v>
      </c>
      <c r="C8212" s="2">
        <v>185.6</v>
      </c>
      <c r="D8212" s="2">
        <v>0</v>
      </c>
      <c r="E8212" s="2">
        <v>309.79999999999097</v>
      </c>
    </row>
    <row r="8213" spans="1:5" x14ac:dyDescent="0.25">
      <c r="A8213" s="3">
        <v>41825.669849537036</v>
      </c>
      <c r="B8213" s="2">
        <v>31.3</v>
      </c>
      <c r="C8213" s="2">
        <v>185.8</v>
      </c>
      <c r="D8213" s="2">
        <v>0</v>
      </c>
      <c r="E8213" s="2">
        <v>309.79999999999097</v>
      </c>
    </row>
    <row r="8214" spans="1:5" x14ac:dyDescent="0.25">
      <c r="A8214" s="3">
        <v>41825.669965277775</v>
      </c>
      <c r="B8214" s="2">
        <v>31.3</v>
      </c>
      <c r="C8214" s="2">
        <v>185.6</v>
      </c>
      <c r="D8214" s="2">
        <v>0</v>
      </c>
      <c r="E8214" s="2">
        <v>309.79999999999097</v>
      </c>
    </row>
    <row r="8215" spans="1:5" x14ac:dyDescent="0.25">
      <c r="A8215" s="3">
        <v>41825.670138888891</v>
      </c>
      <c r="B8215" s="2">
        <v>31.3</v>
      </c>
      <c r="C8215" s="2">
        <v>185.8</v>
      </c>
      <c r="D8215" s="2">
        <v>0</v>
      </c>
      <c r="E8215" s="2">
        <v>309.79999999999097</v>
      </c>
    </row>
    <row r="8216" spans="1:5" x14ac:dyDescent="0.25">
      <c r="A8216" s="3">
        <v>41825.671585648146</v>
      </c>
      <c r="B8216" s="2">
        <v>31.2</v>
      </c>
      <c r="C8216" s="2">
        <v>185.6</v>
      </c>
      <c r="D8216" s="2">
        <v>0</v>
      </c>
      <c r="E8216" s="2">
        <v>309.79999999999097</v>
      </c>
    </row>
    <row r="8217" spans="1:5" x14ac:dyDescent="0.25">
      <c r="A8217" s="3">
        <v>41825.687442129631</v>
      </c>
      <c r="B8217" s="2">
        <v>30.8</v>
      </c>
      <c r="C8217" s="2">
        <v>185.4</v>
      </c>
      <c r="D8217" s="2">
        <v>0</v>
      </c>
      <c r="E8217" s="2">
        <v>309.79999999999097</v>
      </c>
    </row>
    <row r="8218" spans="1:5" x14ac:dyDescent="0.25">
      <c r="A8218" s="3">
        <v>41825.6875</v>
      </c>
      <c r="B8218" s="2">
        <v>30.8</v>
      </c>
      <c r="C8218" s="2">
        <v>185.6</v>
      </c>
      <c r="D8218" s="2">
        <v>0</v>
      </c>
      <c r="E8218" s="2">
        <v>309.79999999999097</v>
      </c>
    </row>
    <row r="8219" spans="1:5" x14ac:dyDescent="0.25">
      <c r="A8219" s="3">
        <v>41825.687673611108</v>
      </c>
      <c r="B8219" s="2">
        <v>30.8</v>
      </c>
      <c r="C8219" s="2">
        <v>185.4</v>
      </c>
      <c r="D8219" s="2">
        <v>0</v>
      </c>
      <c r="E8219" s="2">
        <v>309.79999999999097</v>
      </c>
    </row>
    <row r="8220" spans="1:5" x14ac:dyDescent="0.25">
      <c r="A8220" s="3">
        <v>41825.688194444447</v>
      </c>
      <c r="B8220" s="2">
        <v>30.8</v>
      </c>
      <c r="C8220" s="2">
        <v>185.6</v>
      </c>
      <c r="D8220" s="2">
        <v>0</v>
      </c>
      <c r="E8220" s="2">
        <v>309.79999999999097</v>
      </c>
    </row>
    <row r="8221" spans="1:5" x14ac:dyDescent="0.25">
      <c r="A8221" s="3">
        <v>41825.688310185185</v>
      </c>
      <c r="B8221" s="2">
        <v>30.8</v>
      </c>
      <c r="C8221" s="2">
        <v>185.4</v>
      </c>
      <c r="D8221" s="2">
        <v>0</v>
      </c>
      <c r="E8221" s="2">
        <v>309.79999999999097</v>
      </c>
    </row>
    <row r="8222" spans="1:5" x14ac:dyDescent="0.25">
      <c r="A8222" s="3">
        <v>41825.689756944441</v>
      </c>
      <c r="B8222" s="2">
        <v>30.7</v>
      </c>
      <c r="C8222" s="2">
        <v>185.6</v>
      </c>
      <c r="D8222" s="2">
        <v>0</v>
      </c>
      <c r="E8222" s="2">
        <v>309.79999999999097</v>
      </c>
    </row>
    <row r="8223" spans="1:5" x14ac:dyDescent="0.25">
      <c r="A8223" s="3">
        <v>41825.689814814818</v>
      </c>
      <c r="B8223" s="2">
        <v>30.7</v>
      </c>
      <c r="C8223" s="2">
        <v>185.4</v>
      </c>
      <c r="D8223" s="2">
        <v>0</v>
      </c>
      <c r="E8223" s="2">
        <v>309.79999999999097</v>
      </c>
    </row>
    <row r="8224" spans="1:5" x14ac:dyDescent="0.25">
      <c r="A8224" s="3">
        <v>41825.691550925927</v>
      </c>
      <c r="B8224" s="2">
        <v>30.6</v>
      </c>
      <c r="C8224" s="2">
        <v>185.6</v>
      </c>
      <c r="D8224" s="2">
        <v>0</v>
      </c>
      <c r="E8224" s="2">
        <v>309.79999999999097</v>
      </c>
    </row>
    <row r="8225" spans="1:5" x14ac:dyDescent="0.25">
      <c r="A8225" s="3">
        <v>41825.691608796296</v>
      </c>
      <c r="B8225" s="2">
        <v>30.6</v>
      </c>
      <c r="C8225" s="2">
        <v>185.4</v>
      </c>
      <c r="D8225" s="2">
        <v>0</v>
      </c>
      <c r="E8225" s="2">
        <v>309.79999999999097</v>
      </c>
    </row>
    <row r="8226" spans="1:5" x14ac:dyDescent="0.25">
      <c r="A8226" s="3">
        <v>41825.703935185185</v>
      </c>
      <c r="B8226" s="2">
        <v>30.3</v>
      </c>
      <c r="C8226" s="2">
        <v>185.2</v>
      </c>
      <c r="D8226" s="2">
        <v>0</v>
      </c>
      <c r="E8226" s="2">
        <v>309.79999999999097</v>
      </c>
    </row>
    <row r="8227" spans="1:5" x14ac:dyDescent="0.25">
      <c r="A8227" s="3">
        <v>41825.70648148148</v>
      </c>
      <c r="B8227" s="2">
        <v>30.1</v>
      </c>
      <c r="C8227" s="2">
        <v>185.4</v>
      </c>
      <c r="D8227" s="2">
        <v>0</v>
      </c>
      <c r="E8227" s="2">
        <v>309.79999999999097</v>
      </c>
    </row>
    <row r="8228" spans="1:5" x14ac:dyDescent="0.25">
      <c r="A8228" s="3">
        <v>41825.706597222219</v>
      </c>
      <c r="B8228" s="2">
        <v>30.1</v>
      </c>
      <c r="C8228" s="2">
        <v>185.2</v>
      </c>
      <c r="D8228" s="2">
        <v>0</v>
      </c>
      <c r="E8228" s="2">
        <v>309.79999999999097</v>
      </c>
    </row>
    <row r="8229" spans="1:5" x14ac:dyDescent="0.25">
      <c r="A8229" s="3">
        <v>41825.706828703704</v>
      </c>
      <c r="B8229" s="2">
        <v>30.1</v>
      </c>
      <c r="C8229" s="2">
        <v>185.4</v>
      </c>
      <c r="D8229" s="2">
        <v>0</v>
      </c>
      <c r="E8229" s="2">
        <v>309.79999999999097</v>
      </c>
    </row>
    <row r="8230" spans="1:5" x14ac:dyDescent="0.25">
      <c r="A8230" s="3">
        <v>41825.706944444442</v>
      </c>
      <c r="B8230" s="2">
        <v>30.1</v>
      </c>
      <c r="C8230" s="2">
        <v>185.2</v>
      </c>
      <c r="D8230" s="2">
        <v>0</v>
      </c>
      <c r="E8230" s="2">
        <v>309.79999999999097</v>
      </c>
    </row>
    <row r="8231" spans="1:5" x14ac:dyDescent="0.25">
      <c r="A8231" s="3">
        <v>41825.721759259257</v>
      </c>
      <c r="B8231" s="2">
        <v>29.6</v>
      </c>
      <c r="C8231" s="2">
        <v>185</v>
      </c>
      <c r="D8231" s="2">
        <v>0</v>
      </c>
      <c r="E8231" s="2">
        <v>309.79999999999097</v>
      </c>
    </row>
    <row r="8232" spans="1:5" x14ac:dyDescent="0.25">
      <c r="A8232" s="3">
        <v>41825.721932870372</v>
      </c>
      <c r="B8232" s="2">
        <v>29.6</v>
      </c>
      <c r="C8232" s="2">
        <v>185.2</v>
      </c>
      <c r="D8232" s="2">
        <v>0</v>
      </c>
      <c r="E8232" s="2">
        <v>309.79999999999097</v>
      </c>
    </row>
    <row r="8233" spans="1:5" x14ac:dyDescent="0.25">
      <c r="A8233" s="3">
        <v>41825.722048611111</v>
      </c>
      <c r="B8233" s="2">
        <v>29.6</v>
      </c>
      <c r="C8233" s="2">
        <v>185</v>
      </c>
      <c r="D8233" s="2">
        <v>0</v>
      </c>
      <c r="E8233" s="2">
        <v>309.79999999999097</v>
      </c>
    </row>
    <row r="8234" spans="1:5" x14ac:dyDescent="0.25">
      <c r="A8234" s="3">
        <v>41825.723379629628</v>
      </c>
      <c r="B8234" s="2">
        <v>29.6</v>
      </c>
      <c r="C8234" s="2">
        <v>185.2</v>
      </c>
      <c r="D8234" s="2">
        <v>0</v>
      </c>
      <c r="E8234" s="2">
        <v>309.79999999999097</v>
      </c>
    </row>
    <row r="8235" spans="1:5" x14ac:dyDescent="0.25">
      <c r="A8235" s="3">
        <v>41825.723553240743</v>
      </c>
      <c r="B8235" s="2">
        <v>29.6</v>
      </c>
      <c r="C8235" s="2">
        <v>185</v>
      </c>
      <c r="D8235" s="2">
        <v>0</v>
      </c>
      <c r="E8235" s="2">
        <v>309.79999999999097</v>
      </c>
    </row>
    <row r="8236" spans="1:5" x14ac:dyDescent="0.25">
      <c r="A8236" s="3">
        <v>41825.743171296293</v>
      </c>
      <c r="B8236" s="2">
        <v>29.6</v>
      </c>
      <c r="C8236" s="2">
        <v>184.8</v>
      </c>
      <c r="D8236" s="2">
        <v>0</v>
      </c>
      <c r="E8236" s="2">
        <v>309.79999999999097</v>
      </c>
    </row>
    <row r="8237" spans="1:5" x14ac:dyDescent="0.25">
      <c r="A8237" s="3">
        <v>41825.744039351855</v>
      </c>
      <c r="B8237" s="2">
        <v>29.6</v>
      </c>
      <c r="C8237" s="2">
        <v>185</v>
      </c>
      <c r="D8237" s="2">
        <v>0</v>
      </c>
      <c r="E8237" s="2">
        <v>309.79999999999097</v>
      </c>
    </row>
    <row r="8238" spans="1:5" x14ac:dyDescent="0.25">
      <c r="A8238" s="3">
        <v>41825.744212962964</v>
      </c>
      <c r="B8238" s="2">
        <v>29.6</v>
      </c>
      <c r="C8238" s="2">
        <v>184.8</v>
      </c>
      <c r="D8238" s="2">
        <v>0</v>
      </c>
      <c r="E8238" s="2">
        <v>309.79999999999097</v>
      </c>
    </row>
    <row r="8239" spans="1:5" x14ac:dyDescent="0.25">
      <c r="A8239" s="3">
        <v>41825.745775462965</v>
      </c>
      <c r="B8239" s="2">
        <v>29.6</v>
      </c>
      <c r="C8239" s="2">
        <v>185</v>
      </c>
      <c r="D8239" s="2">
        <v>0</v>
      </c>
      <c r="E8239" s="2">
        <v>309.79999999999097</v>
      </c>
    </row>
    <row r="8240" spans="1:5" x14ac:dyDescent="0.25">
      <c r="A8240" s="3">
        <v>41825.745891203704</v>
      </c>
      <c r="B8240" s="2">
        <v>29.6</v>
      </c>
      <c r="C8240" s="2">
        <v>184.8</v>
      </c>
      <c r="D8240" s="2">
        <v>0</v>
      </c>
      <c r="E8240" s="2">
        <v>309.79999999999097</v>
      </c>
    </row>
    <row r="8241" spans="1:5" x14ac:dyDescent="0.25">
      <c r="A8241" s="3">
        <v>41825.757060185184</v>
      </c>
      <c r="B8241" s="2">
        <v>29.5</v>
      </c>
      <c r="C8241" s="2">
        <v>184.6</v>
      </c>
      <c r="D8241" s="2">
        <v>0</v>
      </c>
      <c r="E8241" s="2">
        <v>309.79999999999097</v>
      </c>
    </row>
    <row r="8242" spans="1:5" x14ac:dyDescent="0.25">
      <c r="A8242" s="3">
        <v>41825.757175925923</v>
      </c>
      <c r="B8242" s="2">
        <v>29.5</v>
      </c>
      <c r="C8242" s="2">
        <v>184.8</v>
      </c>
      <c r="D8242" s="2">
        <v>0</v>
      </c>
      <c r="E8242" s="2">
        <v>309.79999999999097</v>
      </c>
    </row>
    <row r="8243" spans="1:5" x14ac:dyDescent="0.25">
      <c r="A8243" s="3">
        <v>41825.757928240739</v>
      </c>
      <c r="B8243" s="2">
        <v>29.5</v>
      </c>
      <c r="C8243" s="2">
        <v>184.6</v>
      </c>
      <c r="D8243" s="2">
        <v>0</v>
      </c>
      <c r="E8243" s="2">
        <v>309.79999999999097</v>
      </c>
    </row>
    <row r="8244" spans="1:5" x14ac:dyDescent="0.25">
      <c r="A8244" s="3">
        <v>41825.808622685188</v>
      </c>
      <c r="B8244" s="2">
        <v>28.4</v>
      </c>
      <c r="C8244" s="2">
        <v>184.4</v>
      </c>
      <c r="D8244" s="2">
        <v>0</v>
      </c>
      <c r="E8244" s="2">
        <v>309.79999999999097</v>
      </c>
    </row>
    <row r="8245" spans="1:5" x14ac:dyDescent="0.25">
      <c r="A8245" s="3">
        <v>41825.841956018521</v>
      </c>
      <c r="B8245" s="2">
        <v>27.5</v>
      </c>
      <c r="C8245" s="2">
        <v>184.2</v>
      </c>
      <c r="D8245" s="2">
        <v>0</v>
      </c>
      <c r="E8245" s="2">
        <v>309.79999999999097</v>
      </c>
    </row>
    <row r="8246" spans="1:5" x14ac:dyDescent="0.25">
      <c r="A8246" s="3">
        <v>41825.880555555559</v>
      </c>
      <c r="B8246" s="2">
        <v>26.5</v>
      </c>
      <c r="C8246" s="2">
        <v>184</v>
      </c>
      <c r="D8246" s="2">
        <v>0</v>
      </c>
      <c r="E8246" s="2">
        <v>309.79999999999097</v>
      </c>
    </row>
    <row r="8247" spans="1:5" x14ac:dyDescent="0.25">
      <c r="A8247" s="3">
        <v>41825.925868055558</v>
      </c>
      <c r="B8247" s="2">
        <v>25.4</v>
      </c>
      <c r="C8247" s="2">
        <v>183.8</v>
      </c>
      <c r="D8247" s="2">
        <v>0</v>
      </c>
      <c r="E8247" s="2">
        <v>309.79999999999097</v>
      </c>
    </row>
    <row r="8248" spans="1:5" x14ac:dyDescent="0.25">
      <c r="A8248" s="3">
        <v>41825.974594907406</v>
      </c>
      <c r="B8248" s="2">
        <v>24.4</v>
      </c>
      <c r="C8248" s="2">
        <v>183.6</v>
      </c>
      <c r="D8248" s="2">
        <v>0</v>
      </c>
      <c r="E8248" s="2">
        <v>309.79999999999097</v>
      </c>
    </row>
    <row r="8249" spans="1:5" x14ac:dyDescent="0.25">
      <c r="A8249" s="3">
        <v>41826.047106481485</v>
      </c>
      <c r="B8249" s="2">
        <v>23</v>
      </c>
      <c r="C8249" s="2">
        <v>183.4</v>
      </c>
      <c r="D8249" s="2">
        <v>0</v>
      </c>
      <c r="E8249" s="2">
        <v>309.79999999999097</v>
      </c>
    </row>
    <row r="8250" spans="1:5" x14ac:dyDescent="0.25">
      <c r="A8250" s="3">
        <v>41826.153935185182</v>
      </c>
      <c r="B8250" s="2">
        <v>21.2</v>
      </c>
      <c r="C8250" s="2">
        <v>183.2</v>
      </c>
      <c r="D8250" s="2">
        <v>0</v>
      </c>
      <c r="E8250" s="2">
        <v>309.79999999999097</v>
      </c>
    </row>
    <row r="8251" spans="1:5" x14ac:dyDescent="0.25">
      <c r="A8251" s="3">
        <v>41826.261747685188</v>
      </c>
      <c r="B8251" s="2">
        <v>19.600000000000001</v>
      </c>
      <c r="C8251" s="2">
        <v>183</v>
      </c>
      <c r="D8251" s="2">
        <v>0</v>
      </c>
      <c r="E8251" s="2">
        <v>309.79999999999097</v>
      </c>
    </row>
    <row r="8252" spans="1:5" x14ac:dyDescent="0.25">
      <c r="A8252" s="3">
        <v>41826.347858796296</v>
      </c>
      <c r="B8252" s="2">
        <v>19.2</v>
      </c>
      <c r="C8252" s="2">
        <v>182.8</v>
      </c>
      <c r="D8252" s="2">
        <v>0</v>
      </c>
      <c r="E8252" s="2">
        <v>309.79999999999097</v>
      </c>
    </row>
    <row r="8253" spans="1:5" x14ac:dyDescent="0.25">
      <c r="A8253" s="3">
        <v>41826.515914351854</v>
      </c>
      <c r="B8253" s="2">
        <v>29.1</v>
      </c>
      <c r="C8253" s="2">
        <v>182.6</v>
      </c>
      <c r="D8253" s="2">
        <v>0</v>
      </c>
      <c r="E8253" s="2">
        <v>309.79999999999097</v>
      </c>
    </row>
    <row r="8254" spans="1:5" x14ac:dyDescent="0.25">
      <c r="A8254" s="3">
        <v>41826.515972222223</v>
      </c>
      <c r="B8254" s="2">
        <v>29.1</v>
      </c>
      <c r="C8254" s="2">
        <v>182.8</v>
      </c>
      <c r="D8254" s="2">
        <v>0</v>
      </c>
      <c r="E8254" s="2">
        <v>309.79999999999097</v>
      </c>
    </row>
    <row r="8255" spans="1:5" x14ac:dyDescent="0.25">
      <c r="A8255" s="3">
        <v>41826.516087962962</v>
      </c>
      <c r="B8255" s="2">
        <v>29.1</v>
      </c>
      <c r="C8255" s="2">
        <v>182.6</v>
      </c>
      <c r="D8255" s="2">
        <v>0</v>
      </c>
      <c r="E8255" s="2">
        <v>309.79999999999097</v>
      </c>
    </row>
    <row r="8256" spans="1:5" x14ac:dyDescent="0.25">
      <c r="A8256" s="3">
        <v>41826.516203703701</v>
      </c>
      <c r="B8256" s="2">
        <v>29.1</v>
      </c>
      <c r="C8256" s="2">
        <v>182.8</v>
      </c>
      <c r="D8256" s="2">
        <v>0</v>
      </c>
      <c r="E8256" s="2">
        <v>309.79999999999097</v>
      </c>
    </row>
    <row r="8257" spans="1:5" x14ac:dyDescent="0.25">
      <c r="A8257" s="3">
        <v>41826.516898148147</v>
      </c>
      <c r="B8257" s="2">
        <v>29.3</v>
      </c>
      <c r="C8257" s="2">
        <v>182.6</v>
      </c>
      <c r="D8257" s="2">
        <v>0</v>
      </c>
      <c r="E8257" s="2">
        <v>309.79999999999097</v>
      </c>
    </row>
    <row r="8258" spans="1:5" x14ac:dyDescent="0.25">
      <c r="A8258" s="3">
        <v>41826.517187500001</v>
      </c>
      <c r="B8258" s="2">
        <v>29.3</v>
      </c>
      <c r="C8258" s="2">
        <v>182.8</v>
      </c>
      <c r="D8258" s="2">
        <v>0</v>
      </c>
      <c r="E8258" s="2">
        <v>309.79999999999097</v>
      </c>
    </row>
    <row r="8259" spans="1:5" x14ac:dyDescent="0.25">
      <c r="A8259" s="3">
        <v>41826.517361111109</v>
      </c>
      <c r="B8259" s="2">
        <v>29.3</v>
      </c>
      <c r="C8259" s="2">
        <v>182.6</v>
      </c>
      <c r="D8259" s="2">
        <v>0</v>
      </c>
      <c r="E8259" s="2">
        <v>309.79999999999097</v>
      </c>
    </row>
    <row r="8260" spans="1:5" x14ac:dyDescent="0.25">
      <c r="A8260" s="3">
        <v>41826.517592592594</v>
      </c>
      <c r="B8260" s="2">
        <v>29.3</v>
      </c>
      <c r="C8260" s="2">
        <v>182.8</v>
      </c>
      <c r="D8260" s="2">
        <v>0</v>
      </c>
      <c r="E8260" s="2">
        <v>309.79999999999097</v>
      </c>
    </row>
    <row r="8261" spans="1:5" x14ac:dyDescent="0.25">
      <c r="A8261" s="3">
        <v>41826.518171296295</v>
      </c>
      <c r="B8261" s="2">
        <v>29.3</v>
      </c>
      <c r="C8261" s="2">
        <v>182.6</v>
      </c>
      <c r="D8261" s="2">
        <v>0</v>
      </c>
      <c r="E8261" s="2">
        <v>309.79999999999097</v>
      </c>
    </row>
    <row r="8262" spans="1:5" x14ac:dyDescent="0.25">
      <c r="A8262" s="3">
        <v>41826.519849537035</v>
      </c>
      <c r="B8262" s="2">
        <v>29.4</v>
      </c>
      <c r="C8262" s="2">
        <v>182.8</v>
      </c>
      <c r="D8262" s="2">
        <v>0</v>
      </c>
      <c r="E8262" s="2">
        <v>309.79999999999097</v>
      </c>
    </row>
    <row r="8263" spans="1:5" x14ac:dyDescent="0.25">
      <c r="A8263" s="3">
        <v>41826.520196759258</v>
      </c>
      <c r="B8263" s="2">
        <v>29.5</v>
      </c>
      <c r="C8263" s="2">
        <v>182.6</v>
      </c>
      <c r="D8263" s="2">
        <v>0</v>
      </c>
      <c r="E8263" s="2">
        <v>309.79999999999097</v>
      </c>
    </row>
    <row r="8264" spans="1:5" x14ac:dyDescent="0.25">
      <c r="A8264" s="3">
        <v>41826.522511574076</v>
      </c>
      <c r="B8264" s="2">
        <v>29.6</v>
      </c>
      <c r="C8264" s="2">
        <v>182.8</v>
      </c>
      <c r="D8264" s="2">
        <v>0</v>
      </c>
      <c r="E8264" s="2">
        <v>309.79999999999097</v>
      </c>
    </row>
    <row r="8265" spans="1:5" x14ac:dyDescent="0.25">
      <c r="A8265" s="3">
        <v>41826.522916666669</v>
      </c>
      <c r="B8265" s="2">
        <v>29.6</v>
      </c>
      <c r="C8265" s="2">
        <v>182.6</v>
      </c>
      <c r="D8265" s="2">
        <v>0</v>
      </c>
      <c r="E8265" s="2">
        <v>309.79999999999097</v>
      </c>
    </row>
    <row r="8266" spans="1:5" x14ac:dyDescent="0.25">
      <c r="A8266" s="3">
        <v>41826.553182870368</v>
      </c>
      <c r="B8266" s="2">
        <v>31.4</v>
      </c>
      <c r="C8266" s="2">
        <v>182.4</v>
      </c>
      <c r="D8266" s="2">
        <v>0</v>
      </c>
      <c r="E8266" s="2">
        <v>309.79999999999097</v>
      </c>
    </row>
    <row r="8267" spans="1:5" x14ac:dyDescent="0.25">
      <c r="A8267" s="3">
        <v>41826.553240740737</v>
      </c>
      <c r="B8267" s="2">
        <v>31.4</v>
      </c>
      <c r="C8267" s="2">
        <v>182.6</v>
      </c>
      <c r="D8267" s="2">
        <v>0</v>
      </c>
      <c r="E8267" s="2">
        <v>309.79999999999097</v>
      </c>
    </row>
    <row r="8268" spans="1:5" x14ac:dyDescent="0.25">
      <c r="A8268" s="3">
        <v>41826.553356481483</v>
      </c>
      <c r="B8268" s="2">
        <v>31.4</v>
      </c>
      <c r="C8268" s="2">
        <v>182.4</v>
      </c>
      <c r="D8268" s="2">
        <v>0</v>
      </c>
      <c r="E8268" s="2">
        <v>309.79999999999097</v>
      </c>
    </row>
    <row r="8269" spans="1:5" x14ac:dyDescent="0.25">
      <c r="A8269" s="3">
        <v>41826.553414351853</v>
      </c>
      <c r="B8269" s="2">
        <v>31.4</v>
      </c>
      <c r="C8269" s="2">
        <v>182.6</v>
      </c>
      <c r="D8269" s="2">
        <v>0</v>
      </c>
      <c r="E8269" s="2">
        <v>309.79999999999097</v>
      </c>
    </row>
    <row r="8270" spans="1:5" x14ac:dyDescent="0.25">
      <c r="A8270" s="3">
        <v>41826.553472222222</v>
      </c>
      <c r="B8270" s="2">
        <v>31.4</v>
      </c>
      <c r="C8270" s="2">
        <v>182.4</v>
      </c>
      <c r="D8270" s="2">
        <v>0</v>
      </c>
      <c r="E8270" s="2">
        <v>309.79999999999097</v>
      </c>
    </row>
    <row r="8271" spans="1:5" x14ac:dyDescent="0.25">
      <c r="A8271" s="3">
        <v>41826.573958333334</v>
      </c>
      <c r="B8271" s="2">
        <v>32.4</v>
      </c>
      <c r="C8271" s="2">
        <v>182.2</v>
      </c>
      <c r="D8271" s="2">
        <v>0</v>
      </c>
      <c r="E8271" s="2">
        <v>309.79999999999097</v>
      </c>
    </row>
    <row r="8272" spans="1:5" x14ac:dyDescent="0.25">
      <c r="A8272" s="3">
        <v>41826.594270833331</v>
      </c>
      <c r="B8272" s="2">
        <v>33.4</v>
      </c>
      <c r="C8272" s="2">
        <v>182</v>
      </c>
      <c r="D8272" s="2">
        <v>0</v>
      </c>
      <c r="E8272" s="2">
        <v>309.79999999999097</v>
      </c>
    </row>
    <row r="8273" spans="1:5" x14ac:dyDescent="0.25">
      <c r="A8273" s="3">
        <v>41826.610763888886</v>
      </c>
      <c r="B8273" s="2">
        <v>33.9</v>
      </c>
      <c r="C8273" s="2">
        <v>181.8</v>
      </c>
      <c r="D8273" s="2">
        <v>0</v>
      </c>
      <c r="E8273" s="2">
        <v>309.79999999999097</v>
      </c>
    </row>
    <row r="8274" spans="1:5" x14ac:dyDescent="0.25">
      <c r="A8274" s="3">
        <v>41826.610821759263</v>
      </c>
      <c r="B8274" s="2">
        <v>33.799999999999997</v>
      </c>
      <c r="C8274" s="2">
        <v>182</v>
      </c>
      <c r="D8274" s="2">
        <v>0</v>
      </c>
      <c r="E8274" s="2">
        <v>309.79999999999097</v>
      </c>
    </row>
    <row r="8275" spans="1:5" x14ac:dyDescent="0.25">
      <c r="A8275" s="3">
        <v>41826.61209490741</v>
      </c>
      <c r="B8275" s="2">
        <v>33.9</v>
      </c>
      <c r="C8275" s="2">
        <v>181.8</v>
      </c>
      <c r="D8275" s="2">
        <v>0</v>
      </c>
      <c r="E8275" s="2">
        <v>309.79999999999097</v>
      </c>
    </row>
    <row r="8276" spans="1:5" x14ac:dyDescent="0.25">
      <c r="A8276" s="3">
        <v>41826.61215277778</v>
      </c>
      <c r="B8276" s="2">
        <v>33.9</v>
      </c>
      <c r="C8276" s="2">
        <v>182</v>
      </c>
      <c r="D8276" s="2">
        <v>0</v>
      </c>
      <c r="E8276" s="2">
        <v>309.79999999999097</v>
      </c>
    </row>
    <row r="8277" spans="1:5" x14ac:dyDescent="0.25">
      <c r="A8277" s="3">
        <v>41826.613136574073</v>
      </c>
      <c r="B8277" s="2">
        <v>34.1</v>
      </c>
      <c r="C8277" s="2">
        <v>181.8</v>
      </c>
      <c r="D8277" s="2">
        <v>0</v>
      </c>
      <c r="E8277" s="2">
        <v>309.79999999999097</v>
      </c>
    </row>
    <row r="8278" spans="1:5" x14ac:dyDescent="0.25">
      <c r="A8278" s="3">
        <v>41826.613946759258</v>
      </c>
      <c r="B8278" s="2">
        <v>34</v>
      </c>
      <c r="C8278" s="2">
        <v>182</v>
      </c>
      <c r="D8278" s="2">
        <v>0</v>
      </c>
      <c r="E8278" s="2">
        <v>309.79999999999097</v>
      </c>
    </row>
    <row r="8279" spans="1:5" x14ac:dyDescent="0.25">
      <c r="A8279" s="3">
        <v>41826.614062499997</v>
      </c>
      <c r="B8279" s="2">
        <v>34</v>
      </c>
      <c r="C8279" s="2">
        <v>181.8</v>
      </c>
      <c r="D8279" s="2">
        <v>0</v>
      </c>
      <c r="E8279" s="2">
        <v>309.79999999999097</v>
      </c>
    </row>
    <row r="8280" spans="1:5" x14ac:dyDescent="0.25">
      <c r="A8280" s="3">
        <v>41826.632349537038</v>
      </c>
      <c r="B8280" s="2">
        <v>34.5</v>
      </c>
      <c r="C8280" s="2">
        <v>181.6</v>
      </c>
      <c r="D8280" s="2">
        <v>0</v>
      </c>
      <c r="E8280" s="2">
        <v>309.79999999999097</v>
      </c>
    </row>
    <row r="8281" spans="1:5" x14ac:dyDescent="0.25">
      <c r="A8281" s="3">
        <v>41826.632638888892</v>
      </c>
      <c r="B8281" s="2">
        <v>34.5</v>
      </c>
      <c r="C8281" s="2">
        <v>181.8</v>
      </c>
      <c r="D8281" s="2">
        <v>0</v>
      </c>
      <c r="E8281" s="2">
        <v>309.79999999999097</v>
      </c>
    </row>
    <row r="8282" spans="1:5" x14ac:dyDescent="0.25">
      <c r="A8282" s="3">
        <v>41826.632754629631</v>
      </c>
      <c r="B8282" s="2">
        <v>34.5</v>
      </c>
      <c r="C8282" s="2">
        <v>181.6</v>
      </c>
      <c r="D8282" s="2">
        <v>0</v>
      </c>
      <c r="E8282" s="2">
        <v>309.79999999999097</v>
      </c>
    </row>
    <row r="8283" spans="1:5" x14ac:dyDescent="0.25">
      <c r="A8283" s="3">
        <v>41826.633564814816</v>
      </c>
      <c r="B8283" s="2">
        <v>34.5</v>
      </c>
      <c r="C8283" s="2">
        <v>181.8</v>
      </c>
      <c r="D8283" s="2">
        <v>0</v>
      </c>
      <c r="E8283" s="2">
        <v>309.79999999999097</v>
      </c>
    </row>
    <row r="8284" spans="1:5" x14ac:dyDescent="0.25">
      <c r="A8284" s="3">
        <v>41826.633622685185</v>
      </c>
      <c r="B8284" s="2">
        <v>34.5</v>
      </c>
      <c r="C8284" s="2">
        <v>181.6</v>
      </c>
      <c r="D8284" s="2">
        <v>0</v>
      </c>
      <c r="E8284" s="2">
        <v>309.79999999999097</v>
      </c>
    </row>
    <row r="8285" spans="1:5" x14ac:dyDescent="0.25">
      <c r="A8285" s="3">
        <v>41826.666087962964</v>
      </c>
      <c r="B8285" s="2">
        <v>33.9</v>
      </c>
      <c r="C8285" s="2">
        <v>181.4</v>
      </c>
      <c r="D8285" s="2">
        <v>0</v>
      </c>
      <c r="E8285" s="2">
        <v>309.79999999999097</v>
      </c>
    </row>
    <row r="8286" spans="1:5" x14ac:dyDescent="0.25">
      <c r="A8286" s="3">
        <v>41826.666666666664</v>
      </c>
      <c r="B8286" s="2">
        <v>33.9</v>
      </c>
      <c r="C8286" s="2">
        <v>181.6</v>
      </c>
      <c r="D8286" s="2">
        <v>0</v>
      </c>
      <c r="E8286" s="2">
        <v>309.79999999999097</v>
      </c>
    </row>
    <row r="8287" spans="1:5" x14ac:dyDescent="0.25">
      <c r="A8287" s="3">
        <v>41826.66684027778</v>
      </c>
      <c r="B8287" s="2">
        <v>33.9</v>
      </c>
      <c r="C8287" s="2">
        <v>181.4</v>
      </c>
      <c r="D8287" s="2">
        <v>0</v>
      </c>
      <c r="E8287" s="2">
        <v>309.79999999999097</v>
      </c>
    </row>
    <row r="8288" spans="1:5" x14ac:dyDescent="0.25">
      <c r="A8288" s="3">
        <v>41826.681712962964</v>
      </c>
      <c r="B8288" s="2">
        <v>33.299999999999997</v>
      </c>
      <c r="C8288" s="2">
        <v>181.2</v>
      </c>
      <c r="D8288" s="2">
        <v>0</v>
      </c>
      <c r="E8288" s="2">
        <v>309.79999999999097</v>
      </c>
    </row>
    <row r="8289" spans="1:5" x14ac:dyDescent="0.25">
      <c r="A8289" s="3">
        <v>41826.698379629626</v>
      </c>
      <c r="B8289" s="2">
        <v>32.799999999999997</v>
      </c>
      <c r="C8289" s="2">
        <v>181</v>
      </c>
      <c r="D8289" s="2">
        <v>0</v>
      </c>
      <c r="E8289" s="2">
        <v>309.79999999999097</v>
      </c>
    </row>
    <row r="8290" spans="1:5" x14ac:dyDescent="0.25">
      <c r="A8290" s="3">
        <v>41826.715046296296</v>
      </c>
      <c r="B8290" s="2">
        <v>32.299999999999997</v>
      </c>
      <c r="C8290" s="2">
        <v>180.8</v>
      </c>
      <c r="D8290" s="2">
        <v>0</v>
      </c>
      <c r="E8290" s="2">
        <v>309.79999999999097</v>
      </c>
    </row>
    <row r="8291" spans="1:5" x14ac:dyDescent="0.25">
      <c r="A8291" s="3">
        <v>41826.734432870369</v>
      </c>
      <c r="B8291" s="2">
        <v>31.9</v>
      </c>
      <c r="C8291" s="2">
        <v>180.6</v>
      </c>
      <c r="D8291" s="2">
        <v>0</v>
      </c>
      <c r="E8291" s="2">
        <v>309.79999999999097</v>
      </c>
    </row>
    <row r="8292" spans="1:5" x14ac:dyDescent="0.25">
      <c r="A8292" s="3">
        <v>41826.734548611108</v>
      </c>
      <c r="B8292" s="2">
        <v>31.9</v>
      </c>
      <c r="C8292" s="2">
        <v>180.8</v>
      </c>
      <c r="D8292" s="2">
        <v>0</v>
      </c>
      <c r="E8292" s="2">
        <v>309.79999999999097</v>
      </c>
    </row>
    <row r="8293" spans="1:5" x14ac:dyDescent="0.25">
      <c r="A8293" s="3">
        <v>41826.734722222223</v>
      </c>
      <c r="B8293" s="2">
        <v>31.9</v>
      </c>
      <c r="C8293" s="2">
        <v>180.6</v>
      </c>
      <c r="D8293" s="2">
        <v>0</v>
      </c>
      <c r="E8293" s="2">
        <v>309.79999999999097</v>
      </c>
    </row>
    <row r="8294" spans="1:5" x14ac:dyDescent="0.25">
      <c r="A8294" s="3">
        <v>41826.757060185184</v>
      </c>
      <c r="B8294" s="2">
        <v>31.5</v>
      </c>
      <c r="C8294" s="2">
        <v>180.4</v>
      </c>
      <c r="D8294" s="2">
        <v>0</v>
      </c>
      <c r="E8294" s="2">
        <v>309.79999999999097</v>
      </c>
    </row>
    <row r="8295" spans="1:5" x14ac:dyDescent="0.25">
      <c r="A8295" s="3">
        <v>41826.786574074074</v>
      </c>
      <c r="B8295" s="2">
        <v>30.7</v>
      </c>
      <c r="C8295" s="2">
        <v>180.2</v>
      </c>
      <c r="D8295" s="2">
        <v>0</v>
      </c>
      <c r="E8295" s="2">
        <v>309.79999999999097</v>
      </c>
    </row>
    <row r="8296" spans="1:5" x14ac:dyDescent="0.25">
      <c r="A8296" s="3">
        <v>41826.819386574076</v>
      </c>
      <c r="B8296" s="2">
        <v>29.9</v>
      </c>
      <c r="C8296" s="2">
        <v>180</v>
      </c>
      <c r="D8296" s="2">
        <v>0</v>
      </c>
      <c r="E8296" s="2">
        <v>309.79999999999097</v>
      </c>
    </row>
    <row r="8297" spans="1:5" x14ac:dyDescent="0.25">
      <c r="A8297" s="3">
        <v>41826.86550925926</v>
      </c>
      <c r="B8297" s="2">
        <v>28.7</v>
      </c>
      <c r="C8297" s="2">
        <v>179.8</v>
      </c>
      <c r="D8297" s="2">
        <v>0</v>
      </c>
      <c r="E8297" s="2">
        <v>309.79999999999097</v>
      </c>
    </row>
    <row r="8298" spans="1:5" x14ac:dyDescent="0.25">
      <c r="A8298" s="3">
        <v>41826.909895833334</v>
      </c>
      <c r="B8298" s="2">
        <v>27.7</v>
      </c>
      <c r="C8298" s="2">
        <v>179.6</v>
      </c>
      <c r="D8298" s="2">
        <v>0</v>
      </c>
      <c r="E8298" s="2">
        <v>309.79999999999097</v>
      </c>
    </row>
    <row r="8299" spans="1:5" x14ac:dyDescent="0.25">
      <c r="A8299" s="3">
        <v>41826.97042824074</v>
      </c>
      <c r="B8299" s="2">
        <v>26.2</v>
      </c>
      <c r="C8299" s="2">
        <v>179.4</v>
      </c>
      <c r="D8299" s="2">
        <v>0</v>
      </c>
      <c r="E8299" s="2">
        <v>309.79999999999097</v>
      </c>
    </row>
    <row r="8300" spans="1:5" x14ac:dyDescent="0.25">
      <c r="A8300" s="3">
        <v>41827.037499999999</v>
      </c>
      <c r="B8300" s="2">
        <v>24.8</v>
      </c>
      <c r="C8300" s="2">
        <v>179.2</v>
      </c>
      <c r="D8300" s="2">
        <v>0</v>
      </c>
      <c r="E8300" s="2">
        <v>309.79999999999097</v>
      </c>
    </row>
    <row r="8301" spans="1:5" x14ac:dyDescent="0.25">
      <c r="A8301" s="3">
        <v>41827.122974537036</v>
      </c>
      <c r="B8301" s="2">
        <v>23.1</v>
      </c>
      <c r="C8301" s="2">
        <v>179</v>
      </c>
      <c r="D8301" s="2">
        <v>0</v>
      </c>
      <c r="E8301" s="2">
        <v>309.79999999999097</v>
      </c>
    </row>
    <row r="8302" spans="1:5" x14ac:dyDescent="0.25">
      <c r="A8302" s="3">
        <v>41827.238425925927</v>
      </c>
      <c r="B8302" s="2">
        <v>21.3</v>
      </c>
      <c r="C8302" s="2">
        <v>178.8</v>
      </c>
      <c r="D8302" s="2">
        <v>0</v>
      </c>
      <c r="E8302" s="2">
        <v>309.79999999999097</v>
      </c>
    </row>
    <row r="8303" spans="1:5" x14ac:dyDescent="0.25">
      <c r="A8303" s="3">
        <v>41827.292187500003</v>
      </c>
      <c r="B8303" s="2">
        <v>20.8</v>
      </c>
      <c r="C8303" s="2">
        <v>178.6</v>
      </c>
      <c r="D8303" s="2">
        <v>0</v>
      </c>
      <c r="E8303" s="2">
        <v>309.79999999999097</v>
      </c>
    </row>
    <row r="8304" spans="1:5" x14ac:dyDescent="0.25">
      <c r="A8304" s="3">
        <v>41827.350868055553</v>
      </c>
      <c r="B8304" s="2">
        <v>20.5</v>
      </c>
      <c r="C8304" s="2">
        <v>178.4</v>
      </c>
      <c r="D8304" s="2">
        <v>0</v>
      </c>
      <c r="E8304" s="2">
        <v>309.79999999999097</v>
      </c>
    </row>
    <row r="8305" spans="1:5" x14ac:dyDescent="0.25">
      <c r="A8305" s="3">
        <v>41827.46261574074</v>
      </c>
      <c r="B8305" s="2">
        <v>26.7</v>
      </c>
      <c r="C8305" s="2">
        <v>178.6</v>
      </c>
      <c r="D8305" s="2">
        <v>0</v>
      </c>
      <c r="E8305" s="2">
        <v>309.79999999999097</v>
      </c>
    </row>
    <row r="8306" spans="1:5" x14ac:dyDescent="0.25">
      <c r="A8306" s="3">
        <v>41827.462731481479</v>
      </c>
      <c r="B8306" s="2">
        <v>26.7</v>
      </c>
      <c r="C8306" s="2">
        <v>178.4</v>
      </c>
      <c r="D8306" s="2">
        <v>0</v>
      </c>
      <c r="E8306" s="2">
        <v>309.79999999999097</v>
      </c>
    </row>
    <row r="8307" spans="1:5" x14ac:dyDescent="0.25">
      <c r="A8307" s="3">
        <v>41827.466377314813</v>
      </c>
      <c r="B8307" s="2">
        <v>27</v>
      </c>
      <c r="C8307" s="2">
        <v>178.6</v>
      </c>
      <c r="D8307" s="2">
        <v>0</v>
      </c>
      <c r="E8307" s="2">
        <v>309.79999999999097</v>
      </c>
    </row>
    <row r="8308" spans="1:5" x14ac:dyDescent="0.25">
      <c r="A8308" s="3">
        <v>41827.466550925928</v>
      </c>
      <c r="B8308" s="2">
        <v>27</v>
      </c>
      <c r="C8308" s="2">
        <v>178.4</v>
      </c>
      <c r="D8308" s="2">
        <v>0</v>
      </c>
      <c r="E8308" s="2">
        <v>309.79999999999097</v>
      </c>
    </row>
    <row r="8309" spans="1:5" x14ac:dyDescent="0.25">
      <c r="A8309" s="3">
        <v>41827.467303240737</v>
      </c>
      <c r="B8309" s="2">
        <v>27.1</v>
      </c>
      <c r="C8309" s="2">
        <v>178.6</v>
      </c>
      <c r="D8309" s="2">
        <v>0</v>
      </c>
      <c r="E8309" s="2">
        <v>309.79999999999097</v>
      </c>
    </row>
    <row r="8310" spans="1:5" x14ac:dyDescent="0.25">
      <c r="A8310" s="3">
        <v>41827.467361111114</v>
      </c>
      <c r="B8310" s="2">
        <v>27.1</v>
      </c>
      <c r="C8310" s="2">
        <v>178.4</v>
      </c>
      <c r="D8310" s="2">
        <v>0</v>
      </c>
      <c r="E8310" s="2">
        <v>309.79999999999097</v>
      </c>
    </row>
    <row r="8311" spans="1:5" x14ac:dyDescent="0.25">
      <c r="A8311" s="3">
        <v>41827.530381944445</v>
      </c>
      <c r="B8311" s="2">
        <v>31</v>
      </c>
      <c r="C8311" s="2">
        <v>178.2</v>
      </c>
      <c r="D8311" s="2">
        <v>0</v>
      </c>
      <c r="E8311" s="2">
        <v>309.79999999999097</v>
      </c>
    </row>
    <row r="8312" spans="1:5" x14ac:dyDescent="0.25">
      <c r="A8312" s="3">
        <v>41827.530497685184</v>
      </c>
      <c r="B8312" s="2">
        <v>31</v>
      </c>
      <c r="C8312" s="2">
        <v>178.4</v>
      </c>
      <c r="D8312" s="2">
        <v>0</v>
      </c>
      <c r="E8312" s="2">
        <v>309.79999999999097</v>
      </c>
    </row>
    <row r="8313" spans="1:5" x14ac:dyDescent="0.25">
      <c r="A8313" s="3">
        <v>41827.530787037038</v>
      </c>
      <c r="B8313" s="2">
        <v>30.9</v>
      </c>
      <c r="C8313" s="2">
        <v>178.2</v>
      </c>
      <c r="D8313" s="2">
        <v>0</v>
      </c>
      <c r="E8313" s="2">
        <v>309.79999999999097</v>
      </c>
    </row>
    <row r="8314" spans="1:5" x14ac:dyDescent="0.25">
      <c r="A8314" s="3">
        <v>41827.530960648146</v>
      </c>
      <c r="B8314" s="2">
        <v>30.9</v>
      </c>
      <c r="C8314" s="2">
        <v>178.4</v>
      </c>
      <c r="D8314" s="2">
        <v>0</v>
      </c>
      <c r="E8314" s="2">
        <v>309.79999999999097</v>
      </c>
    </row>
    <row r="8315" spans="1:5" x14ac:dyDescent="0.25">
      <c r="A8315" s="3">
        <v>41827.533506944441</v>
      </c>
      <c r="B8315" s="2">
        <v>31.1</v>
      </c>
      <c r="C8315" s="2">
        <v>178.2</v>
      </c>
      <c r="D8315" s="2">
        <v>0</v>
      </c>
      <c r="E8315" s="2">
        <v>309.79999999999097</v>
      </c>
    </row>
    <row r="8316" spans="1:5" x14ac:dyDescent="0.25">
      <c r="A8316" s="3">
        <v>41827.533564814818</v>
      </c>
      <c r="B8316" s="2">
        <v>31.1</v>
      </c>
      <c r="C8316" s="2">
        <v>178.4</v>
      </c>
      <c r="D8316" s="2">
        <v>0</v>
      </c>
      <c r="E8316" s="2">
        <v>309.79999999999097</v>
      </c>
    </row>
    <row r="8317" spans="1:5" x14ac:dyDescent="0.25">
      <c r="A8317" s="3">
        <v>41827.533796296295</v>
      </c>
      <c r="B8317" s="2">
        <v>31.1</v>
      </c>
      <c r="C8317" s="2">
        <v>178.2</v>
      </c>
      <c r="D8317" s="2">
        <v>0</v>
      </c>
      <c r="E8317" s="2">
        <v>309.79999999999097</v>
      </c>
    </row>
    <row r="8318" spans="1:5" x14ac:dyDescent="0.25">
      <c r="A8318" s="3">
        <v>41827.554976851854</v>
      </c>
      <c r="B8318" s="2">
        <v>32.299999999999997</v>
      </c>
      <c r="C8318" s="2">
        <v>178</v>
      </c>
      <c r="D8318" s="2">
        <v>0</v>
      </c>
      <c r="E8318" s="2">
        <v>309.79999999999097</v>
      </c>
    </row>
    <row r="8319" spans="1:5" x14ac:dyDescent="0.25">
      <c r="A8319" s="3">
        <v>41827.555439814816</v>
      </c>
      <c r="B8319" s="2">
        <v>32.299999999999997</v>
      </c>
      <c r="C8319" s="2">
        <v>178.2</v>
      </c>
      <c r="D8319" s="2">
        <v>0</v>
      </c>
      <c r="E8319" s="2">
        <v>309.79999999999097</v>
      </c>
    </row>
    <row r="8320" spans="1:5" x14ac:dyDescent="0.25">
      <c r="A8320" s="3">
        <v>41827.559606481482</v>
      </c>
      <c r="B8320" s="2">
        <v>32.5</v>
      </c>
      <c r="C8320" s="2">
        <v>178</v>
      </c>
      <c r="D8320" s="2">
        <v>0</v>
      </c>
      <c r="E8320" s="2">
        <v>309.79999999999097</v>
      </c>
    </row>
    <row r="8321" spans="1:5" x14ac:dyDescent="0.25">
      <c r="A8321" s="3">
        <v>41827.561284722222</v>
      </c>
      <c r="B8321" s="2">
        <v>32.5</v>
      </c>
      <c r="C8321" s="2">
        <v>178.2</v>
      </c>
      <c r="D8321" s="2">
        <v>0</v>
      </c>
      <c r="E8321" s="2">
        <v>309.79999999999097</v>
      </c>
    </row>
    <row r="8322" spans="1:5" x14ac:dyDescent="0.25">
      <c r="A8322" s="3">
        <v>41827.561342592591</v>
      </c>
      <c r="B8322" s="2">
        <v>32.5</v>
      </c>
      <c r="C8322" s="2">
        <v>178</v>
      </c>
      <c r="D8322" s="2">
        <v>0</v>
      </c>
      <c r="E8322" s="2">
        <v>309.79999999999097</v>
      </c>
    </row>
    <row r="8323" spans="1:5" x14ac:dyDescent="0.25">
      <c r="A8323" s="3">
        <v>41827.575636574074</v>
      </c>
      <c r="B8323" s="2">
        <v>33.1</v>
      </c>
      <c r="C8323" s="2">
        <v>177.8</v>
      </c>
      <c r="D8323" s="2">
        <v>0</v>
      </c>
      <c r="E8323" s="2">
        <v>309.79999999999097</v>
      </c>
    </row>
    <row r="8324" spans="1:5" x14ac:dyDescent="0.25">
      <c r="A8324" s="3">
        <v>41827.591261574074</v>
      </c>
      <c r="B8324" s="2">
        <v>33.799999999999997</v>
      </c>
      <c r="C8324" s="2">
        <v>177.6</v>
      </c>
      <c r="D8324" s="2">
        <v>0</v>
      </c>
      <c r="E8324" s="2">
        <v>309.79999999999097</v>
      </c>
    </row>
    <row r="8325" spans="1:5" x14ac:dyDescent="0.25">
      <c r="A8325" s="3">
        <v>41827.591608796298</v>
      </c>
      <c r="B8325" s="2">
        <v>33.700000000000003</v>
      </c>
      <c r="C8325" s="2">
        <v>177.8</v>
      </c>
      <c r="D8325" s="2">
        <v>0</v>
      </c>
      <c r="E8325" s="2">
        <v>309.79999999999097</v>
      </c>
    </row>
    <row r="8326" spans="1:5" x14ac:dyDescent="0.25">
      <c r="A8326" s="3">
        <v>41827.592013888891</v>
      </c>
      <c r="B8326" s="2">
        <v>33.700000000000003</v>
      </c>
      <c r="C8326" s="2">
        <v>177.6</v>
      </c>
      <c r="D8326" s="2">
        <v>0</v>
      </c>
      <c r="E8326" s="2">
        <v>309.79999999999097</v>
      </c>
    </row>
    <row r="8327" spans="1:5" x14ac:dyDescent="0.25">
      <c r="A8327" s="3">
        <v>41827.592881944445</v>
      </c>
      <c r="B8327" s="2">
        <v>33.700000000000003</v>
      </c>
      <c r="C8327" s="2">
        <v>177.8</v>
      </c>
      <c r="D8327" s="2">
        <v>0</v>
      </c>
      <c r="E8327" s="2">
        <v>309.79999999999097</v>
      </c>
    </row>
    <row r="8328" spans="1:5" x14ac:dyDescent="0.25">
      <c r="A8328" s="3">
        <v>41827.593055555553</v>
      </c>
      <c r="B8328" s="2">
        <v>33.700000000000003</v>
      </c>
      <c r="C8328" s="2">
        <v>177.6</v>
      </c>
      <c r="D8328" s="2">
        <v>0</v>
      </c>
      <c r="E8328" s="2">
        <v>309.79999999999097</v>
      </c>
    </row>
    <row r="8329" spans="1:5" x14ac:dyDescent="0.25">
      <c r="A8329" s="3">
        <v>41827.612210648149</v>
      </c>
      <c r="B8329" s="2">
        <v>34.299999999999997</v>
      </c>
      <c r="C8329" s="2">
        <v>177.4</v>
      </c>
      <c r="D8329" s="2">
        <v>0</v>
      </c>
      <c r="E8329" s="2">
        <v>309.79999999999097</v>
      </c>
    </row>
    <row r="8330" spans="1:5" x14ac:dyDescent="0.25">
      <c r="A8330" s="3">
        <v>41827.63009259259</v>
      </c>
      <c r="B8330" s="2">
        <v>34.799999999999997</v>
      </c>
      <c r="C8330" s="2">
        <v>177.2</v>
      </c>
      <c r="D8330" s="2">
        <v>0</v>
      </c>
      <c r="E8330" s="2">
        <v>309.79999999999097</v>
      </c>
    </row>
    <row r="8331" spans="1:5" x14ac:dyDescent="0.25">
      <c r="A8331" s="3">
        <v>41827.630208333336</v>
      </c>
      <c r="B8331" s="2">
        <v>34.799999999999997</v>
      </c>
      <c r="C8331" s="2">
        <v>177.4</v>
      </c>
      <c r="D8331" s="2">
        <v>0</v>
      </c>
      <c r="E8331" s="2">
        <v>309.79999999999097</v>
      </c>
    </row>
    <row r="8332" spans="1:5" x14ac:dyDescent="0.25">
      <c r="A8332" s="3">
        <v>41827.630324074074</v>
      </c>
      <c r="B8332" s="2">
        <v>34.799999999999997</v>
      </c>
      <c r="C8332" s="2">
        <v>177.2</v>
      </c>
      <c r="D8332" s="2">
        <v>0</v>
      </c>
      <c r="E8332" s="2">
        <v>309.79999999999097</v>
      </c>
    </row>
    <row r="8333" spans="1:5" x14ac:dyDescent="0.25">
      <c r="A8333" s="3">
        <v>41827.657581018517</v>
      </c>
      <c r="B8333" s="2">
        <v>34.700000000000003</v>
      </c>
      <c r="C8333" s="2">
        <v>177</v>
      </c>
      <c r="D8333" s="2">
        <v>0</v>
      </c>
      <c r="E8333" s="2">
        <v>309.79999999999097</v>
      </c>
    </row>
    <row r="8334" spans="1:5" x14ac:dyDescent="0.25">
      <c r="A8334" s="3">
        <v>41827.657696759263</v>
      </c>
      <c r="B8334" s="2">
        <v>34.700000000000003</v>
      </c>
      <c r="C8334" s="2">
        <v>177.2</v>
      </c>
      <c r="D8334" s="2">
        <v>0</v>
      </c>
      <c r="E8334" s="2">
        <v>309.79999999999097</v>
      </c>
    </row>
    <row r="8335" spans="1:5" x14ac:dyDescent="0.25">
      <c r="A8335" s="3">
        <v>41827.657812500001</v>
      </c>
      <c r="B8335" s="2">
        <v>34.6</v>
      </c>
      <c r="C8335" s="2">
        <v>177</v>
      </c>
      <c r="D8335" s="2">
        <v>0</v>
      </c>
      <c r="E8335" s="2">
        <v>309.79999999999097</v>
      </c>
    </row>
    <row r="8336" spans="1:5" x14ac:dyDescent="0.25">
      <c r="A8336" s="3">
        <v>41827.675810185188</v>
      </c>
      <c r="B8336" s="2">
        <v>33.9</v>
      </c>
      <c r="C8336" s="2">
        <v>176.8</v>
      </c>
      <c r="D8336" s="2">
        <v>0</v>
      </c>
      <c r="E8336" s="2">
        <v>309.79999999999097</v>
      </c>
    </row>
    <row r="8337" spans="1:5" x14ac:dyDescent="0.25">
      <c r="A8337" s="3">
        <v>41827.692881944444</v>
      </c>
      <c r="B8337" s="2">
        <v>33.5</v>
      </c>
      <c r="C8337" s="2">
        <v>176.6</v>
      </c>
      <c r="D8337" s="2">
        <v>0</v>
      </c>
      <c r="E8337" s="2">
        <v>309.79999999999097</v>
      </c>
    </row>
    <row r="8338" spans="1:5" x14ac:dyDescent="0.25">
      <c r="A8338" s="3">
        <v>41827.706828703704</v>
      </c>
      <c r="B8338" s="2">
        <v>33</v>
      </c>
      <c r="C8338" s="2">
        <v>176.4</v>
      </c>
      <c r="D8338" s="2">
        <v>0</v>
      </c>
      <c r="E8338" s="2">
        <v>309.79999999999097</v>
      </c>
    </row>
    <row r="8339" spans="1:5" x14ac:dyDescent="0.25">
      <c r="A8339" s="3">
        <v>41827.728067129632</v>
      </c>
      <c r="B8339" s="2">
        <v>32.4</v>
      </c>
      <c r="C8339" s="2">
        <v>176.2</v>
      </c>
      <c r="D8339" s="2">
        <v>0</v>
      </c>
      <c r="E8339" s="2">
        <v>309.79999999999097</v>
      </c>
    </row>
    <row r="8340" spans="1:5" x14ac:dyDescent="0.25">
      <c r="A8340" s="3">
        <v>41827.748784722222</v>
      </c>
      <c r="B8340" s="2">
        <v>32.1</v>
      </c>
      <c r="C8340" s="2">
        <v>176</v>
      </c>
      <c r="D8340" s="2">
        <v>0</v>
      </c>
      <c r="E8340" s="2">
        <v>309.79999999999097</v>
      </c>
    </row>
    <row r="8341" spans="1:5" x14ac:dyDescent="0.25">
      <c r="A8341" s="3">
        <v>41827.749189814815</v>
      </c>
      <c r="B8341" s="2">
        <v>32</v>
      </c>
      <c r="C8341" s="2">
        <v>176.2</v>
      </c>
      <c r="D8341" s="2">
        <v>0</v>
      </c>
      <c r="E8341" s="2">
        <v>309.79999999999097</v>
      </c>
    </row>
    <row r="8342" spans="1:5" x14ac:dyDescent="0.25">
      <c r="A8342" s="3">
        <v>41827.749710648146</v>
      </c>
      <c r="B8342" s="2">
        <v>32</v>
      </c>
      <c r="C8342" s="2">
        <v>176</v>
      </c>
      <c r="D8342" s="2">
        <v>0</v>
      </c>
      <c r="E8342" s="2">
        <v>309.79999999999097</v>
      </c>
    </row>
    <row r="8343" spans="1:5" x14ac:dyDescent="0.25">
      <c r="A8343" s="3">
        <v>41827.771932870368</v>
      </c>
      <c r="B8343" s="2">
        <v>31.5</v>
      </c>
      <c r="C8343" s="2">
        <v>175.8</v>
      </c>
      <c r="D8343" s="2">
        <v>0</v>
      </c>
      <c r="E8343" s="2">
        <v>309.79999999999097</v>
      </c>
    </row>
    <row r="8344" spans="1:5" x14ac:dyDescent="0.25">
      <c r="A8344" s="3">
        <v>41827.772222222222</v>
      </c>
      <c r="B8344" s="2">
        <v>31.5</v>
      </c>
      <c r="C8344" s="2">
        <v>176</v>
      </c>
      <c r="D8344" s="2">
        <v>0</v>
      </c>
      <c r="E8344" s="2">
        <v>309.79999999999097</v>
      </c>
    </row>
    <row r="8345" spans="1:5" x14ac:dyDescent="0.25">
      <c r="A8345" s="3">
        <v>41827.772800925923</v>
      </c>
      <c r="B8345" s="2">
        <v>31.5</v>
      </c>
      <c r="C8345" s="2">
        <v>175.8</v>
      </c>
      <c r="D8345" s="2">
        <v>0</v>
      </c>
      <c r="E8345" s="2">
        <v>309.79999999999097</v>
      </c>
    </row>
    <row r="8346" spans="1:5" x14ac:dyDescent="0.25">
      <c r="A8346" s="3">
        <v>41827.773263888892</v>
      </c>
      <c r="B8346" s="2">
        <v>31.4</v>
      </c>
      <c r="C8346" s="2">
        <v>176</v>
      </c>
      <c r="D8346" s="2">
        <v>0</v>
      </c>
      <c r="E8346" s="2">
        <v>309.79999999999097</v>
      </c>
    </row>
    <row r="8347" spans="1:5" x14ac:dyDescent="0.25">
      <c r="A8347" s="3">
        <v>41827.773379629631</v>
      </c>
      <c r="B8347" s="2">
        <v>31.4</v>
      </c>
      <c r="C8347" s="2">
        <v>175.8</v>
      </c>
      <c r="D8347" s="2">
        <v>0</v>
      </c>
      <c r="E8347" s="2">
        <v>309.79999999999097</v>
      </c>
    </row>
    <row r="8348" spans="1:5" x14ac:dyDescent="0.25">
      <c r="A8348" s="3">
        <v>41827.774884259263</v>
      </c>
      <c r="B8348" s="2">
        <v>31.4</v>
      </c>
      <c r="C8348" s="2">
        <v>176</v>
      </c>
      <c r="D8348" s="2">
        <v>0</v>
      </c>
      <c r="E8348" s="2">
        <v>309.79999999999097</v>
      </c>
    </row>
    <row r="8349" spans="1:5" x14ac:dyDescent="0.25">
      <c r="A8349" s="3">
        <v>41827.775000000001</v>
      </c>
      <c r="B8349" s="2">
        <v>31.4</v>
      </c>
      <c r="C8349" s="2">
        <v>175.8</v>
      </c>
      <c r="D8349" s="2">
        <v>0</v>
      </c>
      <c r="E8349" s="2">
        <v>309.79999999999097</v>
      </c>
    </row>
    <row r="8350" spans="1:5" x14ac:dyDescent="0.25">
      <c r="A8350" s="3">
        <v>41827.800000000003</v>
      </c>
      <c r="B8350" s="2">
        <v>30.8</v>
      </c>
      <c r="C8350" s="2">
        <v>175.6</v>
      </c>
      <c r="D8350" s="2">
        <v>0</v>
      </c>
      <c r="E8350" s="2">
        <v>309.79999999999097</v>
      </c>
    </row>
    <row r="8351" spans="1:5" x14ac:dyDescent="0.25">
      <c r="A8351" s="3">
        <v>41827.827199074076</v>
      </c>
      <c r="B8351" s="2">
        <v>29.9</v>
      </c>
      <c r="C8351" s="2">
        <v>175.4</v>
      </c>
      <c r="D8351" s="2">
        <v>0</v>
      </c>
      <c r="E8351" s="2">
        <v>309.79999999999097</v>
      </c>
    </row>
    <row r="8352" spans="1:5" x14ac:dyDescent="0.25">
      <c r="A8352" s="3">
        <v>41827.827604166669</v>
      </c>
      <c r="B8352" s="2">
        <v>29.8</v>
      </c>
      <c r="C8352" s="2">
        <v>175.6</v>
      </c>
      <c r="D8352" s="2">
        <v>0</v>
      </c>
      <c r="E8352" s="2">
        <v>309.79999999999097</v>
      </c>
    </row>
    <row r="8353" spans="1:5" x14ac:dyDescent="0.25">
      <c r="A8353" s="3">
        <v>41827.827719907407</v>
      </c>
      <c r="B8353" s="2">
        <v>29.8</v>
      </c>
      <c r="C8353" s="2">
        <v>175.4</v>
      </c>
      <c r="D8353" s="2">
        <v>0</v>
      </c>
      <c r="E8353" s="2">
        <v>309.79999999999097</v>
      </c>
    </row>
    <row r="8354" spans="1:5" x14ac:dyDescent="0.25">
      <c r="A8354" s="3">
        <v>41827.862615740742</v>
      </c>
      <c r="B8354" s="2">
        <v>28.9</v>
      </c>
      <c r="C8354" s="2">
        <v>175.2</v>
      </c>
      <c r="D8354" s="2">
        <v>0</v>
      </c>
      <c r="E8354" s="2">
        <v>309.79999999999097</v>
      </c>
    </row>
    <row r="8355" spans="1:5" x14ac:dyDescent="0.25">
      <c r="A8355" s="3">
        <v>41827.899768518517</v>
      </c>
      <c r="B8355" s="2">
        <v>28</v>
      </c>
      <c r="C8355" s="2">
        <v>175</v>
      </c>
      <c r="D8355" s="2">
        <v>0</v>
      </c>
      <c r="E8355" s="2">
        <v>309.79999999999097</v>
      </c>
    </row>
    <row r="8356" spans="1:5" x14ac:dyDescent="0.25">
      <c r="A8356" s="3">
        <v>41827.950231481482</v>
      </c>
      <c r="B8356" s="2">
        <v>26.8</v>
      </c>
      <c r="C8356" s="2">
        <v>174.8</v>
      </c>
      <c r="D8356" s="2">
        <v>0</v>
      </c>
      <c r="E8356" s="2">
        <v>309.79999999999097</v>
      </c>
    </row>
    <row r="8357" spans="1:5" x14ac:dyDescent="0.25">
      <c r="A8357" s="3">
        <v>41828.012326388889</v>
      </c>
      <c r="B8357" s="2">
        <v>25.7</v>
      </c>
      <c r="C8357" s="2">
        <v>174.6</v>
      </c>
      <c r="D8357" s="2">
        <v>0</v>
      </c>
      <c r="E8357" s="2">
        <v>309.79999999999097</v>
      </c>
    </row>
    <row r="8358" spans="1:5" x14ac:dyDescent="0.25">
      <c r="A8358" s="3">
        <v>41828.082696759258</v>
      </c>
      <c r="B8358" s="2">
        <v>24.4</v>
      </c>
      <c r="C8358" s="2">
        <v>174.6</v>
      </c>
      <c r="D8358" s="2">
        <v>0.2</v>
      </c>
      <c r="E8358" s="2">
        <v>309.99999999999096</v>
      </c>
    </row>
    <row r="8359" spans="1:5" x14ac:dyDescent="0.25">
      <c r="A8359" s="3">
        <v>41828.087905092594</v>
      </c>
      <c r="B8359" s="2">
        <v>24.3</v>
      </c>
      <c r="C8359" s="2">
        <v>174.8</v>
      </c>
      <c r="D8359" s="2">
        <v>0</v>
      </c>
      <c r="E8359" s="2">
        <v>309.99999999999096</v>
      </c>
    </row>
    <row r="8360" spans="1:5" x14ac:dyDescent="0.25">
      <c r="A8360" s="3">
        <v>41828.088252314818</v>
      </c>
      <c r="B8360" s="2">
        <v>24.3</v>
      </c>
      <c r="C8360" s="2">
        <v>174.8</v>
      </c>
      <c r="D8360" s="2">
        <v>0.2</v>
      </c>
      <c r="E8360" s="2">
        <v>310.19999999999095</v>
      </c>
    </row>
    <row r="8361" spans="1:5" x14ac:dyDescent="0.25">
      <c r="A8361" s="3">
        <v>41828.106770833336</v>
      </c>
      <c r="B8361" s="2">
        <v>23.8</v>
      </c>
      <c r="C8361" s="2">
        <v>174.8</v>
      </c>
      <c r="D8361" s="2">
        <v>0.2</v>
      </c>
      <c r="E8361" s="2">
        <v>310.39999999999094</v>
      </c>
    </row>
    <row r="8362" spans="1:5" x14ac:dyDescent="0.25">
      <c r="A8362" s="3">
        <v>41828.210590277777</v>
      </c>
      <c r="B8362" s="2">
        <v>22.4</v>
      </c>
      <c r="C8362" s="2">
        <v>174.8</v>
      </c>
      <c r="D8362" s="2">
        <v>0.2</v>
      </c>
      <c r="E8362" s="2">
        <v>310.59999999999093</v>
      </c>
    </row>
    <row r="8363" spans="1:5" x14ac:dyDescent="0.25">
      <c r="A8363" s="3">
        <v>41828.211226851854</v>
      </c>
      <c r="B8363" s="2">
        <v>22.4</v>
      </c>
      <c r="C8363" s="2">
        <v>175</v>
      </c>
      <c r="D8363" s="2">
        <v>0</v>
      </c>
      <c r="E8363" s="2">
        <v>310.59999999999093</v>
      </c>
    </row>
    <row r="8364" spans="1:5" x14ac:dyDescent="0.25">
      <c r="A8364" s="3">
        <v>41828.211458333331</v>
      </c>
      <c r="B8364" s="2">
        <v>22.4</v>
      </c>
      <c r="C8364" s="2">
        <v>175</v>
      </c>
      <c r="D8364" s="2">
        <v>0.2</v>
      </c>
      <c r="E8364" s="2">
        <v>310.79999999999092</v>
      </c>
    </row>
    <row r="8365" spans="1:5" x14ac:dyDescent="0.25">
      <c r="A8365" s="3">
        <v>41828.212037037039</v>
      </c>
      <c r="B8365" s="2">
        <v>22.4</v>
      </c>
      <c r="C8365" s="2">
        <v>175</v>
      </c>
      <c r="D8365" s="2">
        <v>0.2</v>
      </c>
      <c r="E8365" s="2">
        <v>310.99999999999091</v>
      </c>
    </row>
    <row r="8366" spans="1:5" x14ac:dyDescent="0.25">
      <c r="A8366" s="3">
        <v>41828.212152777778</v>
      </c>
      <c r="B8366" s="2">
        <v>22.4</v>
      </c>
      <c r="C8366" s="2">
        <v>175.2</v>
      </c>
      <c r="D8366" s="2">
        <v>0</v>
      </c>
      <c r="E8366" s="2">
        <v>310.99999999999091</v>
      </c>
    </row>
    <row r="8367" spans="1:5" x14ac:dyDescent="0.25">
      <c r="A8367" s="3">
        <v>41828.212326388886</v>
      </c>
      <c r="B8367" s="2">
        <v>22.4</v>
      </c>
      <c r="C8367" s="2">
        <v>175.2</v>
      </c>
      <c r="D8367" s="2">
        <v>0.2</v>
      </c>
      <c r="E8367" s="2">
        <v>311.19999999999089</v>
      </c>
    </row>
    <row r="8368" spans="1:5" x14ac:dyDescent="0.25">
      <c r="A8368" s="3">
        <v>41828.212557870371</v>
      </c>
      <c r="B8368" s="2">
        <v>22.4</v>
      </c>
      <c r="C8368" s="2">
        <v>175.4</v>
      </c>
      <c r="D8368" s="2">
        <v>0.2</v>
      </c>
      <c r="E8368" s="2">
        <v>311.39999999999088</v>
      </c>
    </row>
    <row r="8369" spans="1:5" x14ac:dyDescent="0.25">
      <c r="A8369" s="3">
        <v>41828.212905092594</v>
      </c>
      <c r="B8369" s="2">
        <v>22.3</v>
      </c>
      <c r="C8369" s="2">
        <v>175.6</v>
      </c>
      <c r="D8369" s="2">
        <v>0</v>
      </c>
      <c r="E8369" s="2">
        <v>311.39999999999088</v>
      </c>
    </row>
    <row r="8370" spans="1:5" x14ac:dyDescent="0.25">
      <c r="A8370" s="3">
        <v>41828.212962962964</v>
      </c>
      <c r="B8370" s="2">
        <v>22.3</v>
      </c>
      <c r="C8370" s="2">
        <v>175.6</v>
      </c>
      <c r="D8370" s="2">
        <v>0.2</v>
      </c>
      <c r="E8370" s="2">
        <v>311.59999999999087</v>
      </c>
    </row>
    <row r="8371" spans="1:5" x14ac:dyDescent="0.25">
      <c r="A8371" s="3">
        <v>41828.213194444441</v>
      </c>
      <c r="B8371" s="2">
        <v>22.3</v>
      </c>
      <c r="C8371" s="2">
        <v>175.6</v>
      </c>
      <c r="D8371" s="2">
        <v>0.2</v>
      </c>
      <c r="E8371" s="2">
        <v>311.79999999999086</v>
      </c>
    </row>
    <row r="8372" spans="1:5" x14ac:dyDescent="0.25">
      <c r="A8372" s="3">
        <v>41828.213252314818</v>
      </c>
      <c r="B8372" s="2">
        <v>22.3</v>
      </c>
      <c r="C8372" s="2">
        <v>175.8</v>
      </c>
      <c r="D8372" s="2">
        <v>0</v>
      </c>
      <c r="E8372" s="2">
        <v>311.79999999999086</v>
      </c>
    </row>
    <row r="8373" spans="1:5" x14ac:dyDescent="0.25">
      <c r="A8373" s="3">
        <v>41828.213541666664</v>
      </c>
      <c r="B8373" s="2">
        <v>22.3</v>
      </c>
      <c r="C8373" s="2">
        <v>176</v>
      </c>
      <c r="D8373" s="2">
        <v>0</v>
      </c>
      <c r="E8373" s="2">
        <v>311.79999999999086</v>
      </c>
    </row>
    <row r="8374" spans="1:5" x14ac:dyDescent="0.25">
      <c r="A8374" s="3">
        <v>41828.213599537034</v>
      </c>
      <c r="B8374" s="2">
        <v>22.3</v>
      </c>
      <c r="C8374" s="2">
        <v>176</v>
      </c>
      <c r="D8374" s="2">
        <v>0.2</v>
      </c>
      <c r="E8374" s="2">
        <v>311.99999999999085</v>
      </c>
    </row>
    <row r="8375" spans="1:5" x14ac:dyDescent="0.25">
      <c r="A8375" s="3">
        <v>41828.213831018518</v>
      </c>
      <c r="B8375" s="2">
        <v>22.2</v>
      </c>
      <c r="C8375" s="2">
        <v>176.2</v>
      </c>
      <c r="D8375" s="2">
        <v>0</v>
      </c>
      <c r="E8375" s="2">
        <v>311.99999999999085</v>
      </c>
    </row>
    <row r="8376" spans="1:5" x14ac:dyDescent="0.25">
      <c r="A8376" s="3">
        <v>41828.214641203704</v>
      </c>
      <c r="B8376" s="2">
        <v>22.2</v>
      </c>
      <c r="C8376" s="2">
        <v>176.4</v>
      </c>
      <c r="D8376" s="2">
        <v>0</v>
      </c>
      <c r="E8376" s="2">
        <v>311.99999999999085</v>
      </c>
    </row>
    <row r="8377" spans="1:5" x14ac:dyDescent="0.25">
      <c r="A8377" s="3">
        <v>41828.219444444447</v>
      </c>
      <c r="B8377" s="2">
        <v>22.2</v>
      </c>
      <c r="C8377" s="2">
        <v>176.4</v>
      </c>
      <c r="D8377" s="2">
        <v>0.2</v>
      </c>
      <c r="E8377" s="2">
        <v>312.19999999999084</v>
      </c>
    </row>
    <row r="8378" spans="1:5" x14ac:dyDescent="0.25">
      <c r="A8378" s="3">
        <v>41828.223900462966</v>
      </c>
      <c r="B8378" s="2">
        <v>22.1</v>
      </c>
      <c r="C8378" s="2">
        <v>176.6</v>
      </c>
      <c r="D8378" s="2">
        <v>0</v>
      </c>
      <c r="E8378" s="2">
        <v>312.19999999999084</v>
      </c>
    </row>
    <row r="8379" spans="1:5" x14ac:dyDescent="0.25">
      <c r="A8379" s="3">
        <v>41828.224826388891</v>
      </c>
      <c r="B8379" s="2">
        <v>22.1</v>
      </c>
      <c r="C8379" s="2">
        <v>176.6</v>
      </c>
      <c r="D8379" s="2">
        <v>0.2</v>
      </c>
      <c r="E8379" s="2">
        <v>312.39999999999083</v>
      </c>
    </row>
    <row r="8380" spans="1:5" x14ac:dyDescent="0.25">
      <c r="A8380" s="3">
        <v>41828.235358796293</v>
      </c>
      <c r="B8380" s="2">
        <v>21.9</v>
      </c>
      <c r="C8380" s="2">
        <v>176.8</v>
      </c>
      <c r="D8380" s="2">
        <v>0</v>
      </c>
      <c r="E8380" s="2">
        <v>312.39999999999083</v>
      </c>
    </row>
    <row r="8381" spans="1:5" x14ac:dyDescent="0.25">
      <c r="A8381" s="3">
        <v>41828.236458333333</v>
      </c>
      <c r="B8381" s="2">
        <v>21.9</v>
      </c>
      <c r="C8381" s="2">
        <v>176.8</v>
      </c>
      <c r="D8381" s="2">
        <v>0.2</v>
      </c>
      <c r="E8381" s="2">
        <v>312.59999999999081</v>
      </c>
    </row>
    <row r="8382" spans="1:5" x14ac:dyDescent="0.25">
      <c r="A8382" s="3">
        <v>41828.238946759258</v>
      </c>
      <c r="B8382" s="2">
        <v>21.9</v>
      </c>
      <c r="C8382" s="2">
        <v>177</v>
      </c>
      <c r="D8382" s="2">
        <v>0</v>
      </c>
      <c r="E8382" s="2">
        <v>312.59999999999081</v>
      </c>
    </row>
    <row r="8383" spans="1:5" x14ac:dyDescent="0.25">
      <c r="A8383" s="3">
        <v>41828.240219907406</v>
      </c>
      <c r="B8383" s="2">
        <v>21.9</v>
      </c>
      <c r="C8383" s="2">
        <v>177</v>
      </c>
      <c r="D8383" s="2">
        <v>0.2</v>
      </c>
      <c r="E8383" s="2">
        <v>312.7999999999908</v>
      </c>
    </row>
    <row r="8384" spans="1:5" x14ac:dyDescent="0.25">
      <c r="A8384" s="3">
        <v>41828.243287037039</v>
      </c>
      <c r="B8384" s="2">
        <v>21.8</v>
      </c>
      <c r="C8384" s="2">
        <v>177.2</v>
      </c>
      <c r="D8384" s="2">
        <v>0</v>
      </c>
      <c r="E8384" s="2">
        <v>312.7999999999908</v>
      </c>
    </row>
    <row r="8385" spans="1:5" x14ac:dyDescent="0.25">
      <c r="A8385" s="3">
        <v>41828.244097222225</v>
      </c>
      <c r="B8385" s="2">
        <v>21.8</v>
      </c>
      <c r="C8385" s="2">
        <v>177.2</v>
      </c>
      <c r="D8385" s="2">
        <v>0.2</v>
      </c>
      <c r="E8385" s="2">
        <v>312.99999999999079</v>
      </c>
    </row>
    <row r="8386" spans="1:5" x14ac:dyDescent="0.25">
      <c r="A8386" s="3">
        <v>41828.247627314813</v>
      </c>
      <c r="B8386" s="2">
        <v>21.8</v>
      </c>
      <c r="C8386" s="2">
        <v>177.4</v>
      </c>
      <c r="D8386" s="2">
        <v>0</v>
      </c>
      <c r="E8386" s="2">
        <v>312.99999999999079</v>
      </c>
    </row>
    <row r="8387" spans="1:5" x14ac:dyDescent="0.25">
      <c r="A8387" s="3">
        <v>41828.251388888886</v>
      </c>
      <c r="B8387" s="2">
        <v>21.7</v>
      </c>
      <c r="C8387" s="2">
        <v>177.4</v>
      </c>
      <c r="D8387" s="2">
        <v>0.2</v>
      </c>
      <c r="E8387" s="2">
        <v>313.19999999999078</v>
      </c>
    </row>
    <row r="8388" spans="1:5" x14ac:dyDescent="0.25">
      <c r="A8388" s="3">
        <v>41828.253587962965</v>
      </c>
      <c r="B8388" s="2">
        <v>21.7</v>
      </c>
      <c r="C8388" s="2">
        <v>177.6</v>
      </c>
      <c r="D8388" s="2">
        <v>0</v>
      </c>
      <c r="E8388" s="2">
        <v>313.19999999999078</v>
      </c>
    </row>
    <row r="8389" spans="1:5" x14ac:dyDescent="0.25">
      <c r="A8389" s="3">
        <v>41828.253761574073</v>
      </c>
      <c r="B8389" s="2">
        <v>21.7</v>
      </c>
      <c r="C8389" s="2">
        <v>177.6</v>
      </c>
      <c r="D8389" s="2">
        <v>0.2</v>
      </c>
      <c r="E8389" s="2">
        <v>313.39999999999077</v>
      </c>
    </row>
    <row r="8390" spans="1:5" x14ac:dyDescent="0.25">
      <c r="A8390" s="3">
        <v>41828.254687499997</v>
      </c>
      <c r="B8390" s="2">
        <v>21.7</v>
      </c>
      <c r="C8390" s="2">
        <v>177.8</v>
      </c>
      <c r="D8390" s="2">
        <v>0</v>
      </c>
      <c r="E8390" s="2">
        <v>313.39999999999077</v>
      </c>
    </row>
    <row r="8391" spans="1:5" x14ac:dyDescent="0.25">
      <c r="A8391" s="3">
        <v>41828.254803240743</v>
      </c>
      <c r="B8391" s="2">
        <v>21.7</v>
      </c>
      <c r="C8391" s="2">
        <v>177.8</v>
      </c>
      <c r="D8391" s="2">
        <v>0.2</v>
      </c>
      <c r="E8391" s="2">
        <v>313.59999999999076</v>
      </c>
    </row>
    <row r="8392" spans="1:5" x14ac:dyDescent="0.25">
      <c r="A8392" s="3">
        <v>41828.263020833336</v>
      </c>
      <c r="B8392" s="2">
        <v>21.6</v>
      </c>
      <c r="C8392" s="2">
        <v>178</v>
      </c>
      <c r="D8392" s="2">
        <v>0</v>
      </c>
      <c r="E8392" s="2">
        <v>313.59999999999076</v>
      </c>
    </row>
    <row r="8393" spans="1:5" x14ac:dyDescent="0.25">
      <c r="A8393" s="3">
        <v>41828.263831018521</v>
      </c>
      <c r="B8393" s="2">
        <v>21.6</v>
      </c>
      <c r="C8393" s="2">
        <v>178</v>
      </c>
      <c r="D8393" s="2">
        <v>0.2</v>
      </c>
      <c r="E8393" s="2">
        <v>313.79999999999075</v>
      </c>
    </row>
    <row r="8394" spans="1:5" x14ac:dyDescent="0.25">
      <c r="A8394" s="3">
        <v>41828.280324074076</v>
      </c>
      <c r="B8394" s="2">
        <v>21.4</v>
      </c>
      <c r="C8394" s="2">
        <v>178.2</v>
      </c>
      <c r="D8394" s="2">
        <v>0</v>
      </c>
      <c r="E8394" s="2">
        <v>313.79999999999075</v>
      </c>
    </row>
    <row r="8395" spans="1:5" x14ac:dyDescent="0.25">
      <c r="A8395" s="3">
        <v>41828.280844907407</v>
      </c>
      <c r="B8395" s="2">
        <v>21.4</v>
      </c>
      <c r="C8395" s="2">
        <v>178.2</v>
      </c>
      <c r="D8395" s="2">
        <v>0.2</v>
      </c>
      <c r="E8395" s="2">
        <v>313.99999999999073</v>
      </c>
    </row>
    <row r="8396" spans="1:5" x14ac:dyDescent="0.25">
      <c r="A8396" s="3">
        <v>41828.287326388891</v>
      </c>
      <c r="B8396" s="2">
        <v>21.3</v>
      </c>
      <c r="C8396" s="2">
        <v>178.4</v>
      </c>
      <c r="D8396" s="2">
        <v>0</v>
      </c>
      <c r="E8396" s="2">
        <v>313.99999999999073</v>
      </c>
    </row>
    <row r="8397" spans="1:5" x14ac:dyDescent="0.25">
      <c r="A8397" s="3">
        <v>41828.287673611114</v>
      </c>
      <c r="B8397" s="2">
        <v>21.3</v>
      </c>
      <c r="C8397" s="2">
        <v>178.4</v>
      </c>
      <c r="D8397" s="2">
        <v>0.2</v>
      </c>
      <c r="E8397" s="2">
        <v>314.19999999999072</v>
      </c>
    </row>
    <row r="8398" spans="1:5" x14ac:dyDescent="0.25">
      <c r="A8398" s="3">
        <v>41828.295312499999</v>
      </c>
      <c r="B8398" s="2">
        <v>21.3</v>
      </c>
      <c r="C8398" s="2">
        <v>178.6</v>
      </c>
      <c r="D8398" s="2">
        <v>0</v>
      </c>
      <c r="E8398" s="2">
        <v>314.19999999999072</v>
      </c>
    </row>
    <row r="8399" spans="1:5" x14ac:dyDescent="0.25">
      <c r="A8399" s="3">
        <v>41828.295543981483</v>
      </c>
      <c r="B8399" s="2">
        <v>21.3</v>
      </c>
      <c r="C8399" s="2">
        <v>178.6</v>
      </c>
      <c r="D8399" s="2">
        <v>0.2</v>
      </c>
      <c r="E8399" s="2">
        <v>314.39999999999071</v>
      </c>
    </row>
    <row r="8400" spans="1:5" x14ac:dyDescent="0.25">
      <c r="A8400" s="3">
        <v>41828.303067129629</v>
      </c>
      <c r="B8400" s="2">
        <v>21.2</v>
      </c>
      <c r="C8400" s="2">
        <v>178.8</v>
      </c>
      <c r="D8400" s="2">
        <v>0</v>
      </c>
      <c r="E8400" s="2">
        <v>314.39999999999071</v>
      </c>
    </row>
    <row r="8401" spans="1:5" x14ac:dyDescent="0.25">
      <c r="A8401" s="3">
        <v>41828.303587962961</v>
      </c>
      <c r="B8401" s="2">
        <v>21.2</v>
      </c>
      <c r="C8401" s="2">
        <v>178.8</v>
      </c>
      <c r="D8401" s="2">
        <v>0.2</v>
      </c>
      <c r="E8401" s="2">
        <v>314.5999999999907</v>
      </c>
    </row>
    <row r="8402" spans="1:5" x14ac:dyDescent="0.25">
      <c r="A8402" s="3">
        <v>41828.314409722225</v>
      </c>
      <c r="B8402" s="2">
        <v>21.1</v>
      </c>
      <c r="C8402" s="2">
        <v>179</v>
      </c>
      <c r="D8402" s="2">
        <v>0</v>
      </c>
      <c r="E8402" s="2">
        <v>314.5999999999907</v>
      </c>
    </row>
    <row r="8403" spans="1:5" x14ac:dyDescent="0.25">
      <c r="A8403" s="3">
        <v>41828.315393518518</v>
      </c>
      <c r="B8403" s="2">
        <v>21.1</v>
      </c>
      <c r="C8403" s="2">
        <v>179</v>
      </c>
      <c r="D8403" s="2">
        <v>0.2</v>
      </c>
      <c r="E8403" s="2">
        <v>314.79999999999069</v>
      </c>
    </row>
    <row r="8404" spans="1:5" x14ac:dyDescent="0.25">
      <c r="A8404" s="3">
        <v>41828.584027777775</v>
      </c>
      <c r="B8404" s="2">
        <v>25.9</v>
      </c>
      <c r="C8404" s="2">
        <v>178.8</v>
      </c>
      <c r="D8404" s="2">
        <v>0</v>
      </c>
      <c r="E8404" s="2">
        <v>314.79999999999069</v>
      </c>
    </row>
    <row r="8405" spans="1:5" x14ac:dyDescent="0.25">
      <c r="A8405" s="3">
        <v>41828.584664351853</v>
      </c>
      <c r="B8405" s="2">
        <v>26</v>
      </c>
      <c r="C8405" s="2">
        <v>179</v>
      </c>
      <c r="D8405" s="2">
        <v>0</v>
      </c>
      <c r="E8405" s="2">
        <v>314.79999999999069</v>
      </c>
    </row>
    <row r="8406" spans="1:5" x14ac:dyDescent="0.25">
      <c r="A8406" s="3">
        <v>41828.584722222222</v>
      </c>
      <c r="B8406" s="2">
        <v>26</v>
      </c>
      <c r="C8406" s="2">
        <v>178.8</v>
      </c>
      <c r="D8406" s="2">
        <v>0</v>
      </c>
      <c r="E8406" s="2">
        <v>314.79999999999069</v>
      </c>
    </row>
    <row r="8407" spans="1:5" x14ac:dyDescent="0.25">
      <c r="A8407" s="3">
        <v>41828.652546296296</v>
      </c>
      <c r="B8407" s="2">
        <v>28</v>
      </c>
      <c r="C8407" s="2">
        <v>178.6</v>
      </c>
      <c r="D8407" s="2">
        <v>0</v>
      </c>
      <c r="E8407" s="2">
        <v>314.79999999999069</v>
      </c>
    </row>
    <row r="8408" spans="1:5" x14ac:dyDescent="0.25">
      <c r="A8408" s="3">
        <v>41828.654224537036</v>
      </c>
      <c r="B8408" s="2">
        <v>28</v>
      </c>
      <c r="C8408" s="2">
        <v>178.8</v>
      </c>
      <c r="D8408" s="2">
        <v>0</v>
      </c>
      <c r="E8408" s="2">
        <v>314.79999999999069</v>
      </c>
    </row>
    <row r="8409" spans="1:5" x14ac:dyDescent="0.25">
      <c r="A8409" s="3">
        <v>41828.654456018521</v>
      </c>
      <c r="B8409" s="2">
        <v>28</v>
      </c>
      <c r="C8409" s="2">
        <v>178.6</v>
      </c>
      <c r="D8409" s="2">
        <v>0</v>
      </c>
      <c r="E8409" s="2">
        <v>314.79999999999069</v>
      </c>
    </row>
    <row r="8410" spans="1:5" x14ac:dyDescent="0.25">
      <c r="A8410" s="3">
        <v>41828.659143518518</v>
      </c>
      <c r="B8410" s="2">
        <v>28</v>
      </c>
      <c r="C8410" s="2">
        <v>178.8</v>
      </c>
      <c r="D8410" s="2">
        <v>0</v>
      </c>
      <c r="E8410" s="2">
        <v>314.79999999999069</v>
      </c>
    </row>
    <row r="8411" spans="1:5" x14ac:dyDescent="0.25">
      <c r="A8411" s="3">
        <v>41828.659201388888</v>
      </c>
      <c r="B8411" s="2">
        <v>28</v>
      </c>
      <c r="C8411" s="2">
        <v>178.6</v>
      </c>
      <c r="D8411" s="2">
        <v>0</v>
      </c>
      <c r="E8411" s="2">
        <v>314.79999999999069</v>
      </c>
    </row>
    <row r="8412" spans="1:5" x14ac:dyDescent="0.25">
      <c r="A8412" s="3">
        <v>41828.660358796296</v>
      </c>
      <c r="B8412" s="2">
        <v>28</v>
      </c>
      <c r="C8412" s="2">
        <v>178.8</v>
      </c>
      <c r="D8412" s="2">
        <v>0</v>
      </c>
      <c r="E8412" s="2">
        <v>314.79999999999069</v>
      </c>
    </row>
    <row r="8413" spans="1:5" x14ac:dyDescent="0.25">
      <c r="A8413" s="3">
        <v>41828.660416666666</v>
      </c>
      <c r="B8413" s="2">
        <v>28</v>
      </c>
      <c r="C8413" s="2">
        <v>178.6</v>
      </c>
      <c r="D8413" s="2">
        <v>0</v>
      </c>
      <c r="E8413" s="2">
        <v>314.79999999999069</v>
      </c>
    </row>
    <row r="8414" spans="1:5" x14ac:dyDescent="0.25">
      <c r="A8414" s="3">
        <v>41828.661053240743</v>
      </c>
      <c r="B8414" s="2">
        <v>28</v>
      </c>
      <c r="C8414" s="2">
        <v>178.8</v>
      </c>
      <c r="D8414" s="2">
        <v>0</v>
      </c>
      <c r="E8414" s="2">
        <v>314.79999999999069</v>
      </c>
    </row>
    <row r="8415" spans="1:5" x14ac:dyDescent="0.25">
      <c r="A8415" s="3">
        <v>41828.661226851851</v>
      </c>
      <c r="B8415" s="2">
        <v>28</v>
      </c>
      <c r="C8415" s="2">
        <v>178.6</v>
      </c>
      <c r="D8415" s="2">
        <v>0</v>
      </c>
      <c r="E8415" s="2">
        <v>314.79999999999069</v>
      </c>
    </row>
    <row r="8416" spans="1:5" x14ac:dyDescent="0.25">
      <c r="A8416" s="3">
        <v>41828.702025462961</v>
      </c>
      <c r="B8416" s="2">
        <v>27.4</v>
      </c>
      <c r="C8416" s="2">
        <v>178.4</v>
      </c>
      <c r="D8416" s="2">
        <v>0</v>
      </c>
      <c r="E8416" s="2">
        <v>314.79999999999069</v>
      </c>
    </row>
    <row r="8417" spans="1:5" x14ac:dyDescent="0.25">
      <c r="A8417" s="3">
        <v>41828.754687499997</v>
      </c>
      <c r="B8417" s="2">
        <v>26.5</v>
      </c>
      <c r="C8417" s="2">
        <v>178.2</v>
      </c>
      <c r="D8417" s="2">
        <v>0</v>
      </c>
      <c r="E8417" s="2">
        <v>314.79999999999069</v>
      </c>
    </row>
    <row r="8418" spans="1:5" x14ac:dyDescent="0.25">
      <c r="A8418" s="3">
        <v>41828.864293981482</v>
      </c>
      <c r="B8418" s="2">
        <v>24.5</v>
      </c>
      <c r="C8418" s="2">
        <v>178</v>
      </c>
      <c r="D8418" s="2">
        <v>0</v>
      </c>
      <c r="E8418" s="2">
        <v>314.79999999999069</v>
      </c>
    </row>
    <row r="8419" spans="1:5" x14ac:dyDescent="0.25">
      <c r="A8419" s="3">
        <v>41828.934606481482</v>
      </c>
      <c r="B8419" s="2">
        <v>23.1</v>
      </c>
      <c r="C8419" s="2">
        <v>178</v>
      </c>
      <c r="D8419" s="2">
        <v>0.2</v>
      </c>
      <c r="E8419" s="2">
        <v>314.99999999999068</v>
      </c>
    </row>
    <row r="8420" spans="1:5" x14ac:dyDescent="0.25">
      <c r="A8420" s="3">
        <v>41828.935300925928</v>
      </c>
      <c r="B8420" s="2">
        <v>23.1</v>
      </c>
      <c r="C8420" s="2">
        <v>178</v>
      </c>
      <c r="D8420" s="2">
        <v>0.2</v>
      </c>
      <c r="E8420" s="2">
        <v>315.19999999999067</v>
      </c>
    </row>
    <row r="8421" spans="1:5" x14ac:dyDescent="0.25">
      <c r="A8421" s="3">
        <v>41828.936111111114</v>
      </c>
      <c r="B8421" s="2">
        <v>23.1</v>
      </c>
      <c r="C8421" s="2">
        <v>178.2</v>
      </c>
      <c r="D8421" s="2">
        <v>0</v>
      </c>
      <c r="E8421" s="2">
        <v>315.19999999999067</v>
      </c>
    </row>
    <row r="8422" spans="1:5" x14ac:dyDescent="0.25">
      <c r="A8422" s="3">
        <v>41829.005266203705</v>
      </c>
      <c r="B8422" s="2">
        <v>21.8</v>
      </c>
      <c r="C8422" s="2">
        <v>178</v>
      </c>
      <c r="D8422" s="2">
        <v>0</v>
      </c>
      <c r="E8422" s="2">
        <v>315.19999999999067</v>
      </c>
    </row>
    <row r="8423" spans="1:5" x14ac:dyDescent="0.25">
      <c r="A8423" s="3">
        <v>41829.024016203701</v>
      </c>
      <c r="B8423" s="2">
        <v>21.4</v>
      </c>
      <c r="C8423" s="2">
        <v>178</v>
      </c>
      <c r="D8423" s="2">
        <v>0.2</v>
      </c>
      <c r="E8423" s="2">
        <v>315.39999999999065</v>
      </c>
    </row>
    <row r="8424" spans="1:5" x14ac:dyDescent="0.25">
      <c r="A8424" s="3">
        <v>41829.107754629629</v>
      </c>
      <c r="B8424" s="2">
        <v>20.3</v>
      </c>
      <c r="C8424" s="2">
        <v>178</v>
      </c>
      <c r="D8424" s="2">
        <v>0.2</v>
      </c>
      <c r="E8424" s="2">
        <v>315.59999999999064</v>
      </c>
    </row>
    <row r="8425" spans="1:5" x14ac:dyDescent="0.25">
      <c r="A8425" s="3">
        <v>41829.107870370368</v>
      </c>
      <c r="B8425" s="2">
        <v>20.3</v>
      </c>
      <c r="C8425" s="2">
        <v>178.2</v>
      </c>
      <c r="D8425" s="2">
        <v>0</v>
      </c>
      <c r="E8425" s="2">
        <v>315.59999999999064</v>
      </c>
    </row>
    <row r="8426" spans="1:5" x14ac:dyDescent="0.25">
      <c r="A8426" s="3">
        <v>41829.198321759257</v>
      </c>
      <c r="B8426" s="2">
        <v>19.3</v>
      </c>
      <c r="C8426" s="2">
        <v>178.2</v>
      </c>
      <c r="D8426" s="2">
        <v>0.2</v>
      </c>
      <c r="E8426" s="2">
        <v>315.79999999999063</v>
      </c>
    </row>
    <row r="8427" spans="1:5" x14ac:dyDescent="0.25">
      <c r="A8427" s="3">
        <v>41829.206597222219</v>
      </c>
      <c r="B8427" s="2">
        <v>19.2</v>
      </c>
      <c r="C8427" s="2">
        <v>178.2</v>
      </c>
      <c r="D8427" s="2">
        <v>0.2</v>
      </c>
      <c r="E8427" s="2">
        <v>315.99999999999062</v>
      </c>
    </row>
    <row r="8428" spans="1:5" x14ac:dyDescent="0.25">
      <c r="A8428" s="3">
        <v>41829.206828703704</v>
      </c>
      <c r="B8428" s="2">
        <v>19.2</v>
      </c>
      <c r="C8428" s="2">
        <v>178.4</v>
      </c>
      <c r="D8428" s="2">
        <v>0</v>
      </c>
      <c r="E8428" s="2">
        <v>315.99999999999062</v>
      </c>
    </row>
    <row r="8429" spans="1:5" x14ac:dyDescent="0.25">
      <c r="A8429" s="3">
        <v>41829.207407407404</v>
      </c>
      <c r="B8429" s="2">
        <v>19.2</v>
      </c>
      <c r="C8429" s="2">
        <v>178.4</v>
      </c>
      <c r="D8429" s="2">
        <v>0.2</v>
      </c>
      <c r="E8429" s="2">
        <v>316.19999999999061</v>
      </c>
    </row>
    <row r="8430" spans="1:5" x14ac:dyDescent="0.25">
      <c r="A8430" s="3">
        <v>41829.207870370374</v>
      </c>
      <c r="B8430" s="2">
        <v>19.2</v>
      </c>
      <c r="C8430" s="2">
        <v>178.6</v>
      </c>
      <c r="D8430" s="2">
        <v>0</v>
      </c>
      <c r="E8430" s="2">
        <v>316.19999999999061</v>
      </c>
    </row>
    <row r="8431" spans="1:5" x14ac:dyDescent="0.25">
      <c r="A8431" s="3">
        <v>41829.207986111112</v>
      </c>
      <c r="B8431" s="2">
        <v>19.2</v>
      </c>
      <c r="C8431" s="2">
        <v>178.6</v>
      </c>
      <c r="D8431" s="2">
        <v>0.2</v>
      </c>
      <c r="E8431" s="2">
        <v>316.3999999999906</v>
      </c>
    </row>
    <row r="8432" spans="1:5" x14ac:dyDescent="0.25">
      <c r="A8432" s="3">
        <v>41829.208622685182</v>
      </c>
      <c r="B8432" s="2">
        <v>19.2</v>
      </c>
      <c r="C8432" s="2">
        <v>178.8</v>
      </c>
      <c r="D8432" s="2">
        <v>0</v>
      </c>
      <c r="E8432" s="2">
        <v>316.3999999999906</v>
      </c>
    </row>
    <row r="8433" spans="1:5" x14ac:dyDescent="0.25">
      <c r="A8433" s="3">
        <v>41829.208680555559</v>
      </c>
      <c r="B8433" s="2">
        <v>19.2</v>
      </c>
      <c r="C8433" s="2">
        <v>178.8</v>
      </c>
      <c r="D8433" s="2">
        <v>0.2</v>
      </c>
      <c r="E8433" s="2">
        <v>316.59999999999059</v>
      </c>
    </row>
    <row r="8434" spans="1:5" x14ac:dyDescent="0.25">
      <c r="A8434" s="3">
        <v>41829.209143518521</v>
      </c>
      <c r="B8434" s="2">
        <v>19.2</v>
      </c>
      <c r="C8434" s="2">
        <v>178.8</v>
      </c>
      <c r="D8434" s="2">
        <v>0.2</v>
      </c>
      <c r="E8434" s="2">
        <v>316.79999999999058</v>
      </c>
    </row>
    <row r="8435" spans="1:5" x14ac:dyDescent="0.25">
      <c r="A8435" s="3">
        <v>41829.209201388891</v>
      </c>
      <c r="B8435" s="2">
        <v>19.100000000000001</v>
      </c>
      <c r="C8435" s="2">
        <v>179</v>
      </c>
      <c r="D8435" s="2">
        <v>0</v>
      </c>
      <c r="E8435" s="2">
        <v>316.79999999999058</v>
      </c>
    </row>
    <row r="8436" spans="1:5" x14ac:dyDescent="0.25">
      <c r="A8436" s="3">
        <v>41829.209490740737</v>
      </c>
      <c r="B8436" s="2">
        <v>19.100000000000001</v>
      </c>
      <c r="C8436" s="2">
        <v>179</v>
      </c>
      <c r="D8436" s="2">
        <v>0.2</v>
      </c>
      <c r="E8436" s="2">
        <v>316.99999999999056</v>
      </c>
    </row>
    <row r="8437" spans="1:5" x14ac:dyDescent="0.25">
      <c r="A8437" s="3">
        <v>41829.209606481483</v>
      </c>
      <c r="B8437" s="2">
        <v>19.100000000000001</v>
      </c>
      <c r="C8437" s="2">
        <v>179.2</v>
      </c>
      <c r="D8437" s="2">
        <v>0</v>
      </c>
      <c r="E8437" s="2">
        <v>316.99999999999056</v>
      </c>
    </row>
    <row r="8438" spans="1:5" x14ac:dyDescent="0.25">
      <c r="A8438" s="3">
        <v>41829.209837962961</v>
      </c>
      <c r="B8438" s="2">
        <v>19.100000000000001</v>
      </c>
      <c r="C8438" s="2">
        <v>179.2</v>
      </c>
      <c r="D8438" s="2">
        <v>0.2</v>
      </c>
      <c r="E8438" s="2">
        <v>317.19999999999055</v>
      </c>
    </row>
    <row r="8439" spans="1:5" x14ac:dyDescent="0.25">
      <c r="A8439" s="3">
        <v>41829.209953703707</v>
      </c>
      <c r="B8439" s="2">
        <v>19.100000000000001</v>
      </c>
      <c r="C8439" s="2">
        <v>179.4</v>
      </c>
      <c r="D8439" s="2">
        <v>0</v>
      </c>
      <c r="E8439" s="2">
        <v>317.19999999999055</v>
      </c>
    </row>
    <row r="8440" spans="1:5" x14ac:dyDescent="0.25">
      <c r="A8440" s="3">
        <v>41829.210127314815</v>
      </c>
      <c r="B8440" s="2">
        <v>19</v>
      </c>
      <c r="C8440" s="2">
        <v>179.4</v>
      </c>
      <c r="D8440" s="2">
        <v>0.2</v>
      </c>
      <c r="E8440" s="2">
        <v>317.39999999999054</v>
      </c>
    </row>
    <row r="8441" spans="1:5" x14ac:dyDescent="0.25">
      <c r="A8441" s="3">
        <v>41829.210300925923</v>
      </c>
      <c r="B8441" s="2">
        <v>19</v>
      </c>
      <c r="C8441" s="2">
        <v>179.6</v>
      </c>
      <c r="D8441" s="2">
        <v>0</v>
      </c>
      <c r="E8441" s="2">
        <v>317.39999999999054</v>
      </c>
    </row>
    <row r="8442" spans="1:5" x14ac:dyDescent="0.25">
      <c r="A8442" s="3">
        <v>41829.210532407407</v>
      </c>
      <c r="B8442" s="2">
        <v>19.100000000000001</v>
      </c>
      <c r="C8442" s="2">
        <v>179.6</v>
      </c>
      <c r="D8442" s="2">
        <v>0.2</v>
      </c>
      <c r="E8442" s="2">
        <v>317.59999999999053</v>
      </c>
    </row>
    <row r="8443" spans="1:5" x14ac:dyDescent="0.25">
      <c r="A8443" s="3">
        <v>41829.210648148146</v>
      </c>
      <c r="B8443" s="2">
        <v>19</v>
      </c>
      <c r="C8443" s="2">
        <v>179.8</v>
      </c>
      <c r="D8443" s="2">
        <v>0</v>
      </c>
      <c r="E8443" s="2">
        <v>317.59999999999053</v>
      </c>
    </row>
    <row r="8444" spans="1:5" x14ac:dyDescent="0.25">
      <c r="A8444" s="3">
        <v>41829.210879629631</v>
      </c>
      <c r="B8444" s="2">
        <v>19</v>
      </c>
      <c r="C8444" s="2">
        <v>179.8</v>
      </c>
      <c r="D8444" s="2">
        <v>0.2</v>
      </c>
      <c r="E8444" s="2">
        <v>317.79999999999052</v>
      </c>
    </row>
    <row r="8445" spans="1:5" x14ac:dyDescent="0.25">
      <c r="A8445" s="3">
        <v>41829.210995370369</v>
      </c>
      <c r="B8445" s="2">
        <v>19</v>
      </c>
      <c r="C8445" s="2">
        <v>180</v>
      </c>
      <c r="D8445" s="2">
        <v>0</v>
      </c>
      <c r="E8445" s="2">
        <v>317.79999999999052</v>
      </c>
    </row>
    <row r="8446" spans="1:5" x14ac:dyDescent="0.25">
      <c r="A8446" s="3">
        <v>41829.211168981485</v>
      </c>
      <c r="B8446" s="2">
        <v>19</v>
      </c>
      <c r="C8446" s="2">
        <v>180</v>
      </c>
      <c r="D8446" s="2">
        <v>0.2</v>
      </c>
      <c r="E8446" s="2">
        <v>317.99999999999051</v>
      </c>
    </row>
    <row r="8447" spans="1:5" x14ac:dyDescent="0.25">
      <c r="A8447" s="3">
        <v>41829.211284722223</v>
      </c>
      <c r="B8447" s="2">
        <v>19</v>
      </c>
      <c r="C8447" s="2">
        <v>180.2</v>
      </c>
      <c r="D8447" s="2">
        <v>0</v>
      </c>
      <c r="E8447" s="2">
        <v>317.99999999999051</v>
      </c>
    </row>
    <row r="8448" spans="1:5" x14ac:dyDescent="0.25">
      <c r="A8448" s="3">
        <v>41829.211458333331</v>
      </c>
      <c r="B8448" s="2">
        <v>19</v>
      </c>
      <c r="C8448" s="2">
        <v>180.2</v>
      </c>
      <c r="D8448" s="2">
        <v>0.2</v>
      </c>
      <c r="E8448" s="2">
        <v>318.1999999999905</v>
      </c>
    </row>
    <row r="8449" spans="1:5" x14ac:dyDescent="0.25">
      <c r="A8449" s="3">
        <v>41829.211631944447</v>
      </c>
      <c r="B8449" s="2">
        <v>18.899999999999999</v>
      </c>
      <c r="C8449" s="2">
        <v>180.4</v>
      </c>
      <c r="D8449" s="2">
        <v>0</v>
      </c>
      <c r="E8449" s="2">
        <v>318.1999999999905</v>
      </c>
    </row>
    <row r="8450" spans="1:5" x14ac:dyDescent="0.25">
      <c r="A8450" s="3">
        <v>41829.211747685185</v>
      </c>
      <c r="B8450" s="2">
        <v>18.899999999999999</v>
      </c>
      <c r="C8450" s="2">
        <v>180.4</v>
      </c>
      <c r="D8450" s="2">
        <v>0.2</v>
      </c>
      <c r="E8450" s="2">
        <v>318.39999999999048</v>
      </c>
    </row>
    <row r="8451" spans="1:5" x14ac:dyDescent="0.25">
      <c r="A8451" s="3">
        <v>41829.211921296293</v>
      </c>
      <c r="B8451" s="2">
        <v>18.899999999999999</v>
      </c>
      <c r="C8451" s="2">
        <v>180.6</v>
      </c>
      <c r="D8451" s="2">
        <v>0</v>
      </c>
      <c r="E8451" s="2">
        <v>318.39999999999048</v>
      </c>
    </row>
    <row r="8452" spans="1:5" x14ac:dyDescent="0.25">
      <c r="A8452" s="3">
        <v>41829.212037037039</v>
      </c>
      <c r="B8452" s="2">
        <v>18.899999999999999</v>
      </c>
      <c r="C8452" s="2">
        <v>180.6</v>
      </c>
      <c r="D8452" s="2">
        <v>0.2</v>
      </c>
      <c r="E8452" s="2">
        <v>318.59999999999047</v>
      </c>
    </row>
    <row r="8453" spans="1:5" x14ac:dyDescent="0.25">
      <c r="A8453" s="3">
        <v>41829.212210648147</v>
      </c>
      <c r="B8453" s="2">
        <v>18.899999999999999</v>
      </c>
      <c r="C8453" s="2">
        <v>180.8</v>
      </c>
      <c r="D8453" s="2">
        <v>0</v>
      </c>
      <c r="E8453" s="2">
        <v>318.59999999999047</v>
      </c>
    </row>
    <row r="8454" spans="1:5" x14ac:dyDescent="0.25">
      <c r="A8454" s="3">
        <v>41829.212384259263</v>
      </c>
      <c r="B8454" s="2">
        <v>18.899999999999999</v>
      </c>
      <c r="C8454" s="2">
        <v>180.8</v>
      </c>
      <c r="D8454" s="2">
        <v>0.2</v>
      </c>
      <c r="E8454" s="2">
        <v>318.79999999999046</v>
      </c>
    </row>
    <row r="8455" spans="1:5" x14ac:dyDescent="0.25">
      <c r="A8455" s="3">
        <v>41829.212557870371</v>
      </c>
      <c r="B8455" s="2">
        <v>18.899999999999999</v>
      </c>
      <c r="C8455" s="2">
        <v>181</v>
      </c>
      <c r="D8455" s="2">
        <v>0</v>
      </c>
      <c r="E8455" s="2">
        <v>318.79999999999046</v>
      </c>
    </row>
    <row r="8456" spans="1:5" x14ac:dyDescent="0.25">
      <c r="A8456" s="3">
        <v>41829.212789351855</v>
      </c>
      <c r="B8456" s="2">
        <v>18.899999999999999</v>
      </c>
      <c r="C8456" s="2">
        <v>181</v>
      </c>
      <c r="D8456" s="2">
        <v>0.2</v>
      </c>
      <c r="E8456" s="2">
        <v>318.99999999999045</v>
      </c>
    </row>
    <row r="8457" spans="1:5" x14ac:dyDescent="0.25">
      <c r="A8457" s="3">
        <v>41829.212905092594</v>
      </c>
      <c r="B8457" s="2">
        <v>18.899999999999999</v>
      </c>
      <c r="C8457" s="2">
        <v>181.2</v>
      </c>
      <c r="D8457" s="2">
        <v>0</v>
      </c>
      <c r="E8457" s="2">
        <v>318.99999999999045</v>
      </c>
    </row>
    <row r="8458" spans="1:5" x14ac:dyDescent="0.25">
      <c r="A8458" s="3">
        <v>41829.213020833333</v>
      </c>
      <c r="B8458" s="2">
        <v>18.899999999999999</v>
      </c>
      <c r="C8458" s="2">
        <v>181.2</v>
      </c>
      <c r="D8458" s="2">
        <v>0.2</v>
      </c>
      <c r="E8458" s="2">
        <v>319.19999999999044</v>
      </c>
    </row>
    <row r="8459" spans="1:5" x14ac:dyDescent="0.25">
      <c r="A8459" s="3">
        <v>41829.213194444441</v>
      </c>
      <c r="B8459" s="2">
        <v>19</v>
      </c>
      <c r="C8459" s="2">
        <v>181.4</v>
      </c>
      <c r="D8459" s="2">
        <v>0</v>
      </c>
      <c r="E8459" s="2">
        <v>319.19999999999044</v>
      </c>
    </row>
    <row r="8460" spans="1:5" x14ac:dyDescent="0.25">
      <c r="A8460" s="3">
        <v>41829.213310185187</v>
      </c>
      <c r="B8460" s="2">
        <v>19</v>
      </c>
      <c r="C8460" s="2">
        <v>181.4</v>
      </c>
      <c r="D8460" s="2">
        <v>0.2</v>
      </c>
      <c r="E8460" s="2">
        <v>319.39999999999043</v>
      </c>
    </row>
    <row r="8461" spans="1:5" x14ac:dyDescent="0.25">
      <c r="A8461" s="3">
        <v>41829.213541666664</v>
      </c>
      <c r="B8461" s="2">
        <v>19</v>
      </c>
      <c r="C8461" s="2">
        <v>181.6</v>
      </c>
      <c r="D8461" s="2">
        <v>0</v>
      </c>
      <c r="E8461" s="2">
        <v>319.39999999999043</v>
      </c>
    </row>
    <row r="8462" spans="1:5" x14ac:dyDescent="0.25">
      <c r="A8462" s="3">
        <v>41829.21371527778</v>
      </c>
      <c r="B8462" s="2">
        <v>18.899999999999999</v>
      </c>
      <c r="C8462" s="2">
        <v>181.6</v>
      </c>
      <c r="D8462" s="2">
        <v>0.2</v>
      </c>
      <c r="E8462" s="2">
        <v>319.59999999999042</v>
      </c>
    </row>
    <row r="8463" spans="1:5" x14ac:dyDescent="0.25">
      <c r="A8463" s="3">
        <v>41829.213888888888</v>
      </c>
      <c r="B8463" s="2">
        <v>18.8</v>
      </c>
      <c r="C8463" s="2">
        <v>181.8</v>
      </c>
      <c r="D8463" s="2">
        <v>0</v>
      </c>
      <c r="E8463" s="2">
        <v>319.59999999999042</v>
      </c>
    </row>
    <row r="8464" spans="1:5" x14ac:dyDescent="0.25">
      <c r="A8464" s="3">
        <v>41829.213946759257</v>
      </c>
      <c r="B8464" s="2">
        <v>18.8</v>
      </c>
      <c r="C8464" s="2">
        <v>181.8</v>
      </c>
      <c r="D8464" s="2">
        <v>0.2</v>
      </c>
      <c r="E8464" s="2">
        <v>319.7999999999904</v>
      </c>
    </row>
    <row r="8465" spans="1:5" x14ac:dyDescent="0.25">
      <c r="A8465" s="3">
        <v>41829.214178240742</v>
      </c>
      <c r="B8465" s="2">
        <v>18.8</v>
      </c>
      <c r="C8465" s="2">
        <v>182</v>
      </c>
      <c r="D8465" s="2">
        <v>0</v>
      </c>
      <c r="E8465" s="2">
        <v>319.7999999999904</v>
      </c>
    </row>
    <row r="8466" spans="1:5" x14ac:dyDescent="0.25">
      <c r="A8466" s="3">
        <v>41829.21429398148</v>
      </c>
      <c r="B8466" s="2">
        <v>18.8</v>
      </c>
      <c r="C8466" s="2">
        <v>182</v>
      </c>
      <c r="D8466" s="2">
        <v>0.2</v>
      </c>
      <c r="E8466" s="2">
        <v>319.99999999999039</v>
      </c>
    </row>
    <row r="8467" spans="1:5" x14ac:dyDescent="0.25">
      <c r="A8467" s="3">
        <v>41829.214525462965</v>
      </c>
      <c r="B8467" s="2">
        <v>18.899999999999999</v>
      </c>
      <c r="C8467" s="2">
        <v>182.2</v>
      </c>
      <c r="D8467" s="2">
        <v>0</v>
      </c>
      <c r="E8467" s="2">
        <v>319.99999999999039</v>
      </c>
    </row>
    <row r="8468" spans="1:5" x14ac:dyDescent="0.25">
      <c r="A8468" s="3">
        <v>41829.214699074073</v>
      </c>
      <c r="B8468" s="2">
        <v>18.899999999999999</v>
      </c>
      <c r="C8468" s="2">
        <v>182.2</v>
      </c>
      <c r="D8468" s="2">
        <v>0.2</v>
      </c>
      <c r="E8468" s="2">
        <v>320.19999999999038</v>
      </c>
    </row>
    <row r="8469" spans="1:5" x14ac:dyDescent="0.25">
      <c r="A8469" s="3">
        <v>41829.214930555558</v>
      </c>
      <c r="B8469" s="2">
        <v>18.899999999999999</v>
      </c>
      <c r="C8469" s="2">
        <v>182.4</v>
      </c>
      <c r="D8469" s="2">
        <v>0</v>
      </c>
      <c r="E8469" s="2">
        <v>320.19999999999038</v>
      </c>
    </row>
    <row r="8470" spans="1:5" x14ac:dyDescent="0.25">
      <c r="A8470" s="3">
        <v>41829.215104166666</v>
      </c>
      <c r="B8470" s="2">
        <v>18.899999999999999</v>
      </c>
      <c r="C8470" s="2">
        <v>182.4</v>
      </c>
      <c r="D8470" s="2">
        <v>0.2</v>
      </c>
      <c r="E8470" s="2">
        <v>320.39999999999037</v>
      </c>
    </row>
    <row r="8471" spans="1:5" x14ac:dyDescent="0.25">
      <c r="A8471" s="3">
        <v>41829.215277777781</v>
      </c>
      <c r="B8471" s="2">
        <v>18.899999999999999</v>
      </c>
      <c r="C8471" s="2">
        <v>182.6</v>
      </c>
      <c r="D8471" s="2">
        <v>0.2</v>
      </c>
      <c r="E8471" s="2">
        <v>320.59999999999036</v>
      </c>
    </row>
    <row r="8472" spans="1:5" x14ac:dyDescent="0.25">
      <c r="A8472" s="3">
        <v>41829.215451388889</v>
      </c>
      <c r="B8472" s="2">
        <v>18.899999999999999</v>
      </c>
      <c r="C8472" s="2">
        <v>182.6</v>
      </c>
      <c r="D8472" s="2">
        <v>0.2</v>
      </c>
      <c r="E8472" s="2">
        <v>320.79999999999035</v>
      </c>
    </row>
    <row r="8473" spans="1:5" x14ac:dyDescent="0.25">
      <c r="A8473" s="3">
        <v>41829.215509259258</v>
      </c>
      <c r="B8473" s="2">
        <v>18.899999999999999</v>
      </c>
      <c r="C8473" s="2">
        <v>182.8</v>
      </c>
      <c r="D8473" s="2">
        <v>0</v>
      </c>
      <c r="E8473" s="2">
        <v>320.79999999999035</v>
      </c>
    </row>
    <row r="8474" spans="1:5" x14ac:dyDescent="0.25">
      <c r="A8474" s="3">
        <v>41829.215567129628</v>
      </c>
      <c r="B8474" s="2">
        <v>18.899999999999999</v>
      </c>
      <c r="C8474" s="2">
        <v>182.8</v>
      </c>
      <c r="D8474" s="2">
        <v>0.2</v>
      </c>
      <c r="E8474" s="2">
        <v>320.99999999999034</v>
      </c>
    </row>
    <row r="8475" spans="1:5" x14ac:dyDescent="0.25">
      <c r="A8475" s="3">
        <v>41829.215682870374</v>
      </c>
      <c r="B8475" s="2">
        <v>18.8</v>
      </c>
      <c r="C8475" s="2">
        <v>183</v>
      </c>
      <c r="D8475" s="2">
        <v>0.2</v>
      </c>
      <c r="E8475" s="2">
        <v>321.19999999999033</v>
      </c>
    </row>
    <row r="8476" spans="1:5" x14ac:dyDescent="0.25">
      <c r="A8476" s="3">
        <v>41829.215798611112</v>
      </c>
      <c r="B8476" s="2">
        <v>18.8</v>
      </c>
      <c r="C8476" s="2">
        <v>183</v>
      </c>
      <c r="D8476" s="2">
        <v>0.2</v>
      </c>
      <c r="E8476" s="2">
        <v>321.39999999999031</v>
      </c>
    </row>
    <row r="8477" spans="1:5" x14ac:dyDescent="0.25">
      <c r="A8477" s="3">
        <v>41829.215856481482</v>
      </c>
      <c r="B8477" s="2">
        <v>18.8</v>
      </c>
      <c r="C8477" s="2">
        <v>183.2</v>
      </c>
      <c r="D8477" s="2">
        <v>0</v>
      </c>
      <c r="E8477" s="2">
        <v>321.39999999999031</v>
      </c>
    </row>
    <row r="8478" spans="1:5" x14ac:dyDescent="0.25">
      <c r="A8478" s="3">
        <v>41829.215914351851</v>
      </c>
      <c r="B8478" s="2">
        <v>18.8</v>
      </c>
      <c r="C8478" s="2">
        <v>183.2</v>
      </c>
      <c r="D8478" s="2">
        <v>0.2</v>
      </c>
      <c r="E8478" s="2">
        <v>321.5999999999903</v>
      </c>
    </row>
    <row r="8479" spans="1:5" x14ac:dyDescent="0.25">
      <c r="A8479" s="3">
        <v>41829.21603009259</v>
      </c>
      <c r="B8479" s="2">
        <v>18.8</v>
      </c>
      <c r="C8479" s="2">
        <v>183.2</v>
      </c>
      <c r="D8479" s="2">
        <v>0.2</v>
      </c>
      <c r="E8479" s="2">
        <v>321.79999999999029</v>
      </c>
    </row>
    <row r="8480" spans="1:5" x14ac:dyDescent="0.25">
      <c r="A8480" s="3">
        <v>41829.216087962966</v>
      </c>
      <c r="B8480" s="2">
        <v>18.8</v>
      </c>
      <c r="C8480" s="2">
        <v>183.4</v>
      </c>
      <c r="D8480" s="2">
        <v>0</v>
      </c>
      <c r="E8480" s="2">
        <v>321.79999999999029</v>
      </c>
    </row>
    <row r="8481" spans="1:5" x14ac:dyDescent="0.25">
      <c r="A8481" s="3">
        <v>41829.216145833336</v>
      </c>
      <c r="B8481" s="2">
        <v>18.8</v>
      </c>
      <c r="C8481" s="2">
        <v>183.4</v>
      </c>
      <c r="D8481" s="2">
        <v>0.2</v>
      </c>
      <c r="E8481" s="2">
        <v>321.99999999999028</v>
      </c>
    </row>
    <row r="8482" spans="1:5" x14ac:dyDescent="0.25">
      <c r="A8482" s="3">
        <v>41829.216261574074</v>
      </c>
      <c r="B8482" s="2">
        <v>18.8</v>
      </c>
      <c r="C8482" s="2">
        <v>183.6</v>
      </c>
      <c r="D8482" s="2">
        <v>0</v>
      </c>
      <c r="E8482" s="2">
        <v>321.99999999999028</v>
      </c>
    </row>
    <row r="8483" spans="1:5" x14ac:dyDescent="0.25">
      <c r="A8483" s="3">
        <v>41829.216319444444</v>
      </c>
      <c r="B8483" s="2">
        <v>18.8</v>
      </c>
      <c r="C8483" s="2">
        <v>183.6</v>
      </c>
      <c r="D8483" s="2">
        <v>0.2</v>
      </c>
      <c r="E8483" s="2">
        <v>322.19999999999027</v>
      </c>
    </row>
    <row r="8484" spans="1:5" x14ac:dyDescent="0.25">
      <c r="A8484" s="3">
        <v>41829.216435185182</v>
      </c>
      <c r="B8484" s="2">
        <v>18.8</v>
      </c>
      <c r="C8484" s="2">
        <v>183.8</v>
      </c>
      <c r="D8484" s="2">
        <v>0.2</v>
      </c>
      <c r="E8484" s="2">
        <v>322.39999999999026</v>
      </c>
    </row>
    <row r="8485" spans="1:5" x14ac:dyDescent="0.25">
      <c r="A8485" s="3">
        <v>41829.216550925928</v>
      </c>
      <c r="B8485" s="2">
        <v>18.8</v>
      </c>
      <c r="C8485" s="2">
        <v>183.8</v>
      </c>
      <c r="D8485" s="2">
        <v>0.2</v>
      </c>
      <c r="E8485" s="2">
        <v>322.59999999999025</v>
      </c>
    </row>
    <row r="8486" spans="1:5" x14ac:dyDescent="0.25">
      <c r="A8486" s="3">
        <v>41829.216608796298</v>
      </c>
      <c r="B8486" s="2">
        <v>18.8</v>
      </c>
      <c r="C8486" s="2">
        <v>184</v>
      </c>
      <c r="D8486" s="2">
        <v>0</v>
      </c>
      <c r="E8486" s="2">
        <v>322.59999999999025</v>
      </c>
    </row>
    <row r="8487" spans="1:5" x14ac:dyDescent="0.25">
      <c r="A8487" s="3">
        <v>41829.216666666667</v>
      </c>
      <c r="B8487" s="2">
        <v>18.8</v>
      </c>
      <c r="C8487" s="2">
        <v>184</v>
      </c>
      <c r="D8487" s="2">
        <v>0.2</v>
      </c>
      <c r="E8487" s="2">
        <v>322.79999999999023</v>
      </c>
    </row>
    <row r="8488" spans="1:5" x14ac:dyDescent="0.25">
      <c r="A8488" s="3">
        <v>41829.216724537036</v>
      </c>
      <c r="B8488" s="2">
        <v>18.8</v>
      </c>
      <c r="C8488" s="2">
        <v>184.2</v>
      </c>
      <c r="D8488" s="2">
        <v>0</v>
      </c>
      <c r="E8488" s="2">
        <v>322.79999999999023</v>
      </c>
    </row>
    <row r="8489" spans="1:5" x14ac:dyDescent="0.25">
      <c r="A8489" s="3">
        <v>41829.216782407406</v>
      </c>
      <c r="B8489" s="2">
        <v>18.8</v>
      </c>
      <c r="C8489" s="2">
        <v>184.2</v>
      </c>
      <c r="D8489" s="2">
        <v>0.2</v>
      </c>
      <c r="E8489" s="2">
        <v>322.99999999999022</v>
      </c>
    </row>
    <row r="8490" spans="1:5" x14ac:dyDescent="0.25">
      <c r="A8490" s="3">
        <v>41829.216840277775</v>
      </c>
      <c r="B8490" s="2">
        <v>18.8</v>
      </c>
      <c r="C8490" s="2">
        <v>184.4</v>
      </c>
      <c r="D8490" s="2">
        <v>0</v>
      </c>
      <c r="E8490" s="2">
        <v>322.99999999999022</v>
      </c>
    </row>
    <row r="8491" spans="1:5" x14ac:dyDescent="0.25">
      <c r="A8491" s="3">
        <v>41829.216898148145</v>
      </c>
      <c r="B8491" s="2">
        <v>18.8</v>
      </c>
      <c r="C8491" s="2">
        <v>184.6</v>
      </c>
      <c r="D8491" s="2">
        <v>0</v>
      </c>
      <c r="E8491" s="2">
        <v>322.99999999999022</v>
      </c>
    </row>
    <row r="8492" spans="1:5" x14ac:dyDescent="0.25">
      <c r="A8492" s="3">
        <v>41829.217013888891</v>
      </c>
      <c r="B8492" s="2">
        <v>18.7</v>
      </c>
      <c r="C8492" s="2">
        <v>184.8</v>
      </c>
      <c r="D8492" s="2">
        <v>0.2</v>
      </c>
      <c r="E8492" s="2">
        <v>323.19999999999021</v>
      </c>
    </row>
    <row r="8493" spans="1:5" x14ac:dyDescent="0.25">
      <c r="A8493" s="3">
        <v>41829.217129629629</v>
      </c>
      <c r="B8493" s="2">
        <v>18.7</v>
      </c>
      <c r="C8493" s="2">
        <v>185</v>
      </c>
      <c r="D8493" s="2">
        <v>0</v>
      </c>
      <c r="E8493" s="2">
        <v>323.19999999999021</v>
      </c>
    </row>
    <row r="8494" spans="1:5" x14ac:dyDescent="0.25">
      <c r="A8494" s="3">
        <v>41829.217187499999</v>
      </c>
      <c r="B8494" s="2">
        <v>18.8</v>
      </c>
      <c r="C8494" s="2">
        <v>185.2</v>
      </c>
      <c r="D8494" s="2">
        <v>0.2</v>
      </c>
      <c r="E8494" s="2">
        <v>323.3999999999902</v>
      </c>
    </row>
    <row r="8495" spans="1:5" x14ac:dyDescent="0.25">
      <c r="A8495" s="3">
        <v>41829.217303240737</v>
      </c>
      <c r="B8495" s="2">
        <v>18.8</v>
      </c>
      <c r="C8495" s="2">
        <v>185.4</v>
      </c>
      <c r="D8495" s="2">
        <v>0</v>
      </c>
      <c r="E8495" s="2">
        <v>323.3999999999902</v>
      </c>
    </row>
    <row r="8496" spans="1:5" x14ac:dyDescent="0.25">
      <c r="A8496" s="3">
        <v>41829.217418981483</v>
      </c>
      <c r="B8496" s="2">
        <v>18.8</v>
      </c>
      <c r="C8496" s="2">
        <v>185.6</v>
      </c>
      <c r="D8496" s="2">
        <v>0</v>
      </c>
      <c r="E8496" s="2">
        <v>323.3999999999902</v>
      </c>
    </row>
    <row r="8497" spans="1:5" x14ac:dyDescent="0.25">
      <c r="A8497" s="3">
        <v>41829.217476851853</v>
      </c>
      <c r="B8497" s="2">
        <v>18.8</v>
      </c>
      <c r="C8497" s="2">
        <v>185.6</v>
      </c>
      <c r="D8497" s="2">
        <v>0.2</v>
      </c>
      <c r="E8497" s="2">
        <v>323.59999999999019</v>
      </c>
    </row>
    <row r="8498" spans="1:5" x14ac:dyDescent="0.25">
      <c r="A8498" s="3">
        <v>41829.217592592591</v>
      </c>
      <c r="B8498" s="2">
        <v>18.8</v>
      </c>
      <c r="C8498" s="2">
        <v>185.8</v>
      </c>
      <c r="D8498" s="2">
        <v>0</v>
      </c>
      <c r="E8498" s="2">
        <v>323.59999999999019</v>
      </c>
    </row>
    <row r="8499" spans="1:5" x14ac:dyDescent="0.25">
      <c r="A8499" s="3">
        <v>41829.217650462961</v>
      </c>
      <c r="B8499" s="2">
        <v>18.7</v>
      </c>
      <c r="C8499" s="2">
        <v>185.8</v>
      </c>
      <c r="D8499" s="2">
        <v>0.2</v>
      </c>
      <c r="E8499" s="2">
        <v>323.79999999999018</v>
      </c>
    </row>
    <row r="8500" spans="1:5" x14ac:dyDescent="0.25">
      <c r="A8500" s="3">
        <v>41829.21770833333</v>
      </c>
      <c r="B8500" s="2">
        <v>18.7</v>
      </c>
      <c r="C8500" s="2">
        <v>186</v>
      </c>
      <c r="D8500" s="2">
        <v>0</v>
      </c>
      <c r="E8500" s="2">
        <v>323.79999999999018</v>
      </c>
    </row>
    <row r="8501" spans="1:5" x14ac:dyDescent="0.25">
      <c r="A8501" s="3">
        <v>41829.217824074076</v>
      </c>
      <c r="B8501" s="2">
        <v>18.7</v>
      </c>
      <c r="C8501" s="2">
        <v>186</v>
      </c>
      <c r="D8501" s="2">
        <v>0.2</v>
      </c>
      <c r="E8501" s="2">
        <v>323.99999999999017</v>
      </c>
    </row>
    <row r="8502" spans="1:5" x14ac:dyDescent="0.25">
      <c r="A8502" s="3">
        <v>41829.217881944445</v>
      </c>
      <c r="B8502" s="2">
        <v>18.7</v>
      </c>
      <c r="C8502" s="2">
        <v>186.2</v>
      </c>
      <c r="D8502" s="2">
        <v>0</v>
      </c>
      <c r="E8502" s="2">
        <v>323.99999999999017</v>
      </c>
    </row>
    <row r="8503" spans="1:5" x14ac:dyDescent="0.25">
      <c r="A8503" s="3">
        <v>41829.217997685184</v>
      </c>
      <c r="B8503" s="2">
        <v>18.7</v>
      </c>
      <c r="C8503" s="2">
        <v>186.2</v>
      </c>
      <c r="D8503" s="2">
        <v>0.2</v>
      </c>
      <c r="E8503" s="2">
        <v>324.19999999999015</v>
      </c>
    </row>
    <row r="8504" spans="1:5" x14ac:dyDescent="0.25">
      <c r="A8504" s="3">
        <v>41829.218055555553</v>
      </c>
      <c r="B8504" s="2">
        <v>18.7</v>
      </c>
      <c r="C8504" s="2">
        <v>186.4</v>
      </c>
      <c r="D8504" s="2">
        <v>0</v>
      </c>
      <c r="E8504" s="2">
        <v>324.19999999999015</v>
      </c>
    </row>
    <row r="8505" spans="1:5" x14ac:dyDescent="0.25">
      <c r="A8505" s="3">
        <v>41829.218171296299</v>
      </c>
      <c r="B8505" s="2">
        <v>18.7</v>
      </c>
      <c r="C8505" s="2">
        <v>186.4</v>
      </c>
      <c r="D8505" s="2">
        <v>0.2</v>
      </c>
      <c r="E8505" s="2">
        <v>324.39999999999014</v>
      </c>
    </row>
    <row r="8506" spans="1:5" x14ac:dyDescent="0.25">
      <c r="A8506" s="3">
        <v>41829.218229166669</v>
      </c>
      <c r="B8506" s="2">
        <v>18.7</v>
      </c>
      <c r="C8506" s="2">
        <v>186.6</v>
      </c>
      <c r="D8506" s="2">
        <v>0</v>
      </c>
      <c r="E8506" s="2">
        <v>324.39999999999014</v>
      </c>
    </row>
    <row r="8507" spans="1:5" x14ac:dyDescent="0.25">
      <c r="A8507" s="3">
        <v>41829.218344907407</v>
      </c>
      <c r="B8507" s="2">
        <v>18.7</v>
      </c>
      <c r="C8507" s="2">
        <v>186.6</v>
      </c>
      <c r="D8507" s="2">
        <v>0.2</v>
      </c>
      <c r="E8507" s="2">
        <v>324.59999999999013</v>
      </c>
    </row>
    <row r="8508" spans="1:5" x14ac:dyDescent="0.25">
      <c r="A8508" s="3">
        <v>41829.218402777777</v>
      </c>
      <c r="B8508" s="2">
        <v>18.7</v>
      </c>
      <c r="C8508" s="2">
        <v>186.8</v>
      </c>
      <c r="D8508" s="2">
        <v>0</v>
      </c>
      <c r="E8508" s="2">
        <v>324.59999999999013</v>
      </c>
    </row>
    <row r="8509" spans="1:5" x14ac:dyDescent="0.25">
      <c r="A8509" s="3">
        <v>41829.218576388892</v>
      </c>
      <c r="B8509" s="2">
        <v>18.7</v>
      </c>
      <c r="C8509" s="2">
        <v>187</v>
      </c>
      <c r="D8509" s="2">
        <v>0.2</v>
      </c>
      <c r="E8509" s="2">
        <v>324.79999999999012</v>
      </c>
    </row>
    <row r="8510" spans="1:5" x14ac:dyDescent="0.25">
      <c r="A8510" s="3">
        <v>41829.218692129631</v>
      </c>
      <c r="B8510" s="2">
        <v>18.7</v>
      </c>
      <c r="C8510" s="2">
        <v>187</v>
      </c>
      <c r="D8510" s="2">
        <v>0.2</v>
      </c>
      <c r="E8510" s="2">
        <v>324.99999999999011</v>
      </c>
    </row>
    <row r="8511" spans="1:5" x14ac:dyDescent="0.25">
      <c r="A8511" s="3">
        <v>41829.21875</v>
      </c>
      <c r="B8511" s="2">
        <v>18.7</v>
      </c>
      <c r="C8511" s="2">
        <v>187.2</v>
      </c>
      <c r="D8511" s="2">
        <v>0</v>
      </c>
      <c r="E8511" s="2">
        <v>324.99999999999011</v>
      </c>
    </row>
    <row r="8512" spans="1:5" x14ac:dyDescent="0.25">
      <c r="A8512" s="3">
        <v>41829.218865740739</v>
      </c>
      <c r="B8512" s="2">
        <v>18.7</v>
      </c>
      <c r="C8512" s="2">
        <v>187.2</v>
      </c>
      <c r="D8512" s="2">
        <v>0.2</v>
      </c>
      <c r="E8512" s="2">
        <v>325.1999999999901</v>
      </c>
    </row>
    <row r="8513" spans="1:5" x14ac:dyDescent="0.25">
      <c r="A8513" s="3">
        <v>41829.218923611108</v>
      </c>
      <c r="B8513" s="2">
        <v>18.7</v>
      </c>
      <c r="C8513" s="2">
        <v>187.4</v>
      </c>
      <c r="D8513" s="2">
        <v>0</v>
      </c>
      <c r="E8513" s="2">
        <v>325.1999999999901</v>
      </c>
    </row>
    <row r="8514" spans="1:5" x14ac:dyDescent="0.25">
      <c r="A8514" s="3">
        <v>41829.219039351854</v>
      </c>
      <c r="B8514" s="2">
        <v>18.600000000000001</v>
      </c>
      <c r="C8514" s="2">
        <v>187.6</v>
      </c>
      <c r="D8514" s="2">
        <v>0.2</v>
      </c>
      <c r="E8514" s="2">
        <v>325.39999999999009</v>
      </c>
    </row>
    <row r="8515" spans="1:5" x14ac:dyDescent="0.25">
      <c r="A8515" s="3">
        <v>41829.219270833331</v>
      </c>
      <c r="B8515" s="2">
        <v>18.600000000000001</v>
      </c>
      <c r="C8515" s="2">
        <v>187.8</v>
      </c>
      <c r="D8515" s="2">
        <v>0</v>
      </c>
      <c r="E8515" s="2">
        <v>325.39999999999009</v>
      </c>
    </row>
    <row r="8516" spans="1:5" x14ac:dyDescent="0.25">
      <c r="A8516" s="3">
        <v>41829.219328703701</v>
      </c>
      <c r="B8516" s="2">
        <v>18.600000000000001</v>
      </c>
      <c r="C8516" s="2">
        <v>187.8</v>
      </c>
      <c r="D8516" s="2">
        <v>0.2</v>
      </c>
      <c r="E8516" s="2">
        <v>325.59999999999008</v>
      </c>
    </row>
    <row r="8517" spans="1:5" x14ac:dyDescent="0.25">
      <c r="A8517" s="3">
        <v>41829.219502314816</v>
      </c>
      <c r="B8517" s="2">
        <v>18.600000000000001</v>
      </c>
      <c r="C8517" s="2">
        <v>188</v>
      </c>
      <c r="D8517" s="2">
        <v>0</v>
      </c>
      <c r="E8517" s="2">
        <v>325.59999999999008</v>
      </c>
    </row>
    <row r="8518" spans="1:5" x14ac:dyDescent="0.25">
      <c r="A8518" s="3">
        <v>41829.219733796293</v>
      </c>
      <c r="B8518" s="2">
        <v>18.600000000000001</v>
      </c>
      <c r="C8518" s="2">
        <v>188</v>
      </c>
      <c r="D8518" s="2">
        <v>0.2</v>
      </c>
      <c r="E8518" s="2">
        <v>325.79999999999006</v>
      </c>
    </row>
    <row r="8519" spans="1:5" x14ac:dyDescent="0.25">
      <c r="A8519" s="3">
        <v>41829.219849537039</v>
      </c>
      <c r="B8519" s="2">
        <v>18.600000000000001</v>
      </c>
      <c r="C8519" s="2">
        <v>188.2</v>
      </c>
      <c r="D8519" s="2">
        <v>0</v>
      </c>
      <c r="E8519" s="2">
        <v>325.79999999999006</v>
      </c>
    </row>
    <row r="8520" spans="1:5" x14ac:dyDescent="0.25">
      <c r="A8520" s="3">
        <v>41829.220081018517</v>
      </c>
      <c r="B8520" s="2">
        <v>18.600000000000001</v>
      </c>
      <c r="C8520" s="2">
        <v>188.2</v>
      </c>
      <c r="D8520" s="2">
        <v>0.2</v>
      </c>
      <c r="E8520" s="2">
        <v>325.99999999999005</v>
      </c>
    </row>
    <row r="8521" spans="1:5" x14ac:dyDescent="0.25">
      <c r="A8521" s="3">
        <v>41829.220254629632</v>
      </c>
      <c r="B8521" s="2">
        <v>18.600000000000001</v>
      </c>
      <c r="C8521" s="2">
        <v>188.4</v>
      </c>
      <c r="D8521" s="2">
        <v>0</v>
      </c>
      <c r="E8521" s="2">
        <v>325.99999999999005</v>
      </c>
    </row>
    <row r="8522" spans="1:5" x14ac:dyDescent="0.25">
      <c r="A8522" s="3">
        <v>41829.220543981479</v>
      </c>
      <c r="B8522" s="2">
        <v>18.600000000000001</v>
      </c>
      <c r="C8522" s="2">
        <v>188.4</v>
      </c>
      <c r="D8522" s="2">
        <v>0.2</v>
      </c>
      <c r="E8522" s="2">
        <v>326.19999999999004</v>
      </c>
    </row>
    <row r="8523" spans="1:5" x14ac:dyDescent="0.25">
      <c r="A8523" s="3">
        <v>41829.220659722225</v>
      </c>
      <c r="B8523" s="2">
        <v>18.600000000000001</v>
      </c>
      <c r="C8523" s="2">
        <v>188.6</v>
      </c>
      <c r="D8523" s="2">
        <v>0</v>
      </c>
      <c r="E8523" s="2">
        <v>326.19999999999004</v>
      </c>
    </row>
    <row r="8524" spans="1:5" x14ac:dyDescent="0.25">
      <c r="A8524" s="3">
        <v>41829.22210648148</v>
      </c>
      <c r="B8524" s="2">
        <v>18.600000000000001</v>
      </c>
      <c r="C8524" s="2">
        <v>188.8</v>
      </c>
      <c r="D8524" s="2">
        <v>0</v>
      </c>
      <c r="E8524" s="2">
        <v>326.19999999999004</v>
      </c>
    </row>
    <row r="8525" spans="1:5" x14ac:dyDescent="0.25">
      <c r="A8525" s="3">
        <v>41829.222280092596</v>
      </c>
      <c r="B8525" s="2">
        <v>18.600000000000001</v>
      </c>
      <c r="C8525" s="2">
        <v>188.8</v>
      </c>
      <c r="D8525" s="2">
        <v>0.2</v>
      </c>
      <c r="E8525" s="2">
        <v>326.39999999999003</v>
      </c>
    </row>
    <row r="8526" spans="1:5" x14ac:dyDescent="0.25">
      <c r="A8526" s="3">
        <v>41829.223379629628</v>
      </c>
      <c r="B8526" s="2">
        <v>18.600000000000001</v>
      </c>
      <c r="C8526" s="2">
        <v>188.8</v>
      </c>
      <c r="D8526" s="2">
        <v>0.2</v>
      </c>
      <c r="E8526" s="2">
        <v>326.59999999999002</v>
      </c>
    </row>
    <row r="8527" spans="1:5" x14ac:dyDescent="0.25">
      <c r="A8527" s="3">
        <v>41829.223611111112</v>
      </c>
      <c r="B8527" s="2">
        <v>18.600000000000001</v>
      </c>
      <c r="C8527" s="2">
        <v>189</v>
      </c>
      <c r="D8527" s="2">
        <v>0</v>
      </c>
      <c r="E8527" s="2">
        <v>326.59999999999002</v>
      </c>
    </row>
    <row r="8528" spans="1:5" x14ac:dyDescent="0.25">
      <c r="A8528" s="3">
        <v>41829.226215277777</v>
      </c>
      <c r="B8528" s="2">
        <v>18.600000000000001</v>
      </c>
      <c r="C8528" s="2">
        <v>189.2</v>
      </c>
      <c r="D8528" s="2">
        <v>0</v>
      </c>
      <c r="E8528" s="2">
        <v>326.59999999999002</v>
      </c>
    </row>
    <row r="8529" spans="1:5" x14ac:dyDescent="0.25">
      <c r="A8529" s="3">
        <v>41829.226793981485</v>
      </c>
      <c r="B8529" s="2">
        <v>18.5</v>
      </c>
      <c r="C8529" s="2">
        <v>189.2</v>
      </c>
      <c r="D8529" s="2">
        <v>0.2</v>
      </c>
      <c r="E8529" s="2">
        <v>326.79999999999001</v>
      </c>
    </row>
    <row r="8530" spans="1:5" x14ac:dyDescent="0.25">
      <c r="A8530" s="3">
        <v>41829.228067129632</v>
      </c>
      <c r="B8530" s="2">
        <v>18.5</v>
      </c>
      <c r="C8530" s="2">
        <v>189.2</v>
      </c>
      <c r="D8530" s="2">
        <v>0.2</v>
      </c>
      <c r="E8530" s="2">
        <v>326.99999999999</v>
      </c>
    </row>
    <row r="8531" spans="1:5" x14ac:dyDescent="0.25">
      <c r="A8531" s="3">
        <v>41829.228125000001</v>
      </c>
      <c r="B8531" s="2">
        <v>18.5</v>
      </c>
      <c r="C8531" s="2">
        <v>189.4</v>
      </c>
      <c r="D8531" s="2">
        <v>0</v>
      </c>
      <c r="E8531" s="2">
        <v>326.99999999999</v>
      </c>
    </row>
    <row r="8532" spans="1:5" x14ac:dyDescent="0.25">
      <c r="A8532" s="3">
        <v>41829.229050925926</v>
      </c>
      <c r="B8532" s="2">
        <v>18.5</v>
      </c>
      <c r="C8532" s="2">
        <v>189.6</v>
      </c>
      <c r="D8532" s="2">
        <v>0</v>
      </c>
      <c r="E8532" s="2">
        <v>326.99999999999</v>
      </c>
    </row>
    <row r="8533" spans="1:5" x14ac:dyDescent="0.25">
      <c r="A8533" s="3">
        <v>41829.22934027778</v>
      </c>
      <c r="B8533" s="2">
        <v>18.5</v>
      </c>
      <c r="C8533" s="2">
        <v>189.6</v>
      </c>
      <c r="D8533" s="2">
        <v>0.2</v>
      </c>
      <c r="E8533" s="2">
        <v>327.19999999998998</v>
      </c>
    </row>
    <row r="8534" spans="1:5" x14ac:dyDescent="0.25">
      <c r="A8534" s="3">
        <v>41829.230671296296</v>
      </c>
      <c r="B8534" s="2">
        <v>18.5</v>
      </c>
      <c r="C8534" s="2">
        <v>189.8</v>
      </c>
      <c r="D8534" s="2">
        <v>0</v>
      </c>
      <c r="E8534" s="2">
        <v>327.19999999998998</v>
      </c>
    </row>
    <row r="8535" spans="1:5" x14ac:dyDescent="0.25">
      <c r="A8535" s="3">
        <v>41829.230902777781</v>
      </c>
      <c r="B8535" s="2">
        <v>18.5</v>
      </c>
      <c r="C8535" s="2">
        <v>189.8</v>
      </c>
      <c r="D8535" s="2">
        <v>0.2</v>
      </c>
      <c r="E8535" s="2">
        <v>327.39999999998997</v>
      </c>
    </row>
    <row r="8536" spans="1:5" x14ac:dyDescent="0.25">
      <c r="A8536" s="3">
        <v>41829.232523148145</v>
      </c>
      <c r="B8536" s="2">
        <v>18.5</v>
      </c>
      <c r="C8536" s="2">
        <v>190</v>
      </c>
      <c r="D8536" s="2">
        <v>0</v>
      </c>
      <c r="E8536" s="2">
        <v>327.39999999998997</v>
      </c>
    </row>
    <row r="8537" spans="1:5" x14ac:dyDescent="0.25">
      <c r="A8537" s="3">
        <v>41829.232928240737</v>
      </c>
      <c r="B8537" s="2">
        <v>18.5</v>
      </c>
      <c r="C8537" s="2">
        <v>190</v>
      </c>
      <c r="D8537" s="2">
        <v>0.2</v>
      </c>
      <c r="E8537" s="2">
        <v>327.59999999998996</v>
      </c>
    </row>
    <row r="8538" spans="1:5" x14ac:dyDescent="0.25">
      <c r="A8538" s="3">
        <v>41829.237326388888</v>
      </c>
      <c r="B8538" s="2">
        <v>18.399999999999999</v>
      </c>
      <c r="C8538" s="2">
        <v>190</v>
      </c>
      <c r="D8538" s="2">
        <v>0.2</v>
      </c>
      <c r="E8538" s="2">
        <v>327.79999999998995</v>
      </c>
    </row>
    <row r="8539" spans="1:5" x14ac:dyDescent="0.25">
      <c r="A8539" s="3">
        <v>41829.237442129626</v>
      </c>
      <c r="B8539" s="2">
        <v>18.399999999999999</v>
      </c>
      <c r="C8539" s="2">
        <v>190.2</v>
      </c>
      <c r="D8539" s="2">
        <v>0</v>
      </c>
      <c r="E8539" s="2">
        <v>327.79999999998995</v>
      </c>
    </row>
    <row r="8540" spans="1:5" x14ac:dyDescent="0.25">
      <c r="A8540" s="3">
        <v>41829.34652777778</v>
      </c>
      <c r="B8540" s="2">
        <v>17.899999999999999</v>
      </c>
      <c r="C8540" s="2">
        <v>190</v>
      </c>
      <c r="D8540" s="2">
        <v>0</v>
      </c>
      <c r="E8540" s="2">
        <v>327.79999999998995</v>
      </c>
    </row>
    <row r="8541" spans="1:5" x14ac:dyDescent="0.25">
      <c r="A8541" s="3">
        <v>41829.396990740737</v>
      </c>
      <c r="B8541" s="2">
        <v>18.2</v>
      </c>
      <c r="C8541" s="2">
        <v>190.2</v>
      </c>
      <c r="D8541" s="2">
        <v>0</v>
      </c>
      <c r="E8541" s="2">
        <v>327.79999999998995</v>
      </c>
    </row>
    <row r="8542" spans="1:5" x14ac:dyDescent="0.25">
      <c r="A8542" s="3">
        <v>41829.397164351853</v>
      </c>
      <c r="B8542" s="2">
        <v>18.2</v>
      </c>
      <c r="C8542" s="2">
        <v>190</v>
      </c>
      <c r="D8542" s="2">
        <v>0</v>
      </c>
      <c r="E8542" s="2">
        <v>327.79999999998995</v>
      </c>
    </row>
    <row r="8543" spans="1:5" x14ac:dyDescent="0.25">
      <c r="A8543" s="3">
        <v>41829.577488425923</v>
      </c>
      <c r="B8543" s="2">
        <v>27.1</v>
      </c>
      <c r="C8543" s="2">
        <v>189.8</v>
      </c>
      <c r="D8543" s="2">
        <v>0</v>
      </c>
      <c r="E8543" s="2">
        <v>327.79999999998995</v>
      </c>
    </row>
    <row r="8544" spans="1:5" x14ac:dyDescent="0.25">
      <c r="A8544" s="3">
        <v>41829.577546296299</v>
      </c>
      <c r="B8544" s="2">
        <v>27</v>
      </c>
      <c r="C8544" s="2">
        <v>190</v>
      </c>
      <c r="D8544" s="2">
        <v>0</v>
      </c>
      <c r="E8544" s="2">
        <v>327.79999999998995</v>
      </c>
    </row>
    <row r="8545" spans="1:5" x14ac:dyDescent="0.25">
      <c r="A8545" s="3">
        <v>41829.578009259261</v>
      </c>
      <c r="B8545" s="2">
        <v>27.1</v>
      </c>
      <c r="C8545" s="2">
        <v>189.8</v>
      </c>
      <c r="D8545" s="2">
        <v>0</v>
      </c>
      <c r="E8545" s="2">
        <v>327.79999999998995</v>
      </c>
    </row>
    <row r="8546" spans="1:5" x14ac:dyDescent="0.25">
      <c r="A8546" s="3">
        <v>41829.578182870369</v>
      </c>
      <c r="B8546" s="2">
        <v>27.1</v>
      </c>
      <c r="C8546" s="2">
        <v>190</v>
      </c>
      <c r="D8546" s="2">
        <v>0</v>
      </c>
      <c r="E8546" s="2">
        <v>327.79999999998995</v>
      </c>
    </row>
    <row r="8547" spans="1:5" x14ac:dyDescent="0.25">
      <c r="A8547" s="3">
        <v>41829.578414351854</v>
      </c>
      <c r="B8547" s="2">
        <v>27.1</v>
      </c>
      <c r="C8547" s="2">
        <v>189.8</v>
      </c>
      <c r="D8547" s="2">
        <v>0</v>
      </c>
      <c r="E8547" s="2">
        <v>327.79999999998995</v>
      </c>
    </row>
    <row r="8548" spans="1:5" x14ac:dyDescent="0.25">
      <c r="A8548" s="3">
        <v>41829.582986111112</v>
      </c>
      <c r="B8548" s="2">
        <v>27.4</v>
      </c>
      <c r="C8548" s="2">
        <v>190</v>
      </c>
      <c r="D8548" s="2">
        <v>0</v>
      </c>
      <c r="E8548" s="2">
        <v>327.79999999998995</v>
      </c>
    </row>
    <row r="8549" spans="1:5" x14ac:dyDescent="0.25">
      <c r="A8549" s="3">
        <v>41829.58321759259</v>
      </c>
      <c r="B8549" s="2">
        <v>27.4</v>
      </c>
      <c r="C8549" s="2">
        <v>189.8</v>
      </c>
      <c r="D8549" s="2">
        <v>0</v>
      </c>
      <c r="E8549" s="2">
        <v>327.79999999998995</v>
      </c>
    </row>
    <row r="8550" spans="1:5" x14ac:dyDescent="0.25">
      <c r="A8550" s="3">
        <v>41829.638483796298</v>
      </c>
      <c r="B8550" s="2">
        <v>27.4</v>
      </c>
      <c r="C8550" s="2">
        <v>189.8</v>
      </c>
      <c r="D8550" s="2">
        <v>0.2</v>
      </c>
      <c r="E8550" s="2">
        <v>327.99999999998994</v>
      </c>
    </row>
    <row r="8551" spans="1:5" x14ac:dyDescent="0.25">
      <c r="A8551" s="3">
        <v>41829.641377314816</v>
      </c>
      <c r="B8551" s="2">
        <v>27.2</v>
      </c>
      <c r="C8551" s="2">
        <v>190</v>
      </c>
      <c r="D8551" s="2">
        <v>0</v>
      </c>
      <c r="E8551" s="2">
        <v>327.99999999998994</v>
      </c>
    </row>
    <row r="8552" spans="1:5" x14ac:dyDescent="0.25">
      <c r="A8552" s="3">
        <v>41829.641782407409</v>
      </c>
      <c r="B8552" s="2">
        <v>27.2</v>
      </c>
      <c r="C8552" s="2">
        <v>190</v>
      </c>
      <c r="D8552" s="2">
        <v>0.2</v>
      </c>
      <c r="E8552" s="2">
        <v>328.19999999998993</v>
      </c>
    </row>
    <row r="8553" spans="1:5" x14ac:dyDescent="0.25">
      <c r="A8553" s="3">
        <v>41829.645254629628</v>
      </c>
      <c r="B8553" s="2">
        <v>27</v>
      </c>
      <c r="C8553" s="2">
        <v>190</v>
      </c>
      <c r="D8553" s="2">
        <v>0.2</v>
      </c>
      <c r="E8553" s="2">
        <v>328.39999999998992</v>
      </c>
    </row>
    <row r="8554" spans="1:5" x14ac:dyDescent="0.25">
      <c r="A8554" s="3">
        <v>41829.647627314815</v>
      </c>
      <c r="B8554" s="2">
        <v>26.9</v>
      </c>
      <c r="C8554" s="2">
        <v>190.2</v>
      </c>
      <c r="D8554" s="2">
        <v>0</v>
      </c>
      <c r="E8554" s="2">
        <v>328.39999999998992</v>
      </c>
    </row>
    <row r="8555" spans="1:5" x14ac:dyDescent="0.25">
      <c r="A8555" s="3">
        <v>41829.648784722223</v>
      </c>
      <c r="B8555" s="2">
        <v>26.9</v>
      </c>
      <c r="C8555" s="2">
        <v>190.2</v>
      </c>
      <c r="D8555" s="2">
        <v>0.2</v>
      </c>
      <c r="E8555" s="2">
        <v>328.5999999999899</v>
      </c>
    </row>
    <row r="8556" spans="1:5" x14ac:dyDescent="0.25">
      <c r="A8556" s="3">
        <v>41829.652951388889</v>
      </c>
      <c r="B8556" s="2">
        <v>26.8</v>
      </c>
      <c r="C8556" s="2">
        <v>190.4</v>
      </c>
      <c r="D8556" s="2">
        <v>0</v>
      </c>
      <c r="E8556" s="2">
        <v>328.5999999999899</v>
      </c>
    </row>
    <row r="8557" spans="1:5" x14ac:dyDescent="0.25">
      <c r="A8557" s="3">
        <v>41829.653356481482</v>
      </c>
      <c r="B8557" s="2">
        <v>26.8</v>
      </c>
      <c r="C8557" s="2">
        <v>190.4</v>
      </c>
      <c r="D8557" s="2">
        <v>0.2</v>
      </c>
      <c r="E8557" s="2">
        <v>328.79999999998989</v>
      </c>
    </row>
    <row r="8558" spans="1:5" x14ac:dyDescent="0.25">
      <c r="A8558" s="3">
        <v>41829.69809027778</v>
      </c>
      <c r="B8558" s="2">
        <v>26.1</v>
      </c>
      <c r="C8558" s="2">
        <v>190.2</v>
      </c>
      <c r="D8558" s="2">
        <v>0</v>
      </c>
      <c r="E8558" s="2">
        <v>328.79999999998989</v>
      </c>
    </row>
    <row r="8559" spans="1:5" x14ac:dyDescent="0.25">
      <c r="A8559" s="3">
        <v>41829.707638888889</v>
      </c>
      <c r="B8559" s="2">
        <v>26</v>
      </c>
      <c r="C8559" s="2">
        <v>190.4</v>
      </c>
      <c r="D8559" s="2">
        <v>0</v>
      </c>
      <c r="E8559" s="2">
        <v>328.79999999998989</v>
      </c>
    </row>
    <row r="8560" spans="1:5" x14ac:dyDescent="0.25">
      <c r="A8560" s="3">
        <v>41829.710011574076</v>
      </c>
      <c r="B8560" s="2">
        <v>25.9</v>
      </c>
      <c r="C8560" s="2">
        <v>190.4</v>
      </c>
      <c r="D8560" s="2">
        <v>0.2</v>
      </c>
      <c r="E8560" s="2">
        <v>328.99999999998988</v>
      </c>
    </row>
    <row r="8561" spans="1:5" x14ac:dyDescent="0.25">
      <c r="A8561" s="3">
        <v>41829.724016203705</v>
      </c>
      <c r="B8561" s="2">
        <v>25.6</v>
      </c>
      <c r="C8561" s="2">
        <v>190.2</v>
      </c>
      <c r="D8561" s="2">
        <v>0</v>
      </c>
      <c r="E8561" s="2">
        <v>328.99999999998988</v>
      </c>
    </row>
    <row r="8562" spans="1:5" x14ac:dyDescent="0.25">
      <c r="A8562" s="3">
        <v>41829.731365740743</v>
      </c>
      <c r="B8562" s="2">
        <v>25.4</v>
      </c>
      <c r="C8562" s="2">
        <v>190.4</v>
      </c>
      <c r="D8562" s="2">
        <v>0</v>
      </c>
      <c r="E8562" s="2">
        <v>328.99999999998988</v>
      </c>
    </row>
    <row r="8563" spans="1:5" x14ac:dyDescent="0.25">
      <c r="A8563" s="3">
        <v>41829.734259259261</v>
      </c>
      <c r="B8563" s="2">
        <v>25.3</v>
      </c>
      <c r="C8563" s="2">
        <v>190.4</v>
      </c>
      <c r="D8563" s="2">
        <v>0.2</v>
      </c>
      <c r="E8563" s="2">
        <v>329.19999999998987</v>
      </c>
    </row>
    <row r="8564" spans="1:5" x14ac:dyDescent="0.25">
      <c r="A8564" s="3">
        <v>41829.73883101852</v>
      </c>
      <c r="B8564" s="2">
        <v>25.2</v>
      </c>
      <c r="C8564" s="2">
        <v>190.4</v>
      </c>
      <c r="D8564" s="2">
        <v>0.2</v>
      </c>
      <c r="E8564" s="2">
        <v>329.39999999998986</v>
      </c>
    </row>
    <row r="8565" spans="1:5" x14ac:dyDescent="0.25">
      <c r="A8565" s="3">
        <v>41829.833912037036</v>
      </c>
      <c r="B8565" s="2">
        <v>23.9</v>
      </c>
      <c r="C8565" s="2">
        <v>190.2</v>
      </c>
      <c r="D8565" s="2">
        <v>0</v>
      </c>
      <c r="E8565" s="2">
        <v>329.39999999998986</v>
      </c>
    </row>
    <row r="8566" spans="1:5" x14ac:dyDescent="0.25">
      <c r="A8566" s="3">
        <v>41829.931192129632</v>
      </c>
      <c r="B8566" s="2">
        <v>22</v>
      </c>
      <c r="C8566" s="2">
        <v>190</v>
      </c>
      <c r="D8566" s="2">
        <v>0</v>
      </c>
      <c r="E8566" s="2">
        <v>329.39999999998986</v>
      </c>
    </row>
    <row r="8567" spans="1:5" x14ac:dyDescent="0.25">
      <c r="A8567" s="3">
        <v>41830.028935185182</v>
      </c>
      <c r="B8567" s="2">
        <v>20.6</v>
      </c>
      <c r="C8567" s="2">
        <v>190</v>
      </c>
      <c r="D8567" s="2">
        <v>0.2</v>
      </c>
      <c r="E8567" s="2">
        <v>329.59999999998985</v>
      </c>
    </row>
    <row r="8568" spans="1:5" x14ac:dyDescent="0.25">
      <c r="A8568" s="3">
        <v>41830.035532407404</v>
      </c>
      <c r="B8568" s="2">
        <v>20.5</v>
      </c>
      <c r="C8568" s="2">
        <v>190.2</v>
      </c>
      <c r="D8568" s="2">
        <v>0</v>
      </c>
      <c r="E8568" s="2">
        <v>329.59999999998985</v>
      </c>
    </row>
    <row r="8569" spans="1:5" x14ac:dyDescent="0.25">
      <c r="A8569" s="3">
        <v>41830.042129629626</v>
      </c>
      <c r="B8569" s="2">
        <v>20.399999999999999</v>
      </c>
      <c r="C8569" s="2">
        <v>190.2</v>
      </c>
      <c r="D8569" s="2">
        <v>0.2</v>
      </c>
      <c r="E8569" s="2">
        <v>329.79999999998984</v>
      </c>
    </row>
    <row r="8570" spans="1:5" x14ac:dyDescent="0.25">
      <c r="A8570" s="3">
        <v>41830.053703703707</v>
      </c>
      <c r="B8570" s="2">
        <v>20.2</v>
      </c>
      <c r="C8570" s="2">
        <v>190.2</v>
      </c>
      <c r="D8570" s="2">
        <v>0.2</v>
      </c>
      <c r="E8570" s="2">
        <v>329.99999999998983</v>
      </c>
    </row>
    <row r="8571" spans="1:5" x14ac:dyDescent="0.25">
      <c r="A8571" s="3">
        <v>41830.057581018518</v>
      </c>
      <c r="B8571" s="2">
        <v>20.100000000000001</v>
      </c>
      <c r="C8571" s="2">
        <v>190.4</v>
      </c>
      <c r="D8571" s="2">
        <v>0</v>
      </c>
      <c r="E8571" s="2">
        <v>329.99999999998983</v>
      </c>
    </row>
    <row r="8572" spans="1:5" x14ac:dyDescent="0.25">
      <c r="A8572" s="3">
        <v>41830.060648148145</v>
      </c>
      <c r="B8572" s="2">
        <v>20.100000000000001</v>
      </c>
      <c r="C8572" s="2">
        <v>190.4</v>
      </c>
      <c r="D8572" s="2">
        <v>0.2</v>
      </c>
      <c r="E8572" s="2">
        <v>330.19999999998981</v>
      </c>
    </row>
    <row r="8573" spans="1:5" x14ac:dyDescent="0.25">
      <c r="A8573" s="3">
        <v>41830.061516203707</v>
      </c>
      <c r="B8573" s="2">
        <v>20.100000000000001</v>
      </c>
      <c r="C8573" s="2">
        <v>190.6</v>
      </c>
      <c r="D8573" s="2">
        <v>0</v>
      </c>
      <c r="E8573" s="2">
        <v>330.19999999998981</v>
      </c>
    </row>
    <row r="8574" spans="1:5" x14ac:dyDescent="0.25">
      <c r="A8574" s="3">
        <v>41830.062326388892</v>
      </c>
      <c r="B8574" s="2">
        <v>20.100000000000001</v>
      </c>
      <c r="C8574" s="2">
        <v>190.6</v>
      </c>
      <c r="D8574" s="2">
        <v>0.2</v>
      </c>
      <c r="E8574" s="2">
        <v>330.3999999999898</v>
      </c>
    </row>
    <row r="8575" spans="1:5" x14ac:dyDescent="0.25">
      <c r="A8575" s="3">
        <v>41830.063715277778</v>
      </c>
      <c r="B8575" s="2">
        <v>20</v>
      </c>
      <c r="C8575" s="2">
        <v>190.8</v>
      </c>
      <c r="D8575" s="2">
        <v>0</v>
      </c>
      <c r="E8575" s="2">
        <v>330.3999999999898</v>
      </c>
    </row>
    <row r="8576" spans="1:5" x14ac:dyDescent="0.25">
      <c r="A8576" s="3">
        <v>41830.064062500001</v>
      </c>
      <c r="B8576" s="2">
        <v>20</v>
      </c>
      <c r="C8576" s="2">
        <v>190.8</v>
      </c>
      <c r="D8576" s="2">
        <v>0.2</v>
      </c>
      <c r="E8576" s="2">
        <v>330.59999999998979</v>
      </c>
    </row>
    <row r="8577" spans="1:5" x14ac:dyDescent="0.25">
      <c r="A8577" s="3">
        <v>41830.065625000003</v>
      </c>
      <c r="B8577" s="2">
        <v>20</v>
      </c>
      <c r="C8577" s="2">
        <v>191</v>
      </c>
      <c r="D8577" s="2">
        <v>0</v>
      </c>
      <c r="E8577" s="2">
        <v>330.59999999998979</v>
      </c>
    </row>
    <row r="8578" spans="1:5" x14ac:dyDescent="0.25">
      <c r="A8578" s="3">
        <v>41830.066087962965</v>
      </c>
      <c r="B8578" s="2">
        <v>19.899999999999999</v>
      </c>
      <c r="C8578" s="2">
        <v>191</v>
      </c>
      <c r="D8578" s="2">
        <v>0.2</v>
      </c>
      <c r="E8578" s="2">
        <v>330.79999999998978</v>
      </c>
    </row>
    <row r="8579" spans="1:5" x14ac:dyDescent="0.25">
      <c r="A8579" s="3">
        <v>41830.06759259259</v>
      </c>
      <c r="B8579" s="2">
        <v>19.899999999999999</v>
      </c>
      <c r="C8579" s="2">
        <v>191.2</v>
      </c>
      <c r="D8579" s="2">
        <v>0</v>
      </c>
      <c r="E8579" s="2">
        <v>330.79999999998978</v>
      </c>
    </row>
    <row r="8580" spans="1:5" x14ac:dyDescent="0.25">
      <c r="A8580" s="3">
        <v>41830.068171296298</v>
      </c>
      <c r="B8580" s="2">
        <v>19.899999999999999</v>
      </c>
      <c r="C8580" s="2">
        <v>191.2</v>
      </c>
      <c r="D8580" s="2">
        <v>0.2</v>
      </c>
      <c r="E8580" s="2">
        <v>330.99999999998977</v>
      </c>
    </row>
    <row r="8581" spans="1:5" x14ac:dyDescent="0.25">
      <c r="A8581" s="3">
        <v>41830.070659722223</v>
      </c>
      <c r="B8581" s="2">
        <v>19.899999999999999</v>
      </c>
      <c r="C8581" s="2">
        <v>191.4</v>
      </c>
      <c r="D8581" s="2">
        <v>0</v>
      </c>
      <c r="E8581" s="2">
        <v>330.99999999998977</v>
      </c>
    </row>
    <row r="8582" spans="1:5" x14ac:dyDescent="0.25">
      <c r="A8582" s="3">
        <v>41830.074247685188</v>
      </c>
      <c r="B8582" s="2">
        <v>19.8</v>
      </c>
      <c r="C8582" s="2">
        <v>191.4</v>
      </c>
      <c r="D8582" s="2">
        <v>0.2</v>
      </c>
      <c r="E8582" s="2">
        <v>331.19999999998976</v>
      </c>
    </row>
    <row r="8583" spans="1:5" x14ac:dyDescent="0.25">
      <c r="A8583" s="3">
        <v>41830.169560185182</v>
      </c>
      <c r="B8583" s="2">
        <v>18.600000000000001</v>
      </c>
      <c r="C8583" s="2">
        <v>191.4</v>
      </c>
      <c r="D8583" s="2">
        <v>0.2</v>
      </c>
      <c r="E8583" s="2">
        <v>331.39999999998975</v>
      </c>
    </row>
    <row r="8584" spans="1:5" x14ac:dyDescent="0.25">
      <c r="A8584" s="3">
        <v>41830.177199074074</v>
      </c>
      <c r="B8584" s="2">
        <v>18.5</v>
      </c>
      <c r="C8584" s="2">
        <v>191.6</v>
      </c>
      <c r="D8584" s="2">
        <v>0</v>
      </c>
      <c r="E8584" s="2">
        <v>331.39999999998975</v>
      </c>
    </row>
    <row r="8585" spans="1:5" x14ac:dyDescent="0.25">
      <c r="A8585" s="3">
        <v>41830.18310185185</v>
      </c>
      <c r="B8585" s="2">
        <v>18.5</v>
      </c>
      <c r="C8585" s="2">
        <v>191.6</v>
      </c>
      <c r="D8585" s="2">
        <v>0.2</v>
      </c>
      <c r="E8585" s="2">
        <v>331.59999999998973</v>
      </c>
    </row>
    <row r="8586" spans="1:5" x14ac:dyDescent="0.25">
      <c r="A8586" s="3">
        <v>41830.193402777775</v>
      </c>
      <c r="B8586" s="2">
        <v>18.399999999999999</v>
      </c>
      <c r="C8586" s="2">
        <v>191.6</v>
      </c>
      <c r="D8586" s="2">
        <v>0.2</v>
      </c>
      <c r="E8586" s="2">
        <v>331.79999999998972</v>
      </c>
    </row>
    <row r="8587" spans="1:5" x14ac:dyDescent="0.25">
      <c r="A8587" s="3">
        <v>41830.19427083333</v>
      </c>
      <c r="B8587" s="2">
        <v>18.399999999999999</v>
      </c>
      <c r="C8587" s="2">
        <v>191.8</v>
      </c>
      <c r="D8587" s="2">
        <v>0</v>
      </c>
      <c r="E8587" s="2">
        <v>331.79999999998972</v>
      </c>
    </row>
    <row r="8588" spans="1:5" x14ac:dyDescent="0.25">
      <c r="A8588" s="3">
        <v>41830.199131944442</v>
      </c>
      <c r="B8588" s="2">
        <v>18.3</v>
      </c>
      <c r="C8588" s="2">
        <v>191.8</v>
      </c>
      <c r="D8588" s="2">
        <v>0.2</v>
      </c>
      <c r="E8588" s="2">
        <v>331.99999999998971</v>
      </c>
    </row>
    <row r="8589" spans="1:5" x14ac:dyDescent="0.25">
      <c r="A8589" s="3">
        <v>41830.199189814812</v>
      </c>
      <c r="B8589" s="2">
        <v>18.3</v>
      </c>
      <c r="C8589" s="2">
        <v>192</v>
      </c>
      <c r="D8589" s="2">
        <v>0</v>
      </c>
      <c r="E8589" s="2">
        <v>331.99999999998971</v>
      </c>
    </row>
    <row r="8590" spans="1:5" x14ac:dyDescent="0.25">
      <c r="A8590" s="3">
        <v>41830.203645833331</v>
      </c>
      <c r="B8590" s="2">
        <v>18.2</v>
      </c>
      <c r="C8590" s="2">
        <v>192.2</v>
      </c>
      <c r="D8590" s="2">
        <v>0</v>
      </c>
      <c r="E8590" s="2">
        <v>331.99999999998971</v>
      </c>
    </row>
    <row r="8591" spans="1:5" x14ac:dyDescent="0.25">
      <c r="A8591" s="3">
        <v>41830.204282407409</v>
      </c>
      <c r="B8591" s="2">
        <v>18.2</v>
      </c>
      <c r="C8591" s="2">
        <v>192.2</v>
      </c>
      <c r="D8591" s="2">
        <v>0.2</v>
      </c>
      <c r="E8591" s="2">
        <v>332.1999999999897</v>
      </c>
    </row>
    <row r="8592" spans="1:5" x14ac:dyDescent="0.25">
      <c r="A8592" s="3">
        <v>41830.211400462962</v>
      </c>
      <c r="B8592" s="2">
        <v>18.100000000000001</v>
      </c>
      <c r="C8592" s="2">
        <v>192.4</v>
      </c>
      <c r="D8592" s="2">
        <v>0</v>
      </c>
      <c r="E8592" s="2">
        <v>332.1999999999897</v>
      </c>
    </row>
    <row r="8593" spans="1:5" x14ac:dyDescent="0.25">
      <c r="A8593" s="3">
        <v>41830.212731481479</v>
      </c>
      <c r="B8593" s="2">
        <v>18.100000000000001</v>
      </c>
      <c r="C8593" s="2">
        <v>192.4</v>
      </c>
      <c r="D8593" s="2">
        <v>0.2</v>
      </c>
      <c r="E8593" s="2">
        <v>332.39999999998969</v>
      </c>
    </row>
    <row r="8594" spans="1:5" x14ac:dyDescent="0.25">
      <c r="A8594" s="3">
        <v>41830.214756944442</v>
      </c>
      <c r="B8594" s="2">
        <v>18.100000000000001</v>
      </c>
      <c r="C8594" s="2">
        <v>192.6</v>
      </c>
      <c r="D8594" s="2">
        <v>0</v>
      </c>
      <c r="E8594" s="2">
        <v>332.39999999998969</v>
      </c>
    </row>
    <row r="8595" spans="1:5" x14ac:dyDescent="0.25">
      <c r="A8595" s="3">
        <v>41830.215624999997</v>
      </c>
      <c r="B8595" s="2">
        <v>18.100000000000001</v>
      </c>
      <c r="C8595" s="2">
        <v>192.6</v>
      </c>
      <c r="D8595" s="2">
        <v>0.2</v>
      </c>
      <c r="E8595" s="2">
        <v>332.59999999998968</v>
      </c>
    </row>
    <row r="8596" spans="1:5" x14ac:dyDescent="0.25">
      <c r="A8596" s="3">
        <v>41830.217245370368</v>
      </c>
      <c r="B8596" s="2">
        <v>18.100000000000001</v>
      </c>
      <c r="C8596" s="2">
        <v>192.8</v>
      </c>
      <c r="D8596" s="2">
        <v>0</v>
      </c>
      <c r="E8596" s="2">
        <v>332.59999999998968</v>
      </c>
    </row>
    <row r="8597" spans="1:5" x14ac:dyDescent="0.25">
      <c r="A8597" s="3">
        <v>41830.218576388892</v>
      </c>
      <c r="B8597" s="2">
        <v>18.100000000000001</v>
      </c>
      <c r="C8597" s="2">
        <v>192.8</v>
      </c>
      <c r="D8597" s="2">
        <v>0.2</v>
      </c>
      <c r="E8597" s="2">
        <v>332.79999999998967</v>
      </c>
    </row>
    <row r="8598" spans="1:5" x14ac:dyDescent="0.25">
      <c r="A8598" s="3">
        <v>41830.222048611111</v>
      </c>
      <c r="B8598" s="2">
        <v>18</v>
      </c>
      <c r="C8598" s="2">
        <v>193</v>
      </c>
      <c r="D8598" s="2">
        <v>0</v>
      </c>
      <c r="E8598" s="2">
        <v>332.79999999998967</v>
      </c>
    </row>
    <row r="8599" spans="1:5" x14ac:dyDescent="0.25">
      <c r="A8599" s="3">
        <v>41830.22384259259</v>
      </c>
      <c r="B8599" s="2">
        <v>18</v>
      </c>
      <c r="C8599" s="2">
        <v>193</v>
      </c>
      <c r="D8599" s="2">
        <v>0.2</v>
      </c>
      <c r="E8599" s="2">
        <v>332.99999999998965</v>
      </c>
    </row>
    <row r="8600" spans="1:5" x14ac:dyDescent="0.25">
      <c r="A8600" s="3">
        <v>41830.228356481479</v>
      </c>
      <c r="B8600" s="2">
        <v>17.899999999999999</v>
      </c>
      <c r="C8600" s="2">
        <v>193.2</v>
      </c>
      <c r="D8600" s="2">
        <v>0</v>
      </c>
      <c r="E8600" s="2">
        <v>332.99999999998965</v>
      </c>
    </row>
    <row r="8601" spans="1:5" x14ac:dyDescent="0.25">
      <c r="A8601" s="3">
        <v>41830.229571759257</v>
      </c>
      <c r="B8601" s="2">
        <v>18</v>
      </c>
      <c r="C8601" s="2">
        <v>193.2</v>
      </c>
      <c r="D8601" s="2">
        <v>0.2</v>
      </c>
      <c r="E8601" s="2">
        <v>333.19999999998964</v>
      </c>
    </row>
    <row r="8602" spans="1:5" x14ac:dyDescent="0.25">
      <c r="A8602" s="3">
        <v>41830.234664351854</v>
      </c>
      <c r="B8602" s="2">
        <v>17.899999999999999</v>
      </c>
      <c r="C8602" s="2">
        <v>193.4</v>
      </c>
      <c r="D8602" s="2">
        <v>0</v>
      </c>
      <c r="E8602" s="2">
        <v>333.19999999998964</v>
      </c>
    </row>
    <row r="8603" spans="1:5" x14ac:dyDescent="0.25">
      <c r="A8603" s="3">
        <v>41830.235127314816</v>
      </c>
      <c r="B8603" s="2">
        <v>17.899999999999999</v>
      </c>
      <c r="C8603" s="2">
        <v>193.4</v>
      </c>
      <c r="D8603" s="2">
        <v>0.2</v>
      </c>
      <c r="E8603" s="2">
        <v>333.39999999998963</v>
      </c>
    </row>
    <row r="8604" spans="1:5" x14ac:dyDescent="0.25">
      <c r="A8604" s="3">
        <v>41830.240740740737</v>
      </c>
      <c r="B8604" s="2">
        <v>17.8</v>
      </c>
      <c r="C8604" s="2">
        <v>193.4</v>
      </c>
      <c r="D8604" s="2">
        <v>0.2</v>
      </c>
      <c r="E8604" s="2">
        <v>333.59999999998962</v>
      </c>
    </row>
    <row r="8605" spans="1:5" x14ac:dyDescent="0.25">
      <c r="A8605" s="3">
        <v>41830.242071759261</v>
      </c>
      <c r="B8605" s="2">
        <v>17.8</v>
      </c>
      <c r="C8605" s="2">
        <v>193.6</v>
      </c>
      <c r="D8605" s="2">
        <v>0</v>
      </c>
      <c r="E8605" s="2">
        <v>333.59999999998962</v>
      </c>
    </row>
    <row r="8606" spans="1:5" x14ac:dyDescent="0.25">
      <c r="A8606" s="3">
        <v>41830.247858796298</v>
      </c>
      <c r="B8606" s="2">
        <v>17.7</v>
      </c>
      <c r="C8606" s="2">
        <v>193.6</v>
      </c>
      <c r="D8606" s="2">
        <v>0.2</v>
      </c>
      <c r="E8606" s="2">
        <v>333.79999999998961</v>
      </c>
    </row>
    <row r="8607" spans="1:5" x14ac:dyDescent="0.25">
      <c r="A8607" s="3">
        <v>41830.251157407409</v>
      </c>
      <c r="B8607" s="2">
        <v>17.7</v>
      </c>
      <c r="C8607" s="2">
        <v>193.8</v>
      </c>
      <c r="D8607" s="2">
        <v>0</v>
      </c>
      <c r="E8607" s="2">
        <v>333.79999999998961</v>
      </c>
    </row>
    <row r="8608" spans="1:5" x14ac:dyDescent="0.25">
      <c r="A8608" s="3">
        <v>41830.256828703707</v>
      </c>
      <c r="B8608" s="2">
        <v>17.7</v>
      </c>
      <c r="C8608" s="2">
        <v>194</v>
      </c>
      <c r="D8608" s="2">
        <v>0</v>
      </c>
      <c r="E8608" s="2">
        <v>333.79999999998961</v>
      </c>
    </row>
    <row r="8609" spans="1:5" x14ac:dyDescent="0.25">
      <c r="A8609" s="3">
        <v>41830.256944444445</v>
      </c>
      <c r="B8609" s="2">
        <v>17.7</v>
      </c>
      <c r="C8609" s="2">
        <v>194</v>
      </c>
      <c r="D8609" s="2">
        <v>0.2</v>
      </c>
      <c r="E8609" s="2">
        <v>333.9999999999896</v>
      </c>
    </row>
    <row r="8610" spans="1:5" x14ac:dyDescent="0.25">
      <c r="A8610" s="3">
        <v>41830.260011574072</v>
      </c>
      <c r="B8610" s="2">
        <v>17.600000000000001</v>
      </c>
      <c r="C8610" s="2">
        <v>194</v>
      </c>
      <c r="D8610" s="2">
        <v>0.2</v>
      </c>
      <c r="E8610" s="2">
        <v>334.19999999998959</v>
      </c>
    </row>
    <row r="8611" spans="1:5" x14ac:dyDescent="0.25">
      <c r="A8611" s="3">
        <v>41830.26053240741</v>
      </c>
      <c r="B8611" s="2">
        <v>17.600000000000001</v>
      </c>
      <c r="C8611" s="2">
        <v>194.2</v>
      </c>
      <c r="D8611" s="2">
        <v>0</v>
      </c>
      <c r="E8611" s="2">
        <v>334.19999999998959</v>
      </c>
    </row>
    <row r="8612" spans="1:5" x14ac:dyDescent="0.25">
      <c r="A8612" s="3">
        <v>41830.266145833331</v>
      </c>
      <c r="B8612" s="2">
        <v>17.5</v>
      </c>
      <c r="C8612" s="2">
        <v>194.2</v>
      </c>
      <c r="D8612" s="2">
        <v>0.2</v>
      </c>
      <c r="E8612" s="2">
        <v>334.39999999998957</v>
      </c>
    </row>
    <row r="8613" spans="1:5" x14ac:dyDescent="0.25">
      <c r="A8613" s="3">
        <v>41830.266898148147</v>
      </c>
      <c r="B8613" s="2">
        <v>17.5</v>
      </c>
      <c r="C8613" s="2">
        <v>194.4</v>
      </c>
      <c r="D8613" s="2">
        <v>0</v>
      </c>
      <c r="E8613" s="2">
        <v>334.39999999998957</v>
      </c>
    </row>
    <row r="8614" spans="1:5" x14ac:dyDescent="0.25">
      <c r="A8614" s="3">
        <v>41830.268460648149</v>
      </c>
      <c r="B8614" s="2">
        <v>17.5</v>
      </c>
      <c r="C8614" s="2">
        <v>194.4</v>
      </c>
      <c r="D8614" s="2">
        <v>0.2</v>
      </c>
      <c r="E8614" s="2">
        <v>334.59999999998956</v>
      </c>
    </row>
    <row r="8615" spans="1:5" x14ac:dyDescent="0.25">
      <c r="A8615" s="3">
        <v>41830.26903935185</v>
      </c>
      <c r="B8615" s="2">
        <v>17.5</v>
      </c>
      <c r="C8615" s="2">
        <v>194.6</v>
      </c>
      <c r="D8615" s="2">
        <v>0</v>
      </c>
      <c r="E8615" s="2">
        <v>334.59999999998956</v>
      </c>
    </row>
    <row r="8616" spans="1:5" x14ac:dyDescent="0.25">
      <c r="A8616" s="3">
        <v>41830.270486111112</v>
      </c>
      <c r="B8616" s="2">
        <v>17.5</v>
      </c>
      <c r="C8616" s="2">
        <v>194.6</v>
      </c>
      <c r="D8616" s="2">
        <v>0.2</v>
      </c>
      <c r="E8616" s="2">
        <v>334.79999999998955</v>
      </c>
    </row>
    <row r="8617" spans="1:5" x14ac:dyDescent="0.25">
      <c r="A8617" s="3">
        <v>41830.270949074074</v>
      </c>
      <c r="B8617" s="2">
        <v>17.5</v>
      </c>
      <c r="C8617" s="2">
        <v>194.8</v>
      </c>
      <c r="D8617" s="2">
        <v>0</v>
      </c>
      <c r="E8617" s="2">
        <v>334.79999999998955</v>
      </c>
    </row>
    <row r="8618" spans="1:5" x14ac:dyDescent="0.25">
      <c r="A8618" s="3">
        <v>41830.277141203704</v>
      </c>
      <c r="B8618" s="2">
        <v>17.399999999999999</v>
      </c>
      <c r="C8618" s="2">
        <v>194.8</v>
      </c>
      <c r="D8618" s="2">
        <v>0.2</v>
      </c>
      <c r="E8618" s="2">
        <v>334.99999999998954</v>
      </c>
    </row>
    <row r="8619" spans="1:5" x14ac:dyDescent="0.25">
      <c r="A8619" s="3">
        <v>41830.28020833333</v>
      </c>
      <c r="B8619" s="2">
        <v>17.399999999999999</v>
      </c>
      <c r="C8619" s="2">
        <v>195</v>
      </c>
      <c r="D8619" s="2">
        <v>0</v>
      </c>
      <c r="E8619" s="2">
        <v>334.99999999998954</v>
      </c>
    </row>
    <row r="8620" spans="1:5" x14ac:dyDescent="0.25">
      <c r="A8620" s="3">
        <v>41830.287847222222</v>
      </c>
      <c r="B8620" s="2">
        <v>17.3</v>
      </c>
      <c r="C8620" s="2">
        <v>195</v>
      </c>
      <c r="D8620" s="2">
        <v>0.2</v>
      </c>
      <c r="E8620" s="2">
        <v>335.19999999998953</v>
      </c>
    </row>
    <row r="8621" spans="1:5" x14ac:dyDescent="0.25">
      <c r="A8621" s="3">
        <v>41830.290972222225</v>
      </c>
      <c r="B8621" s="2">
        <v>17.3</v>
      </c>
      <c r="C8621" s="2">
        <v>195.2</v>
      </c>
      <c r="D8621" s="2">
        <v>0</v>
      </c>
      <c r="E8621" s="2">
        <v>335.19999999998953</v>
      </c>
    </row>
    <row r="8622" spans="1:5" x14ac:dyDescent="0.25">
      <c r="A8622" s="3">
        <v>41830.299131944441</v>
      </c>
      <c r="B8622" s="2">
        <v>17.3</v>
      </c>
      <c r="C8622" s="2">
        <v>195.2</v>
      </c>
      <c r="D8622" s="2">
        <v>0.2</v>
      </c>
      <c r="E8622" s="2">
        <v>335.39999999998952</v>
      </c>
    </row>
    <row r="8623" spans="1:5" x14ac:dyDescent="0.25">
      <c r="A8623" s="3">
        <v>41830.300578703704</v>
      </c>
      <c r="B8623" s="2">
        <v>17.3</v>
      </c>
      <c r="C8623" s="2">
        <v>195.4</v>
      </c>
      <c r="D8623" s="2">
        <v>0</v>
      </c>
      <c r="E8623" s="2">
        <v>335.39999999998952</v>
      </c>
    </row>
    <row r="8624" spans="1:5" x14ac:dyDescent="0.25">
      <c r="A8624" s="3">
        <v>41830.307812500003</v>
      </c>
      <c r="B8624" s="2">
        <v>17.2</v>
      </c>
      <c r="C8624" s="2">
        <v>195.6</v>
      </c>
      <c r="D8624" s="2">
        <v>0</v>
      </c>
      <c r="E8624" s="2">
        <v>335.39999999998952</v>
      </c>
    </row>
    <row r="8625" spans="1:5" x14ac:dyDescent="0.25">
      <c r="A8625" s="3">
        <v>41830.310011574074</v>
      </c>
      <c r="B8625" s="2">
        <v>17.2</v>
      </c>
      <c r="C8625" s="2">
        <v>195.6</v>
      </c>
      <c r="D8625" s="2">
        <v>0.2</v>
      </c>
      <c r="E8625" s="2">
        <v>335.59999999998951</v>
      </c>
    </row>
    <row r="8626" spans="1:5" x14ac:dyDescent="0.25">
      <c r="A8626" s="3">
        <v>41830.313773148147</v>
      </c>
      <c r="B8626" s="2">
        <v>17.2</v>
      </c>
      <c r="C8626" s="2">
        <v>195.8</v>
      </c>
      <c r="D8626" s="2">
        <v>0</v>
      </c>
      <c r="E8626" s="2">
        <v>335.59999999998951</v>
      </c>
    </row>
    <row r="8627" spans="1:5" x14ac:dyDescent="0.25">
      <c r="A8627" s="3">
        <v>41830.314409722225</v>
      </c>
      <c r="B8627" s="2">
        <v>17.2</v>
      </c>
      <c r="C8627" s="2">
        <v>195.8</v>
      </c>
      <c r="D8627" s="2">
        <v>0.2</v>
      </c>
      <c r="E8627" s="2">
        <v>335.7999999999895</v>
      </c>
    </row>
    <row r="8628" spans="1:5" x14ac:dyDescent="0.25">
      <c r="A8628" s="3">
        <v>41830.318402777775</v>
      </c>
      <c r="B8628" s="2">
        <v>17.2</v>
      </c>
      <c r="C8628" s="2">
        <v>195.8</v>
      </c>
      <c r="D8628" s="2">
        <v>0.2</v>
      </c>
      <c r="E8628" s="2">
        <v>335.99999999998948</v>
      </c>
    </row>
    <row r="8629" spans="1:5" x14ac:dyDescent="0.25">
      <c r="A8629" s="3">
        <v>41830.318518518521</v>
      </c>
      <c r="B8629" s="2">
        <v>17.2</v>
      </c>
      <c r="C8629" s="2">
        <v>196</v>
      </c>
      <c r="D8629" s="2">
        <v>0</v>
      </c>
      <c r="E8629" s="2">
        <v>335.99999999998948</v>
      </c>
    </row>
    <row r="8630" spans="1:5" x14ac:dyDescent="0.25">
      <c r="A8630" s="3">
        <v>41830.320659722223</v>
      </c>
      <c r="B8630" s="2">
        <v>17.100000000000001</v>
      </c>
      <c r="C8630" s="2">
        <v>196</v>
      </c>
      <c r="D8630" s="2">
        <v>0.2</v>
      </c>
      <c r="E8630" s="2">
        <v>336.19999999998947</v>
      </c>
    </row>
    <row r="8631" spans="1:5" x14ac:dyDescent="0.25">
      <c r="A8631" s="3">
        <v>41830.321122685185</v>
      </c>
      <c r="B8631" s="2">
        <v>17.100000000000001</v>
      </c>
      <c r="C8631" s="2">
        <v>196.2</v>
      </c>
      <c r="D8631" s="2">
        <v>0</v>
      </c>
      <c r="E8631" s="2">
        <v>336.19999999998947</v>
      </c>
    </row>
    <row r="8632" spans="1:5" x14ac:dyDescent="0.25">
      <c r="A8632" s="3">
        <v>41830.322627314818</v>
      </c>
      <c r="B8632" s="2">
        <v>17.100000000000001</v>
      </c>
      <c r="C8632" s="2">
        <v>196.2</v>
      </c>
      <c r="D8632" s="2">
        <v>0.2</v>
      </c>
      <c r="E8632" s="2">
        <v>336.39999999998946</v>
      </c>
    </row>
    <row r="8633" spans="1:5" x14ac:dyDescent="0.25">
      <c r="A8633" s="3">
        <v>41830.323206018518</v>
      </c>
      <c r="B8633" s="2">
        <v>17.100000000000001</v>
      </c>
      <c r="C8633" s="2">
        <v>196.4</v>
      </c>
      <c r="D8633" s="2">
        <v>0</v>
      </c>
      <c r="E8633" s="2">
        <v>336.39999999998946</v>
      </c>
    </row>
    <row r="8634" spans="1:5" x14ac:dyDescent="0.25">
      <c r="A8634" s="3">
        <v>41830.324537037035</v>
      </c>
      <c r="B8634" s="2">
        <v>17.100000000000001</v>
      </c>
      <c r="C8634" s="2">
        <v>196.4</v>
      </c>
      <c r="D8634" s="2">
        <v>0.2</v>
      </c>
      <c r="E8634" s="2">
        <v>336.59999999998945</v>
      </c>
    </row>
    <row r="8635" spans="1:5" x14ac:dyDescent="0.25">
      <c r="A8635" s="3">
        <v>41830.326678240737</v>
      </c>
      <c r="B8635" s="2">
        <v>17.100000000000001</v>
      </c>
      <c r="C8635" s="2">
        <v>196.6</v>
      </c>
      <c r="D8635" s="2">
        <v>0</v>
      </c>
      <c r="E8635" s="2">
        <v>336.59999999998945</v>
      </c>
    </row>
    <row r="8636" spans="1:5" x14ac:dyDescent="0.25">
      <c r="A8636" s="3">
        <v>41830.331018518518</v>
      </c>
      <c r="B8636" s="2">
        <v>17</v>
      </c>
      <c r="C8636" s="2">
        <v>196.6</v>
      </c>
      <c r="D8636" s="2">
        <v>0.2</v>
      </c>
      <c r="E8636" s="2">
        <v>336.79999999998944</v>
      </c>
    </row>
    <row r="8637" spans="1:5" x14ac:dyDescent="0.25">
      <c r="A8637" s="3">
        <v>41830.332291666666</v>
      </c>
      <c r="B8637" s="2">
        <v>17</v>
      </c>
      <c r="C8637" s="2">
        <v>196.8</v>
      </c>
      <c r="D8637" s="2">
        <v>0</v>
      </c>
      <c r="E8637" s="2">
        <v>336.79999999998944</v>
      </c>
    </row>
    <row r="8638" spans="1:5" x14ac:dyDescent="0.25">
      <c r="A8638" s="3">
        <v>41830.334432870368</v>
      </c>
      <c r="B8638" s="2">
        <v>17</v>
      </c>
      <c r="C8638" s="2">
        <v>196.8</v>
      </c>
      <c r="D8638" s="2">
        <v>0.2</v>
      </c>
      <c r="E8638" s="2">
        <v>336.99999999998943</v>
      </c>
    </row>
    <row r="8639" spans="1:5" x14ac:dyDescent="0.25">
      <c r="A8639" s="3">
        <v>41830.335648148146</v>
      </c>
      <c r="B8639" s="2">
        <v>17</v>
      </c>
      <c r="C8639" s="2">
        <v>197</v>
      </c>
      <c r="D8639" s="2">
        <v>0</v>
      </c>
      <c r="E8639" s="2">
        <v>336.99999999998943</v>
      </c>
    </row>
    <row r="8640" spans="1:5" x14ac:dyDescent="0.25">
      <c r="A8640" s="3">
        <v>41830.337847222225</v>
      </c>
      <c r="B8640" s="2">
        <v>17</v>
      </c>
      <c r="C8640" s="2">
        <v>197</v>
      </c>
      <c r="D8640" s="2">
        <v>0.2</v>
      </c>
      <c r="E8640" s="2">
        <v>337.19999999998942</v>
      </c>
    </row>
    <row r="8641" spans="1:5" x14ac:dyDescent="0.25">
      <c r="A8641" s="3">
        <v>41830.339583333334</v>
      </c>
      <c r="B8641" s="2">
        <v>17</v>
      </c>
      <c r="C8641" s="2">
        <v>197.2</v>
      </c>
      <c r="D8641" s="2">
        <v>0</v>
      </c>
      <c r="E8641" s="2">
        <v>337.19999999998942</v>
      </c>
    </row>
    <row r="8642" spans="1:5" x14ac:dyDescent="0.25">
      <c r="A8642" s="3">
        <v>41830.342592592591</v>
      </c>
      <c r="B8642" s="2">
        <v>17</v>
      </c>
      <c r="C8642" s="2">
        <v>197.2</v>
      </c>
      <c r="D8642" s="2">
        <v>0.2</v>
      </c>
      <c r="E8642" s="2">
        <v>337.3999999999894</v>
      </c>
    </row>
    <row r="8643" spans="1:5" x14ac:dyDescent="0.25">
      <c r="A8643" s="3">
        <v>41830.346875000003</v>
      </c>
      <c r="B8643" s="2">
        <v>16.899999999999999</v>
      </c>
      <c r="C8643" s="2">
        <v>197.4</v>
      </c>
      <c r="D8643" s="2">
        <v>0</v>
      </c>
      <c r="E8643" s="2">
        <v>337.3999999999894</v>
      </c>
    </row>
    <row r="8644" spans="1:5" x14ac:dyDescent="0.25">
      <c r="A8644" s="3">
        <v>41830.356539351851</v>
      </c>
      <c r="B8644" s="2">
        <v>16.899999999999999</v>
      </c>
      <c r="C8644" s="2">
        <v>197.4</v>
      </c>
      <c r="D8644" s="2">
        <v>0.2</v>
      </c>
      <c r="E8644" s="2">
        <v>337.59999999998939</v>
      </c>
    </row>
    <row r="8645" spans="1:5" x14ac:dyDescent="0.25">
      <c r="A8645" s="3">
        <v>41830.408159722225</v>
      </c>
      <c r="B8645" s="2">
        <v>16.8</v>
      </c>
      <c r="C8645" s="2">
        <v>197.6</v>
      </c>
      <c r="D8645" s="2">
        <v>0</v>
      </c>
      <c r="E8645" s="2">
        <v>337.59999999998939</v>
      </c>
    </row>
    <row r="8646" spans="1:5" x14ac:dyDescent="0.25">
      <c r="A8646" s="3">
        <v>41830.417187500003</v>
      </c>
      <c r="B8646" s="2">
        <v>16.8</v>
      </c>
      <c r="C8646" s="2">
        <v>197.6</v>
      </c>
      <c r="D8646" s="2">
        <v>0.2</v>
      </c>
      <c r="E8646" s="2">
        <v>337.79999999998938</v>
      </c>
    </row>
    <row r="8647" spans="1:5" x14ac:dyDescent="0.25">
      <c r="A8647" s="3">
        <v>41830.426446759258</v>
      </c>
      <c r="B8647" s="2">
        <v>16.8</v>
      </c>
      <c r="C8647" s="2">
        <v>197.8</v>
      </c>
      <c r="D8647" s="2">
        <v>0</v>
      </c>
      <c r="E8647" s="2">
        <v>337.79999999998938</v>
      </c>
    </row>
    <row r="8648" spans="1:5" x14ac:dyDescent="0.25">
      <c r="A8648" s="3">
        <v>41830.428819444445</v>
      </c>
      <c r="B8648" s="2">
        <v>16.8</v>
      </c>
      <c r="C8648" s="2">
        <v>197.8</v>
      </c>
      <c r="D8648" s="2">
        <v>0.2</v>
      </c>
      <c r="E8648" s="2">
        <v>337.99999999998937</v>
      </c>
    </row>
    <row r="8649" spans="1:5" x14ac:dyDescent="0.25">
      <c r="A8649" s="3">
        <v>41830.434490740743</v>
      </c>
      <c r="B8649" s="2">
        <v>16.8</v>
      </c>
      <c r="C8649" s="2">
        <v>198</v>
      </c>
      <c r="D8649" s="2">
        <v>0</v>
      </c>
      <c r="E8649" s="2">
        <v>337.99999999998937</v>
      </c>
    </row>
    <row r="8650" spans="1:5" x14ac:dyDescent="0.25">
      <c r="A8650" s="3">
        <v>41830.43478009259</v>
      </c>
      <c r="B8650" s="2">
        <v>16.8</v>
      </c>
      <c r="C8650" s="2">
        <v>198</v>
      </c>
      <c r="D8650" s="2">
        <v>0.2</v>
      </c>
      <c r="E8650" s="2">
        <v>338.19999999998936</v>
      </c>
    </row>
    <row r="8651" spans="1:5" x14ac:dyDescent="0.25">
      <c r="A8651" s="3">
        <v>41830.442766203705</v>
      </c>
      <c r="B8651" s="2">
        <v>16.8</v>
      </c>
      <c r="C8651" s="2">
        <v>198.2</v>
      </c>
      <c r="D8651" s="2">
        <v>0</v>
      </c>
      <c r="E8651" s="2">
        <v>338.19999999998936</v>
      </c>
    </row>
    <row r="8652" spans="1:5" x14ac:dyDescent="0.25">
      <c r="A8652" s="3">
        <v>41830.448206018518</v>
      </c>
      <c r="B8652" s="2">
        <v>16.8</v>
      </c>
      <c r="C8652" s="2">
        <v>198.2</v>
      </c>
      <c r="D8652" s="2">
        <v>0.2</v>
      </c>
      <c r="E8652" s="2">
        <v>338.39999999998935</v>
      </c>
    </row>
    <row r="8653" spans="1:5" x14ac:dyDescent="0.25">
      <c r="A8653" s="3">
        <v>41830.461168981485</v>
      </c>
      <c r="B8653" s="2">
        <v>16.8</v>
      </c>
      <c r="C8653" s="2">
        <v>198.2</v>
      </c>
      <c r="D8653" s="2">
        <v>0.2</v>
      </c>
      <c r="E8653" s="2">
        <v>338.59999999998934</v>
      </c>
    </row>
    <row r="8654" spans="1:5" x14ac:dyDescent="0.25">
      <c r="A8654" s="3">
        <v>41830.461574074077</v>
      </c>
      <c r="B8654" s="2">
        <v>16.8</v>
      </c>
      <c r="C8654" s="2">
        <v>198.4</v>
      </c>
      <c r="D8654" s="2">
        <v>0</v>
      </c>
      <c r="E8654" s="2">
        <v>338.59999999998934</v>
      </c>
    </row>
    <row r="8655" spans="1:5" x14ac:dyDescent="0.25">
      <c r="A8655" s="3">
        <v>41830.467129629629</v>
      </c>
      <c r="B8655" s="2">
        <v>16.8</v>
      </c>
      <c r="C8655" s="2">
        <v>198.6</v>
      </c>
      <c r="D8655" s="2">
        <v>0</v>
      </c>
      <c r="E8655" s="2">
        <v>338.59999999998934</v>
      </c>
    </row>
    <row r="8656" spans="1:5" x14ac:dyDescent="0.25">
      <c r="A8656" s="3">
        <v>41830.469849537039</v>
      </c>
      <c r="B8656" s="2">
        <v>16.8</v>
      </c>
      <c r="C8656" s="2">
        <v>198.6</v>
      </c>
      <c r="D8656" s="2">
        <v>0.2</v>
      </c>
      <c r="E8656" s="2">
        <v>338.79999999998932</v>
      </c>
    </row>
    <row r="8657" spans="1:5" x14ac:dyDescent="0.25">
      <c r="A8657" s="3">
        <v>41830.474826388891</v>
      </c>
      <c r="B8657" s="2">
        <v>16.8</v>
      </c>
      <c r="C8657" s="2">
        <v>198.8</v>
      </c>
      <c r="D8657" s="2">
        <v>0</v>
      </c>
      <c r="E8657" s="2">
        <v>338.79999999998932</v>
      </c>
    </row>
    <row r="8658" spans="1:5" x14ac:dyDescent="0.25">
      <c r="A8658" s="3">
        <v>41830.475636574076</v>
      </c>
      <c r="B8658" s="2">
        <v>16.8</v>
      </c>
      <c r="C8658" s="2">
        <v>198.8</v>
      </c>
      <c r="D8658" s="2">
        <v>0.2</v>
      </c>
      <c r="E8658" s="2">
        <v>338.99999999998931</v>
      </c>
    </row>
    <row r="8659" spans="1:5" x14ac:dyDescent="0.25">
      <c r="A8659" s="3">
        <v>41830.479513888888</v>
      </c>
      <c r="B8659" s="2">
        <v>16.7</v>
      </c>
      <c r="C8659" s="2">
        <v>199</v>
      </c>
      <c r="D8659" s="2">
        <v>0</v>
      </c>
      <c r="E8659" s="2">
        <v>338.99999999998931</v>
      </c>
    </row>
    <row r="8660" spans="1:5" x14ac:dyDescent="0.25">
      <c r="A8660" s="3">
        <v>41830.479861111111</v>
      </c>
      <c r="B8660" s="2">
        <v>16.7</v>
      </c>
      <c r="C8660" s="2">
        <v>199</v>
      </c>
      <c r="D8660" s="2">
        <v>0.2</v>
      </c>
      <c r="E8660" s="2">
        <v>339.1999999999893</v>
      </c>
    </row>
    <row r="8661" spans="1:5" x14ac:dyDescent="0.25">
      <c r="A8661" s="3">
        <v>41830.483449074076</v>
      </c>
      <c r="B8661" s="2">
        <v>16.7</v>
      </c>
      <c r="C8661" s="2">
        <v>199.2</v>
      </c>
      <c r="D8661" s="2">
        <v>0.2</v>
      </c>
      <c r="E8661" s="2">
        <v>339.39999999998929</v>
      </c>
    </row>
    <row r="8662" spans="1:5" x14ac:dyDescent="0.25">
      <c r="A8662" s="3">
        <v>41830.485474537039</v>
      </c>
      <c r="B8662" s="2">
        <v>16.7</v>
      </c>
      <c r="C8662" s="2">
        <v>199.2</v>
      </c>
      <c r="D8662" s="2">
        <v>0.2</v>
      </c>
      <c r="E8662" s="2">
        <v>339.59999999998928</v>
      </c>
    </row>
    <row r="8663" spans="1:5" x14ac:dyDescent="0.25">
      <c r="A8663" s="3">
        <v>41830.486284722225</v>
      </c>
      <c r="B8663" s="2">
        <v>16.7</v>
      </c>
      <c r="C8663" s="2">
        <v>199.4</v>
      </c>
      <c r="D8663" s="2">
        <v>0</v>
      </c>
      <c r="E8663" s="2">
        <v>339.59999999998928</v>
      </c>
    </row>
    <row r="8664" spans="1:5" x14ac:dyDescent="0.25">
      <c r="A8664" s="3">
        <v>41830.493402777778</v>
      </c>
      <c r="B8664" s="2">
        <v>16.600000000000001</v>
      </c>
      <c r="C8664" s="2">
        <v>199.4</v>
      </c>
      <c r="D8664" s="2">
        <v>0.2</v>
      </c>
      <c r="E8664" s="2">
        <v>339.79999999998927</v>
      </c>
    </row>
    <row r="8665" spans="1:5" x14ac:dyDescent="0.25">
      <c r="A8665" s="3">
        <v>41830.495486111111</v>
      </c>
      <c r="B8665" s="2">
        <v>16.600000000000001</v>
      </c>
      <c r="C8665" s="2">
        <v>199.6</v>
      </c>
      <c r="D8665" s="2">
        <v>0</v>
      </c>
      <c r="E8665" s="2">
        <v>339.79999999998927</v>
      </c>
    </row>
    <row r="8666" spans="1:5" x14ac:dyDescent="0.25">
      <c r="A8666" s="3">
        <v>41830.522916666669</v>
      </c>
      <c r="B8666" s="2">
        <v>16.7</v>
      </c>
      <c r="C8666" s="2">
        <v>199.6</v>
      </c>
      <c r="D8666" s="2">
        <v>0.2</v>
      </c>
      <c r="E8666" s="2">
        <v>339.99999999998926</v>
      </c>
    </row>
    <row r="8667" spans="1:5" x14ac:dyDescent="0.25">
      <c r="A8667" s="3">
        <v>41830.526678240742</v>
      </c>
      <c r="B8667" s="2">
        <v>16.7</v>
      </c>
      <c r="C8667" s="2">
        <v>199.8</v>
      </c>
      <c r="D8667" s="2">
        <v>0</v>
      </c>
      <c r="E8667" s="2">
        <v>339.99999999998926</v>
      </c>
    </row>
    <row r="8668" spans="1:5" x14ac:dyDescent="0.25">
      <c r="A8668" s="3">
        <v>41830.529398148145</v>
      </c>
      <c r="B8668" s="2">
        <v>16.7</v>
      </c>
      <c r="C8668" s="2">
        <v>199.8</v>
      </c>
      <c r="D8668" s="2">
        <v>0.2</v>
      </c>
      <c r="E8668" s="2">
        <v>340.19999999998925</v>
      </c>
    </row>
    <row r="8669" spans="1:5" x14ac:dyDescent="0.25">
      <c r="A8669" s="3">
        <v>41830.535069444442</v>
      </c>
      <c r="B8669" s="2">
        <v>16.8</v>
      </c>
      <c r="C8669" s="2">
        <v>200</v>
      </c>
      <c r="D8669" s="2">
        <v>0</v>
      </c>
      <c r="E8669" s="2">
        <v>340.19999999998925</v>
      </c>
    </row>
    <row r="8670" spans="1:5" x14ac:dyDescent="0.25">
      <c r="A8670" s="3">
        <v>41830.538310185184</v>
      </c>
      <c r="B8670" s="2">
        <v>16.8</v>
      </c>
      <c r="C8670" s="2">
        <v>200</v>
      </c>
      <c r="D8670" s="2">
        <v>0.2</v>
      </c>
      <c r="E8670" s="2">
        <v>340.39999999998923</v>
      </c>
    </row>
    <row r="8671" spans="1:5" x14ac:dyDescent="0.25">
      <c r="A8671" s="3">
        <v>41830.542881944442</v>
      </c>
      <c r="B8671" s="2">
        <v>16.8</v>
      </c>
      <c r="C8671" s="2">
        <v>200.2</v>
      </c>
      <c r="D8671" s="2">
        <v>0</v>
      </c>
      <c r="E8671" s="2">
        <v>340.39999999998923</v>
      </c>
    </row>
    <row r="8672" spans="1:5" x14ac:dyDescent="0.25">
      <c r="A8672" s="3">
        <v>41830.545949074076</v>
      </c>
      <c r="B8672" s="2">
        <v>16.899999999999999</v>
      </c>
      <c r="C8672" s="2">
        <v>200.2</v>
      </c>
      <c r="D8672" s="2">
        <v>0.2</v>
      </c>
      <c r="E8672" s="2">
        <v>340.59999999998922</v>
      </c>
    </row>
    <row r="8673" spans="1:5" x14ac:dyDescent="0.25">
      <c r="A8673" s="3">
        <v>41830.553935185184</v>
      </c>
      <c r="B8673" s="2">
        <v>16.899999999999999</v>
      </c>
      <c r="C8673" s="2">
        <v>200.4</v>
      </c>
      <c r="D8673" s="2">
        <v>0</v>
      </c>
      <c r="E8673" s="2">
        <v>340.59999999998922</v>
      </c>
    </row>
    <row r="8674" spans="1:5" x14ac:dyDescent="0.25">
      <c r="A8674" s="3">
        <v>41830.554918981485</v>
      </c>
      <c r="B8674" s="2">
        <v>16.899999999999999</v>
      </c>
      <c r="C8674" s="2">
        <v>200.4</v>
      </c>
      <c r="D8674" s="2">
        <v>0.2</v>
      </c>
      <c r="E8674" s="2">
        <v>340.79999999998921</v>
      </c>
    </row>
    <row r="8675" spans="1:5" x14ac:dyDescent="0.25">
      <c r="A8675" s="3">
        <v>41830.55978009259</v>
      </c>
      <c r="B8675" s="2">
        <v>16.899999999999999</v>
      </c>
      <c r="C8675" s="2">
        <v>200.6</v>
      </c>
      <c r="D8675" s="2">
        <v>0</v>
      </c>
      <c r="E8675" s="2">
        <v>340.79999999998921</v>
      </c>
    </row>
    <row r="8676" spans="1:5" x14ac:dyDescent="0.25">
      <c r="A8676" s="3">
        <v>41830.561574074076</v>
      </c>
      <c r="B8676" s="2">
        <v>16.899999999999999</v>
      </c>
      <c r="C8676" s="2">
        <v>200.6</v>
      </c>
      <c r="D8676" s="2">
        <v>0.2</v>
      </c>
      <c r="E8676" s="2">
        <v>340.9999999999892</v>
      </c>
    </row>
    <row r="8677" spans="1:5" x14ac:dyDescent="0.25">
      <c r="A8677" s="3">
        <v>41830.566782407404</v>
      </c>
      <c r="B8677" s="2">
        <v>17</v>
      </c>
      <c r="C8677" s="2">
        <v>200.8</v>
      </c>
      <c r="D8677" s="2">
        <v>0</v>
      </c>
      <c r="E8677" s="2">
        <v>340.9999999999892</v>
      </c>
    </row>
    <row r="8678" spans="1:5" x14ac:dyDescent="0.25">
      <c r="A8678" s="3">
        <v>41830.571296296293</v>
      </c>
      <c r="B8678" s="2">
        <v>17</v>
      </c>
      <c r="C8678" s="2">
        <v>200.8</v>
      </c>
      <c r="D8678" s="2">
        <v>0.2</v>
      </c>
      <c r="E8678" s="2">
        <v>341.19999999998919</v>
      </c>
    </row>
    <row r="8679" spans="1:5" x14ac:dyDescent="0.25">
      <c r="A8679" s="3">
        <v>41830.576041666667</v>
      </c>
      <c r="B8679" s="2">
        <v>17.100000000000001</v>
      </c>
      <c r="C8679" s="2">
        <v>201</v>
      </c>
      <c r="D8679" s="2">
        <v>0</v>
      </c>
      <c r="E8679" s="2">
        <v>341.19999999998919</v>
      </c>
    </row>
    <row r="8680" spans="1:5" x14ac:dyDescent="0.25">
      <c r="A8680" s="3">
        <v>41830.581134259257</v>
      </c>
      <c r="B8680" s="2">
        <v>17.100000000000001</v>
      </c>
      <c r="C8680" s="2">
        <v>201</v>
      </c>
      <c r="D8680" s="2">
        <v>0.2</v>
      </c>
      <c r="E8680" s="2">
        <v>341.39999999998918</v>
      </c>
    </row>
    <row r="8681" spans="1:5" x14ac:dyDescent="0.25">
      <c r="A8681" s="3">
        <v>41830.585358796299</v>
      </c>
      <c r="B8681" s="2">
        <v>17.100000000000001</v>
      </c>
      <c r="C8681" s="2">
        <v>201.2</v>
      </c>
      <c r="D8681" s="2">
        <v>0</v>
      </c>
      <c r="E8681" s="2">
        <v>341.39999999998918</v>
      </c>
    </row>
    <row r="8682" spans="1:5" x14ac:dyDescent="0.25">
      <c r="A8682" s="3">
        <v>41830.588946759257</v>
      </c>
      <c r="B8682" s="2">
        <v>17.100000000000001</v>
      </c>
      <c r="C8682" s="2">
        <v>201.2</v>
      </c>
      <c r="D8682" s="2">
        <v>0.2</v>
      </c>
      <c r="E8682" s="2">
        <v>341.59999999998917</v>
      </c>
    </row>
    <row r="8683" spans="1:5" x14ac:dyDescent="0.25">
      <c r="A8683" s="3">
        <v>41830.592476851853</v>
      </c>
      <c r="B8683" s="2">
        <v>17.100000000000001</v>
      </c>
      <c r="C8683" s="2">
        <v>201.4</v>
      </c>
      <c r="D8683" s="2">
        <v>0</v>
      </c>
      <c r="E8683" s="2">
        <v>341.59999999998917</v>
      </c>
    </row>
    <row r="8684" spans="1:5" x14ac:dyDescent="0.25">
      <c r="A8684" s="3">
        <v>41830.594618055555</v>
      </c>
      <c r="B8684" s="2">
        <v>17.100000000000001</v>
      </c>
      <c r="C8684" s="2">
        <v>201.4</v>
      </c>
      <c r="D8684" s="2">
        <v>0.2</v>
      </c>
      <c r="E8684" s="2">
        <v>341.79999999998915</v>
      </c>
    </row>
    <row r="8685" spans="1:5" x14ac:dyDescent="0.25">
      <c r="A8685" s="3">
        <v>41830.597916666666</v>
      </c>
      <c r="B8685" s="2">
        <v>17.100000000000001</v>
      </c>
      <c r="C8685" s="2">
        <v>201.6</v>
      </c>
      <c r="D8685" s="2">
        <v>0</v>
      </c>
      <c r="E8685" s="2">
        <v>341.79999999998915</v>
      </c>
    </row>
    <row r="8686" spans="1:5" x14ac:dyDescent="0.25">
      <c r="A8686" s="3">
        <v>41830.601041666669</v>
      </c>
      <c r="B8686" s="2">
        <v>17.100000000000001</v>
      </c>
      <c r="C8686" s="2">
        <v>201.6</v>
      </c>
      <c r="D8686" s="2">
        <v>0.2</v>
      </c>
      <c r="E8686" s="2">
        <v>341.99999999998914</v>
      </c>
    </row>
    <row r="8687" spans="1:5" x14ac:dyDescent="0.25">
      <c r="A8687" s="3">
        <v>41830.60497685185</v>
      </c>
      <c r="B8687" s="2">
        <v>17.100000000000001</v>
      </c>
      <c r="C8687" s="2">
        <v>201.8</v>
      </c>
      <c r="D8687" s="2">
        <v>0</v>
      </c>
      <c r="E8687" s="2">
        <v>341.99999999998914</v>
      </c>
    </row>
    <row r="8688" spans="1:5" x14ac:dyDescent="0.25">
      <c r="A8688" s="3">
        <v>41830.606770833336</v>
      </c>
      <c r="B8688" s="2">
        <v>17.100000000000001</v>
      </c>
      <c r="C8688" s="2">
        <v>201.8</v>
      </c>
      <c r="D8688" s="2">
        <v>0.2</v>
      </c>
      <c r="E8688" s="2">
        <v>342.19999999998913</v>
      </c>
    </row>
    <row r="8689" spans="1:5" x14ac:dyDescent="0.25">
      <c r="A8689" s="3">
        <v>41830.611168981479</v>
      </c>
      <c r="B8689" s="2">
        <v>17.100000000000001</v>
      </c>
      <c r="C8689" s="2">
        <v>202</v>
      </c>
      <c r="D8689" s="2">
        <v>0</v>
      </c>
      <c r="E8689" s="2">
        <v>342.19999999998913</v>
      </c>
    </row>
    <row r="8690" spans="1:5" x14ac:dyDescent="0.25">
      <c r="A8690" s="3">
        <v>41830.613368055558</v>
      </c>
      <c r="B8690" s="2">
        <v>17.100000000000001</v>
      </c>
      <c r="C8690" s="2">
        <v>202</v>
      </c>
      <c r="D8690" s="2">
        <v>0.2</v>
      </c>
      <c r="E8690" s="2">
        <v>342.39999999998912</v>
      </c>
    </row>
    <row r="8691" spans="1:5" x14ac:dyDescent="0.25">
      <c r="A8691" s="3">
        <v>41830.616666666669</v>
      </c>
      <c r="B8691" s="2">
        <v>17.100000000000001</v>
      </c>
      <c r="C8691" s="2">
        <v>202.2</v>
      </c>
      <c r="D8691" s="2">
        <v>0</v>
      </c>
      <c r="E8691" s="2">
        <v>342.39999999998912</v>
      </c>
    </row>
    <row r="8692" spans="1:5" x14ac:dyDescent="0.25">
      <c r="A8692" s="3">
        <v>41830.618634259263</v>
      </c>
      <c r="B8692" s="2">
        <v>17.100000000000001</v>
      </c>
      <c r="C8692" s="2">
        <v>202.2</v>
      </c>
      <c r="D8692" s="2">
        <v>0.2</v>
      </c>
      <c r="E8692" s="2">
        <v>342.59999999998911</v>
      </c>
    </row>
    <row r="8693" spans="1:5" x14ac:dyDescent="0.25">
      <c r="A8693" s="3">
        <v>41830.622337962966</v>
      </c>
      <c r="B8693" s="2">
        <v>17.100000000000001</v>
      </c>
      <c r="C8693" s="2">
        <v>202.4</v>
      </c>
      <c r="D8693" s="2">
        <v>0</v>
      </c>
      <c r="E8693" s="2">
        <v>342.59999999998911</v>
      </c>
    </row>
    <row r="8694" spans="1:5" x14ac:dyDescent="0.25">
      <c r="A8694" s="3">
        <v>41830.624305555553</v>
      </c>
      <c r="B8694" s="2">
        <v>17.2</v>
      </c>
      <c r="C8694" s="2">
        <v>202.4</v>
      </c>
      <c r="D8694" s="2">
        <v>0.2</v>
      </c>
      <c r="E8694" s="2">
        <v>342.7999999999891</v>
      </c>
    </row>
    <row r="8695" spans="1:5" x14ac:dyDescent="0.25">
      <c r="A8695" s="3">
        <v>41830.628009259257</v>
      </c>
      <c r="B8695" s="2">
        <v>17.100000000000001</v>
      </c>
      <c r="C8695" s="2">
        <v>202.6</v>
      </c>
      <c r="D8695" s="2">
        <v>0</v>
      </c>
      <c r="E8695" s="2">
        <v>342.7999999999891</v>
      </c>
    </row>
    <row r="8696" spans="1:5" x14ac:dyDescent="0.25">
      <c r="A8696" s="3">
        <v>41830.629687499997</v>
      </c>
      <c r="B8696" s="2">
        <v>17.100000000000001</v>
      </c>
      <c r="C8696" s="2">
        <v>202.6</v>
      </c>
      <c r="D8696" s="2">
        <v>0.2</v>
      </c>
      <c r="E8696" s="2">
        <v>342.99999999998909</v>
      </c>
    </row>
    <row r="8697" spans="1:5" x14ac:dyDescent="0.25">
      <c r="A8697" s="3">
        <v>41830.634201388886</v>
      </c>
      <c r="B8697" s="2">
        <v>17.100000000000001</v>
      </c>
      <c r="C8697" s="2">
        <v>202.8</v>
      </c>
      <c r="D8697" s="2">
        <v>0</v>
      </c>
      <c r="E8697" s="2">
        <v>342.99999999998909</v>
      </c>
    </row>
    <row r="8698" spans="1:5" x14ac:dyDescent="0.25">
      <c r="A8698" s="3">
        <v>41830.635416666664</v>
      </c>
      <c r="B8698" s="2">
        <v>17.100000000000001</v>
      </c>
      <c r="C8698" s="2">
        <v>202.8</v>
      </c>
      <c r="D8698" s="2">
        <v>0.2</v>
      </c>
      <c r="E8698" s="2">
        <v>343.19999999998907</v>
      </c>
    </row>
    <row r="8699" spans="1:5" x14ac:dyDescent="0.25">
      <c r="A8699" s="3">
        <v>41830.638368055559</v>
      </c>
      <c r="B8699" s="2">
        <v>17.100000000000001</v>
      </c>
      <c r="C8699" s="2">
        <v>203</v>
      </c>
      <c r="D8699" s="2">
        <v>0</v>
      </c>
      <c r="E8699" s="2">
        <v>343.19999999998907</v>
      </c>
    </row>
    <row r="8700" spans="1:5" x14ac:dyDescent="0.25">
      <c r="A8700" s="3">
        <v>41830.639351851853</v>
      </c>
      <c r="B8700" s="2">
        <v>17.100000000000001</v>
      </c>
      <c r="C8700" s="2">
        <v>203</v>
      </c>
      <c r="D8700" s="2">
        <v>0.2</v>
      </c>
      <c r="E8700" s="2">
        <v>343.39999999998906</v>
      </c>
    </row>
    <row r="8701" spans="1:5" x14ac:dyDescent="0.25">
      <c r="A8701" s="3">
        <v>41830.645196759258</v>
      </c>
      <c r="B8701" s="2">
        <v>17.100000000000001</v>
      </c>
      <c r="C8701" s="2">
        <v>203.2</v>
      </c>
      <c r="D8701" s="2">
        <v>0</v>
      </c>
      <c r="E8701" s="2">
        <v>343.39999999998906</v>
      </c>
    </row>
    <row r="8702" spans="1:5" x14ac:dyDescent="0.25">
      <c r="A8702" s="3">
        <v>41830.649305555555</v>
      </c>
      <c r="B8702" s="2">
        <v>17.100000000000001</v>
      </c>
      <c r="C8702" s="2">
        <v>203.2</v>
      </c>
      <c r="D8702" s="2">
        <v>0.2</v>
      </c>
      <c r="E8702" s="2">
        <v>343.59999999998905</v>
      </c>
    </row>
    <row r="8703" spans="1:5" x14ac:dyDescent="0.25">
      <c r="A8703" s="3">
        <v>41830.656423611108</v>
      </c>
      <c r="B8703" s="2">
        <v>17.2</v>
      </c>
      <c r="C8703" s="2">
        <v>203.4</v>
      </c>
      <c r="D8703" s="2">
        <v>0</v>
      </c>
      <c r="E8703" s="2">
        <v>343.59999999998905</v>
      </c>
    </row>
    <row r="8704" spans="1:5" x14ac:dyDescent="0.25">
      <c r="A8704" s="3">
        <v>41830.660532407404</v>
      </c>
      <c r="B8704" s="2">
        <v>17.2</v>
      </c>
      <c r="C8704" s="2">
        <v>203.4</v>
      </c>
      <c r="D8704" s="2">
        <v>0.2</v>
      </c>
      <c r="E8704" s="2">
        <v>343.79999999998904</v>
      </c>
    </row>
    <row r="8705" spans="1:5" x14ac:dyDescent="0.25">
      <c r="A8705" s="3">
        <v>41830.716550925928</v>
      </c>
      <c r="B8705" s="2">
        <v>17.5</v>
      </c>
      <c r="C8705" s="2">
        <v>203.6</v>
      </c>
      <c r="D8705" s="2">
        <v>0</v>
      </c>
      <c r="E8705" s="2">
        <v>343.79999999998904</v>
      </c>
    </row>
    <row r="8706" spans="1:5" x14ac:dyDescent="0.25">
      <c r="A8706" s="3">
        <v>41830.716956018521</v>
      </c>
      <c r="B8706" s="2">
        <v>17.600000000000001</v>
      </c>
      <c r="C8706" s="2">
        <v>203.4</v>
      </c>
      <c r="D8706" s="2">
        <v>0</v>
      </c>
      <c r="E8706" s="2">
        <v>343.79999999998904</v>
      </c>
    </row>
    <row r="8707" spans="1:5" x14ac:dyDescent="0.25">
      <c r="A8707" s="3">
        <v>41830.717534722222</v>
      </c>
      <c r="B8707" s="2">
        <v>17.5</v>
      </c>
      <c r="C8707" s="2">
        <v>203.6</v>
      </c>
      <c r="D8707" s="2">
        <v>0</v>
      </c>
      <c r="E8707" s="2">
        <v>343.79999999998904</v>
      </c>
    </row>
    <row r="8708" spans="1:5" x14ac:dyDescent="0.25">
      <c r="A8708" s="3">
        <v>41830.717766203707</v>
      </c>
      <c r="B8708" s="2">
        <v>17.5</v>
      </c>
      <c r="C8708" s="2">
        <v>203.4</v>
      </c>
      <c r="D8708" s="2">
        <v>0</v>
      </c>
      <c r="E8708" s="2">
        <v>343.79999999998904</v>
      </c>
    </row>
    <row r="8709" spans="1:5" x14ac:dyDescent="0.25">
      <c r="A8709" s="3">
        <v>41830.718287037038</v>
      </c>
      <c r="B8709" s="2">
        <v>17.5</v>
      </c>
      <c r="C8709" s="2">
        <v>203.6</v>
      </c>
      <c r="D8709" s="2">
        <v>0</v>
      </c>
      <c r="E8709" s="2">
        <v>343.79999999998904</v>
      </c>
    </row>
    <row r="8710" spans="1:5" x14ac:dyDescent="0.25">
      <c r="A8710" s="3">
        <v>41830.718576388892</v>
      </c>
      <c r="B8710" s="2">
        <v>17.5</v>
      </c>
      <c r="C8710" s="2">
        <v>203.4</v>
      </c>
      <c r="D8710" s="2">
        <v>0</v>
      </c>
      <c r="E8710" s="2">
        <v>343.79999999998904</v>
      </c>
    </row>
    <row r="8711" spans="1:5" x14ac:dyDescent="0.25">
      <c r="A8711" s="3">
        <v>41830.721122685187</v>
      </c>
      <c r="B8711" s="2">
        <v>17.5</v>
      </c>
      <c r="C8711" s="2">
        <v>203.6</v>
      </c>
      <c r="D8711" s="2">
        <v>0</v>
      </c>
      <c r="E8711" s="2">
        <v>343.79999999998904</v>
      </c>
    </row>
    <row r="8712" spans="1:5" x14ac:dyDescent="0.25">
      <c r="A8712" s="3">
        <v>41830.724189814813</v>
      </c>
      <c r="B8712" s="2">
        <v>17.600000000000001</v>
      </c>
      <c r="C8712" s="2">
        <v>203.4</v>
      </c>
      <c r="D8712" s="2">
        <v>0</v>
      </c>
      <c r="E8712" s="2">
        <v>343.79999999998904</v>
      </c>
    </row>
    <row r="8713" spans="1:5" x14ac:dyDescent="0.25">
      <c r="A8713" s="3">
        <v>41830.724537037036</v>
      </c>
      <c r="B8713" s="2">
        <v>17.600000000000001</v>
      </c>
      <c r="C8713" s="2">
        <v>203.6</v>
      </c>
      <c r="D8713" s="2">
        <v>0</v>
      </c>
      <c r="E8713" s="2">
        <v>343.79999999998904</v>
      </c>
    </row>
    <row r="8714" spans="1:5" x14ac:dyDescent="0.25">
      <c r="A8714" s="3">
        <v>41830.725115740737</v>
      </c>
      <c r="B8714" s="2">
        <v>17.5</v>
      </c>
      <c r="C8714" s="2">
        <v>203.4</v>
      </c>
      <c r="D8714" s="2">
        <v>0</v>
      </c>
      <c r="E8714" s="2">
        <v>343.79999999998904</v>
      </c>
    </row>
    <row r="8715" spans="1:5" x14ac:dyDescent="0.25">
      <c r="A8715" s="3">
        <v>41830.727430555555</v>
      </c>
      <c r="B8715" s="2">
        <v>17.600000000000001</v>
      </c>
      <c r="C8715" s="2">
        <v>203.6</v>
      </c>
      <c r="D8715" s="2">
        <v>0</v>
      </c>
      <c r="E8715" s="2">
        <v>343.79999999998904</v>
      </c>
    </row>
    <row r="8716" spans="1:5" x14ac:dyDescent="0.25">
      <c r="A8716" s="3">
        <v>41830.727662037039</v>
      </c>
      <c r="B8716" s="2">
        <v>17.600000000000001</v>
      </c>
      <c r="C8716" s="2">
        <v>203.4</v>
      </c>
      <c r="D8716" s="2">
        <v>0</v>
      </c>
      <c r="E8716" s="2">
        <v>343.79999999998904</v>
      </c>
    </row>
    <row r="8717" spans="1:5" x14ac:dyDescent="0.25">
      <c r="A8717" s="3">
        <v>41830.730671296296</v>
      </c>
      <c r="B8717" s="2">
        <v>17.600000000000001</v>
      </c>
      <c r="C8717" s="2">
        <v>203.6</v>
      </c>
      <c r="D8717" s="2">
        <v>0</v>
      </c>
      <c r="E8717" s="2">
        <v>343.79999999998904</v>
      </c>
    </row>
    <row r="8718" spans="1:5" x14ac:dyDescent="0.25">
      <c r="A8718" s="3">
        <v>41830.745833333334</v>
      </c>
      <c r="B8718" s="2">
        <v>17.600000000000001</v>
      </c>
      <c r="C8718" s="2">
        <v>203.6</v>
      </c>
      <c r="D8718" s="2">
        <v>0.2</v>
      </c>
      <c r="E8718" s="2">
        <v>343.99999999998903</v>
      </c>
    </row>
    <row r="8719" spans="1:5" x14ac:dyDescent="0.25">
      <c r="A8719" s="3">
        <v>41831.297800925924</v>
      </c>
      <c r="B8719" s="2">
        <v>14.8</v>
      </c>
      <c r="C8719" s="2">
        <v>203.4</v>
      </c>
      <c r="D8719" s="2">
        <v>0</v>
      </c>
      <c r="E8719" s="2">
        <v>343.99999999998903</v>
      </c>
    </row>
    <row r="8720" spans="1:5" x14ac:dyDescent="0.25">
      <c r="A8720" s="3">
        <v>41831.298842592594</v>
      </c>
      <c r="B8720" s="2">
        <v>14.8</v>
      </c>
      <c r="C8720" s="2">
        <v>203.6</v>
      </c>
      <c r="D8720" s="2">
        <v>0</v>
      </c>
      <c r="E8720" s="2">
        <v>343.99999999998903</v>
      </c>
    </row>
    <row r="8721" spans="1:5" x14ac:dyDescent="0.25">
      <c r="A8721" s="3">
        <v>41831.299537037034</v>
      </c>
      <c r="B8721" s="2">
        <v>14.8</v>
      </c>
      <c r="C8721" s="2">
        <v>203.4</v>
      </c>
      <c r="D8721" s="2">
        <v>0</v>
      </c>
      <c r="E8721" s="2">
        <v>343.99999999998903</v>
      </c>
    </row>
    <row r="8722" spans="1:5" x14ac:dyDescent="0.25">
      <c r="A8722" s="3">
        <v>41831.55908564815</v>
      </c>
      <c r="B8722" s="2">
        <v>22.8</v>
      </c>
      <c r="C8722" s="2">
        <v>203.2</v>
      </c>
      <c r="D8722" s="2">
        <v>0</v>
      </c>
      <c r="E8722" s="2">
        <v>343.99999999998903</v>
      </c>
    </row>
    <row r="8723" spans="1:5" x14ac:dyDescent="0.25">
      <c r="A8723" s="3">
        <v>41831.559317129628</v>
      </c>
      <c r="B8723" s="2">
        <v>22.8</v>
      </c>
      <c r="C8723" s="2">
        <v>203.4</v>
      </c>
      <c r="D8723" s="2">
        <v>0</v>
      </c>
      <c r="E8723" s="2">
        <v>343.99999999998903</v>
      </c>
    </row>
    <row r="8724" spans="1:5" x14ac:dyDescent="0.25">
      <c r="A8724" s="3">
        <v>41831.57476851852</v>
      </c>
      <c r="B8724" s="2">
        <v>23.7</v>
      </c>
      <c r="C8724" s="2">
        <v>203.2</v>
      </c>
      <c r="D8724" s="2">
        <v>0</v>
      </c>
      <c r="E8724" s="2">
        <v>343.99999999998903</v>
      </c>
    </row>
    <row r="8725" spans="1:5" x14ac:dyDescent="0.25">
      <c r="A8725" s="3">
        <v>41831.574884259258</v>
      </c>
      <c r="B8725" s="2">
        <v>23.7</v>
      </c>
      <c r="C8725" s="2">
        <v>203.4</v>
      </c>
      <c r="D8725" s="2">
        <v>0</v>
      </c>
      <c r="E8725" s="2">
        <v>343.99999999998903</v>
      </c>
    </row>
    <row r="8726" spans="1:5" x14ac:dyDescent="0.25">
      <c r="A8726" s="3">
        <v>41831.576331018521</v>
      </c>
      <c r="B8726" s="2">
        <v>24</v>
      </c>
      <c r="C8726" s="2">
        <v>203.2</v>
      </c>
      <c r="D8726" s="2">
        <v>0</v>
      </c>
      <c r="E8726" s="2">
        <v>343.99999999998903</v>
      </c>
    </row>
    <row r="8727" spans="1:5" x14ac:dyDescent="0.25">
      <c r="A8727" s="3">
        <v>41831.576909722222</v>
      </c>
      <c r="B8727" s="2">
        <v>23.9</v>
      </c>
      <c r="C8727" s="2">
        <v>203.4</v>
      </c>
      <c r="D8727" s="2">
        <v>0</v>
      </c>
      <c r="E8727" s="2">
        <v>343.99999999998903</v>
      </c>
    </row>
    <row r="8728" spans="1:5" x14ac:dyDescent="0.25">
      <c r="A8728" s="3">
        <v>41831.57708333333</v>
      </c>
      <c r="B8728" s="2">
        <v>24</v>
      </c>
      <c r="C8728" s="2">
        <v>203.2</v>
      </c>
      <c r="D8728" s="2">
        <v>0</v>
      </c>
      <c r="E8728" s="2">
        <v>343.99999999998903</v>
      </c>
    </row>
    <row r="8729" spans="1:5" x14ac:dyDescent="0.25">
      <c r="A8729" s="3">
        <v>41831.577546296299</v>
      </c>
      <c r="B8729" s="2">
        <v>23.9</v>
      </c>
      <c r="C8729" s="2">
        <v>203.4</v>
      </c>
      <c r="D8729" s="2">
        <v>0</v>
      </c>
      <c r="E8729" s="2">
        <v>343.99999999998903</v>
      </c>
    </row>
    <row r="8730" spans="1:5" x14ac:dyDescent="0.25">
      <c r="A8730" s="3">
        <v>41831.577604166669</v>
      </c>
      <c r="B8730" s="2">
        <v>23.9</v>
      </c>
      <c r="C8730" s="2">
        <v>203.2</v>
      </c>
      <c r="D8730" s="2">
        <v>0</v>
      </c>
      <c r="E8730" s="2">
        <v>343.99999999998903</v>
      </c>
    </row>
    <row r="8731" spans="1:5" x14ac:dyDescent="0.25">
      <c r="A8731" s="3">
        <v>41831.579456018517</v>
      </c>
      <c r="B8731" s="2">
        <v>24</v>
      </c>
      <c r="C8731" s="2">
        <v>203.4</v>
      </c>
      <c r="D8731" s="2">
        <v>0</v>
      </c>
      <c r="E8731" s="2">
        <v>343.99999999998903</v>
      </c>
    </row>
    <row r="8732" spans="1:5" x14ac:dyDescent="0.25">
      <c r="A8732" s="3">
        <v>41831.579687500001</v>
      </c>
      <c r="B8732" s="2">
        <v>24</v>
      </c>
      <c r="C8732" s="2">
        <v>203.2</v>
      </c>
      <c r="D8732" s="2">
        <v>0</v>
      </c>
      <c r="E8732" s="2">
        <v>343.99999999998903</v>
      </c>
    </row>
    <row r="8733" spans="1:5" x14ac:dyDescent="0.25">
      <c r="A8733" s="3">
        <v>41831.580787037034</v>
      </c>
      <c r="B8733" s="2">
        <v>24.1</v>
      </c>
      <c r="C8733" s="2">
        <v>203.4</v>
      </c>
      <c r="D8733" s="2">
        <v>0</v>
      </c>
      <c r="E8733" s="2">
        <v>343.99999999998903</v>
      </c>
    </row>
    <row r="8734" spans="1:5" x14ac:dyDescent="0.25">
      <c r="A8734" s="3">
        <v>41831.58084490741</v>
      </c>
      <c r="B8734" s="2">
        <v>24.1</v>
      </c>
      <c r="C8734" s="2">
        <v>203.2</v>
      </c>
      <c r="D8734" s="2">
        <v>0</v>
      </c>
      <c r="E8734" s="2">
        <v>343.99999999998903</v>
      </c>
    </row>
    <row r="8735" spans="1:5" x14ac:dyDescent="0.25">
      <c r="A8735" s="3">
        <v>41831.581250000003</v>
      </c>
      <c r="B8735" s="2">
        <v>24.1</v>
      </c>
      <c r="C8735" s="2">
        <v>203.4</v>
      </c>
      <c r="D8735" s="2">
        <v>0</v>
      </c>
      <c r="E8735" s="2">
        <v>343.99999999998903</v>
      </c>
    </row>
    <row r="8736" spans="1:5" x14ac:dyDescent="0.25">
      <c r="A8736" s="3">
        <v>41831.581655092596</v>
      </c>
      <c r="B8736" s="2">
        <v>24.1</v>
      </c>
      <c r="C8736" s="2">
        <v>203.2</v>
      </c>
      <c r="D8736" s="2">
        <v>0</v>
      </c>
      <c r="E8736" s="2">
        <v>343.99999999998903</v>
      </c>
    </row>
    <row r="8737" spans="1:5" x14ac:dyDescent="0.25">
      <c r="A8737" s="3">
        <v>41831.581828703704</v>
      </c>
      <c r="B8737" s="2">
        <v>24.1</v>
      </c>
      <c r="C8737" s="2">
        <v>203.4</v>
      </c>
      <c r="D8737" s="2">
        <v>0</v>
      </c>
      <c r="E8737" s="2">
        <v>343.99999999998903</v>
      </c>
    </row>
    <row r="8738" spans="1:5" x14ac:dyDescent="0.25">
      <c r="A8738" s="3">
        <v>41831.606539351851</v>
      </c>
      <c r="B8738" s="2">
        <v>24.6</v>
      </c>
      <c r="C8738" s="2">
        <v>203.2</v>
      </c>
      <c r="D8738" s="2">
        <v>0</v>
      </c>
      <c r="E8738" s="2">
        <v>343.99999999998903</v>
      </c>
    </row>
    <row r="8739" spans="1:5" x14ac:dyDescent="0.25">
      <c r="A8739" s="3">
        <v>41831.607986111114</v>
      </c>
      <c r="B8739" s="2">
        <v>24.7</v>
      </c>
      <c r="C8739" s="2">
        <v>203.4</v>
      </c>
      <c r="D8739" s="2">
        <v>0</v>
      </c>
      <c r="E8739" s="2">
        <v>343.99999999998903</v>
      </c>
    </row>
    <row r="8740" spans="1:5" x14ac:dyDescent="0.25">
      <c r="A8740" s="3">
        <v>41831.608275462961</v>
      </c>
      <c r="B8740" s="2">
        <v>24.7</v>
      </c>
      <c r="C8740" s="2">
        <v>203.2</v>
      </c>
      <c r="D8740" s="2">
        <v>0</v>
      </c>
      <c r="E8740" s="2">
        <v>343.99999999998903</v>
      </c>
    </row>
    <row r="8741" spans="1:5" x14ac:dyDescent="0.25">
      <c r="A8741" s="3">
        <v>41831.608449074076</v>
      </c>
      <c r="B8741" s="2">
        <v>24.7</v>
      </c>
      <c r="C8741" s="2">
        <v>203.4</v>
      </c>
      <c r="D8741" s="2">
        <v>0</v>
      </c>
      <c r="E8741" s="2">
        <v>343.99999999998903</v>
      </c>
    </row>
    <row r="8742" spans="1:5" x14ac:dyDescent="0.25">
      <c r="A8742" s="3">
        <v>41831.609027777777</v>
      </c>
      <c r="B8742" s="2">
        <v>24.7</v>
      </c>
      <c r="C8742" s="2">
        <v>203.2</v>
      </c>
      <c r="D8742" s="2">
        <v>0</v>
      </c>
      <c r="E8742" s="2">
        <v>343.99999999998903</v>
      </c>
    </row>
    <row r="8743" spans="1:5" x14ac:dyDescent="0.25">
      <c r="A8743" s="3">
        <v>41831.609664351854</v>
      </c>
      <c r="B8743" s="2">
        <v>24.7</v>
      </c>
      <c r="C8743" s="2">
        <v>203.4</v>
      </c>
      <c r="D8743" s="2">
        <v>0</v>
      </c>
      <c r="E8743" s="2">
        <v>343.99999999998903</v>
      </c>
    </row>
    <row r="8744" spans="1:5" x14ac:dyDescent="0.25">
      <c r="A8744" s="3">
        <v>41831.610127314816</v>
      </c>
      <c r="B8744" s="2">
        <v>24.7</v>
      </c>
      <c r="C8744" s="2">
        <v>203.2</v>
      </c>
      <c r="D8744" s="2">
        <v>0</v>
      </c>
      <c r="E8744" s="2">
        <v>343.99999999998903</v>
      </c>
    </row>
    <row r="8745" spans="1:5" x14ac:dyDescent="0.25">
      <c r="A8745" s="3">
        <v>41831.610185185185</v>
      </c>
      <c r="B8745" s="2">
        <v>24.7</v>
      </c>
      <c r="C8745" s="2">
        <v>203.4</v>
      </c>
      <c r="D8745" s="2">
        <v>0</v>
      </c>
      <c r="E8745" s="2">
        <v>343.99999999998903</v>
      </c>
    </row>
    <row r="8746" spans="1:5" x14ac:dyDescent="0.25">
      <c r="A8746" s="3">
        <v>41831.610532407409</v>
      </c>
      <c r="B8746" s="2">
        <v>24.7</v>
      </c>
      <c r="C8746" s="2">
        <v>203.2</v>
      </c>
      <c r="D8746" s="2">
        <v>0</v>
      </c>
      <c r="E8746" s="2">
        <v>343.99999999998903</v>
      </c>
    </row>
    <row r="8747" spans="1:5" x14ac:dyDescent="0.25">
      <c r="A8747" s="3">
        <v>41831.611689814818</v>
      </c>
      <c r="B8747" s="2">
        <v>24.7</v>
      </c>
      <c r="C8747" s="2">
        <v>203.4</v>
      </c>
      <c r="D8747" s="2">
        <v>0</v>
      </c>
      <c r="E8747" s="2">
        <v>343.99999999998903</v>
      </c>
    </row>
    <row r="8748" spans="1:5" x14ac:dyDescent="0.25">
      <c r="A8748" s="3">
        <v>41831.612037037034</v>
      </c>
      <c r="B8748" s="2">
        <v>24.7</v>
      </c>
      <c r="C8748" s="2">
        <v>203.2</v>
      </c>
      <c r="D8748" s="2">
        <v>0</v>
      </c>
      <c r="E8748" s="2">
        <v>343.99999999998903</v>
      </c>
    </row>
    <row r="8749" spans="1:5" x14ac:dyDescent="0.25">
      <c r="A8749" s="3">
        <v>41831.676678240743</v>
      </c>
      <c r="B8749" s="2">
        <v>25.5</v>
      </c>
      <c r="C8749" s="2">
        <v>203</v>
      </c>
      <c r="D8749" s="2">
        <v>0</v>
      </c>
      <c r="E8749" s="2">
        <v>343.99999999998903</v>
      </c>
    </row>
    <row r="8750" spans="1:5" x14ac:dyDescent="0.25">
      <c r="A8750" s="3">
        <v>41831.678587962961</v>
      </c>
      <c r="B8750" s="2">
        <v>25.5</v>
      </c>
      <c r="C8750" s="2">
        <v>203.2</v>
      </c>
      <c r="D8750" s="2">
        <v>0</v>
      </c>
      <c r="E8750" s="2">
        <v>343.99999999998903</v>
      </c>
    </row>
    <row r="8751" spans="1:5" x14ac:dyDescent="0.25">
      <c r="A8751" s="3">
        <v>41831.678703703707</v>
      </c>
      <c r="B8751" s="2">
        <v>25.5</v>
      </c>
      <c r="C8751" s="2">
        <v>203</v>
      </c>
      <c r="D8751" s="2">
        <v>0</v>
      </c>
      <c r="E8751" s="2">
        <v>343.99999999998903</v>
      </c>
    </row>
    <row r="8752" spans="1:5" x14ac:dyDescent="0.25">
      <c r="A8752" s="3">
        <v>41831.679398148146</v>
      </c>
      <c r="B8752" s="2">
        <v>25.6</v>
      </c>
      <c r="C8752" s="2">
        <v>203.2</v>
      </c>
      <c r="D8752" s="2">
        <v>0</v>
      </c>
      <c r="E8752" s="2">
        <v>343.99999999998903</v>
      </c>
    </row>
    <row r="8753" spans="1:5" x14ac:dyDescent="0.25">
      <c r="A8753" s="3">
        <v>41831.679629629631</v>
      </c>
      <c r="B8753" s="2">
        <v>25.6</v>
      </c>
      <c r="C8753" s="2">
        <v>203</v>
      </c>
      <c r="D8753" s="2">
        <v>0</v>
      </c>
      <c r="E8753" s="2">
        <v>343.99999999998903</v>
      </c>
    </row>
    <row r="8754" spans="1:5" x14ac:dyDescent="0.25">
      <c r="A8754" s="3">
        <v>41831.680324074077</v>
      </c>
      <c r="B8754" s="2">
        <v>25.6</v>
      </c>
      <c r="C8754" s="2">
        <v>203.2</v>
      </c>
      <c r="D8754" s="2">
        <v>0</v>
      </c>
      <c r="E8754" s="2">
        <v>343.99999999998903</v>
      </c>
    </row>
    <row r="8755" spans="1:5" x14ac:dyDescent="0.25">
      <c r="A8755" s="3">
        <v>41831.680439814816</v>
      </c>
      <c r="B8755" s="2">
        <v>25.6</v>
      </c>
      <c r="C8755" s="2">
        <v>203</v>
      </c>
      <c r="D8755" s="2">
        <v>0</v>
      </c>
      <c r="E8755" s="2">
        <v>343.99999999998903</v>
      </c>
    </row>
    <row r="8756" spans="1:5" x14ac:dyDescent="0.25">
      <c r="A8756" s="3">
        <v>41831.685532407406</v>
      </c>
      <c r="B8756" s="2">
        <v>25.5</v>
      </c>
      <c r="C8756" s="2">
        <v>203.2</v>
      </c>
      <c r="D8756" s="2">
        <v>0</v>
      </c>
      <c r="E8756" s="2">
        <v>343.99999999998903</v>
      </c>
    </row>
    <row r="8757" spans="1:5" x14ac:dyDescent="0.25">
      <c r="A8757" s="3">
        <v>41831.685648148145</v>
      </c>
      <c r="B8757" s="2">
        <v>25.5</v>
      </c>
      <c r="C8757" s="2">
        <v>203</v>
      </c>
      <c r="D8757" s="2">
        <v>0</v>
      </c>
      <c r="E8757" s="2">
        <v>343.99999999998903</v>
      </c>
    </row>
    <row r="8758" spans="1:5" x14ac:dyDescent="0.25">
      <c r="A8758" s="3">
        <v>41831.739641203705</v>
      </c>
      <c r="B8758" s="2">
        <v>25.4</v>
      </c>
      <c r="C8758" s="2">
        <v>202.8</v>
      </c>
      <c r="D8758" s="2">
        <v>0</v>
      </c>
      <c r="E8758" s="2">
        <v>343.99999999998903</v>
      </c>
    </row>
    <row r="8759" spans="1:5" x14ac:dyDescent="0.25">
      <c r="A8759" s="3">
        <v>41831.739756944444</v>
      </c>
      <c r="B8759" s="2">
        <v>25.4</v>
      </c>
      <c r="C8759" s="2">
        <v>203</v>
      </c>
      <c r="D8759" s="2">
        <v>0</v>
      </c>
      <c r="E8759" s="2">
        <v>343.99999999998903</v>
      </c>
    </row>
    <row r="8760" spans="1:5" x14ac:dyDescent="0.25">
      <c r="A8760" s="3">
        <v>41831.739930555559</v>
      </c>
      <c r="B8760" s="2">
        <v>25.4</v>
      </c>
      <c r="C8760" s="2">
        <v>202.8</v>
      </c>
      <c r="D8760" s="2">
        <v>0</v>
      </c>
      <c r="E8760" s="2">
        <v>343.99999999998903</v>
      </c>
    </row>
    <row r="8761" spans="1:5" x14ac:dyDescent="0.25">
      <c r="A8761" s="3">
        <v>41831.808391203704</v>
      </c>
      <c r="B8761" s="2">
        <v>25.3</v>
      </c>
      <c r="C8761" s="2">
        <v>202.6</v>
      </c>
      <c r="D8761" s="2">
        <v>0</v>
      </c>
      <c r="E8761" s="2">
        <v>343.99999999998903</v>
      </c>
    </row>
    <row r="8762" spans="1:5" x14ac:dyDescent="0.25">
      <c r="A8762" s="3">
        <v>41831.881712962961</v>
      </c>
      <c r="B8762" s="2">
        <v>24.1</v>
      </c>
      <c r="C8762" s="2">
        <v>202.4</v>
      </c>
      <c r="D8762" s="2">
        <v>0</v>
      </c>
      <c r="E8762" s="2">
        <v>343.99999999998903</v>
      </c>
    </row>
    <row r="8763" spans="1:5" x14ac:dyDescent="0.25">
      <c r="A8763" s="3">
        <v>41831.956250000003</v>
      </c>
      <c r="B8763" s="2">
        <v>23</v>
      </c>
      <c r="C8763" s="2">
        <v>202.2</v>
      </c>
      <c r="D8763" s="2">
        <v>0</v>
      </c>
      <c r="E8763" s="2">
        <v>343.99999999998903</v>
      </c>
    </row>
    <row r="8764" spans="1:5" x14ac:dyDescent="0.25">
      <c r="A8764" s="3">
        <v>41832.037442129629</v>
      </c>
      <c r="B8764" s="2">
        <v>21.8</v>
      </c>
      <c r="C8764" s="2">
        <v>202</v>
      </c>
      <c r="D8764" s="2">
        <v>0</v>
      </c>
      <c r="E8764" s="2">
        <v>343.99999999998903</v>
      </c>
    </row>
    <row r="8765" spans="1:5" x14ac:dyDescent="0.25">
      <c r="A8765" s="3">
        <v>41832.143576388888</v>
      </c>
      <c r="B8765" s="2">
        <v>20.100000000000001</v>
      </c>
      <c r="C8765" s="2">
        <v>201.8</v>
      </c>
      <c r="D8765" s="2">
        <v>0</v>
      </c>
      <c r="E8765" s="2">
        <v>343.99999999998903</v>
      </c>
    </row>
    <row r="8766" spans="1:5" x14ac:dyDescent="0.25">
      <c r="A8766" s="3">
        <v>41832.248263888891</v>
      </c>
      <c r="B8766" s="2">
        <v>18.7</v>
      </c>
      <c r="C8766" s="2">
        <v>201.6</v>
      </c>
      <c r="D8766" s="2">
        <v>0</v>
      </c>
      <c r="E8766" s="2">
        <v>343.99999999998903</v>
      </c>
    </row>
    <row r="8767" spans="1:5" x14ac:dyDescent="0.25">
      <c r="A8767" s="3">
        <v>41832.302256944444</v>
      </c>
      <c r="B8767" s="2">
        <v>18.5</v>
      </c>
      <c r="C8767" s="2">
        <v>201.4</v>
      </c>
      <c r="D8767" s="2">
        <v>0</v>
      </c>
      <c r="E8767" s="2">
        <v>343.99999999998903</v>
      </c>
    </row>
    <row r="8768" spans="1:5" x14ac:dyDescent="0.25">
      <c r="A8768" s="3">
        <v>41832.351678240739</v>
      </c>
      <c r="B8768" s="2">
        <v>18.7</v>
      </c>
      <c r="C8768" s="2">
        <v>201.2</v>
      </c>
      <c r="D8768" s="2">
        <v>0</v>
      </c>
      <c r="E8768" s="2">
        <v>343.99999999998903</v>
      </c>
    </row>
    <row r="8769" spans="1:5" x14ac:dyDescent="0.25">
      <c r="A8769" s="3">
        <v>41832.401967592596</v>
      </c>
      <c r="B8769" s="2">
        <v>20.399999999999999</v>
      </c>
      <c r="C8769" s="2">
        <v>201.4</v>
      </c>
      <c r="D8769" s="2">
        <v>0</v>
      </c>
      <c r="E8769" s="2">
        <v>343.99999999998903</v>
      </c>
    </row>
    <row r="8770" spans="1:5" x14ac:dyDescent="0.25">
      <c r="A8770" s="3">
        <v>41832.439814814818</v>
      </c>
      <c r="B8770" s="2">
        <v>21.4</v>
      </c>
      <c r="C8770" s="2">
        <v>201.2</v>
      </c>
      <c r="D8770" s="2">
        <v>0</v>
      </c>
      <c r="E8770" s="2">
        <v>343.99999999998903</v>
      </c>
    </row>
    <row r="8771" spans="1:5" x14ac:dyDescent="0.25">
      <c r="A8771" s="3">
        <v>41832.439988425926</v>
      </c>
      <c r="B8771" s="2">
        <v>21.4</v>
      </c>
      <c r="C8771" s="2">
        <v>201.4</v>
      </c>
      <c r="D8771" s="2">
        <v>0</v>
      </c>
      <c r="E8771" s="2">
        <v>343.99999999998903</v>
      </c>
    </row>
    <row r="8772" spans="1:5" x14ac:dyDescent="0.25">
      <c r="A8772" s="3">
        <v>41832.441840277781</v>
      </c>
      <c r="B8772" s="2">
        <v>21.4</v>
      </c>
      <c r="C8772" s="2">
        <v>201.2</v>
      </c>
      <c r="D8772" s="2">
        <v>0</v>
      </c>
      <c r="E8772" s="2">
        <v>343.99999999998903</v>
      </c>
    </row>
    <row r="8773" spans="1:5" x14ac:dyDescent="0.25">
      <c r="A8773" s="3">
        <v>41832.44195601852</v>
      </c>
      <c r="B8773" s="2">
        <v>21.4</v>
      </c>
      <c r="C8773" s="2">
        <v>201.4</v>
      </c>
      <c r="D8773" s="2">
        <v>0</v>
      </c>
      <c r="E8773" s="2">
        <v>343.99999999998903</v>
      </c>
    </row>
    <row r="8774" spans="1:5" x14ac:dyDescent="0.25">
      <c r="A8774" s="3">
        <v>41832.442187499997</v>
      </c>
      <c r="B8774" s="2">
        <v>21.4</v>
      </c>
      <c r="C8774" s="2">
        <v>201.2</v>
      </c>
      <c r="D8774" s="2">
        <v>0</v>
      </c>
      <c r="E8774" s="2">
        <v>343.99999999998903</v>
      </c>
    </row>
    <row r="8775" spans="1:5" x14ac:dyDescent="0.25">
      <c r="A8775" s="3">
        <v>41832.442245370374</v>
      </c>
      <c r="B8775" s="2">
        <v>21.4</v>
      </c>
      <c r="C8775" s="2">
        <v>201.4</v>
      </c>
      <c r="D8775" s="2">
        <v>0</v>
      </c>
      <c r="E8775" s="2">
        <v>343.99999999998903</v>
      </c>
    </row>
    <row r="8776" spans="1:5" x14ac:dyDescent="0.25">
      <c r="A8776" s="3">
        <v>41832.442361111112</v>
      </c>
      <c r="B8776" s="2">
        <v>21.5</v>
      </c>
      <c r="C8776" s="2">
        <v>201.2</v>
      </c>
      <c r="D8776" s="2">
        <v>0</v>
      </c>
      <c r="E8776" s="2">
        <v>343.99999999998903</v>
      </c>
    </row>
    <row r="8777" spans="1:5" x14ac:dyDescent="0.25">
      <c r="A8777" s="3">
        <v>41832.44253472222</v>
      </c>
      <c r="B8777" s="2">
        <v>21.4</v>
      </c>
      <c r="C8777" s="2">
        <v>201.4</v>
      </c>
      <c r="D8777" s="2">
        <v>0</v>
      </c>
      <c r="E8777" s="2">
        <v>343.99999999998903</v>
      </c>
    </row>
    <row r="8778" spans="1:5" x14ac:dyDescent="0.25">
      <c r="A8778" s="3">
        <v>41832.470659722225</v>
      </c>
      <c r="B8778" s="2">
        <v>22</v>
      </c>
      <c r="C8778" s="2">
        <v>201.2</v>
      </c>
      <c r="D8778" s="2">
        <v>0</v>
      </c>
      <c r="E8778" s="2">
        <v>343.99999999998903</v>
      </c>
    </row>
    <row r="8779" spans="1:5" x14ac:dyDescent="0.25">
      <c r="A8779" s="3">
        <v>41832.473379629628</v>
      </c>
      <c r="B8779" s="2">
        <v>22.1</v>
      </c>
      <c r="C8779" s="2">
        <v>201.4</v>
      </c>
      <c r="D8779" s="2">
        <v>0</v>
      </c>
      <c r="E8779" s="2">
        <v>343.99999999998903</v>
      </c>
    </row>
    <row r="8780" spans="1:5" x14ac:dyDescent="0.25">
      <c r="A8780" s="3">
        <v>41832.473900462966</v>
      </c>
      <c r="B8780" s="2">
        <v>22.1</v>
      </c>
      <c r="C8780" s="2">
        <v>201.2</v>
      </c>
      <c r="D8780" s="2">
        <v>0</v>
      </c>
      <c r="E8780" s="2">
        <v>343.99999999998903</v>
      </c>
    </row>
    <row r="8781" spans="1:5" x14ac:dyDescent="0.25">
      <c r="A8781" s="3">
        <v>41832.474479166667</v>
      </c>
      <c r="B8781" s="2">
        <v>22.1</v>
      </c>
      <c r="C8781" s="2">
        <v>201.4</v>
      </c>
      <c r="D8781" s="2">
        <v>0</v>
      </c>
      <c r="E8781" s="2">
        <v>343.99999999998903</v>
      </c>
    </row>
    <row r="8782" spans="1:5" x14ac:dyDescent="0.25">
      <c r="A8782" s="3">
        <v>41832.474768518521</v>
      </c>
      <c r="B8782" s="2">
        <v>22.1</v>
      </c>
      <c r="C8782" s="2">
        <v>201.2</v>
      </c>
      <c r="D8782" s="2">
        <v>0</v>
      </c>
      <c r="E8782" s="2">
        <v>343.99999999998903</v>
      </c>
    </row>
    <row r="8783" spans="1:5" x14ac:dyDescent="0.25">
      <c r="A8783" s="3">
        <v>41832.47488425926</v>
      </c>
      <c r="B8783" s="2">
        <v>22.1</v>
      </c>
      <c r="C8783" s="2">
        <v>201.4</v>
      </c>
      <c r="D8783" s="2">
        <v>0</v>
      </c>
      <c r="E8783" s="2">
        <v>343.99999999998903</v>
      </c>
    </row>
    <row r="8784" spans="1:5" x14ac:dyDescent="0.25">
      <c r="A8784" s="3">
        <v>41832.474999999999</v>
      </c>
      <c r="B8784" s="2">
        <v>22.1</v>
      </c>
      <c r="C8784" s="2">
        <v>201.2</v>
      </c>
      <c r="D8784" s="2">
        <v>0</v>
      </c>
      <c r="E8784" s="2">
        <v>343.99999999998903</v>
      </c>
    </row>
    <row r="8785" spans="1:5" x14ac:dyDescent="0.25">
      <c r="A8785" s="3">
        <v>41832.475752314815</v>
      </c>
      <c r="B8785" s="2">
        <v>22.1</v>
      </c>
      <c r="C8785" s="2">
        <v>201.4</v>
      </c>
      <c r="D8785" s="2">
        <v>0</v>
      </c>
      <c r="E8785" s="2">
        <v>343.99999999998903</v>
      </c>
    </row>
    <row r="8786" spans="1:5" x14ac:dyDescent="0.25">
      <c r="A8786" s="3">
        <v>41832.4765625</v>
      </c>
      <c r="B8786" s="2">
        <v>22.2</v>
      </c>
      <c r="C8786" s="2">
        <v>201.2</v>
      </c>
      <c r="D8786" s="2">
        <v>0</v>
      </c>
      <c r="E8786" s="2">
        <v>343.99999999998903</v>
      </c>
    </row>
    <row r="8787" spans="1:5" x14ac:dyDescent="0.25">
      <c r="A8787" s="3">
        <v>41832.480555555558</v>
      </c>
      <c r="B8787" s="2">
        <v>22.3</v>
      </c>
      <c r="C8787" s="2">
        <v>201.4</v>
      </c>
      <c r="D8787" s="2">
        <v>0</v>
      </c>
      <c r="E8787" s="2">
        <v>343.99999999998903</v>
      </c>
    </row>
    <row r="8788" spans="1:5" x14ac:dyDescent="0.25">
      <c r="A8788" s="3">
        <v>41832.480844907404</v>
      </c>
      <c r="B8788" s="2">
        <v>22.3</v>
      </c>
      <c r="C8788" s="2">
        <v>201.2</v>
      </c>
      <c r="D8788" s="2">
        <v>0</v>
      </c>
      <c r="E8788" s="2">
        <v>343.99999999998903</v>
      </c>
    </row>
    <row r="8789" spans="1:5" x14ac:dyDescent="0.25">
      <c r="A8789" s="3">
        <v>41832.612673611111</v>
      </c>
      <c r="B8789" s="2">
        <v>25.5</v>
      </c>
      <c r="C8789" s="2">
        <v>201.2</v>
      </c>
      <c r="D8789" s="2">
        <v>0.2</v>
      </c>
      <c r="E8789" s="2">
        <v>344.19999999998902</v>
      </c>
    </row>
    <row r="8790" spans="1:5" x14ac:dyDescent="0.25">
      <c r="A8790" s="3">
        <v>41832.640451388892</v>
      </c>
      <c r="B8790" s="2">
        <v>25.4</v>
      </c>
      <c r="C8790" s="2">
        <v>201.2</v>
      </c>
      <c r="D8790" s="2">
        <v>0.2</v>
      </c>
      <c r="E8790" s="2">
        <v>344.39999999998901</v>
      </c>
    </row>
    <row r="8791" spans="1:5" x14ac:dyDescent="0.25">
      <c r="A8791" s="3">
        <v>41832.655092592591</v>
      </c>
      <c r="B8791" s="2">
        <v>25.3</v>
      </c>
      <c r="C8791" s="2">
        <v>201.4</v>
      </c>
      <c r="D8791" s="2">
        <v>0</v>
      </c>
      <c r="E8791" s="2">
        <v>344.39999999998901</v>
      </c>
    </row>
    <row r="8792" spans="1:5" x14ac:dyDescent="0.25">
      <c r="A8792" s="3">
        <v>41832.65520833333</v>
      </c>
      <c r="B8792" s="2">
        <v>25.3</v>
      </c>
      <c r="C8792" s="2">
        <v>201.2</v>
      </c>
      <c r="D8792" s="2">
        <v>0</v>
      </c>
      <c r="E8792" s="2">
        <v>344.39999999998901</v>
      </c>
    </row>
    <row r="8793" spans="1:5" x14ac:dyDescent="0.25">
      <c r="A8793" s="3">
        <v>41832.778587962966</v>
      </c>
      <c r="B8793" s="2">
        <v>23.6</v>
      </c>
      <c r="C8793" s="2">
        <v>201</v>
      </c>
      <c r="D8793" s="2">
        <v>0</v>
      </c>
      <c r="E8793" s="2">
        <v>344.39999999998901</v>
      </c>
    </row>
    <row r="8794" spans="1:5" x14ac:dyDescent="0.25">
      <c r="A8794" s="3">
        <v>41832.904918981483</v>
      </c>
      <c r="B8794" s="2">
        <v>21.9</v>
      </c>
      <c r="C8794" s="2">
        <v>200.8</v>
      </c>
      <c r="D8794" s="2">
        <v>0</v>
      </c>
      <c r="E8794" s="2">
        <v>344.39999999998901</v>
      </c>
    </row>
    <row r="8795" spans="1:5" x14ac:dyDescent="0.25">
      <c r="A8795" s="3">
        <v>41833.025347222225</v>
      </c>
      <c r="B8795" s="2">
        <v>20.2</v>
      </c>
      <c r="C8795" s="2">
        <v>200.6</v>
      </c>
      <c r="D8795" s="2">
        <v>0</v>
      </c>
      <c r="E8795" s="2">
        <v>344.39999999998901</v>
      </c>
    </row>
    <row r="8796" spans="1:5" x14ac:dyDescent="0.25">
      <c r="A8796" s="3">
        <v>41833.145949074074</v>
      </c>
      <c r="B8796" s="2">
        <v>18.899999999999999</v>
      </c>
      <c r="C8796" s="2">
        <v>200.6</v>
      </c>
      <c r="D8796" s="2">
        <v>0.2</v>
      </c>
      <c r="E8796" s="2">
        <v>344.599999999989</v>
      </c>
    </row>
    <row r="8797" spans="1:5" x14ac:dyDescent="0.25">
      <c r="A8797" s="3">
        <v>41833.164988425924</v>
      </c>
      <c r="B8797" s="2">
        <v>18.7</v>
      </c>
      <c r="C8797" s="2">
        <v>200.6</v>
      </c>
      <c r="D8797" s="2">
        <v>0.2</v>
      </c>
      <c r="E8797" s="2">
        <v>344.79999999998898</v>
      </c>
    </row>
    <row r="8798" spans="1:5" x14ac:dyDescent="0.25">
      <c r="A8798" s="3">
        <v>41833.21365740741</v>
      </c>
      <c r="B8798" s="2">
        <v>18.3</v>
      </c>
      <c r="C8798" s="2">
        <v>200.6</v>
      </c>
      <c r="D8798" s="2">
        <v>0.2</v>
      </c>
      <c r="E8798" s="2">
        <v>344.99999999998897</v>
      </c>
    </row>
    <row r="8799" spans="1:5" x14ac:dyDescent="0.25">
      <c r="A8799" s="3">
        <v>41833.624247685184</v>
      </c>
      <c r="B8799" s="2">
        <v>26.4</v>
      </c>
      <c r="C8799" s="2">
        <v>200.4</v>
      </c>
      <c r="D8799" s="2">
        <v>0</v>
      </c>
      <c r="E8799" s="2">
        <v>344.99999999998897</v>
      </c>
    </row>
    <row r="8800" spans="1:5" x14ac:dyDescent="0.25">
      <c r="A8800" s="3">
        <v>41833.703645833331</v>
      </c>
      <c r="B8800" s="2">
        <v>26.4</v>
      </c>
      <c r="C8800" s="2">
        <v>200.2</v>
      </c>
      <c r="D8800" s="2">
        <v>0</v>
      </c>
      <c r="E8800" s="2">
        <v>344.99999999998897</v>
      </c>
    </row>
    <row r="8801" spans="1:5" x14ac:dyDescent="0.25">
      <c r="A8801" s="3">
        <v>41833.787037037036</v>
      </c>
      <c r="B8801" s="2">
        <v>25.3</v>
      </c>
      <c r="C8801" s="2">
        <v>200</v>
      </c>
      <c r="D8801" s="2">
        <v>0</v>
      </c>
      <c r="E8801" s="2">
        <v>344.99999999998897</v>
      </c>
    </row>
    <row r="8802" spans="1:5" x14ac:dyDescent="0.25">
      <c r="A8802" s="3">
        <v>41833.857291666667</v>
      </c>
      <c r="B8802" s="2">
        <v>24.2</v>
      </c>
      <c r="C8802" s="2">
        <v>200</v>
      </c>
      <c r="D8802" s="2">
        <v>0.2</v>
      </c>
      <c r="E8802" s="2">
        <v>345.19999999998896</v>
      </c>
    </row>
    <row r="8803" spans="1:5" x14ac:dyDescent="0.25">
      <c r="A8803" s="3">
        <v>41833.936342592591</v>
      </c>
      <c r="B8803" s="2">
        <v>22.9</v>
      </c>
      <c r="C8803" s="2">
        <v>199.8</v>
      </c>
      <c r="D8803" s="2">
        <v>0</v>
      </c>
      <c r="E8803" s="2">
        <v>345.19999999998896</v>
      </c>
    </row>
    <row r="8804" spans="1:5" x14ac:dyDescent="0.25">
      <c r="A8804" s="3">
        <v>41834.035879629628</v>
      </c>
      <c r="B8804" s="2">
        <v>21.4</v>
      </c>
      <c r="C8804" s="2">
        <v>199.6</v>
      </c>
      <c r="D8804" s="2">
        <v>0</v>
      </c>
      <c r="E8804" s="2">
        <v>345.19999999998896</v>
      </c>
    </row>
    <row r="8805" spans="1:5" x14ac:dyDescent="0.25">
      <c r="A8805" s="3">
        <v>41834.167881944442</v>
      </c>
      <c r="B8805" s="2">
        <v>19.8</v>
      </c>
      <c r="C8805" s="2">
        <v>199.4</v>
      </c>
      <c r="D8805" s="2">
        <v>0</v>
      </c>
      <c r="E8805" s="2">
        <v>345.19999999998896</v>
      </c>
    </row>
    <row r="8806" spans="1:5" x14ac:dyDescent="0.25">
      <c r="A8806" s="3">
        <v>41834.314988425926</v>
      </c>
      <c r="B8806" s="2">
        <v>18.899999999999999</v>
      </c>
      <c r="C8806" s="2">
        <v>199.2</v>
      </c>
      <c r="D8806" s="2">
        <v>0</v>
      </c>
      <c r="E8806" s="2">
        <v>345.19999999998896</v>
      </c>
    </row>
    <row r="8807" spans="1:5" x14ac:dyDescent="0.25">
      <c r="A8807" s="3">
        <v>41834.397511574076</v>
      </c>
      <c r="B8807" s="2">
        <v>19.8</v>
      </c>
      <c r="C8807" s="2">
        <v>199</v>
      </c>
      <c r="D8807" s="2">
        <v>0</v>
      </c>
      <c r="E8807" s="2">
        <v>345.19999999998896</v>
      </c>
    </row>
    <row r="8808" spans="1:5" x14ac:dyDescent="0.25">
      <c r="A8808" s="3">
        <v>41834.577141203707</v>
      </c>
      <c r="B8808" s="2">
        <v>27.2</v>
      </c>
      <c r="C8808" s="2">
        <v>198.8</v>
      </c>
      <c r="D8808" s="2">
        <v>0</v>
      </c>
      <c r="E8808" s="2">
        <v>345.19999999998896</v>
      </c>
    </row>
    <row r="8809" spans="1:5" x14ac:dyDescent="0.25">
      <c r="A8809" s="3">
        <v>41834.614872685182</v>
      </c>
      <c r="B8809" s="2">
        <v>28.2</v>
      </c>
      <c r="C8809" s="2">
        <v>198.6</v>
      </c>
      <c r="D8809" s="2">
        <v>0</v>
      </c>
      <c r="E8809" s="2">
        <v>345.19999999998896</v>
      </c>
    </row>
    <row r="8810" spans="1:5" x14ac:dyDescent="0.25">
      <c r="A8810" s="3">
        <v>41834.616261574076</v>
      </c>
      <c r="B8810" s="2">
        <v>28.2</v>
      </c>
      <c r="C8810" s="2">
        <v>198.8</v>
      </c>
      <c r="D8810" s="2">
        <v>0</v>
      </c>
      <c r="E8810" s="2">
        <v>345.19999999998896</v>
      </c>
    </row>
    <row r="8811" spans="1:5" x14ac:dyDescent="0.25">
      <c r="A8811" s="3">
        <v>41834.616377314815</v>
      </c>
      <c r="B8811" s="2">
        <v>28.2</v>
      </c>
      <c r="C8811" s="2">
        <v>198.6</v>
      </c>
      <c r="D8811" s="2">
        <v>0</v>
      </c>
      <c r="E8811" s="2">
        <v>345.19999999998896</v>
      </c>
    </row>
    <row r="8812" spans="1:5" x14ac:dyDescent="0.25">
      <c r="A8812" s="3">
        <v>41834.617129629631</v>
      </c>
      <c r="B8812" s="2">
        <v>28.2</v>
      </c>
      <c r="C8812" s="2">
        <v>198.8</v>
      </c>
      <c r="D8812" s="2">
        <v>0</v>
      </c>
      <c r="E8812" s="2">
        <v>345.19999999998896</v>
      </c>
    </row>
    <row r="8813" spans="1:5" x14ac:dyDescent="0.25">
      <c r="A8813" s="3">
        <v>41834.6171875</v>
      </c>
      <c r="B8813" s="2">
        <v>28.2</v>
      </c>
      <c r="C8813" s="2">
        <v>198.6</v>
      </c>
      <c r="D8813" s="2">
        <v>0</v>
      </c>
      <c r="E8813" s="2">
        <v>345.19999999998896</v>
      </c>
    </row>
    <row r="8814" spans="1:5" x14ac:dyDescent="0.25">
      <c r="A8814" s="3">
        <v>41834.617303240739</v>
      </c>
      <c r="B8814" s="2">
        <v>28.2</v>
      </c>
      <c r="C8814" s="2">
        <v>198.8</v>
      </c>
      <c r="D8814" s="2">
        <v>0</v>
      </c>
      <c r="E8814" s="2">
        <v>345.19999999998896</v>
      </c>
    </row>
    <row r="8815" spans="1:5" x14ac:dyDescent="0.25">
      <c r="A8815" s="3">
        <v>41834.617766203701</v>
      </c>
      <c r="B8815" s="2">
        <v>28.2</v>
      </c>
      <c r="C8815" s="2">
        <v>198.6</v>
      </c>
      <c r="D8815" s="2">
        <v>0</v>
      </c>
      <c r="E8815" s="2">
        <v>345.19999999998896</v>
      </c>
    </row>
    <row r="8816" spans="1:5" x14ac:dyDescent="0.25">
      <c r="A8816" s="3">
        <v>41834.617939814816</v>
      </c>
      <c r="B8816" s="2">
        <v>28.3</v>
      </c>
      <c r="C8816" s="2">
        <v>198.8</v>
      </c>
      <c r="D8816" s="2">
        <v>0</v>
      </c>
      <c r="E8816" s="2">
        <v>345.19999999998896</v>
      </c>
    </row>
    <row r="8817" spans="1:5" x14ac:dyDescent="0.25">
      <c r="A8817" s="3">
        <v>41834.632754629631</v>
      </c>
      <c r="B8817" s="2">
        <v>27.9</v>
      </c>
      <c r="C8817" s="2">
        <v>199</v>
      </c>
      <c r="D8817" s="2">
        <v>0</v>
      </c>
      <c r="E8817" s="2">
        <v>345.19999999998896</v>
      </c>
    </row>
    <row r="8818" spans="1:5" x14ac:dyDescent="0.25">
      <c r="A8818" s="3">
        <v>41834.633275462962</v>
      </c>
      <c r="B8818" s="2">
        <v>27.9</v>
      </c>
      <c r="C8818" s="2">
        <v>199</v>
      </c>
      <c r="D8818" s="2">
        <v>0.2</v>
      </c>
      <c r="E8818" s="2">
        <v>345.39999999998895</v>
      </c>
    </row>
    <row r="8819" spans="1:5" x14ac:dyDescent="0.25">
      <c r="A8819" s="3">
        <v>41834.63385416667</v>
      </c>
      <c r="B8819" s="2">
        <v>27.8</v>
      </c>
      <c r="C8819" s="2">
        <v>199.2</v>
      </c>
      <c r="D8819" s="2">
        <v>0</v>
      </c>
      <c r="E8819" s="2">
        <v>345.39999999998895</v>
      </c>
    </row>
    <row r="8820" spans="1:5" x14ac:dyDescent="0.25">
      <c r="A8820" s="3">
        <v>41834.635243055556</v>
      </c>
      <c r="B8820" s="2">
        <v>27.8</v>
      </c>
      <c r="C8820" s="2">
        <v>199.2</v>
      </c>
      <c r="D8820" s="2">
        <v>0.2</v>
      </c>
      <c r="E8820" s="2">
        <v>345.59999999998894</v>
      </c>
    </row>
    <row r="8821" spans="1:5" x14ac:dyDescent="0.25">
      <c r="A8821" s="3">
        <v>41834.637152777781</v>
      </c>
      <c r="B8821" s="2">
        <v>27.7</v>
      </c>
      <c r="C8821" s="2">
        <v>199.4</v>
      </c>
      <c r="D8821" s="2">
        <v>0</v>
      </c>
      <c r="E8821" s="2">
        <v>345.59999999998894</v>
      </c>
    </row>
    <row r="8822" spans="1:5" x14ac:dyDescent="0.25">
      <c r="A8822" s="3">
        <v>41834.637442129628</v>
      </c>
      <c r="B8822" s="2">
        <v>27.7</v>
      </c>
      <c r="C8822" s="2">
        <v>199.4</v>
      </c>
      <c r="D8822" s="2">
        <v>0.2</v>
      </c>
      <c r="E8822" s="2">
        <v>345.79999999998893</v>
      </c>
    </row>
    <row r="8823" spans="1:5" x14ac:dyDescent="0.25">
      <c r="A8823" s="3">
        <v>41834.689583333333</v>
      </c>
      <c r="B8823" s="2">
        <v>26.5</v>
      </c>
      <c r="C8823" s="2">
        <v>199.2</v>
      </c>
      <c r="D8823" s="2">
        <v>0</v>
      </c>
      <c r="E8823" s="2">
        <v>345.79999999998893</v>
      </c>
    </row>
    <row r="8824" spans="1:5" x14ac:dyDescent="0.25">
      <c r="A8824" s="3">
        <v>41834.703067129631</v>
      </c>
      <c r="B8824" s="2">
        <v>26.3</v>
      </c>
      <c r="C8824" s="2">
        <v>199.2</v>
      </c>
      <c r="D8824" s="2">
        <v>0.2</v>
      </c>
      <c r="E8824" s="2">
        <v>345.99999999998892</v>
      </c>
    </row>
    <row r="8825" spans="1:5" x14ac:dyDescent="0.25">
      <c r="A8825" s="3">
        <v>41834.703645833331</v>
      </c>
      <c r="B8825" s="2">
        <v>26.3</v>
      </c>
      <c r="C8825" s="2">
        <v>199.4</v>
      </c>
      <c r="D8825" s="2">
        <v>0</v>
      </c>
      <c r="E8825" s="2">
        <v>345.99999999998892</v>
      </c>
    </row>
    <row r="8826" spans="1:5" x14ac:dyDescent="0.25">
      <c r="A8826" s="3">
        <v>41834.712905092594</v>
      </c>
      <c r="B8826" s="2">
        <v>26.2</v>
      </c>
      <c r="C8826" s="2">
        <v>199.2</v>
      </c>
      <c r="D8826" s="2">
        <v>0</v>
      </c>
      <c r="E8826" s="2">
        <v>345.99999999998892</v>
      </c>
    </row>
    <row r="8827" spans="1:5" x14ac:dyDescent="0.25">
      <c r="A8827" s="3">
        <v>41834.713368055556</v>
      </c>
      <c r="B8827" s="2">
        <v>26.2</v>
      </c>
      <c r="C8827" s="2">
        <v>199.4</v>
      </c>
      <c r="D8827" s="2">
        <v>0</v>
      </c>
      <c r="E8827" s="2">
        <v>345.99999999998892</v>
      </c>
    </row>
    <row r="8828" spans="1:5" x14ac:dyDescent="0.25">
      <c r="A8828" s="3">
        <v>41834.732002314813</v>
      </c>
      <c r="B8828" s="2">
        <v>26</v>
      </c>
      <c r="C8828" s="2">
        <v>199.4</v>
      </c>
      <c r="D8828" s="2">
        <v>0.2</v>
      </c>
      <c r="E8828" s="2">
        <v>346.1999999999889</v>
      </c>
    </row>
    <row r="8829" spans="1:5" x14ac:dyDescent="0.25">
      <c r="A8829" s="3">
        <v>41834.793807870374</v>
      </c>
      <c r="B8829" s="2">
        <v>25.4</v>
      </c>
      <c r="C8829" s="2">
        <v>199.2</v>
      </c>
      <c r="D8829" s="2">
        <v>0</v>
      </c>
      <c r="E8829" s="2">
        <v>346.1999999999889</v>
      </c>
    </row>
    <row r="8830" spans="1:5" x14ac:dyDescent="0.25">
      <c r="A8830" s="3">
        <v>41834.944328703707</v>
      </c>
      <c r="B8830" s="2">
        <v>23.1</v>
      </c>
      <c r="C8830" s="2">
        <v>199</v>
      </c>
      <c r="D8830" s="2">
        <v>0</v>
      </c>
      <c r="E8830" s="2">
        <v>346.1999999999889</v>
      </c>
    </row>
    <row r="8831" spans="1:5" x14ac:dyDescent="0.25">
      <c r="A8831" s="3">
        <v>41835.100405092591</v>
      </c>
      <c r="B8831" s="2">
        <v>20.8</v>
      </c>
      <c r="C8831" s="2">
        <v>198.8</v>
      </c>
      <c r="D8831" s="2">
        <v>0</v>
      </c>
      <c r="E8831" s="2">
        <v>346.1999999999889</v>
      </c>
    </row>
    <row r="8832" spans="1:5" x14ac:dyDescent="0.25">
      <c r="A8832" s="3">
        <v>41835.265798611108</v>
      </c>
      <c r="B8832" s="2">
        <v>19</v>
      </c>
      <c r="C8832" s="2">
        <v>198.6</v>
      </c>
      <c r="D8832" s="2">
        <v>0</v>
      </c>
      <c r="E8832" s="2">
        <v>346.1999999999889</v>
      </c>
    </row>
    <row r="8833" spans="1:5" x14ac:dyDescent="0.25">
      <c r="A8833" s="3">
        <v>41835.358854166669</v>
      </c>
      <c r="B8833" s="2">
        <v>18.899999999999999</v>
      </c>
      <c r="C8833" s="2">
        <v>198.4</v>
      </c>
      <c r="D8833" s="2">
        <v>0</v>
      </c>
      <c r="E8833" s="2">
        <v>346.1999999999889</v>
      </c>
    </row>
    <row r="8834" spans="1:5" x14ac:dyDescent="0.25">
      <c r="A8834" s="3">
        <v>41835.49490740741</v>
      </c>
      <c r="B8834" s="2">
        <v>24.4</v>
      </c>
      <c r="C8834" s="2">
        <v>198.6</v>
      </c>
      <c r="D8834" s="2">
        <v>0</v>
      </c>
      <c r="E8834" s="2">
        <v>346.1999999999889</v>
      </c>
    </row>
    <row r="8835" spans="1:5" x14ac:dyDescent="0.25">
      <c r="A8835" s="3">
        <v>41835.495023148149</v>
      </c>
      <c r="B8835" s="2">
        <v>24.4</v>
      </c>
      <c r="C8835" s="2">
        <v>198.4</v>
      </c>
      <c r="D8835" s="2">
        <v>0</v>
      </c>
      <c r="E8835" s="2">
        <v>346.1999999999889</v>
      </c>
    </row>
    <row r="8836" spans="1:5" x14ac:dyDescent="0.25">
      <c r="A8836" s="3">
        <v>41835.495196759257</v>
      </c>
      <c r="B8836" s="2">
        <v>24.5</v>
      </c>
      <c r="C8836" s="2">
        <v>198.6</v>
      </c>
      <c r="D8836" s="2">
        <v>0</v>
      </c>
      <c r="E8836" s="2">
        <v>346.1999999999889</v>
      </c>
    </row>
    <row r="8837" spans="1:5" x14ac:dyDescent="0.25">
      <c r="A8837" s="3">
        <v>41835.495370370372</v>
      </c>
      <c r="B8837" s="2">
        <v>24.5</v>
      </c>
      <c r="C8837" s="2">
        <v>198.4</v>
      </c>
      <c r="D8837" s="2">
        <v>0</v>
      </c>
      <c r="E8837" s="2">
        <v>346.1999999999889</v>
      </c>
    </row>
    <row r="8838" spans="1:5" x14ac:dyDescent="0.25">
      <c r="A8838" s="3">
        <v>41835.495775462965</v>
      </c>
      <c r="B8838" s="2">
        <v>24.5</v>
      </c>
      <c r="C8838" s="2">
        <v>198.6</v>
      </c>
      <c r="D8838" s="2">
        <v>0</v>
      </c>
      <c r="E8838" s="2">
        <v>346.1999999999889</v>
      </c>
    </row>
    <row r="8839" spans="1:5" x14ac:dyDescent="0.25">
      <c r="A8839" s="3">
        <v>41835.497453703705</v>
      </c>
      <c r="B8839" s="2">
        <v>24.5</v>
      </c>
      <c r="C8839" s="2">
        <v>198.4</v>
      </c>
      <c r="D8839" s="2">
        <v>0</v>
      </c>
      <c r="E8839" s="2">
        <v>346.1999999999889</v>
      </c>
    </row>
    <row r="8840" spans="1:5" x14ac:dyDescent="0.25">
      <c r="A8840" s="3">
        <v>41835.514351851853</v>
      </c>
      <c r="B8840" s="2">
        <v>25</v>
      </c>
      <c r="C8840" s="2">
        <v>198.6</v>
      </c>
      <c r="D8840" s="2">
        <v>0</v>
      </c>
      <c r="E8840" s="2">
        <v>346.1999999999889</v>
      </c>
    </row>
    <row r="8841" spans="1:5" x14ac:dyDescent="0.25">
      <c r="A8841" s="3">
        <v>41835.514988425923</v>
      </c>
      <c r="B8841" s="2">
        <v>25</v>
      </c>
      <c r="C8841" s="2">
        <v>198.4</v>
      </c>
      <c r="D8841" s="2">
        <v>0</v>
      </c>
      <c r="E8841" s="2">
        <v>346.1999999999889</v>
      </c>
    </row>
    <row r="8842" spans="1:5" x14ac:dyDescent="0.25">
      <c r="A8842" s="3">
        <v>41835.555671296293</v>
      </c>
      <c r="B8842" s="2">
        <v>25.2</v>
      </c>
      <c r="C8842" s="2">
        <v>198.2</v>
      </c>
      <c r="D8842" s="2">
        <v>0</v>
      </c>
      <c r="E8842" s="2">
        <v>346.1999999999889</v>
      </c>
    </row>
    <row r="8843" spans="1:5" x14ac:dyDescent="0.25">
      <c r="A8843" s="3">
        <v>41835.555960648147</v>
      </c>
      <c r="B8843" s="2">
        <v>25.2</v>
      </c>
      <c r="C8843" s="2">
        <v>198.4</v>
      </c>
      <c r="D8843" s="2">
        <v>0</v>
      </c>
      <c r="E8843" s="2">
        <v>346.1999999999889</v>
      </c>
    </row>
    <row r="8844" spans="1:5" x14ac:dyDescent="0.25">
      <c r="A8844" s="3">
        <v>41835.556481481479</v>
      </c>
      <c r="B8844" s="2">
        <v>25.2</v>
      </c>
      <c r="C8844" s="2">
        <v>198.2</v>
      </c>
      <c r="D8844" s="2">
        <v>0</v>
      </c>
      <c r="E8844" s="2">
        <v>346.1999999999889</v>
      </c>
    </row>
    <row r="8845" spans="1:5" x14ac:dyDescent="0.25">
      <c r="A8845" s="3">
        <v>41835.589467592596</v>
      </c>
      <c r="B8845" s="2">
        <v>26.7</v>
      </c>
      <c r="C8845" s="2">
        <v>198</v>
      </c>
      <c r="D8845" s="2">
        <v>0</v>
      </c>
      <c r="E8845" s="2">
        <v>346.1999999999889</v>
      </c>
    </row>
    <row r="8846" spans="1:5" x14ac:dyDescent="0.25">
      <c r="A8846" s="3">
        <v>41835.594097222223</v>
      </c>
      <c r="B8846" s="2">
        <v>26.9</v>
      </c>
      <c r="C8846" s="2">
        <v>198.2</v>
      </c>
      <c r="D8846" s="2">
        <v>0</v>
      </c>
      <c r="E8846" s="2">
        <v>346.1999999999889</v>
      </c>
    </row>
    <row r="8847" spans="1:5" x14ac:dyDescent="0.25">
      <c r="A8847" s="3">
        <v>41835.594212962962</v>
      </c>
      <c r="B8847" s="2">
        <v>26.9</v>
      </c>
      <c r="C8847" s="2">
        <v>198</v>
      </c>
      <c r="D8847" s="2">
        <v>0</v>
      </c>
      <c r="E8847" s="2">
        <v>346.1999999999889</v>
      </c>
    </row>
    <row r="8848" spans="1:5" x14ac:dyDescent="0.25">
      <c r="A8848" s="3">
        <v>41835.613425925927</v>
      </c>
      <c r="B8848" s="2">
        <v>27.7</v>
      </c>
      <c r="C8848" s="2">
        <v>197.8</v>
      </c>
      <c r="D8848" s="2">
        <v>0</v>
      </c>
      <c r="E8848" s="2">
        <v>346.1999999999889</v>
      </c>
    </row>
    <row r="8849" spans="1:5" x14ac:dyDescent="0.25">
      <c r="A8849" s="3">
        <v>41835.665046296293</v>
      </c>
      <c r="B8849" s="2">
        <v>28.6</v>
      </c>
      <c r="C8849" s="2">
        <v>197.6</v>
      </c>
      <c r="D8849" s="2">
        <v>0</v>
      </c>
      <c r="E8849" s="2">
        <v>346.1999999999889</v>
      </c>
    </row>
    <row r="8850" spans="1:5" x14ac:dyDescent="0.25">
      <c r="A8850" s="3">
        <v>41835.665335648147</v>
      </c>
      <c r="B8850" s="2">
        <v>28.6</v>
      </c>
      <c r="C8850" s="2">
        <v>197.8</v>
      </c>
      <c r="D8850" s="2">
        <v>0</v>
      </c>
      <c r="E8850" s="2">
        <v>346.1999999999889</v>
      </c>
    </row>
    <row r="8851" spans="1:5" x14ac:dyDescent="0.25">
      <c r="A8851" s="3">
        <v>41835.666956018518</v>
      </c>
      <c r="B8851" s="2">
        <v>28.5</v>
      </c>
      <c r="C8851" s="2">
        <v>197.6</v>
      </c>
      <c r="D8851" s="2">
        <v>0</v>
      </c>
      <c r="E8851" s="2">
        <v>346.1999999999889</v>
      </c>
    </row>
    <row r="8852" spans="1:5" x14ac:dyDescent="0.25">
      <c r="A8852" s="3">
        <v>41835.668865740743</v>
      </c>
      <c r="B8852" s="2">
        <v>28.5</v>
      </c>
      <c r="C8852" s="2">
        <v>197.8</v>
      </c>
      <c r="D8852" s="2">
        <v>0</v>
      </c>
      <c r="E8852" s="2">
        <v>346.1999999999889</v>
      </c>
    </row>
    <row r="8853" spans="1:5" x14ac:dyDescent="0.25">
      <c r="A8853" s="3">
        <v>41835.669212962966</v>
      </c>
      <c r="B8853" s="2">
        <v>28.4</v>
      </c>
      <c r="C8853" s="2">
        <v>197.6</v>
      </c>
      <c r="D8853" s="2">
        <v>0</v>
      </c>
      <c r="E8853" s="2">
        <v>346.1999999999889</v>
      </c>
    </row>
    <row r="8854" spans="1:5" x14ac:dyDescent="0.25">
      <c r="A8854" s="3">
        <v>41835.689293981479</v>
      </c>
      <c r="B8854" s="2">
        <v>28.2</v>
      </c>
      <c r="C8854" s="2">
        <v>197.4</v>
      </c>
      <c r="D8854" s="2">
        <v>0</v>
      </c>
      <c r="E8854" s="2">
        <v>346.1999999999889</v>
      </c>
    </row>
    <row r="8855" spans="1:5" x14ac:dyDescent="0.25">
      <c r="A8855" s="3">
        <v>41835.689525462964</v>
      </c>
      <c r="B8855" s="2">
        <v>28.1</v>
      </c>
      <c r="C8855" s="2">
        <v>197.6</v>
      </c>
      <c r="D8855" s="2">
        <v>0</v>
      </c>
      <c r="E8855" s="2">
        <v>346.1999999999889</v>
      </c>
    </row>
    <row r="8856" spans="1:5" x14ac:dyDescent="0.25">
      <c r="A8856" s="3">
        <v>41835.690335648149</v>
      </c>
      <c r="B8856" s="2">
        <v>28.2</v>
      </c>
      <c r="C8856" s="2">
        <v>197.4</v>
      </c>
      <c r="D8856" s="2">
        <v>0</v>
      </c>
      <c r="E8856" s="2">
        <v>346.1999999999889</v>
      </c>
    </row>
    <row r="8857" spans="1:5" x14ac:dyDescent="0.25">
      <c r="A8857" s="3">
        <v>41835.695023148146</v>
      </c>
      <c r="B8857" s="2">
        <v>28.1</v>
      </c>
      <c r="C8857" s="2">
        <v>197.6</v>
      </c>
      <c r="D8857" s="2">
        <v>0</v>
      </c>
      <c r="E8857" s="2">
        <v>346.1999999999889</v>
      </c>
    </row>
    <row r="8858" spans="1:5" x14ac:dyDescent="0.25">
      <c r="A8858" s="3">
        <v>41835.695254629631</v>
      </c>
      <c r="B8858" s="2">
        <v>28</v>
      </c>
      <c r="C8858" s="2">
        <v>197.4</v>
      </c>
      <c r="D8858" s="2">
        <v>0</v>
      </c>
      <c r="E8858" s="2">
        <v>346.1999999999889</v>
      </c>
    </row>
    <row r="8859" spans="1:5" x14ac:dyDescent="0.25">
      <c r="A8859" s="3">
        <v>41835.716145833336</v>
      </c>
      <c r="B8859" s="2">
        <v>27.6</v>
      </c>
      <c r="C8859" s="2">
        <v>197.2</v>
      </c>
      <c r="D8859" s="2">
        <v>0</v>
      </c>
      <c r="E8859" s="2">
        <v>346.1999999999889</v>
      </c>
    </row>
    <row r="8860" spans="1:5" x14ac:dyDescent="0.25">
      <c r="A8860" s="3">
        <v>41835.749247685184</v>
      </c>
      <c r="B8860" s="2">
        <v>27.5</v>
      </c>
      <c r="C8860" s="2">
        <v>197</v>
      </c>
      <c r="D8860" s="2">
        <v>0</v>
      </c>
      <c r="E8860" s="2">
        <v>346.1999999999889</v>
      </c>
    </row>
    <row r="8861" spans="1:5" x14ac:dyDescent="0.25">
      <c r="A8861" s="3">
        <v>41835.764293981483</v>
      </c>
      <c r="B8861" s="2">
        <v>27.6</v>
      </c>
      <c r="C8861" s="2">
        <v>196.8</v>
      </c>
      <c r="D8861" s="2">
        <v>0</v>
      </c>
      <c r="E8861" s="2">
        <v>346.1999999999889</v>
      </c>
    </row>
    <row r="8862" spans="1:5" x14ac:dyDescent="0.25">
      <c r="A8862" s="3">
        <v>41835.82644675926</v>
      </c>
      <c r="B8862" s="2">
        <v>26.6</v>
      </c>
      <c r="C8862" s="2">
        <v>196.6</v>
      </c>
      <c r="D8862" s="2">
        <v>0</v>
      </c>
      <c r="E8862" s="2">
        <v>346.1999999999889</v>
      </c>
    </row>
    <row r="8863" spans="1:5" x14ac:dyDescent="0.25">
      <c r="A8863" s="3">
        <v>41835.88790509259</v>
      </c>
      <c r="B8863" s="2">
        <v>25.5</v>
      </c>
      <c r="C8863" s="2">
        <v>196.4</v>
      </c>
      <c r="D8863" s="2">
        <v>0</v>
      </c>
      <c r="E8863" s="2">
        <v>346.1999999999889</v>
      </c>
    </row>
    <row r="8864" spans="1:5" x14ac:dyDescent="0.25">
      <c r="A8864" s="3">
        <v>41835.955787037034</v>
      </c>
      <c r="B8864" s="2">
        <v>24.3</v>
      </c>
      <c r="C8864" s="2">
        <v>196.2</v>
      </c>
      <c r="D8864" s="2">
        <v>0</v>
      </c>
      <c r="E8864" s="2">
        <v>346.1999999999889</v>
      </c>
    </row>
    <row r="8865" spans="1:5" x14ac:dyDescent="0.25">
      <c r="A8865" s="3">
        <v>41836.084953703707</v>
      </c>
      <c r="B8865" s="2">
        <v>22.1</v>
      </c>
      <c r="C8865" s="2">
        <v>196</v>
      </c>
      <c r="D8865" s="2">
        <v>0</v>
      </c>
      <c r="E8865" s="2">
        <v>346.1999999999889</v>
      </c>
    </row>
    <row r="8866" spans="1:5" x14ac:dyDescent="0.25">
      <c r="A8866" s="3">
        <v>41836.137789351851</v>
      </c>
      <c r="B8866" s="2">
        <v>21.3</v>
      </c>
      <c r="C8866" s="2">
        <v>195.8</v>
      </c>
      <c r="D8866" s="2">
        <v>0</v>
      </c>
      <c r="E8866" s="2">
        <v>346.1999999999889</v>
      </c>
    </row>
    <row r="8867" spans="1:5" x14ac:dyDescent="0.25">
      <c r="A8867" s="3">
        <v>41836.282986111109</v>
      </c>
      <c r="B8867" s="2">
        <v>19.399999999999999</v>
      </c>
      <c r="C8867" s="2">
        <v>195.6</v>
      </c>
      <c r="D8867" s="2">
        <v>0</v>
      </c>
      <c r="E8867" s="2">
        <v>346.1999999999889</v>
      </c>
    </row>
    <row r="8868" spans="1:5" x14ac:dyDescent="0.25">
      <c r="A8868" s="3">
        <v>41836.345891203702</v>
      </c>
      <c r="B8868" s="2">
        <v>19.100000000000001</v>
      </c>
      <c r="C8868" s="2">
        <v>195.4</v>
      </c>
      <c r="D8868" s="2">
        <v>0</v>
      </c>
      <c r="E8868" s="2">
        <v>346.1999999999889</v>
      </c>
    </row>
    <row r="8869" spans="1:5" x14ac:dyDescent="0.25">
      <c r="A8869" s="3">
        <v>41836.547743055555</v>
      </c>
      <c r="B8869" s="2">
        <v>30.1</v>
      </c>
      <c r="C8869" s="2">
        <v>195.2</v>
      </c>
      <c r="D8869" s="2">
        <v>0</v>
      </c>
      <c r="E8869" s="2">
        <v>346.1999999999889</v>
      </c>
    </row>
    <row r="8870" spans="1:5" x14ac:dyDescent="0.25">
      <c r="A8870" s="3">
        <v>41836.547800925924</v>
      </c>
      <c r="B8870" s="2">
        <v>30.1</v>
      </c>
      <c r="C8870" s="2">
        <v>195.4</v>
      </c>
      <c r="D8870" s="2">
        <v>0</v>
      </c>
      <c r="E8870" s="2">
        <v>346.1999999999889</v>
      </c>
    </row>
    <row r="8871" spans="1:5" x14ac:dyDescent="0.25">
      <c r="A8871" s="3">
        <v>41836.547858796293</v>
      </c>
      <c r="B8871" s="2">
        <v>30.1</v>
      </c>
      <c r="C8871" s="2">
        <v>195.2</v>
      </c>
      <c r="D8871" s="2">
        <v>0</v>
      </c>
      <c r="E8871" s="2">
        <v>346.1999999999889</v>
      </c>
    </row>
    <row r="8872" spans="1:5" x14ac:dyDescent="0.25">
      <c r="A8872" s="3">
        <v>41836.54791666667</v>
      </c>
      <c r="B8872" s="2">
        <v>30.1</v>
      </c>
      <c r="C8872" s="2">
        <v>195.4</v>
      </c>
      <c r="D8872" s="2">
        <v>0</v>
      </c>
      <c r="E8872" s="2">
        <v>346.1999999999889</v>
      </c>
    </row>
    <row r="8873" spans="1:5" x14ac:dyDescent="0.25">
      <c r="A8873" s="3">
        <v>41836.547974537039</v>
      </c>
      <c r="B8873" s="2">
        <v>30.1</v>
      </c>
      <c r="C8873" s="2">
        <v>195.2</v>
      </c>
      <c r="D8873" s="2">
        <v>0</v>
      </c>
      <c r="E8873" s="2">
        <v>346.1999999999889</v>
      </c>
    </row>
    <row r="8874" spans="1:5" x14ac:dyDescent="0.25">
      <c r="A8874" s="3">
        <v>41836.548090277778</v>
      </c>
      <c r="B8874" s="2">
        <v>30.1</v>
      </c>
      <c r="C8874" s="2">
        <v>195.4</v>
      </c>
      <c r="D8874" s="2">
        <v>0</v>
      </c>
      <c r="E8874" s="2">
        <v>346.1999999999889</v>
      </c>
    </row>
    <row r="8875" spans="1:5" x14ac:dyDescent="0.25">
      <c r="A8875" s="3">
        <v>41836.548263888886</v>
      </c>
      <c r="B8875" s="2">
        <v>30.1</v>
      </c>
      <c r="C8875" s="2">
        <v>195.2</v>
      </c>
      <c r="D8875" s="2">
        <v>0</v>
      </c>
      <c r="E8875" s="2">
        <v>346.1999999999889</v>
      </c>
    </row>
    <row r="8876" spans="1:5" x14ac:dyDescent="0.25">
      <c r="A8876" s="3">
        <v>41836.569212962961</v>
      </c>
      <c r="B8876" s="2">
        <v>31.2</v>
      </c>
      <c r="C8876" s="2">
        <v>195</v>
      </c>
      <c r="D8876" s="2">
        <v>0</v>
      </c>
      <c r="E8876" s="2">
        <v>346.1999999999889</v>
      </c>
    </row>
    <row r="8877" spans="1:5" x14ac:dyDescent="0.25">
      <c r="A8877" s="3">
        <v>41836.593171296299</v>
      </c>
      <c r="B8877" s="2">
        <v>32</v>
      </c>
      <c r="C8877" s="2">
        <v>194.8</v>
      </c>
      <c r="D8877" s="2">
        <v>0</v>
      </c>
      <c r="E8877" s="2">
        <v>346.1999999999889</v>
      </c>
    </row>
    <row r="8878" spans="1:5" x14ac:dyDescent="0.25">
      <c r="A8878" s="3">
        <v>41836.611458333333</v>
      </c>
      <c r="B8878" s="2">
        <v>32.700000000000003</v>
      </c>
      <c r="C8878" s="2">
        <v>194.6</v>
      </c>
      <c r="D8878" s="2">
        <v>0</v>
      </c>
      <c r="E8878" s="2">
        <v>346.1999999999889</v>
      </c>
    </row>
    <row r="8879" spans="1:5" x14ac:dyDescent="0.25">
      <c r="A8879" s="3">
        <v>41836.623900462961</v>
      </c>
      <c r="B8879" s="2">
        <v>33.200000000000003</v>
      </c>
      <c r="C8879" s="2">
        <v>194.4</v>
      </c>
      <c r="D8879" s="2">
        <v>0</v>
      </c>
      <c r="E8879" s="2">
        <v>346.1999999999889</v>
      </c>
    </row>
    <row r="8880" spans="1:5" x14ac:dyDescent="0.25">
      <c r="A8880" s="3">
        <v>41836.656192129631</v>
      </c>
      <c r="B8880" s="2">
        <v>32.6</v>
      </c>
      <c r="C8880" s="2">
        <v>194.2</v>
      </c>
      <c r="D8880" s="2">
        <v>0</v>
      </c>
      <c r="E8880" s="2">
        <v>346.1999999999889</v>
      </c>
    </row>
    <row r="8881" spans="1:5" x14ac:dyDescent="0.25">
      <c r="A8881" s="3">
        <v>41836.656365740739</v>
      </c>
      <c r="B8881" s="2">
        <v>32.6</v>
      </c>
      <c r="C8881" s="2">
        <v>194.4</v>
      </c>
      <c r="D8881" s="2">
        <v>0</v>
      </c>
      <c r="E8881" s="2">
        <v>346.1999999999889</v>
      </c>
    </row>
    <row r="8882" spans="1:5" x14ac:dyDescent="0.25">
      <c r="A8882" s="3">
        <v>41836.656597222223</v>
      </c>
      <c r="B8882" s="2">
        <v>32.6</v>
      </c>
      <c r="C8882" s="2">
        <v>194.2</v>
      </c>
      <c r="D8882" s="2">
        <v>0</v>
      </c>
      <c r="E8882" s="2">
        <v>346.1999999999889</v>
      </c>
    </row>
    <row r="8883" spans="1:5" x14ac:dyDescent="0.25">
      <c r="A8883" s="3">
        <v>41836.682754629626</v>
      </c>
      <c r="B8883" s="2">
        <v>31.8</v>
      </c>
      <c r="C8883" s="2">
        <v>194.2</v>
      </c>
      <c r="D8883" s="2">
        <v>0.2</v>
      </c>
      <c r="E8883" s="2">
        <v>346.39999999998889</v>
      </c>
    </row>
    <row r="8884" spans="1:5" x14ac:dyDescent="0.25">
      <c r="A8884" s="3">
        <v>41836.683159722219</v>
      </c>
      <c r="B8884" s="2">
        <v>31.7</v>
      </c>
      <c r="C8884" s="2">
        <v>194.4</v>
      </c>
      <c r="D8884" s="2">
        <v>0</v>
      </c>
      <c r="E8884" s="2">
        <v>346.39999999998889</v>
      </c>
    </row>
    <row r="8885" spans="1:5" x14ac:dyDescent="0.25">
      <c r="A8885" s="3">
        <v>41836.683217592596</v>
      </c>
      <c r="B8885" s="2">
        <v>31.7</v>
      </c>
      <c r="C8885" s="2">
        <v>194.4</v>
      </c>
      <c r="D8885" s="2">
        <v>0.2</v>
      </c>
      <c r="E8885" s="2">
        <v>346.59999999998888</v>
      </c>
    </row>
    <row r="8886" spans="1:5" x14ac:dyDescent="0.25">
      <c r="A8886" s="3">
        <v>41836.683738425927</v>
      </c>
      <c r="B8886" s="2">
        <v>31.6</v>
      </c>
      <c r="C8886" s="2">
        <v>194.4</v>
      </c>
      <c r="D8886" s="2">
        <v>0.2</v>
      </c>
      <c r="E8886" s="2">
        <v>346.79999999998887</v>
      </c>
    </row>
    <row r="8887" spans="1:5" x14ac:dyDescent="0.25">
      <c r="A8887" s="3">
        <v>41836.68408564815</v>
      </c>
      <c r="B8887" s="2">
        <v>31.4</v>
      </c>
      <c r="C8887" s="2">
        <v>194.6</v>
      </c>
      <c r="D8887" s="2">
        <v>0</v>
      </c>
      <c r="E8887" s="2">
        <v>346.79999999998887</v>
      </c>
    </row>
    <row r="8888" spans="1:5" x14ac:dyDescent="0.25">
      <c r="A8888" s="3">
        <v>41836.684317129628</v>
      </c>
      <c r="B8888" s="2">
        <v>31.4</v>
      </c>
      <c r="C8888" s="2">
        <v>194.6</v>
      </c>
      <c r="D8888" s="2">
        <v>0.2</v>
      </c>
      <c r="E8888" s="2">
        <v>346.99999999998886</v>
      </c>
    </row>
    <row r="8889" spans="1:5" x14ac:dyDescent="0.25">
      <c r="A8889" s="3">
        <v>41836.684606481482</v>
      </c>
      <c r="B8889" s="2">
        <v>31.4</v>
      </c>
      <c r="C8889" s="2">
        <v>194.6</v>
      </c>
      <c r="D8889" s="2">
        <v>0.2</v>
      </c>
      <c r="E8889" s="2">
        <v>347.19999999998885</v>
      </c>
    </row>
    <row r="8890" spans="1:5" x14ac:dyDescent="0.25">
      <c r="A8890" s="3">
        <v>41836.68472222222</v>
      </c>
      <c r="B8890" s="2">
        <v>31.4</v>
      </c>
      <c r="C8890" s="2">
        <v>194.8</v>
      </c>
      <c r="D8890" s="2">
        <v>0</v>
      </c>
      <c r="E8890" s="2">
        <v>347.19999999998885</v>
      </c>
    </row>
    <row r="8891" spans="1:5" x14ac:dyDescent="0.25">
      <c r="A8891" s="3">
        <v>41836.684837962966</v>
      </c>
      <c r="B8891" s="2">
        <v>31.4</v>
      </c>
      <c r="C8891" s="2">
        <v>194.8</v>
      </c>
      <c r="D8891" s="2">
        <v>0.2</v>
      </c>
      <c r="E8891" s="2">
        <v>347.39999999998884</v>
      </c>
    </row>
    <row r="8892" spans="1:5" x14ac:dyDescent="0.25">
      <c r="A8892" s="3">
        <v>41836.684895833336</v>
      </c>
      <c r="B8892" s="2">
        <v>31.4</v>
      </c>
      <c r="C8892" s="2">
        <v>195</v>
      </c>
      <c r="D8892" s="2">
        <v>0</v>
      </c>
      <c r="E8892" s="2">
        <v>347.39999999998884</v>
      </c>
    </row>
    <row r="8893" spans="1:5" x14ac:dyDescent="0.25">
      <c r="A8893" s="3">
        <v>41836.685069444444</v>
      </c>
      <c r="B8893" s="2">
        <v>31.3</v>
      </c>
      <c r="C8893" s="2">
        <v>195.2</v>
      </c>
      <c r="D8893" s="2">
        <v>0</v>
      </c>
      <c r="E8893" s="2">
        <v>347.39999999998884</v>
      </c>
    </row>
    <row r="8894" spans="1:5" x14ac:dyDescent="0.25">
      <c r="A8894" s="3">
        <v>41836.685127314813</v>
      </c>
      <c r="B8894" s="2">
        <v>31.2</v>
      </c>
      <c r="C8894" s="2">
        <v>195.2</v>
      </c>
      <c r="D8894" s="2">
        <v>0.2</v>
      </c>
      <c r="E8894" s="2">
        <v>347.59999999998882</v>
      </c>
    </row>
    <row r="8895" spans="1:5" x14ac:dyDescent="0.25">
      <c r="A8895" s="3">
        <v>41836.685590277775</v>
      </c>
      <c r="B8895" s="2">
        <v>31.1</v>
      </c>
      <c r="C8895" s="2">
        <v>195.2</v>
      </c>
      <c r="D8895" s="2">
        <v>0.2</v>
      </c>
      <c r="E8895" s="2">
        <v>347.79999999998881</v>
      </c>
    </row>
    <row r="8896" spans="1:5" x14ac:dyDescent="0.25">
      <c r="A8896" s="3">
        <v>41836.685995370368</v>
      </c>
      <c r="B8896" s="2">
        <v>31.1</v>
      </c>
      <c r="C8896" s="2">
        <v>195.4</v>
      </c>
      <c r="D8896" s="2">
        <v>0</v>
      </c>
      <c r="E8896" s="2">
        <v>347.79999999998881</v>
      </c>
    </row>
    <row r="8897" spans="1:5" x14ac:dyDescent="0.25">
      <c r="A8897" s="3">
        <v>41836.686111111114</v>
      </c>
      <c r="B8897" s="2">
        <v>31.2</v>
      </c>
      <c r="C8897" s="2">
        <v>195.4</v>
      </c>
      <c r="D8897" s="2">
        <v>0.2</v>
      </c>
      <c r="E8897" s="2">
        <v>347.9999999999888</v>
      </c>
    </row>
    <row r="8898" spans="1:5" x14ac:dyDescent="0.25">
      <c r="A8898" s="3">
        <v>41836.686574074076</v>
      </c>
      <c r="B8898" s="2">
        <v>31.2</v>
      </c>
      <c r="C8898" s="2">
        <v>195.6</v>
      </c>
      <c r="D8898" s="2">
        <v>0</v>
      </c>
      <c r="E8898" s="2">
        <v>347.9999999999888</v>
      </c>
    </row>
    <row r="8899" spans="1:5" x14ac:dyDescent="0.25">
      <c r="A8899" s="3">
        <v>41836.689641203702</v>
      </c>
      <c r="B8899" s="2">
        <v>31.1</v>
      </c>
      <c r="C8899" s="2">
        <v>195.6</v>
      </c>
      <c r="D8899" s="2">
        <v>0.2</v>
      </c>
      <c r="E8899" s="2">
        <v>348.19999999998879</v>
      </c>
    </row>
    <row r="8900" spans="1:5" x14ac:dyDescent="0.25">
      <c r="A8900" s="3">
        <v>41836.696527777778</v>
      </c>
      <c r="B8900" s="2">
        <v>30.8</v>
      </c>
      <c r="C8900" s="2">
        <v>195.4</v>
      </c>
      <c r="D8900" s="2">
        <v>0</v>
      </c>
      <c r="E8900" s="2">
        <v>348.19999999998879</v>
      </c>
    </row>
    <row r="8901" spans="1:5" x14ac:dyDescent="0.25">
      <c r="A8901" s="3">
        <v>41836.696875000001</v>
      </c>
      <c r="B8901" s="2">
        <v>30.8</v>
      </c>
      <c r="C8901" s="2">
        <v>195.6</v>
      </c>
      <c r="D8901" s="2">
        <v>0</v>
      </c>
      <c r="E8901" s="2">
        <v>348.19999999998879</v>
      </c>
    </row>
    <row r="8902" spans="1:5" x14ac:dyDescent="0.25">
      <c r="A8902" s="3">
        <v>41836.697395833333</v>
      </c>
      <c r="B8902" s="2">
        <v>30.7</v>
      </c>
      <c r="C8902" s="2">
        <v>195.4</v>
      </c>
      <c r="D8902" s="2">
        <v>0</v>
      </c>
      <c r="E8902" s="2">
        <v>348.19999999998879</v>
      </c>
    </row>
    <row r="8903" spans="1:5" x14ac:dyDescent="0.25">
      <c r="A8903" s="3">
        <v>41836.697685185187</v>
      </c>
      <c r="B8903" s="2">
        <v>30.7</v>
      </c>
      <c r="C8903" s="2">
        <v>195.6</v>
      </c>
      <c r="D8903" s="2">
        <v>0</v>
      </c>
      <c r="E8903" s="2">
        <v>348.19999999998879</v>
      </c>
    </row>
    <row r="8904" spans="1:5" x14ac:dyDescent="0.25">
      <c r="A8904" s="3">
        <v>41836.699421296296</v>
      </c>
      <c r="B8904" s="2">
        <v>30.7</v>
      </c>
      <c r="C8904" s="2">
        <v>195.4</v>
      </c>
      <c r="D8904" s="2">
        <v>0</v>
      </c>
      <c r="E8904" s="2">
        <v>348.19999999998879</v>
      </c>
    </row>
    <row r="8905" spans="1:5" x14ac:dyDescent="0.25">
      <c r="A8905" s="3">
        <v>41836.699594907404</v>
      </c>
      <c r="B8905" s="2">
        <v>30.6</v>
      </c>
      <c r="C8905" s="2">
        <v>195.6</v>
      </c>
      <c r="D8905" s="2">
        <v>0</v>
      </c>
      <c r="E8905" s="2">
        <v>348.19999999998879</v>
      </c>
    </row>
    <row r="8906" spans="1:5" x14ac:dyDescent="0.25">
      <c r="A8906" s="3">
        <v>41836.706712962965</v>
      </c>
      <c r="B8906" s="2">
        <v>30.3</v>
      </c>
      <c r="C8906" s="2">
        <v>195.4</v>
      </c>
      <c r="D8906" s="2">
        <v>0</v>
      </c>
      <c r="E8906" s="2">
        <v>348.19999999998879</v>
      </c>
    </row>
    <row r="8907" spans="1:5" x14ac:dyDescent="0.25">
      <c r="A8907" s="3">
        <v>41836.751157407409</v>
      </c>
      <c r="B8907" s="2">
        <v>30.2</v>
      </c>
      <c r="C8907" s="2">
        <v>195.2</v>
      </c>
      <c r="D8907" s="2">
        <v>0</v>
      </c>
      <c r="E8907" s="2">
        <v>348.19999999998879</v>
      </c>
    </row>
    <row r="8908" spans="1:5" x14ac:dyDescent="0.25">
      <c r="A8908" s="3">
        <v>41836.797743055555</v>
      </c>
      <c r="B8908" s="2">
        <v>29.3</v>
      </c>
      <c r="C8908" s="2">
        <v>195</v>
      </c>
      <c r="D8908" s="2">
        <v>0</v>
      </c>
      <c r="E8908" s="2">
        <v>348.19999999998879</v>
      </c>
    </row>
    <row r="8909" spans="1:5" x14ac:dyDescent="0.25">
      <c r="A8909" s="3">
        <v>41836.827372685184</v>
      </c>
      <c r="B8909" s="2">
        <v>28.4</v>
      </c>
      <c r="C8909" s="2">
        <v>194.8</v>
      </c>
      <c r="D8909" s="2">
        <v>0</v>
      </c>
      <c r="E8909" s="2">
        <v>348.19999999998879</v>
      </c>
    </row>
    <row r="8910" spans="1:5" x14ac:dyDescent="0.25">
      <c r="A8910" s="3">
        <v>41836.874305555553</v>
      </c>
      <c r="B8910" s="2">
        <v>27.2</v>
      </c>
      <c r="C8910" s="2">
        <v>194.6</v>
      </c>
      <c r="D8910" s="2">
        <v>0</v>
      </c>
      <c r="E8910" s="2">
        <v>348.19999999998879</v>
      </c>
    </row>
    <row r="8911" spans="1:5" x14ac:dyDescent="0.25">
      <c r="A8911" s="3">
        <v>41836.924305555556</v>
      </c>
      <c r="B8911" s="2">
        <v>26.2</v>
      </c>
      <c r="C8911" s="2">
        <v>194.4</v>
      </c>
      <c r="D8911" s="2">
        <v>0</v>
      </c>
      <c r="E8911" s="2">
        <v>348.19999999998879</v>
      </c>
    </row>
    <row r="8912" spans="1:5" x14ac:dyDescent="0.25">
      <c r="A8912" s="3">
        <v>41836.995312500003</v>
      </c>
      <c r="B8912" s="2">
        <v>25</v>
      </c>
      <c r="C8912" s="2">
        <v>194.2</v>
      </c>
      <c r="D8912" s="2">
        <v>0</v>
      </c>
      <c r="E8912" s="2">
        <v>348.19999999998879</v>
      </c>
    </row>
    <row r="8913" spans="1:5" x14ac:dyDescent="0.25">
      <c r="A8913" s="3">
        <v>41837.086574074077</v>
      </c>
      <c r="B8913" s="2">
        <v>23.6</v>
      </c>
      <c r="C8913" s="2">
        <v>194</v>
      </c>
      <c r="D8913" s="2">
        <v>0</v>
      </c>
      <c r="E8913" s="2">
        <v>348.19999999998879</v>
      </c>
    </row>
    <row r="8914" spans="1:5" x14ac:dyDescent="0.25">
      <c r="A8914" s="3">
        <v>41837.218171296299</v>
      </c>
      <c r="B8914" s="2">
        <v>21.9</v>
      </c>
      <c r="C8914" s="2">
        <v>193.8</v>
      </c>
      <c r="D8914" s="2">
        <v>0</v>
      </c>
      <c r="E8914" s="2">
        <v>348.19999999998879</v>
      </c>
    </row>
    <row r="8915" spans="1:5" x14ac:dyDescent="0.25">
      <c r="A8915" s="3">
        <v>41837.306018518517</v>
      </c>
      <c r="B8915" s="2">
        <v>20.9</v>
      </c>
      <c r="C8915" s="2">
        <v>193.6</v>
      </c>
      <c r="D8915" s="2">
        <v>0</v>
      </c>
      <c r="E8915" s="2">
        <v>348.19999999998879</v>
      </c>
    </row>
    <row r="8916" spans="1:5" x14ac:dyDescent="0.25">
      <c r="A8916" s="3">
        <v>41837.363194444442</v>
      </c>
      <c r="B8916" s="2">
        <v>21</v>
      </c>
      <c r="C8916" s="2">
        <v>193.4</v>
      </c>
      <c r="D8916" s="2">
        <v>0</v>
      </c>
      <c r="E8916" s="2">
        <v>348.19999999998879</v>
      </c>
    </row>
    <row r="8917" spans="1:5" x14ac:dyDescent="0.25">
      <c r="A8917" s="3">
        <v>41837.560532407406</v>
      </c>
      <c r="B8917" s="2">
        <v>31.4</v>
      </c>
      <c r="C8917" s="2">
        <v>193.2</v>
      </c>
      <c r="D8917" s="2">
        <v>0</v>
      </c>
      <c r="E8917" s="2">
        <v>348.19999999998879</v>
      </c>
    </row>
    <row r="8918" spans="1:5" x14ac:dyDescent="0.25">
      <c r="A8918" s="3">
        <v>41837.578587962962</v>
      </c>
      <c r="B8918" s="2">
        <v>31.7</v>
      </c>
      <c r="C8918" s="2">
        <v>193</v>
      </c>
      <c r="D8918" s="2">
        <v>0</v>
      </c>
      <c r="E8918" s="2">
        <v>348.19999999998879</v>
      </c>
    </row>
    <row r="8919" spans="1:5" x14ac:dyDescent="0.25">
      <c r="A8919" s="3">
        <v>41837.605555555558</v>
      </c>
      <c r="B8919" s="2">
        <v>32.6</v>
      </c>
      <c r="C8919" s="2">
        <v>192.8</v>
      </c>
      <c r="D8919" s="2">
        <v>0</v>
      </c>
      <c r="E8919" s="2">
        <v>348.19999999998879</v>
      </c>
    </row>
    <row r="8920" spans="1:5" x14ac:dyDescent="0.25">
      <c r="A8920" s="3">
        <v>41837.606481481482</v>
      </c>
      <c r="B8920" s="2">
        <v>32.6</v>
      </c>
      <c r="C8920" s="2">
        <v>193</v>
      </c>
      <c r="D8920" s="2">
        <v>0</v>
      </c>
      <c r="E8920" s="2">
        <v>348.19999999998879</v>
      </c>
    </row>
    <row r="8921" spans="1:5" x14ac:dyDescent="0.25">
      <c r="A8921" s="3">
        <v>41837.606770833336</v>
      </c>
      <c r="B8921" s="2">
        <v>32.6</v>
      </c>
      <c r="C8921" s="2">
        <v>192.8</v>
      </c>
      <c r="D8921" s="2">
        <v>0</v>
      </c>
      <c r="E8921" s="2">
        <v>348.19999999998879</v>
      </c>
    </row>
    <row r="8922" spans="1:5" x14ac:dyDescent="0.25">
      <c r="A8922" s="3">
        <v>41837.607175925928</v>
      </c>
      <c r="B8922" s="2">
        <v>32.700000000000003</v>
      </c>
      <c r="C8922" s="2">
        <v>193</v>
      </c>
      <c r="D8922" s="2">
        <v>0</v>
      </c>
      <c r="E8922" s="2">
        <v>348.19999999998879</v>
      </c>
    </row>
    <row r="8923" spans="1:5" x14ac:dyDescent="0.25">
      <c r="A8923" s="3">
        <v>41837.607638888891</v>
      </c>
      <c r="B8923" s="2">
        <v>32.700000000000003</v>
      </c>
      <c r="C8923" s="2">
        <v>192.8</v>
      </c>
      <c r="D8923" s="2">
        <v>0</v>
      </c>
      <c r="E8923" s="2">
        <v>348.19999999998879</v>
      </c>
    </row>
    <row r="8924" spans="1:5" x14ac:dyDescent="0.25">
      <c r="A8924" s="3">
        <v>41837.608159722222</v>
      </c>
      <c r="B8924" s="2">
        <v>32.700000000000003</v>
      </c>
      <c r="C8924" s="2">
        <v>193</v>
      </c>
      <c r="D8924" s="2">
        <v>0</v>
      </c>
      <c r="E8924" s="2">
        <v>348.19999999998879</v>
      </c>
    </row>
    <row r="8925" spans="1:5" x14ac:dyDescent="0.25">
      <c r="A8925" s="3">
        <v>41837.608275462961</v>
      </c>
      <c r="B8925" s="2">
        <v>32.700000000000003</v>
      </c>
      <c r="C8925" s="2">
        <v>192.8</v>
      </c>
      <c r="D8925" s="2">
        <v>0</v>
      </c>
      <c r="E8925" s="2">
        <v>348.19999999998879</v>
      </c>
    </row>
    <row r="8926" spans="1:5" x14ac:dyDescent="0.25">
      <c r="A8926" s="3">
        <v>41837.639236111114</v>
      </c>
      <c r="B8926" s="2">
        <v>32.6</v>
      </c>
      <c r="C8926" s="2">
        <v>192.6</v>
      </c>
      <c r="D8926" s="2">
        <v>0</v>
      </c>
      <c r="E8926" s="2">
        <v>348.19999999998879</v>
      </c>
    </row>
    <row r="8927" spans="1:5" x14ac:dyDescent="0.25">
      <c r="A8927" s="3">
        <v>41837.645949074074</v>
      </c>
      <c r="B8927" s="2">
        <v>32.700000000000003</v>
      </c>
      <c r="C8927" s="2">
        <v>192.4</v>
      </c>
      <c r="D8927" s="2">
        <v>0</v>
      </c>
      <c r="E8927" s="2">
        <v>348.19999999998879</v>
      </c>
    </row>
    <row r="8928" spans="1:5" x14ac:dyDescent="0.25">
      <c r="A8928" s="3">
        <v>41837.653414351851</v>
      </c>
      <c r="B8928" s="2">
        <v>32.6</v>
      </c>
      <c r="C8928" s="2">
        <v>192.6</v>
      </c>
      <c r="D8928" s="2">
        <v>0</v>
      </c>
      <c r="E8928" s="2">
        <v>348.19999999998879</v>
      </c>
    </row>
    <row r="8929" spans="1:5" x14ac:dyDescent="0.25">
      <c r="A8929" s="3">
        <v>41837.653645833336</v>
      </c>
      <c r="B8929" s="2">
        <v>32.6</v>
      </c>
      <c r="C8929" s="2">
        <v>192.4</v>
      </c>
      <c r="D8929" s="2">
        <v>0</v>
      </c>
      <c r="E8929" s="2">
        <v>348.19999999998879</v>
      </c>
    </row>
    <row r="8930" spans="1:5" x14ac:dyDescent="0.25">
      <c r="A8930" s="3">
        <v>41837.657465277778</v>
      </c>
      <c r="B8930" s="2">
        <v>32.4</v>
      </c>
      <c r="C8930" s="2">
        <v>192.6</v>
      </c>
      <c r="D8930" s="2">
        <v>0</v>
      </c>
      <c r="E8930" s="2">
        <v>348.19999999998879</v>
      </c>
    </row>
    <row r="8931" spans="1:5" x14ac:dyDescent="0.25">
      <c r="A8931" s="3">
        <v>41837.657638888886</v>
      </c>
      <c r="B8931" s="2">
        <v>32.4</v>
      </c>
      <c r="C8931" s="2">
        <v>192.4</v>
      </c>
      <c r="D8931" s="2">
        <v>0</v>
      </c>
      <c r="E8931" s="2">
        <v>348.19999999998879</v>
      </c>
    </row>
    <row r="8932" spans="1:5" x14ac:dyDescent="0.25">
      <c r="A8932" s="3">
        <v>41837.67864583333</v>
      </c>
      <c r="B8932" s="2">
        <v>31.7</v>
      </c>
      <c r="C8932" s="2">
        <v>192.2</v>
      </c>
      <c r="D8932" s="2">
        <v>0</v>
      </c>
      <c r="E8932" s="2">
        <v>348.19999999998879</v>
      </c>
    </row>
    <row r="8933" spans="1:5" x14ac:dyDescent="0.25">
      <c r="A8933" s="3">
        <v>41837.678877314815</v>
      </c>
      <c r="B8933" s="2">
        <v>31.7</v>
      </c>
      <c r="C8933" s="2">
        <v>192.4</v>
      </c>
      <c r="D8933" s="2">
        <v>0</v>
      </c>
      <c r="E8933" s="2">
        <v>348.19999999998879</v>
      </c>
    </row>
    <row r="8934" spans="1:5" x14ac:dyDescent="0.25">
      <c r="A8934" s="3">
        <v>41837.678935185184</v>
      </c>
      <c r="B8934" s="2">
        <v>31.7</v>
      </c>
      <c r="C8934" s="2">
        <v>192.2</v>
      </c>
      <c r="D8934" s="2">
        <v>0</v>
      </c>
      <c r="E8934" s="2">
        <v>348.19999999998879</v>
      </c>
    </row>
    <row r="8935" spans="1:5" x14ac:dyDescent="0.25">
      <c r="A8935" s="3">
        <v>41837.699016203704</v>
      </c>
      <c r="B8935" s="2">
        <v>31.1</v>
      </c>
      <c r="C8935" s="2">
        <v>192</v>
      </c>
      <c r="D8935" s="2">
        <v>0</v>
      </c>
      <c r="E8935" s="2">
        <v>348.19999999998879</v>
      </c>
    </row>
    <row r="8936" spans="1:5" x14ac:dyDescent="0.25">
      <c r="A8936" s="3">
        <v>41837.721701388888</v>
      </c>
      <c r="B8936" s="2">
        <v>30.3</v>
      </c>
      <c r="C8936" s="2">
        <v>191.8</v>
      </c>
      <c r="D8936" s="2">
        <v>0</v>
      </c>
      <c r="E8936" s="2">
        <v>348.19999999998879</v>
      </c>
    </row>
    <row r="8937" spans="1:5" x14ac:dyDescent="0.25">
      <c r="A8937" s="3">
        <v>41837.742534722223</v>
      </c>
      <c r="B8937" s="2">
        <v>29.8</v>
      </c>
      <c r="C8937" s="2">
        <v>191.6</v>
      </c>
      <c r="D8937" s="2">
        <v>0</v>
      </c>
      <c r="E8937" s="2">
        <v>348.19999999998879</v>
      </c>
    </row>
    <row r="8938" spans="1:5" x14ac:dyDescent="0.25">
      <c r="A8938" s="3">
        <v>41837.773090277777</v>
      </c>
      <c r="B8938" s="2">
        <v>29.1</v>
      </c>
      <c r="C8938" s="2">
        <v>191.4</v>
      </c>
      <c r="D8938" s="2">
        <v>0</v>
      </c>
      <c r="E8938" s="2">
        <v>348.19999999998879</v>
      </c>
    </row>
    <row r="8939" spans="1:5" x14ac:dyDescent="0.25">
      <c r="A8939" s="3">
        <v>41837.7734375</v>
      </c>
      <c r="B8939" s="2">
        <v>29</v>
      </c>
      <c r="C8939" s="2">
        <v>191.6</v>
      </c>
      <c r="D8939" s="2">
        <v>0</v>
      </c>
      <c r="E8939" s="2">
        <v>348.19999999998879</v>
      </c>
    </row>
    <row r="8940" spans="1:5" x14ac:dyDescent="0.25">
      <c r="A8940" s="3">
        <v>41837.773784722223</v>
      </c>
      <c r="B8940" s="2">
        <v>29</v>
      </c>
      <c r="C8940" s="2">
        <v>191.4</v>
      </c>
      <c r="D8940" s="2">
        <v>0</v>
      </c>
      <c r="E8940" s="2">
        <v>348.19999999998879</v>
      </c>
    </row>
    <row r="8941" spans="1:5" x14ac:dyDescent="0.25">
      <c r="A8941" s="3">
        <v>41837.81527777778</v>
      </c>
      <c r="B8941" s="2">
        <v>28.2</v>
      </c>
      <c r="C8941" s="2">
        <v>191.2</v>
      </c>
      <c r="D8941" s="2">
        <v>0</v>
      </c>
      <c r="E8941" s="2">
        <v>348.19999999998879</v>
      </c>
    </row>
    <row r="8942" spans="1:5" x14ac:dyDescent="0.25">
      <c r="A8942" s="3">
        <v>41837.866435185184</v>
      </c>
      <c r="B8942" s="2">
        <v>27</v>
      </c>
      <c r="C8942" s="2">
        <v>191</v>
      </c>
      <c r="D8942" s="2">
        <v>0</v>
      </c>
      <c r="E8942" s="2">
        <v>348.19999999998879</v>
      </c>
    </row>
    <row r="8943" spans="1:5" x14ac:dyDescent="0.25">
      <c r="A8943" s="3">
        <v>41837.917303240742</v>
      </c>
      <c r="B8943" s="2">
        <v>25.8</v>
      </c>
      <c r="C8943" s="2">
        <v>190.8</v>
      </c>
      <c r="D8943" s="2">
        <v>0</v>
      </c>
      <c r="E8943" s="2">
        <v>348.19999999998879</v>
      </c>
    </row>
    <row r="8944" spans="1:5" x14ac:dyDescent="0.25">
      <c r="A8944" s="3">
        <v>41837.972627314812</v>
      </c>
      <c r="B8944" s="2">
        <v>24.7</v>
      </c>
      <c r="C8944" s="2">
        <v>190.6</v>
      </c>
      <c r="D8944" s="2">
        <v>0</v>
      </c>
      <c r="E8944" s="2">
        <v>348.19999999998879</v>
      </c>
    </row>
    <row r="8945" spans="1:5" x14ac:dyDescent="0.25">
      <c r="A8945" s="3">
        <v>41838.046585648146</v>
      </c>
      <c r="B8945" s="2">
        <v>23.1</v>
      </c>
      <c r="C8945" s="2">
        <v>190.4</v>
      </c>
      <c r="D8945" s="2">
        <v>0</v>
      </c>
      <c r="E8945" s="2">
        <v>348.19999999998879</v>
      </c>
    </row>
    <row r="8946" spans="1:5" x14ac:dyDescent="0.25">
      <c r="A8946" s="3">
        <v>41838.151562500003</v>
      </c>
      <c r="B8946" s="2">
        <v>21.4</v>
      </c>
      <c r="C8946" s="2">
        <v>190.2</v>
      </c>
      <c r="D8946" s="2">
        <v>0</v>
      </c>
      <c r="E8946" s="2">
        <v>348.19999999998879</v>
      </c>
    </row>
    <row r="8947" spans="1:5" x14ac:dyDescent="0.25">
      <c r="A8947" s="3">
        <v>41838.252546296295</v>
      </c>
      <c r="B8947" s="2">
        <v>19.8</v>
      </c>
      <c r="C8947" s="2">
        <v>190</v>
      </c>
      <c r="D8947" s="2">
        <v>0</v>
      </c>
      <c r="E8947" s="2">
        <v>348.19999999998879</v>
      </c>
    </row>
    <row r="8948" spans="1:5" x14ac:dyDescent="0.25">
      <c r="A8948" s="3">
        <v>41838.347569444442</v>
      </c>
      <c r="B8948" s="2">
        <v>19.3</v>
      </c>
      <c r="C8948" s="2">
        <v>189.8</v>
      </c>
      <c r="D8948" s="2">
        <v>0</v>
      </c>
      <c r="E8948" s="2">
        <v>348.19999999998879</v>
      </c>
    </row>
    <row r="8949" spans="1:5" x14ac:dyDescent="0.25">
      <c r="A8949" s="3">
        <v>41838.440162037034</v>
      </c>
      <c r="B8949" s="2">
        <v>23.1</v>
      </c>
      <c r="C8949" s="2">
        <v>189.8</v>
      </c>
      <c r="D8949" s="2">
        <v>0.2</v>
      </c>
      <c r="E8949" s="2">
        <v>348.39999999998878</v>
      </c>
    </row>
    <row r="8950" spans="1:5" x14ac:dyDescent="0.25">
      <c r="A8950" s="3">
        <v>41838.44085648148</v>
      </c>
      <c r="B8950" s="2">
        <v>23.1</v>
      </c>
      <c r="C8950" s="2">
        <v>189.6</v>
      </c>
      <c r="D8950" s="2">
        <v>0</v>
      </c>
      <c r="E8950" s="2">
        <v>348.39999999998878</v>
      </c>
    </row>
    <row r="8951" spans="1:5" x14ac:dyDescent="0.25">
      <c r="A8951" s="3">
        <v>41838.576388888891</v>
      </c>
      <c r="B8951" s="2">
        <v>30.5</v>
      </c>
      <c r="C8951" s="2">
        <v>189.4</v>
      </c>
      <c r="D8951" s="2">
        <v>0</v>
      </c>
      <c r="E8951" s="2">
        <v>348.39999999998878</v>
      </c>
    </row>
    <row r="8952" spans="1:5" x14ac:dyDescent="0.25">
      <c r="A8952" s="3">
        <v>41838.624189814815</v>
      </c>
      <c r="B8952" s="2">
        <v>31.3</v>
      </c>
      <c r="C8952" s="2">
        <v>189.2</v>
      </c>
      <c r="D8952" s="2">
        <v>0</v>
      </c>
      <c r="E8952" s="2">
        <v>348.39999999998878</v>
      </c>
    </row>
    <row r="8953" spans="1:5" x14ac:dyDescent="0.25">
      <c r="A8953" s="3">
        <v>41838.63784722222</v>
      </c>
      <c r="B8953" s="2">
        <v>31.5</v>
      </c>
      <c r="C8953" s="2">
        <v>189</v>
      </c>
      <c r="D8953" s="2">
        <v>0</v>
      </c>
      <c r="E8953" s="2">
        <v>348.39999999998878</v>
      </c>
    </row>
    <row r="8954" spans="1:5" x14ac:dyDescent="0.25">
      <c r="A8954" s="3">
        <v>41838.671180555553</v>
      </c>
      <c r="B8954" s="2">
        <v>31.4</v>
      </c>
      <c r="C8954" s="2">
        <v>188.8</v>
      </c>
      <c r="D8954" s="2">
        <v>0</v>
      </c>
      <c r="E8954" s="2">
        <v>348.39999999998878</v>
      </c>
    </row>
    <row r="8955" spans="1:5" x14ac:dyDescent="0.25">
      <c r="A8955" s="3">
        <v>41838.671412037038</v>
      </c>
      <c r="B8955" s="2">
        <v>31.4</v>
      </c>
      <c r="C8955" s="2">
        <v>189</v>
      </c>
      <c r="D8955" s="2">
        <v>0</v>
      </c>
      <c r="E8955" s="2">
        <v>348.39999999998878</v>
      </c>
    </row>
    <row r="8956" spans="1:5" x14ac:dyDescent="0.25">
      <c r="A8956" s="3">
        <v>41838.671469907407</v>
      </c>
      <c r="B8956" s="2">
        <v>31.4</v>
      </c>
      <c r="C8956" s="2">
        <v>188.8</v>
      </c>
      <c r="D8956" s="2">
        <v>0</v>
      </c>
      <c r="E8956" s="2">
        <v>348.39999999998878</v>
      </c>
    </row>
    <row r="8957" spans="1:5" x14ac:dyDescent="0.25">
      <c r="A8957" s="3">
        <v>41838.695659722223</v>
      </c>
      <c r="B8957" s="2">
        <v>31.1</v>
      </c>
      <c r="C8957" s="2">
        <v>188.6</v>
      </c>
      <c r="D8957" s="2">
        <v>0</v>
      </c>
      <c r="E8957" s="2">
        <v>348.39999999998878</v>
      </c>
    </row>
    <row r="8958" spans="1:5" x14ac:dyDescent="0.25">
      <c r="A8958" s="3">
        <v>41838.720949074072</v>
      </c>
      <c r="B8958" s="2">
        <v>30.6</v>
      </c>
      <c r="C8958" s="2">
        <v>188.4</v>
      </c>
      <c r="D8958" s="2">
        <v>0</v>
      </c>
      <c r="E8958" s="2">
        <v>348.39999999998878</v>
      </c>
    </row>
    <row r="8959" spans="1:5" x14ac:dyDescent="0.25">
      <c r="A8959" s="3">
        <v>41838.741782407407</v>
      </c>
      <c r="B8959" s="2">
        <v>30.4</v>
      </c>
      <c r="C8959" s="2">
        <v>188.2</v>
      </c>
      <c r="D8959" s="2">
        <v>0</v>
      </c>
      <c r="E8959" s="2">
        <v>348.39999999998878</v>
      </c>
    </row>
    <row r="8960" spans="1:5" x14ac:dyDescent="0.25">
      <c r="A8960" s="3">
        <v>41838.743344907409</v>
      </c>
      <c r="B8960" s="2">
        <v>30.4</v>
      </c>
      <c r="C8960" s="2">
        <v>188.4</v>
      </c>
      <c r="D8960" s="2">
        <v>0</v>
      </c>
      <c r="E8960" s="2">
        <v>348.39999999998878</v>
      </c>
    </row>
    <row r="8961" spans="1:5" x14ac:dyDescent="0.25">
      <c r="A8961" s="3">
        <v>41838.743518518517</v>
      </c>
      <c r="B8961" s="2">
        <v>30.4</v>
      </c>
      <c r="C8961" s="2">
        <v>188.2</v>
      </c>
      <c r="D8961" s="2">
        <v>0</v>
      </c>
      <c r="E8961" s="2">
        <v>348.39999999998878</v>
      </c>
    </row>
    <row r="8962" spans="1:5" x14ac:dyDescent="0.25">
      <c r="A8962" s="3">
        <v>41838.765046296299</v>
      </c>
      <c r="B8962" s="2">
        <v>30.3</v>
      </c>
      <c r="C8962" s="2">
        <v>188</v>
      </c>
      <c r="D8962" s="2">
        <v>0</v>
      </c>
      <c r="E8962" s="2">
        <v>348.39999999998878</v>
      </c>
    </row>
    <row r="8963" spans="1:5" x14ac:dyDescent="0.25">
      <c r="A8963" s="3">
        <v>41838.812731481485</v>
      </c>
      <c r="B8963" s="2">
        <v>29.5</v>
      </c>
      <c r="C8963" s="2">
        <v>187.8</v>
      </c>
      <c r="D8963" s="2">
        <v>0</v>
      </c>
      <c r="E8963" s="2">
        <v>348.39999999998878</v>
      </c>
    </row>
    <row r="8964" spans="1:5" x14ac:dyDescent="0.25">
      <c r="A8964" s="3">
        <v>41838.847685185188</v>
      </c>
      <c r="B8964" s="2">
        <v>28.5</v>
      </c>
      <c r="C8964" s="2">
        <v>187.6</v>
      </c>
      <c r="D8964" s="2">
        <v>0</v>
      </c>
      <c r="E8964" s="2">
        <v>348.39999999998878</v>
      </c>
    </row>
    <row r="8965" spans="1:5" x14ac:dyDescent="0.25">
      <c r="A8965" s="3">
        <v>41838.887731481482</v>
      </c>
      <c r="B8965" s="2">
        <v>27.6</v>
      </c>
      <c r="C8965" s="2">
        <v>187.4</v>
      </c>
      <c r="D8965" s="2">
        <v>0</v>
      </c>
      <c r="E8965" s="2">
        <v>348.39999999998878</v>
      </c>
    </row>
    <row r="8966" spans="1:5" x14ac:dyDescent="0.25">
      <c r="A8966" s="3">
        <v>41838.94189814815</v>
      </c>
      <c r="B8966" s="2">
        <v>26.4</v>
      </c>
      <c r="C8966" s="2">
        <v>187.2</v>
      </c>
      <c r="D8966" s="2">
        <v>0</v>
      </c>
      <c r="E8966" s="2">
        <v>348.39999999998878</v>
      </c>
    </row>
    <row r="8967" spans="1:5" x14ac:dyDescent="0.25">
      <c r="A8967" s="3">
        <v>41839.002662037034</v>
      </c>
      <c r="B8967" s="2">
        <v>25.1</v>
      </c>
      <c r="C8967" s="2">
        <v>187</v>
      </c>
      <c r="D8967" s="2">
        <v>0</v>
      </c>
      <c r="E8967" s="2">
        <v>348.39999999998878</v>
      </c>
    </row>
    <row r="8968" spans="1:5" x14ac:dyDescent="0.25">
      <c r="A8968" s="3">
        <v>41839.087905092594</v>
      </c>
      <c r="B8968" s="2">
        <v>23.5</v>
      </c>
      <c r="C8968" s="2">
        <v>186.8</v>
      </c>
      <c r="D8968" s="2">
        <v>0</v>
      </c>
      <c r="E8968" s="2">
        <v>348.39999999998878</v>
      </c>
    </row>
    <row r="8969" spans="1:5" x14ac:dyDescent="0.25">
      <c r="A8969" s="3">
        <v>41839.181250000001</v>
      </c>
      <c r="B8969" s="2">
        <v>21.9</v>
      </c>
      <c r="C8969" s="2">
        <v>186.6</v>
      </c>
      <c r="D8969" s="2">
        <v>0</v>
      </c>
      <c r="E8969" s="2">
        <v>348.39999999998878</v>
      </c>
    </row>
    <row r="8970" spans="1:5" x14ac:dyDescent="0.25">
      <c r="A8970" s="3">
        <v>41839.299421296295</v>
      </c>
      <c r="B8970" s="2">
        <v>20.399999999999999</v>
      </c>
      <c r="C8970" s="2">
        <v>186.4</v>
      </c>
      <c r="D8970" s="2">
        <v>0</v>
      </c>
      <c r="E8970" s="2">
        <v>348.39999999998878</v>
      </c>
    </row>
    <row r="8971" spans="1:5" x14ac:dyDescent="0.25">
      <c r="A8971" s="3">
        <v>41839.353125000001</v>
      </c>
      <c r="B8971" s="2">
        <v>20.3</v>
      </c>
      <c r="C8971" s="2">
        <v>186.2</v>
      </c>
      <c r="D8971" s="2">
        <v>0</v>
      </c>
      <c r="E8971" s="2">
        <v>348.39999999998878</v>
      </c>
    </row>
    <row r="8972" spans="1:5" x14ac:dyDescent="0.25">
      <c r="A8972" s="3">
        <v>41839.542245370372</v>
      </c>
      <c r="B8972" s="2">
        <v>31</v>
      </c>
      <c r="C8972" s="2">
        <v>186</v>
      </c>
      <c r="D8972" s="2">
        <v>0</v>
      </c>
      <c r="E8972" s="2">
        <v>348.39999999998878</v>
      </c>
    </row>
    <row r="8973" spans="1:5" x14ac:dyDescent="0.25">
      <c r="A8973" s="3">
        <v>41839.542361111111</v>
      </c>
      <c r="B8973" s="2">
        <v>31</v>
      </c>
      <c r="C8973" s="2">
        <v>186.2</v>
      </c>
      <c r="D8973" s="2">
        <v>0</v>
      </c>
      <c r="E8973" s="2">
        <v>348.39999999998878</v>
      </c>
    </row>
    <row r="8974" spans="1:5" x14ac:dyDescent="0.25">
      <c r="A8974" s="3">
        <v>41839.542708333334</v>
      </c>
      <c r="B8974" s="2">
        <v>31</v>
      </c>
      <c r="C8974" s="2">
        <v>186</v>
      </c>
      <c r="D8974" s="2">
        <v>0</v>
      </c>
      <c r="E8974" s="2">
        <v>348.39999999998878</v>
      </c>
    </row>
    <row r="8975" spans="1:5" x14ac:dyDescent="0.25">
      <c r="A8975" s="3">
        <v>41839.543634259258</v>
      </c>
      <c r="B8975" s="2">
        <v>31</v>
      </c>
      <c r="C8975" s="2">
        <v>186.2</v>
      </c>
      <c r="D8975" s="2">
        <v>0</v>
      </c>
      <c r="E8975" s="2">
        <v>348.39999999998878</v>
      </c>
    </row>
    <row r="8976" spans="1:5" x14ac:dyDescent="0.25">
      <c r="A8976" s="3">
        <v>41839.543865740743</v>
      </c>
      <c r="B8976" s="2">
        <v>31.1</v>
      </c>
      <c r="C8976" s="2">
        <v>186</v>
      </c>
      <c r="D8976" s="2">
        <v>0</v>
      </c>
      <c r="E8976" s="2">
        <v>348.39999999998878</v>
      </c>
    </row>
    <row r="8977" spans="1:5" x14ac:dyDescent="0.25">
      <c r="A8977" s="3">
        <v>41839.570486111108</v>
      </c>
      <c r="B8977" s="2">
        <v>32.5</v>
      </c>
      <c r="C8977" s="2">
        <v>185.8</v>
      </c>
      <c r="D8977" s="2">
        <v>0</v>
      </c>
      <c r="E8977" s="2">
        <v>348.39999999998878</v>
      </c>
    </row>
    <row r="8978" spans="1:5" x14ac:dyDescent="0.25">
      <c r="A8978" s="3">
        <v>41839.591145833336</v>
      </c>
      <c r="B8978" s="2">
        <v>33.5</v>
      </c>
      <c r="C8978" s="2">
        <v>185.6</v>
      </c>
      <c r="D8978" s="2">
        <v>0</v>
      </c>
      <c r="E8978" s="2">
        <v>348.39999999998878</v>
      </c>
    </row>
    <row r="8979" spans="1:5" x14ac:dyDescent="0.25">
      <c r="A8979" s="3">
        <v>41839.591261574074</v>
      </c>
      <c r="B8979" s="2">
        <v>33.5</v>
      </c>
      <c r="C8979" s="2">
        <v>185.8</v>
      </c>
      <c r="D8979" s="2">
        <v>0</v>
      </c>
      <c r="E8979" s="2">
        <v>348.39999999998878</v>
      </c>
    </row>
    <row r="8980" spans="1:5" x14ac:dyDescent="0.25">
      <c r="A8980" s="3">
        <v>41839.591377314813</v>
      </c>
      <c r="B8980" s="2">
        <v>33.5</v>
      </c>
      <c r="C8980" s="2">
        <v>185.6</v>
      </c>
      <c r="D8980" s="2">
        <v>0</v>
      </c>
      <c r="E8980" s="2">
        <v>348.39999999998878</v>
      </c>
    </row>
    <row r="8981" spans="1:5" x14ac:dyDescent="0.25">
      <c r="A8981" s="3">
        <v>41839.615914351853</v>
      </c>
      <c r="B8981" s="2">
        <v>34.299999999999997</v>
      </c>
      <c r="C8981" s="2">
        <v>185.4</v>
      </c>
      <c r="D8981" s="2">
        <v>0</v>
      </c>
      <c r="E8981" s="2">
        <v>348.39999999998878</v>
      </c>
    </row>
    <row r="8982" spans="1:5" x14ac:dyDescent="0.25">
      <c r="A8982" s="3">
        <v>41839.615972222222</v>
      </c>
      <c r="B8982" s="2">
        <v>34.299999999999997</v>
      </c>
      <c r="C8982" s="2">
        <v>185.6</v>
      </c>
      <c r="D8982" s="2">
        <v>0</v>
      </c>
      <c r="E8982" s="2">
        <v>348.39999999998878</v>
      </c>
    </row>
    <row r="8983" spans="1:5" x14ac:dyDescent="0.25">
      <c r="A8983" s="3">
        <v>41839.616203703707</v>
      </c>
      <c r="B8983" s="2">
        <v>34.299999999999997</v>
      </c>
      <c r="C8983" s="2">
        <v>185.4</v>
      </c>
      <c r="D8983" s="2">
        <v>0</v>
      </c>
      <c r="E8983" s="2">
        <v>348.39999999998878</v>
      </c>
    </row>
    <row r="8984" spans="1:5" x14ac:dyDescent="0.25">
      <c r="A8984" s="3">
        <v>41839.634780092594</v>
      </c>
      <c r="B8984" s="2">
        <v>34.799999999999997</v>
      </c>
      <c r="C8984" s="2">
        <v>185.2</v>
      </c>
      <c r="D8984" s="2">
        <v>0</v>
      </c>
      <c r="E8984" s="2">
        <v>348.39999999998878</v>
      </c>
    </row>
    <row r="8985" spans="1:5" x14ac:dyDescent="0.25">
      <c r="A8985" s="3">
        <v>41839.635706018518</v>
      </c>
      <c r="B8985" s="2">
        <v>34.799999999999997</v>
      </c>
      <c r="C8985" s="2">
        <v>185.4</v>
      </c>
      <c r="D8985" s="2">
        <v>0</v>
      </c>
      <c r="E8985" s="2">
        <v>348.39999999998878</v>
      </c>
    </row>
    <row r="8986" spans="1:5" x14ac:dyDescent="0.25">
      <c r="A8986" s="3">
        <v>41839.635821759257</v>
      </c>
      <c r="B8986" s="2">
        <v>34.799999999999997</v>
      </c>
      <c r="C8986" s="2">
        <v>185.2</v>
      </c>
      <c r="D8986" s="2">
        <v>0</v>
      </c>
      <c r="E8986" s="2">
        <v>348.39999999998878</v>
      </c>
    </row>
    <row r="8987" spans="1:5" x14ac:dyDescent="0.25">
      <c r="A8987" s="3">
        <v>41839.67459490741</v>
      </c>
      <c r="B8987" s="2">
        <v>34.200000000000003</v>
      </c>
      <c r="C8987" s="2">
        <v>185</v>
      </c>
      <c r="D8987" s="2">
        <v>0</v>
      </c>
      <c r="E8987" s="2">
        <v>348.39999999998878</v>
      </c>
    </row>
    <row r="8988" spans="1:5" x14ac:dyDescent="0.25">
      <c r="A8988" s="3">
        <v>41839.688657407409</v>
      </c>
      <c r="B8988" s="2">
        <v>33.700000000000003</v>
      </c>
      <c r="C8988" s="2">
        <v>184.8</v>
      </c>
      <c r="D8988" s="2">
        <v>0</v>
      </c>
      <c r="E8988" s="2">
        <v>348.39999999998878</v>
      </c>
    </row>
    <row r="8989" spans="1:5" x14ac:dyDescent="0.25">
      <c r="A8989" s="3">
        <v>41839.705034722225</v>
      </c>
      <c r="B8989" s="2">
        <v>33.200000000000003</v>
      </c>
      <c r="C8989" s="2">
        <v>184.6</v>
      </c>
      <c r="D8989" s="2">
        <v>0</v>
      </c>
      <c r="E8989" s="2">
        <v>348.39999999998878</v>
      </c>
    </row>
    <row r="8990" spans="1:5" x14ac:dyDescent="0.25">
      <c r="A8990" s="3">
        <v>41839.705266203702</v>
      </c>
      <c r="B8990" s="2">
        <v>33.200000000000003</v>
      </c>
      <c r="C8990" s="2">
        <v>184.8</v>
      </c>
      <c r="D8990" s="2">
        <v>0</v>
      </c>
      <c r="E8990" s="2">
        <v>348.39999999998878</v>
      </c>
    </row>
    <row r="8991" spans="1:5" x14ac:dyDescent="0.25">
      <c r="A8991" s="3">
        <v>41839.70590277778</v>
      </c>
      <c r="B8991" s="2">
        <v>33.1</v>
      </c>
      <c r="C8991" s="2">
        <v>184.6</v>
      </c>
      <c r="D8991" s="2">
        <v>0</v>
      </c>
      <c r="E8991" s="2">
        <v>348.39999999998878</v>
      </c>
    </row>
    <row r="8992" spans="1:5" x14ac:dyDescent="0.25">
      <c r="A8992" s="3">
        <v>41839.722337962965</v>
      </c>
      <c r="B8992" s="2">
        <v>32.700000000000003</v>
      </c>
      <c r="C8992" s="2">
        <v>184.4</v>
      </c>
      <c r="D8992" s="2">
        <v>0</v>
      </c>
      <c r="E8992" s="2">
        <v>348.39999999998878</v>
      </c>
    </row>
    <row r="8993" spans="1:5" x14ac:dyDescent="0.25">
      <c r="A8993" s="3">
        <v>41839.744212962964</v>
      </c>
      <c r="B8993" s="2">
        <v>32.4</v>
      </c>
      <c r="C8993" s="2">
        <v>184.2</v>
      </c>
      <c r="D8993" s="2">
        <v>0</v>
      </c>
      <c r="E8993" s="2">
        <v>348.39999999998878</v>
      </c>
    </row>
    <row r="8994" spans="1:5" x14ac:dyDescent="0.25">
      <c r="A8994" s="3">
        <v>41839.744502314818</v>
      </c>
      <c r="B8994" s="2">
        <v>32.299999999999997</v>
      </c>
      <c r="C8994" s="2">
        <v>184.4</v>
      </c>
      <c r="D8994" s="2">
        <v>0</v>
      </c>
      <c r="E8994" s="2">
        <v>348.39999999998878</v>
      </c>
    </row>
    <row r="8995" spans="1:5" x14ac:dyDescent="0.25">
      <c r="A8995" s="3">
        <v>41839.74490740741</v>
      </c>
      <c r="B8995" s="2">
        <v>32.299999999999997</v>
      </c>
      <c r="C8995" s="2">
        <v>184.2</v>
      </c>
      <c r="D8995" s="2">
        <v>0</v>
      </c>
      <c r="E8995" s="2">
        <v>348.39999999998878</v>
      </c>
    </row>
    <row r="8996" spans="1:5" x14ac:dyDescent="0.25">
      <c r="A8996" s="3">
        <v>41839.761863425927</v>
      </c>
      <c r="B8996" s="2">
        <v>32.200000000000003</v>
      </c>
      <c r="C8996" s="2">
        <v>184</v>
      </c>
      <c r="D8996" s="2">
        <v>0</v>
      </c>
      <c r="E8996" s="2">
        <v>348.39999999998878</v>
      </c>
    </row>
    <row r="8997" spans="1:5" x14ac:dyDescent="0.25">
      <c r="A8997" s="3">
        <v>41839.762789351851</v>
      </c>
      <c r="B8997" s="2">
        <v>32.1</v>
      </c>
      <c r="C8997" s="2">
        <v>184.2</v>
      </c>
      <c r="D8997" s="2">
        <v>0</v>
      </c>
      <c r="E8997" s="2">
        <v>348.39999999998878</v>
      </c>
    </row>
    <row r="8998" spans="1:5" x14ac:dyDescent="0.25">
      <c r="A8998" s="3">
        <v>41839.763078703705</v>
      </c>
      <c r="B8998" s="2">
        <v>32.1</v>
      </c>
      <c r="C8998" s="2">
        <v>184</v>
      </c>
      <c r="D8998" s="2">
        <v>0</v>
      </c>
      <c r="E8998" s="2">
        <v>348.39999999998878</v>
      </c>
    </row>
    <row r="8999" spans="1:5" x14ac:dyDescent="0.25">
      <c r="A8999" s="3">
        <v>41839.778182870374</v>
      </c>
      <c r="B8999" s="2">
        <v>31.7</v>
      </c>
      <c r="C8999" s="2">
        <v>183.8</v>
      </c>
      <c r="D8999" s="2">
        <v>0</v>
      </c>
      <c r="E8999" s="2">
        <v>348.39999999998878</v>
      </c>
    </row>
    <row r="9000" spans="1:5" x14ac:dyDescent="0.25">
      <c r="A9000" s="3">
        <v>41839.77847222222</v>
      </c>
      <c r="B9000" s="2">
        <v>31.7</v>
      </c>
      <c r="C9000" s="2">
        <v>184</v>
      </c>
      <c r="D9000" s="2">
        <v>0</v>
      </c>
      <c r="E9000" s="2">
        <v>348.39999999998878</v>
      </c>
    </row>
    <row r="9001" spans="1:5" x14ac:dyDescent="0.25">
      <c r="A9001" s="3">
        <v>41839.778587962966</v>
      </c>
      <c r="B9001" s="2">
        <v>31.7</v>
      </c>
      <c r="C9001" s="2">
        <v>183.8</v>
      </c>
      <c r="D9001" s="2">
        <v>0</v>
      </c>
      <c r="E9001" s="2">
        <v>348.39999999998878</v>
      </c>
    </row>
    <row r="9002" spans="1:5" x14ac:dyDescent="0.25">
      <c r="A9002" s="3">
        <v>41839.806423611109</v>
      </c>
      <c r="B9002" s="2">
        <v>30.7</v>
      </c>
      <c r="C9002" s="2">
        <v>183.6</v>
      </c>
      <c r="D9002" s="2">
        <v>0</v>
      </c>
      <c r="E9002" s="2">
        <v>348.39999999998878</v>
      </c>
    </row>
    <row r="9003" spans="1:5" x14ac:dyDescent="0.25">
      <c r="A9003" s="3">
        <v>41839.807349537034</v>
      </c>
      <c r="B9003" s="2">
        <v>30.7</v>
      </c>
      <c r="C9003" s="2">
        <v>183.8</v>
      </c>
      <c r="D9003" s="2">
        <v>0</v>
      </c>
      <c r="E9003" s="2">
        <v>348.39999999998878</v>
      </c>
    </row>
    <row r="9004" spans="1:5" x14ac:dyDescent="0.25">
      <c r="A9004" s="3">
        <v>41839.80746527778</v>
      </c>
      <c r="B9004" s="2">
        <v>30.7</v>
      </c>
      <c r="C9004" s="2">
        <v>183.6</v>
      </c>
      <c r="D9004" s="2">
        <v>0</v>
      </c>
      <c r="E9004" s="2">
        <v>348.39999999998878</v>
      </c>
    </row>
    <row r="9005" spans="1:5" x14ac:dyDescent="0.25">
      <c r="A9005" s="3">
        <v>41839.830729166664</v>
      </c>
      <c r="B9005" s="2">
        <v>29.9</v>
      </c>
      <c r="C9005" s="2">
        <v>183.4</v>
      </c>
      <c r="D9005" s="2">
        <v>0</v>
      </c>
      <c r="E9005" s="2">
        <v>348.39999999998878</v>
      </c>
    </row>
    <row r="9006" spans="1:5" x14ac:dyDescent="0.25">
      <c r="A9006" s="3">
        <v>41839.871701388889</v>
      </c>
      <c r="B9006" s="2">
        <v>28.8</v>
      </c>
      <c r="C9006" s="2">
        <v>183.2</v>
      </c>
      <c r="D9006" s="2">
        <v>0</v>
      </c>
      <c r="E9006" s="2">
        <v>348.39999999998878</v>
      </c>
    </row>
    <row r="9007" spans="1:5" x14ac:dyDescent="0.25">
      <c r="A9007" s="3">
        <v>41839.908738425926</v>
      </c>
      <c r="B9007" s="2">
        <v>28</v>
      </c>
      <c r="C9007" s="2">
        <v>183</v>
      </c>
      <c r="D9007" s="2">
        <v>0</v>
      </c>
      <c r="E9007" s="2">
        <v>348.39999999998878</v>
      </c>
    </row>
    <row r="9008" spans="1:5" x14ac:dyDescent="0.25">
      <c r="A9008" s="3">
        <v>41839.967997685184</v>
      </c>
      <c r="B9008" s="2">
        <v>26.6</v>
      </c>
      <c r="C9008" s="2">
        <v>182.8</v>
      </c>
      <c r="D9008" s="2">
        <v>0</v>
      </c>
      <c r="E9008" s="2">
        <v>348.39999999998878</v>
      </c>
    </row>
    <row r="9009" spans="1:5" x14ac:dyDescent="0.25">
      <c r="A9009" s="3">
        <v>41840.043981481482</v>
      </c>
      <c r="B9009" s="2">
        <v>25.1</v>
      </c>
      <c r="C9009" s="2">
        <v>182.6</v>
      </c>
      <c r="D9009" s="2">
        <v>0</v>
      </c>
      <c r="E9009" s="2">
        <v>348.39999999998878</v>
      </c>
    </row>
    <row r="9010" spans="1:5" x14ac:dyDescent="0.25">
      <c r="A9010" s="3">
        <v>41840.117361111108</v>
      </c>
      <c r="B9010" s="2">
        <v>23.8</v>
      </c>
      <c r="C9010" s="2">
        <v>182.4</v>
      </c>
      <c r="D9010" s="2">
        <v>0</v>
      </c>
      <c r="E9010" s="2">
        <v>348.39999999998878</v>
      </c>
    </row>
    <row r="9011" spans="1:5" x14ac:dyDescent="0.25">
      <c r="A9011" s="3">
        <v>41840.239062499997</v>
      </c>
      <c r="B9011" s="2">
        <v>21.8</v>
      </c>
      <c r="C9011" s="2">
        <v>182.2</v>
      </c>
      <c r="D9011" s="2">
        <v>0</v>
      </c>
      <c r="E9011" s="2">
        <v>348.39999999998878</v>
      </c>
    </row>
    <row r="9012" spans="1:5" x14ac:dyDescent="0.25">
      <c r="A9012" s="3">
        <v>41840.34103009259</v>
      </c>
      <c r="B9012" s="2">
        <v>21.1</v>
      </c>
      <c r="C9012" s="2">
        <v>182</v>
      </c>
      <c r="D9012" s="2">
        <v>0</v>
      </c>
      <c r="E9012" s="2">
        <v>348.39999999998878</v>
      </c>
    </row>
    <row r="9013" spans="1:5" x14ac:dyDescent="0.25">
      <c r="A9013" s="3">
        <v>41840.50167824074</v>
      </c>
      <c r="B9013" s="2">
        <v>28.9</v>
      </c>
      <c r="C9013" s="2">
        <v>181.8</v>
      </c>
      <c r="D9013" s="2">
        <v>0</v>
      </c>
      <c r="E9013" s="2">
        <v>348.39999999998878</v>
      </c>
    </row>
    <row r="9014" spans="1:5" x14ac:dyDescent="0.25">
      <c r="A9014" s="3">
        <v>41840.502256944441</v>
      </c>
      <c r="B9014" s="2">
        <v>29</v>
      </c>
      <c r="C9014" s="2">
        <v>182</v>
      </c>
      <c r="D9014" s="2">
        <v>0</v>
      </c>
      <c r="E9014" s="2">
        <v>348.39999999998878</v>
      </c>
    </row>
    <row r="9015" spans="1:5" x14ac:dyDescent="0.25">
      <c r="A9015" s="3">
        <v>41840.502430555556</v>
      </c>
      <c r="B9015" s="2">
        <v>29.1</v>
      </c>
      <c r="C9015" s="2">
        <v>181.8</v>
      </c>
      <c r="D9015" s="2">
        <v>0</v>
      </c>
      <c r="E9015" s="2">
        <v>348.39999999998878</v>
      </c>
    </row>
    <row r="9016" spans="1:5" x14ac:dyDescent="0.25">
      <c r="A9016" s="3">
        <v>41840.50335648148</v>
      </c>
      <c r="B9016" s="2">
        <v>29.1</v>
      </c>
      <c r="C9016" s="2">
        <v>182</v>
      </c>
      <c r="D9016" s="2">
        <v>0</v>
      </c>
      <c r="E9016" s="2">
        <v>348.39999999998878</v>
      </c>
    </row>
    <row r="9017" spans="1:5" x14ac:dyDescent="0.25">
      <c r="A9017" s="3">
        <v>41840.503472222219</v>
      </c>
      <c r="B9017" s="2">
        <v>29.1</v>
      </c>
      <c r="C9017" s="2">
        <v>181.8</v>
      </c>
      <c r="D9017" s="2">
        <v>0</v>
      </c>
      <c r="E9017" s="2">
        <v>348.39999999998878</v>
      </c>
    </row>
    <row r="9018" spans="1:5" x14ac:dyDescent="0.25">
      <c r="A9018" s="3">
        <v>41840.508738425924</v>
      </c>
      <c r="B9018" s="2">
        <v>29.5</v>
      </c>
      <c r="C9018" s="2">
        <v>182</v>
      </c>
      <c r="D9018" s="2">
        <v>0</v>
      </c>
      <c r="E9018" s="2">
        <v>348.39999999998878</v>
      </c>
    </row>
    <row r="9019" spans="1:5" x14ac:dyDescent="0.25">
      <c r="A9019" s="3">
        <v>41840.508912037039</v>
      </c>
      <c r="B9019" s="2">
        <v>29.5</v>
      </c>
      <c r="C9019" s="2">
        <v>181.8</v>
      </c>
      <c r="D9019" s="2">
        <v>0</v>
      </c>
      <c r="E9019" s="2">
        <v>348.39999999998878</v>
      </c>
    </row>
    <row r="9020" spans="1:5" x14ac:dyDescent="0.25">
      <c r="A9020" s="3">
        <v>41840.539699074077</v>
      </c>
      <c r="B9020" s="2">
        <v>31.1</v>
      </c>
      <c r="C9020" s="2">
        <v>181.6</v>
      </c>
      <c r="D9020" s="2">
        <v>0</v>
      </c>
      <c r="E9020" s="2">
        <v>348.39999999998878</v>
      </c>
    </row>
    <row r="9021" spans="1:5" x14ac:dyDescent="0.25">
      <c r="A9021" s="3">
        <v>41840.539756944447</v>
      </c>
      <c r="B9021" s="2">
        <v>31.1</v>
      </c>
      <c r="C9021" s="2">
        <v>181.8</v>
      </c>
      <c r="D9021" s="2">
        <v>0</v>
      </c>
      <c r="E9021" s="2">
        <v>348.39999999998878</v>
      </c>
    </row>
    <row r="9022" spans="1:5" x14ac:dyDescent="0.25">
      <c r="A9022" s="3">
        <v>41840.539814814816</v>
      </c>
      <c r="B9022" s="2">
        <v>31.1</v>
      </c>
      <c r="C9022" s="2">
        <v>181.6</v>
      </c>
      <c r="D9022" s="2">
        <v>0</v>
      </c>
      <c r="E9022" s="2">
        <v>348.39999999998878</v>
      </c>
    </row>
    <row r="9023" spans="1:5" x14ac:dyDescent="0.25">
      <c r="A9023" s="3">
        <v>41840.540162037039</v>
      </c>
      <c r="B9023" s="2">
        <v>31.1</v>
      </c>
      <c r="C9023" s="2">
        <v>181.8</v>
      </c>
      <c r="D9023" s="2">
        <v>0</v>
      </c>
      <c r="E9023" s="2">
        <v>348.39999999998878</v>
      </c>
    </row>
    <row r="9024" spans="1:5" x14ac:dyDescent="0.25">
      <c r="A9024" s="3">
        <v>41840.540393518517</v>
      </c>
      <c r="B9024" s="2">
        <v>31.1</v>
      </c>
      <c r="C9024" s="2">
        <v>181.6</v>
      </c>
      <c r="D9024" s="2">
        <v>0</v>
      </c>
      <c r="E9024" s="2">
        <v>348.39999999998878</v>
      </c>
    </row>
    <row r="9025" spans="1:5" x14ac:dyDescent="0.25">
      <c r="A9025" s="3">
        <v>41840.542129629626</v>
      </c>
      <c r="B9025" s="2">
        <v>31.2</v>
      </c>
      <c r="C9025" s="2">
        <v>181.8</v>
      </c>
      <c r="D9025" s="2">
        <v>0</v>
      </c>
      <c r="E9025" s="2">
        <v>348.39999999998878</v>
      </c>
    </row>
    <row r="9026" spans="1:5" x14ac:dyDescent="0.25">
      <c r="A9026" s="3">
        <v>41840.542303240742</v>
      </c>
      <c r="B9026" s="2">
        <v>31.2</v>
      </c>
      <c r="C9026" s="2">
        <v>181.6</v>
      </c>
      <c r="D9026" s="2">
        <v>0</v>
      </c>
      <c r="E9026" s="2">
        <v>348.39999999998878</v>
      </c>
    </row>
    <row r="9027" spans="1:5" x14ac:dyDescent="0.25">
      <c r="A9027" s="3">
        <v>41840.564467592594</v>
      </c>
      <c r="B9027" s="2">
        <v>32.299999999999997</v>
      </c>
      <c r="C9027" s="2">
        <v>181.4</v>
      </c>
      <c r="D9027" s="2">
        <v>0</v>
      </c>
      <c r="E9027" s="2">
        <v>348.39999999998878</v>
      </c>
    </row>
    <row r="9028" spans="1:5" x14ac:dyDescent="0.25">
      <c r="A9028" s="3">
        <v>41840.564872685187</v>
      </c>
      <c r="B9028" s="2">
        <v>32.299999999999997</v>
      </c>
      <c r="C9028" s="2">
        <v>181.6</v>
      </c>
      <c r="D9028" s="2">
        <v>0</v>
      </c>
      <c r="E9028" s="2">
        <v>348.39999999998878</v>
      </c>
    </row>
    <row r="9029" spans="1:5" x14ac:dyDescent="0.25">
      <c r="A9029" s="3">
        <v>41840.564988425926</v>
      </c>
      <c r="B9029" s="2">
        <v>32.299999999999997</v>
      </c>
      <c r="C9029" s="2">
        <v>181.4</v>
      </c>
      <c r="D9029" s="2">
        <v>0</v>
      </c>
      <c r="E9029" s="2">
        <v>348.39999999998878</v>
      </c>
    </row>
    <row r="9030" spans="1:5" x14ac:dyDescent="0.25">
      <c r="A9030" s="3">
        <v>41840.566493055558</v>
      </c>
      <c r="B9030" s="2">
        <v>32.299999999999997</v>
      </c>
      <c r="C9030" s="2">
        <v>181.6</v>
      </c>
      <c r="D9030" s="2">
        <v>0</v>
      </c>
      <c r="E9030" s="2">
        <v>348.39999999998878</v>
      </c>
    </row>
    <row r="9031" spans="1:5" x14ac:dyDescent="0.25">
      <c r="A9031" s="3">
        <v>41840.566550925927</v>
      </c>
      <c r="B9031" s="2">
        <v>32.299999999999997</v>
      </c>
      <c r="C9031" s="2">
        <v>181.4</v>
      </c>
      <c r="D9031" s="2">
        <v>0</v>
      </c>
      <c r="E9031" s="2">
        <v>348.39999999998878</v>
      </c>
    </row>
    <row r="9032" spans="1:5" x14ac:dyDescent="0.25">
      <c r="A9032" s="3">
        <v>41840.566666666666</v>
      </c>
      <c r="B9032" s="2">
        <v>32.4</v>
      </c>
      <c r="C9032" s="2">
        <v>181.6</v>
      </c>
      <c r="D9032" s="2">
        <v>0</v>
      </c>
      <c r="E9032" s="2">
        <v>348.39999999998878</v>
      </c>
    </row>
    <row r="9033" spans="1:5" x14ac:dyDescent="0.25">
      <c r="A9033" s="3">
        <v>41840.567071759258</v>
      </c>
      <c r="B9033" s="2">
        <v>32.299999999999997</v>
      </c>
      <c r="C9033" s="2">
        <v>181.4</v>
      </c>
      <c r="D9033" s="2">
        <v>0</v>
      </c>
      <c r="E9033" s="2">
        <v>348.39999999998878</v>
      </c>
    </row>
    <row r="9034" spans="1:5" x14ac:dyDescent="0.25">
      <c r="A9034" s="3">
        <v>41840.571180555555</v>
      </c>
      <c r="B9034" s="2">
        <v>32.299999999999997</v>
      </c>
      <c r="C9034" s="2">
        <v>181.6</v>
      </c>
      <c r="D9034" s="2">
        <v>0</v>
      </c>
      <c r="E9034" s="2">
        <v>348.39999999998878</v>
      </c>
    </row>
    <row r="9035" spans="1:5" x14ac:dyDescent="0.25">
      <c r="A9035" s="3">
        <v>41840.571238425924</v>
      </c>
      <c r="B9035" s="2">
        <v>32.299999999999997</v>
      </c>
      <c r="C9035" s="2">
        <v>181.4</v>
      </c>
      <c r="D9035" s="2">
        <v>0</v>
      </c>
      <c r="E9035" s="2">
        <v>348.39999999998878</v>
      </c>
    </row>
    <row r="9036" spans="1:5" x14ac:dyDescent="0.25">
      <c r="A9036" s="3">
        <v>41840.585300925923</v>
      </c>
      <c r="B9036" s="2">
        <v>32.5</v>
      </c>
      <c r="C9036" s="2">
        <v>181.2</v>
      </c>
      <c r="D9036" s="2">
        <v>0</v>
      </c>
      <c r="E9036" s="2">
        <v>348.39999999998878</v>
      </c>
    </row>
    <row r="9037" spans="1:5" x14ac:dyDescent="0.25">
      <c r="A9037" s="3">
        <v>41840.586458333331</v>
      </c>
      <c r="B9037" s="2">
        <v>32.6</v>
      </c>
      <c r="C9037" s="2">
        <v>181.4</v>
      </c>
      <c r="D9037" s="2">
        <v>0</v>
      </c>
      <c r="E9037" s="2">
        <v>348.39999999998878</v>
      </c>
    </row>
    <row r="9038" spans="1:5" x14ac:dyDescent="0.25">
      <c r="A9038" s="3">
        <v>41840.586516203701</v>
      </c>
      <c r="B9038" s="2">
        <v>32.6</v>
      </c>
      <c r="C9038" s="2">
        <v>181.2</v>
      </c>
      <c r="D9038" s="2">
        <v>0</v>
      </c>
      <c r="E9038" s="2">
        <v>348.39999999998878</v>
      </c>
    </row>
    <row r="9039" spans="1:5" x14ac:dyDescent="0.25">
      <c r="A9039" s="3">
        <v>41840.600173611114</v>
      </c>
      <c r="B9039" s="2">
        <v>32.9</v>
      </c>
      <c r="C9039" s="2">
        <v>181</v>
      </c>
      <c r="D9039" s="2">
        <v>0</v>
      </c>
      <c r="E9039" s="2">
        <v>348.39999999998878</v>
      </c>
    </row>
    <row r="9040" spans="1:5" x14ac:dyDescent="0.25">
      <c r="A9040" s="3">
        <v>41840.602372685185</v>
      </c>
      <c r="B9040" s="2">
        <v>33</v>
      </c>
      <c r="C9040" s="2">
        <v>181.2</v>
      </c>
      <c r="D9040" s="2">
        <v>0</v>
      </c>
      <c r="E9040" s="2">
        <v>348.39999999998878</v>
      </c>
    </row>
    <row r="9041" spans="1:5" x14ac:dyDescent="0.25">
      <c r="A9041" s="3">
        <v>41840.60260416667</v>
      </c>
      <c r="B9041" s="2">
        <v>33</v>
      </c>
      <c r="C9041" s="2">
        <v>181</v>
      </c>
      <c r="D9041" s="2">
        <v>0</v>
      </c>
      <c r="E9041" s="2">
        <v>348.39999999998878</v>
      </c>
    </row>
    <row r="9042" spans="1:5" x14ac:dyDescent="0.25">
      <c r="A9042" s="3">
        <v>41840.619618055556</v>
      </c>
      <c r="B9042" s="2">
        <v>33.5</v>
      </c>
      <c r="C9042" s="2">
        <v>180.8</v>
      </c>
      <c r="D9042" s="2">
        <v>0</v>
      </c>
      <c r="E9042" s="2">
        <v>348.39999999998878</v>
      </c>
    </row>
    <row r="9043" spans="1:5" x14ac:dyDescent="0.25">
      <c r="A9043" s="3">
        <v>41840.619733796295</v>
      </c>
      <c r="B9043" s="2">
        <v>33.4</v>
      </c>
      <c r="C9043" s="2">
        <v>181</v>
      </c>
      <c r="D9043" s="2">
        <v>0</v>
      </c>
      <c r="E9043" s="2">
        <v>348.39999999998878</v>
      </c>
    </row>
    <row r="9044" spans="1:5" x14ac:dyDescent="0.25">
      <c r="A9044" s="3">
        <v>41840.620254629626</v>
      </c>
      <c r="B9044" s="2">
        <v>33.4</v>
      </c>
      <c r="C9044" s="2">
        <v>180.8</v>
      </c>
      <c r="D9044" s="2">
        <v>0</v>
      </c>
      <c r="E9044" s="2">
        <v>348.39999999998878</v>
      </c>
    </row>
    <row r="9045" spans="1:5" x14ac:dyDescent="0.25">
      <c r="A9045" s="3">
        <v>41840.62054398148</v>
      </c>
      <c r="B9045" s="2">
        <v>33.5</v>
      </c>
      <c r="C9045" s="2">
        <v>181</v>
      </c>
      <c r="D9045" s="2">
        <v>0</v>
      </c>
      <c r="E9045" s="2">
        <v>348.39999999998878</v>
      </c>
    </row>
    <row r="9046" spans="1:5" x14ac:dyDescent="0.25">
      <c r="A9046" s="3">
        <v>41840.620717592596</v>
      </c>
      <c r="B9046" s="2">
        <v>33.6</v>
      </c>
      <c r="C9046" s="2">
        <v>180.8</v>
      </c>
      <c r="D9046" s="2">
        <v>0</v>
      </c>
      <c r="E9046" s="2">
        <v>348.39999999998878</v>
      </c>
    </row>
    <row r="9047" spans="1:5" x14ac:dyDescent="0.25">
      <c r="A9047" s="3">
        <v>41840.621006944442</v>
      </c>
      <c r="B9047" s="2">
        <v>33.5</v>
      </c>
      <c r="C9047" s="2">
        <v>181</v>
      </c>
      <c r="D9047" s="2">
        <v>0</v>
      </c>
      <c r="E9047" s="2">
        <v>348.39999999998878</v>
      </c>
    </row>
    <row r="9048" spans="1:5" x14ac:dyDescent="0.25">
      <c r="A9048" s="3">
        <v>41840.621064814812</v>
      </c>
      <c r="B9048" s="2">
        <v>33.5</v>
      </c>
      <c r="C9048" s="2">
        <v>180.8</v>
      </c>
      <c r="D9048" s="2">
        <v>0</v>
      </c>
      <c r="E9048" s="2">
        <v>348.39999999998878</v>
      </c>
    </row>
    <row r="9049" spans="1:5" x14ac:dyDescent="0.25">
      <c r="A9049" s="3">
        <v>41840.640682870369</v>
      </c>
      <c r="B9049" s="2">
        <v>33.9</v>
      </c>
      <c r="C9049" s="2">
        <v>180.6</v>
      </c>
      <c r="D9049" s="2">
        <v>0</v>
      </c>
      <c r="E9049" s="2">
        <v>348.39999999998878</v>
      </c>
    </row>
    <row r="9050" spans="1:5" x14ac:dyDescent="0.25">
      <c r="A9050" s="3">
        <v>41840.640798611108</v>
      </c>
      <c r="B9050" s="2">
        <v>33.9</v>
      </c>
      <c r="C9050" s="2">
        <v>180.8</v>
      </c>
      <c r="D9050" s="2">
        <v>0</v>
      </c>
      <c r="E9050" s="2">
        <v>348.39999999998878</v>
      </c>
    </row>
    <row r="9051" spans="1:5" x14ac:dyDescent="0.25">
      <c r="A9051" s="3">
        <v>41840.640914351854</v>
      </c>
      <c r="B9051" s="2">
        <v>33.9</v>
      </c>
      <c r="C9051" s="2">
        <v>180.6</v>
      </c>
      <c r="D9051" s="2">
        <v>0</v>
      </c>
      <c r="E9051" s="2">
        <v>348.39999999998878</v>
      </c>
    </row>
    <row r="9052" spans="1:5" x14ac:dyDescent="0.25">
      <c r="A9052" s="3">
        <v>41840.641840277778</v>
      </c>
      <c r="B9052" s="2">
        <v>33.9</v>
      </c>
      <c r="C9052" s="2">
        <v>180.8</v>
      </c>
      <c r="D9052" s="2">
        <v>0</v>
      </c>
      <c r="E9052" s="2">
        <v>348.39999999998878</v>
      </c>
    </row>
    <row r="9053" spans="1:5" x14ac:dyDescent="0.25">
      <c r="A9053" s="3">
        <v>41840.642708333333</v>
      </c>
      <c r="B9053" s="2">
        <v>33.9</v>
      </c>
      <c r="C9053" s="2">
        <v>180.6</v>
      </c>
      <c r="D9053" s="2">
        <v>0</v>
      </c>
      <c r="E9053" s="2">
        <v>348.39999999998878</v>
      </c>
    </row>
    <row r="9054" spans="1:5" x14ac:dyDescent="0.25">
      <c r="A9054" s="3">
        <v>41840.646122685182</v>
      </c>
      <c r="B9054" s="2">
        <v>33.799999999999997</v>
      </c>
      <c r="C9054" s="2">
        <v>180.8</v>
      </c>
      <c r="D9054" s="2">
        <v>0</v>
      </c>
      <c r="E9054" s="2">
        <v>348.39999999998878</v>
      </c>
    </row>
    <row r="9055" spans="1:5" x14ac:dyDescent="0.25">
      <c r="A9055" s="3">
        <v>41840.646180555559</v>
      </c>
      <c r="B9055" s="2">
        <v>33.799999999999997</v>
      </c>
      <c r="C9055" s="2">
        <v>180.6</v>
      </c>
      <c r="D9055" s="2">
        <v>0</v>
      </c>
      <c r="E9055" s="2">
        <v>348.39999999998878</v>
      </c>
    </row>
    <row r="9056" spans="1:5" x14ac:dyDescent="0.25">
      <c r="A9056" s="3">
        <v>41840.669270833336</v>
      </c>
      <c r="B9056" s="2">
        <v>33.1</v>
      </c>
      <c r="C9056" s="2">
        <v>180.4</v>
      </c>
      <c r="D9056" s="2">
        <v>0</v>
      </c>
      <c r="E9056" s="2">
        <v>348.39999999998878</v>
      </c>
    </row>
    <row r="9057" spans="1:5" x14ac:dyDescent="0.25">
      <c r="A9057" s="3">
        <v>41840.685879629629</v>
      </c>
      <c r="B9057" s="2">
        <v>32.6</v>
      </c>
      <c r="C9057" s="2">
        <v>180.2</v>
      </c>
      <c r="D9057" s="2">
        <v>0</v>
      </c>
      <c r="E9057" s="2">
        <v>348.39999999998878</v>
      </c>
    </row>
    <row r="9058" spans="1:5" x14ac:dyDescent="0.25">
      <c r="A9058" s="3">
        <v>41840.701273148145</v>
      </c>
      <c r="B9058" s="2">
        <v>32.1</v>
      </c>
      <c r="C9058" s="2">
        <v>180</v>
      </c>
      <c r="D9058" s="2">
        <v>0</v>
      </c>
      <c r="E9058" s="2">
        <v>348.39999999998878</v>
      </c>
    </row>
    <row r="9059" spans="1:5" x14ac:dyDescent="0.25">
      <c r="A9059" s="3">
        <v>41840.718692129631</v>
      </c>
      <c r="B9059" s="2">
        <v>31.6</v>
      </c>
      <c r="C9059" s="2">
        <v>179.8</v>
      </c>
      <c r="D9059" s="2">
        <v>0</v>
      </c>
      <c r="E9059" s="2">
        <v>348.39999999998878</v>
      </c>
    </row>
    <row r="9060" spans="1:5" x14ac:dyDescent="0.25">
      <c r="A9060" s="3">
        <v>41840.719097222223</v>
      </c>
      <c r="B9060" s="2">
        <v>31.6</v>
      </c>
      <c r="C9060" s="2">
        <v>180</v>
      </c>
      <c r="D9060" s="2">
        <v>0</v>
      </c>
      <c r="E9060" s="2">
        <v>348.39999999998878</v>
      </c>
    </row>
    <row r="9061" spans="1:5" x14ac:dyDescent="0.25">
      <c r="A9061" s="3">
        <v>41840.719212962962</v>
      </c>
      <c r="B9061" s="2">
        <v>31.6</v>
      </c>
      <c r="C9061" s="2">
        <v>179.8</v>
      </c>
      <c r="D9061" s="2">
        <v>0</v>
      </c>
      <c r="E9061" s="2">
        <v>348.39999999998878</v>
      </c>
    </row>
    <row r="9062" spans="1:5" x14ac:dyDescent="0.25">
      <c r="A9062" s="3">
        <v>41840.735821759263</v>
      </c>
      <c r="B9062" s="2">
        <v>31.1</v>
      </c>
      <c r="C9062" s="2">
        <v>179.6</v>
      </c>
      <c r="D9062" s="2">
        <v>0</v>
      </c>
      <c r="E9062" s="2">
        <v>348.39999999998878</v>
      </c>
    </row>
    <row r="9063" spans="1:5" x14ac:dyDescent="0.25">
      <c r="A9063" s="3">
        <v>41840.735879629632</v>
      </c>
      <c r="B9063" s="2">
        <v>31.1</v>
      </c>
      <c r="C9063" s="2">
        <v>179.8</v>
      </c>
      <c r="D9063" s="2">
        <v>0</v>
      </c>
      <c r="E9063" s="2">
        <v>348.39999999998878</v>
      </c>
    </row>
    <row r="9064" spans="1:5" x14ac:dyDescent="0.25">
      <c r="A9064" s="3">
        <v>41840.736400462964</v>
      </c>
      <c r="B9064" s="2">
        <v>31.1</v>
      </c>
      <c r="C9064" s="2">
        <v>179.6</v>
      </c>
      <c r="D9064" s="2">
        <v>0</v>
      </c>
      <c r="E9064" s="2">
        <v>348.39999999998878</v>
      </c>
    </row>
    <row r="9065" spans="1:5" x14ac:dyDescent="0.25">
      <c r="A9065" s="3">
        <v>41840.746527777781</v>
      </c>
      <c r="B9065" s="2">
        <v>30.9</v>
      </c>
      <c r="C9065" s="2">
        <v>179.4</v>
      </c>
      <c r="D9065" s="2">
        <v>0</v>
      </c>
      <c r="E9065" s="2">
        <v>348.39999999998878</v>
      </c>
    </row>
    <row r="9066" spans="1:5" x14ac:dyDescent="0.25">
      <c r="A9066" s="3">
        <v>41840.749768518515</v>
      </c>
      <c r="B9066" s="2">
        <v>30.8</v>
      </c>
      <c r="C9066" s="2">
        <v>179.6</v>
      </c>
      <c r="D9066" s="2">
        <v>0</v>
      </c>
      <c r="E9066" s="2">
        <v>348.39999999998878</v>
      </c>
    </row>
    <row r="9067" spans="1:5" x14ac:dyDescent="0.25">
      <c r="A9067" s="3">
        <v>41840.749826388892</v>
      </c>
      <c r="B9067" s="2">
        <v>30.8</v>
      </c>
      <c r="C9067" s="2">
        <v>179.4</v>
      </c>
      <c r="D9067" s="2">
        <v>0</v>
      </c>
      <c r="E9067" s="2">
        <v>348.39999999998878</v>
      </c>
    </row>
    <row r="9068" spans="1:5" x14ac:dyDescent="0.25">
      <c r="A9068" s="3">
        <v>41840.763078703705</v>
      </c>
      <c r="B9068" s="2">
        <v>30.7</v>
      </c>
      <c r="C9068" s="2">
        <v>179.2</v>
      </c>
      <c r="D9068" s="2">
        <v>0</v>
      </c>
      <c r="E9068" s="2">
        <v>348.39999999998878</v>
      </c>
    </row>
    <row r="9069" spans="1:5" x14ac:dyDescent="0.25">
      <c r="A9069" s="3">
        <v>41840.763599537036</v>
      </c>
      <c r="B9069" s="2">
        <v>30.7</v>
      </c>
      <c r="C9069" s="2">
        <v>179.4</v>
      </c>
      <c r="D9069" s="2">
        <v>0</v>
      </c>
      <c r="E9069" s="2">
        <v>348.39999999998878</v>
      </c>
    </row>
    <row r="9070" spans="1:5" x14ac:dyDescent="0.25">
      <c r="A9070" s="3">
        <v>41840.763657407406</v>
      </c>
      <c r="B9070" s="2">
        <v>30.7</v>
      </c>
      <c r="C9070" s="2">
        <v>179.2</v>
      </c>
      <c r="D9070" s="2">
        <v>0</v>
      </c>
      <c r="E9070" s="2">
        <v>348.39999999998878</v>
      </c>
    </row>
    <row r="9071" spans="1:5" x14ac:dyDescent="0.25">
      <c r="A9071" s="3">
        <v>41840.788831018515</v>
      </c>
      <c r="B9071" s="2">
        <v>29.9</v>
      </c>
      <c r="C9071" s="2">
        <v>179</v>
      </c>
      <c r="D9071" s="2">
        <v>0</v>
      </c>
      <c r="E9071" s="2">
        <v>348.39999999998878</v>
      </c>
    </row>
    <row r="9072" spans="1:5" x14ac:dyDescent="0.25">
      <c r="A9072" s="3">
        <v>41840.811516203707</v>
      </c>
      <c r="B9072" s="2">
        <v>29.1</v>
      </c>
      <c r="C9072" s="2">
        <v>178.8</v>
      </c>
      <c r="D9072" s="2">
        <v>0</v>
      </c>
      <c r="E9072" s="2">
        <v>348.39999999998878</v>
      </c>
    </row>
    <row r="9073" spans="1:5" x14ac:dyDescent="0.25">
      <c r="A9073" s="3">
        <v>41840.811631944445</v>
      </c>
      <c r="B9073" s="2">
        <v>29.1</v>
      </c>
      <c r="C9073" s="2">
        <v>179</v>
      </c>
      <c r="D9073" s="2">
        <v>0</v>
      </c>
      <c r="E9073" s="2">
        <v>348.39999999998878</v>
      </c>
    </row>
    <row r="9074" spans="1:5" x14ac:dyDescent="0.25">
      <c r="A9074" s="3">
        <v>41840.811805555553</v>
      </c>
      <c r="B9074" s="2">
        <v>29.1</v>
      </c>
      <c r="C9074" s="2">
        <v>178.8</v>
      </c>
      <c r="D9074" s="2">
        <v>0</v>
      </c>
      <c r="E9074" s="2">
        <v>348.39999999998878</v>
      </c>
    </row>
    <row r="9075" spans="1:5" x14ac:dyDescent="0.25">
      <c r="A9075" s="3">
        <v>41840.833912037036</v>
      </c>
      <c r="B9075" s="2">
        <v>28.4</v>
      </c>
      <c r="C9075" s="2">
        <v>178.6</v>
      </c>
      <c r="D9075" s="2">
        <v>0</v>
      </c>
      <c r="E9075" s="2">
        <v>348.39999999998878</v>
      </c>
    </row>
    <row r="9076" spans="1:5" x14ac:dyDescent="0.25">
      <c r="A9076" s="3">
        <v>41840.834490740737</v>
      </c>
      <c r="B9076" s="2">
        <v>28.4</v>
      </c>
      <c r="C9076" s="2">
        <v>178.8</v>
      </c>
      <c r="D9076" s="2">
        <v>0</v>
      </c>
      <c r="E9076" s="2">
        <v>348.39999999998878</v>
      </c>
    </row>
    <row r="9077" spans="1:5" x14ac:dyDescent="0.25">
      <c r="A9077" s="3">
        <v>41840.834548611114</v>
      </c>
      <c r="B9077" s="2">
        <v>28.4</v>
      </c>
      <c r="C9077" s="2">
        <v>178.6</v>
      </c>
      <c r="D9077" s="2">
        <v>0</v>
      </c>
      <c r="E9077" s="2">
        <v>348.39999999998878</v>
      </c>
    </row>
    <row r="9078" spans="1:5" x14ac:dyDescent="0.25">
      <c r="A9078" s="3">
        <v>41840.861863425926</v>
      </c>
      <c r="B9078" s="2">
        <v>27.6</v>
      </c>
      <c r="C9078" s="2">
        <v>178.4</v>
      </c>
      <c r="D9078" s="2">
        <v>0</v>
      </c>
      <c r="E9078" s="2">
        <v>348.39999999998878</v>
      </c>
    </row>
    <row r="9079" spans="1:5" x14ac:dyDescent="0.25">
      <c r="A9079" s="3">
        <v>41840.899363425924</v>
      </c>
      <c r="B9079" s="2">
        <v>26.7</v>
      </c>
      <c r="C9079" s="2">
        <v>178.2</v>
      </c>
      <c r="D9079" s="2">
        <v>0</v>
      </c>
      <c r="E9079" s="2">
        <v>348.39999999998878</v>
      </c>
    </row>
    <row r="9080" spans="1:5" x14ac:dyDescent="0.25">
      <c r="A9080" s="3">
        <v>41840.962210648147</v>
      </c>
      <c r="B9080" s="2">
        <v>25.6</v>
      </c>
      <c r="C9080" s="2">
        <v>178</v>
      </c>
      <c r="D9080" s="2">
        <v>0</v>
      </c>
      <c r="E9080" s="2">
        <v>348.39999999998878</v>
      </c>
    </row>
    <row r="9081" spans="1:5" x14ac:dyDescent="0.25">
      <c r="A9081" s="3">
        <v>41841.028645833336</v>
      </c>
      <c r="B9081" s="2">
        <v>24.4</v>
      </c>
      <c r="C9081" s="2">
        <v>177.8</v>
      </c>
      <c r="D9081" s="2">
        <v>0</v>
      </c>
      <c r="E9081" s="2">
        <v>348.39999999998878</v>
      </c>
    </row>
    <row r="9082" spans="1:5" x14ac:dyDescent="0.25">
      <c r="A9082" s="3">
        <v>41841.103472222225</v>
      </c>
      <c r="B9082" s="2">
        <v>23.3</v>
      </c>
      <c r="C9082" s="2">
        <v>177.6</v>
      </c>
      <c r="D9082" s="2">
        <v>0</v>
      </c>
      <c r="E9082" s="2">
        <v>348.39999999998878</v>
      </c>
    </row>
    <row r="9083" spans="1:5" x14ac:dyDescent="0.25">
      <c r="A9083" s="3">
        <v>41841.230844907404</v>
      </c>
      <c r="B9083" s="2">
        <v>21.8</v>
      </c>
      <c r="C9083" s="2">
        <v>177.4</v>
      </c>
      <c r="D9083" s="2">
        <v>0</v>
      </c>
      <c r="E9083" s="2">
        <v>348.39999999998878</v>
      </c>
    </row>
    <row r="9084" spans="1:5" x14ac:dyDescent="0.25">
      <c r="A9084" s="3">
        <v>41841.347569444442</v>
      </c>
      <c r="B9084" s="2">
        <v>21.5</v>
      </c>
      <c r="C9084" s="2">
        <v>177.2</v>
      </c>
      <c r="D9084" s="2">
        <v>0</v>
      </c>
      <c r="E9084" s="2">
        <v>348.39999999998878</v>
      </c>
    </row>
    <row r="9085" spans="1:5" x14ac:dyDescent="0.25">
      <c r="A9085" s="3">
        <v>41841.347627314812</v>
      </c>
      <c r="B9085" s="2">
        <v>21.5</v>
      </c>
      <c r="C9085" s="2">
        <v>177.4</v>
      </c>
      <c r="D9085" s="2">
        <v>0</v>
      </c>
      <c r="E9085" s="2">
        <v>348.39999999998878</v>
      </c>
    </row>
    <row r="9086" spans="1:5" x14ac:dyDescent="0.25">
      <c r="A9086" s="3">
        <v>41841.352083333331</v>
      </c>
      <c r="B9086" s="2">
        <v>21.4</v>
      </c>
      <c r="C9086" s="2">
        <v>177.4</v>
      </c>
      <c r="D9086" s="2">
        <v>0.2</v>
      </c>
      <c r="E9086" s="2">
        <v>348.59999999998877</v>
      </c>
    </row>
    <row r="9087" spans="1:5" x14ac:dyDescent="0.25">
      <c r="A9087" s="3">
        <v>41841.353298611109</v>
      </c>
      <c r="B9087" s="2">
        <v>21.4</v>
      </c>
      <c r="C9087" s="2">
        <v>177.6</v>
      </c>
      <c r="D9087" s="2">
        <v>0.2</v>
      </c>
      <c r="E9087" s="2">
        <v>348.79999999998876</v>
      </c>
    </row>
    <row r="9088" spans="1:5" x14ac:dyDescent="0.25">
      <c r="A9088" s="3">
        <v>41841.353819444441</v>
      </c>
      <c r="B9088" s="2">
        <v>21.4</v>
      </c>
      <c r="C9088" s="2">
        <v>177.6</v>
      </c>
      <c r="D9088" s="2">
        <v>0.2</v>
      </c>
      <c r="E9088" s="2">
        <v>348.99999999998875</v>
      </c>
    </row>
    <row r="9089" spans="1:5" x14ac:dyDescent="0.25">
      <c r="A9089" s="3">
        <v>41841.354398148149</v>
      </c>
      <c r="B9089" s="2">
        <v>21.4</v>
      </c>
      <c r="C9089" s="2">
        <v>177.8</v>
      </c>
      <c r="D9089" s="2">
        <v>0</v>
      </c>
      <c r="E9089" s="2">
        <v>348.99999999998875</v>
      </c>
    </row>
    <row r="9090" spans="1:5" x14ac:dyDescent="0.25">
      <c r="A9090" s="3">
        <v>41841.354629629626</v>
      </c>
      <c r="B9090" s="2">
        <v>21.4</v>
      </c>
      <c r="C9090" s="2">
        <v>177.8</v>
      </c>
      <c r="D9090" s="2">
        <v>0.2</v>
      </c>
      <c r="E9090" s="2">
        <v>349.19999999998873</v>
      </c>
    </row>
    <row r="9091" spans="1:5" x14ac:dyDescent="0.25">
      <c r="A9091" s="3">
        <v>41841.355208333334</v>
      </c>
      <c r="B9091" s="2">
        <v>21.4</v>
      </c>
      <c r="C9091" s="2">
        <v>177.8</v>
      </c>
      <c r="D9091" s="2">
        <v>0.2</v>
      </c>
      <c r="E9091" s="2">
        <v>349.39999999998872</v>
      </c>
    </row>
    <row r="9092" spans="1:5" x14ac:dyDescent="0.25">
      <c r="A9092" s="3">
        <v>41841.355266203704</v>
      </c>
      <c r="B9092" s="2">
        <v>21.4</v>
      </c>
      <c r="C9092" s="2">
        <v>178</v>
      </c>
      <c r="D9092" s="2">
        <v>0</v>
      </c>
      <c r="E9092" s="2">
        <v>349.39999999998872</v>
      </c>
    </row>
    <row r="9093" spans="1:5" x14ac:dyDescent="0.25">
      <c r="A9093" s="3">
        <v>41841.355555555558</v>
      </c>
      <c r="B9093" s="2">
        <v>21.4</v>
      </c>
      <c r="C9093" s="2">
        <v>178</v>
      </c>
      <c r="D9093" s="2">
        <v>0.2</v>
      </c>
      <c r="E9093" s="2">
        <v>349.59999999998871</v>
      </c>
    </row>
    <row r="9094" spans="1:5" x14ac:dyDescent="0.25">
      <c r="A9094" s="3">
        <v>41841.355787037035</v>
      </c>
      <c r="B9094" s="2">
        <v>21.3</v>
      </c>
      <c r="C9094" s="2">
        <v>178.2</v>
      </c>
      <c r="D9094" s="2">
        <v>0</v>
      </c>
      <c r="E9094" s="2">
        <v>349.59999999998871</v>
      </c>
    </row>
    <row r="9095" spans="1:5" x14ac:dyDescent="0.25">
      <c r="A9095" s="3">
        <v>41841.355902777781</v>
      </c>
      <c r="B9095" s="2">
        <v>21.4</v>
      </c>
      <c r="C9095" s="2">
        <v>178.2</v>
      </c>
      <c r="D9095" s="2">
        <v>0.2</v>
      </c>
      <c r="E9095" s="2">
        <v>349.7999999999887</v>
      </c>
    </row>
    <row r="9096" spans="1:5" x14ac:dyDescent="0.25">
      <c r="A9096" s="3">
        <v>41841.356076388889</v>
      </c>
      <c r="B9096" s="2">
        <v>21.4</v>
      </c>
      <c r="C9096" s="2">
        <v>178.2</v>
      </c>
      <c r="D9096" s="2">
        <v>0.2</v>
      </c>
      <c r="E9096" s="2">
        <v>349.99999999998869</v>
      </c>
    </row>
    <row r="9097" spans="1:5" x14ac:dyDescent="0.25">
      <c r="A9097" s="3">
        <v>41841.356134259258</v>
      </c>
      <c r="B9097" s="2">
        <v>21.4</v>
      </c>
      <c r="C9097" s="2">
        <v>178.4</v>
      </c>
      <c r="D9097" s="2">
        <v>0</v>
      </c>
      <c r="E9097" s="2">
        <v>349.99999999998869</v>
      </c>
    </row>
    <row r="9098" spans="1:5" x14ac:dyDescent="0.25">
      <c r="A9098" s="3">
        <v>41841.356249999997</v>
      </c>
      <c r="B9098" s="2">
        <v>21.4</v>
      </c>
      <c r="C9098" s="2">
        <v>178.4</v>
      </c>
      <c r="D9098" s="2">
        <v>0.2</v>
      </c>
      <c r="E9098" s="2">
        <v>350.19999999998868</v>
      </c>
    </row>
    <row r="9099" spans="1:5" x14ac:dyDescent="0.25">
      <c r="A9099" s="3">
        <v>41841.356365740743</v>
      </c>
      <c r="B9099" s="2">
        <v>21.4</v>
      </c>
      <c r="C9099" s="2">
        <v>178.6</v>
      </c>
      <c r="D9099" s="2">
        <v>0</v>
      </c>
      <c r="E9099" s="2">
        <v>350.19999999998868</v>
      </c>
    </row>
    <row r="9100" spans="1:5" x14ac:dyDescent="0.25">
      <c r="A9100" s="3">
        <v>41841.356423611112</v>
      </c>
      <c r="B9100" s="2">
        <v>21.4</v>
      </c>
      <c r="C9100" s="2">
        <v>178.6</v>
      </c>
      <c r="D9100" s="2">
        <v>0.2</v>
      </c>
      <c r="E9100" s="2">
        <v>350.39999999998867</v>
      </c>
    </row>
    <row r="9101" spans="1:5" x14ac:dyDescent="0.25">
      <c r="A9101" s="3">
        <v>41841.35665509259</v>
      </c>
      <c r="B9101" s="2">
        <v>21.3</v>
      </c>
      <c r="C9101" s="2">
        <v>178.8</v>
      </c>
      <c r="D9101" s="2">
        <v>0.2</v>
      </c>
      <c r="E9101" s="2">
        <v>350.59999999998865</v>
      </c>
    </row>
    <row r="9102" spans="1:5" x14ac:dyDescent="0.25">
      <c r="A9102" s="3">
        <v>41841.356770833336</v>
      </c>
      <c r="B9102" s="2">
        <v>21.3</v>
      </c>
      <c r="C9102" s="2">
        <v>178.8</v>
      </c>
      <c r="D9102" s="2">
        <v>0.2</v>
      </c>
      <c r="E9102" s="2">
        <v>350.79999999998864</v>
      </c>
    </row>
    <row r="9103" spans="1:5" x14ac:dyDescent="0.25">
      <c r="A9103" s="3">
        <v>41841.356828703705</v>
      </c>
      <c r="B9103" s="2">
        <v>21.3</v>
      </c>
      <c r="C9103" s="2">
        <v>179</v>
      </c>
      <c r="D9103" s="2">
        <v>0</v>
      </c>
      <c r="E9103" s="2">
        <v>350.79999999998864</v>
      </c>
    </row>
    <row r="9104" spans="1:5" x14ac:dyDescent="0.25">
      <c r="A9104" s="3">
        <v>41841.356886574074</v>
      </c>
      <c r="B9104" s="2">
        <v>21.3</v>
      </c>
      <c r="C9104" s="2">
        <v>179</v>
      </c>
      <c r="D9104" s="2">
        <v>0.2</v>
      </c>
      <c r="E9104" s="2">
        <v>350.99999999998863</v>
      </c>
    </row>
    <row r="9105" spans="1:5" x14ac:dyDescent="0.25">
      <c r="A9105" s="3">
        <v>41841.357002314813</v>
      </c>
      <c r="B9105" s="2">
        <v>21.3</v>
      </c>
      <c r="C9105" s="2">
        <v>179.2</v>
      </c>
      <c r="D9105" s="2">
        <v>0</v>
      </c>
      <c r="E9105" s="2">
        <v>350.99999999998863</v>
      </c>
    </row>
    <row r="9106" spans="1:5" x14ac:dyDescent="0.25">
      <c r="A9106" s="3">
        <v>41841.357060185182</v>
      </c>
      <c r="B9106" s="2">
        <v>21.3</v>
      </c>
      <c r="C9106" s="2">
        <v>179.2</v>
      </c>
      <c r="D9106" s="2">
        <v>0.2</v>
      </c>
      <c r="E9106" s="2">
        <v>351.19999999998862</v>
      </c>
    </row>
    <row r="9107" spans="1:5" x14ac:dyDescent="0.25">
      <c r="A9107" s="3">
        <v>41841.357175925928</v>
      </c>
      <c r="B9107" s="2">
        <v>21.3</v>
      </c>
      <c r="C9107" s="2">
        <v>179.4</v>
      </c>
      <c r="D9107" s="2">
        <v>0</v>
      </c>
      <c r="E9107" s="2">
        <v>351.19999999998862</v>
      </c>
    </row>
    <row r="9108" spans="1:5" x14ac:dyDescent="0.25">
      <c r="A9108" s="3">
        <v>41841.357465277775</v>
      </c>
      <c r="B9108" s="2">
        <v>21.3</v>
      </c>
      <c r="C9108" s="2">
        <v>179.6</v>
      </c>
      <c r="D9108" s="2">
        <v>0.2</v>
      </c>
      <c r="E9108" s="2">
        <v>351.39999999998861</v>
      </c>
    </row>
    <row r="9109" spans="1:5" x14ac:dyDescent="0.25">
      <c r="A9109" s="3">
        <v>41841.357754629629</v>
      </c>
      <c r="B9109" s="2">
        <v>21.2</v>
      </c>
      <c r="C9109" s="2">
        <v>179.8</v>
      </c>
      <c r="D9109" s="2">
        <v>0</v>
      </c>
      <c r="E9109" s="2">
        <v>351.39999999998861</v>
      </c>
    </row>
    <row r="9110" spans="1:5" x14ac:dyDescent="0.25">
      <c r="A9110" s="3">
        <v>41841.357870370368</v>
      </c>
      <c r="B9110" s="2">
        <v>21.2</v>
      </c>
      <c r="C9110" s="2">
        <v>179.8</v>
      </c>
      <c r="D9110" s="2">
        <v>0.2</v>
      </c>
      <c r="E9110" s="2">
        <v>351.5999999999886</v>
      </c>
    </row>
    <row r="9111" spans="1:5" x14ac:dyDescent="0.25">
      <c r="A9111" s="3">
        <v>41841.358101851853</v>
      </c>
      <c r="B9111" s="2">
        <v>21.2</v>
      </c>
      <c r="C9111" s="2">
        <v>180</v>
      </c>
      <c r="D9111" s="2">
        <v>0</v>
      </c>
      <c r="E9111" s="2">
        <v>351.5999999999886</v>
      </c>
    </row>
    <row r="9112" spans="1:5" x14ac:dyDescent="0.25">
      <c r="A9112" s="3">
        <v>41841.358564814815</v>
      </c>
      <c r="B9112" s="2">
        <v>21.2</v>
      </c>
      <c r="C9112" s="2">
        <v>180</v>
      </c>
      <c r="D9112" s="2">
        <v>0.2</v>
      </c>
      <c r="E9112" s="2">
        <v>351.79999999998859</v>
      </c>
    </row>
    <row r="9113" spans="1:5" x14ac:dyDescent="0.25">
      <c r="A9113" s="3">
        <v>41841.358796296299</v>
      </c>
      <c r="B9113" s="2">
        <v>21.3</v>
      </c>
      <c r="C9113" s="2">
        <v>180.2</v>
      </c>
      <c r="D9113" s="2">
        <v>0</v>
      </c>
      <c r="E9113" s="2">
        <v>351.79999999998859</v>
      </c>
    </row>
    <row r="9114" spans="1:5" x14ac:dyDescent="0.25">
      <c r="A9114" s="3">
        <v>41841.359375</v>
      </c>
      <c r="B9114" s="2">
        <v>21.2</v>
      </c>
      <c r="C9114" s="2">
        <v>180.2</v>
      </c>
      <c r="D9114" s="2">
        <v>0.2</v>
      </c>
      <c r="E9114" s="2">
        <v>351.99999999998857</v>
      </c>
    </row>
    <row r="9115" spans="1:5" x14ac:dyDescent="0.25">
      <c r="A9115" s="3">
        <v>41841.359664351854</v>
      </c>
      <c r="B9115" s="2">
        <v>21.2</v>
      </c>
      <c r="C9115" s="2">
        <v>180.4</v>
      </c>
      <c r="D9115" s="2">
        <v>0</v>
      </c>
      <c r="E9115" s="2">
        <v>351.99999999998857</v>
      </c>
    </row>
    <row r="9116" spans="1:5" x14ac:dyDescent="0.25">
      <c r="A9116" s="3">
        <v>41841.360011574077</v>
      </c>
      <c r="B9116" s="2">
        <v>21.2</v>
      </c>
      <c r="C9116" s="2">
        <v>180.4</v>
      </c>
      <c r="D9116" s="2">
        <v>0.2</v>
      </c>
      <c r="E9116" s="2">
        <v>352.19999999998856</v>
      </c>
    </row>
    <row r="9117" spans="1:5" x14ac:dyDescent="0.25">
      <c r="A9117" s="3">
        <v>41841.360300925924</v>
      </c>
      <c r="B9117" s="2">
        <v>21.2</v>
      </c>
      <c r="C9117" s="2">
        <v>180.6</v>
      </c>
      <c r="D9117" s="2">
        <v>0</v>
      </c>
      <c r="E9117" s="2">
        <v>352.19999999998856</v>
      </c>
    </row>
    <row r="9118" spans="1:5" x14ac:dyDescent="0.25">
      <c r="A9118" s="3">
        <v>41841.360763888886</v>
      </c>
      <c r="B9118" s="2">
        <v>21.2</v>
      </c>
      <c r="C9118" s="2">
        <v>180.6</v>
      </c>
      <c r="D9118" s="2">
        <v>0.2</v>
      </c>
      <c r="E9118" s="2">
        <v>352.39999999998855</v>
      </c>
    </row>
    <row r="9119" spans="1:5" x14ac:dyDescent="0.25">
      <c r="A9119" s="3">
        <v>41841.361168981479</v>
      </c>
      <c r="B9119" s="2">
        <v>21.1</v>
      </c>
      <c r="C9119" s="2">
        <v>180.8</v>
      </c>
      <c r="D9119" s="2">
        <v>0</v>
      </c>
      <c r="E9119" s="2">
        <v>352.39999999998855</v>
      </c>
    </row>
    <row r="9120" spans="1:5" x14ac:dyDescent="0.25">
      <c r="A9120" s="3">
        <v>41841.362037037034</v>
      </c>
      <c r="B9120" s="2">
        <v>21.1</v>
      </c>
      <c r="C9120" s="2">
        <v>180.8</v>
      </c>
      <c r="D9120" s="2">
        <v>0.2</v>
      </c>
      <c r="E9120" s="2">
        <v>352.59999999998854</v>
      </c>
    </row>
    <row r="9121" spans="1:5" x14ac:dyDescent="0.25">
      <c r="A9121" s="3">
        <v>41841.362557870372</v>
      </c>
      <c r="B9121" s="2">
        <v>21.1</v>
      </c>
      <c r="C9121" s="2">
        <v>181</v>
      </c>
      <c r="D9121" s="2">
        <v>0</v>
      </c>
      <c r="E9121" s="2">
        <v>352.59999999998854</v>
      </c>
    </row>
    <row r="9122" spans="1:5" x14ac:dyDescent="0.25">
      <c r="A9122" s="3">
        <v>41841.363136574073</v>
      </c>
      <c r="B9122" s="2">
        <v>21.1</v>
      </c>
      <c r="C9122" s="2">
        <v>181</v>
      </c>
      <c r="D9122" s="2">
        <v>0.2</v>
      </c>
      <c r="E9122" s="2">
        <v>352.79999999998853</v>
      </c>
    </row>
    <row r="9123" spans="1:5" x14ac:dyDescent="0.25">
      <c r="A9123" s="3">
        <v>41841.364120370374</v>
      </c>
      <c r="B9123" s="2">
        <v>21.1</v>
      </c>
      <c r="C9123" s="2">
        <v>181.2</v>
      </c>
      <c r="D9123" s="2">
        <v>0</v>
      </c>
      <c r="E9123" s="2">
        <v>352.79999999998853</v>
      </c>
    </row>
    <row r="9124" spans="1:5" x14ac:dyDescent="0.25">
      <c r="A9124" s="3">
        <v>41841.368055555555</v>
      </c>
      <c r="B9124" s="2">
        <v>21.1</v>
      </c>
      <c r="C9124" s="2">
        <v>181.2</v>
      </c>
      <c r="D9124" s="2">
        <v>0.2</v>
      </c>
      <c r="E9124" s="2">
        <v>352.99999999998852</v>
      </c>
    </row>
    <row r="9125" spans="1:5" x14ac:dyDescent="0.25">
      <c r="A9125" s="3">
        <v>41841.373842592591</v>
      </c>
      <c r="B9125" s="2">
        <v>20.9</v>
      </c>
      <c r="C9125" s="2">
        <v>181.4</v>
      </c>
      <c r="D9125" s="2">
        <v>0</v>
      </c>
      <c r="E9125" s="2">
        <v>352.99999999998852</v>
      </c>
    </row>
    <row r="9126" spans="1:5" x14ac:dyDescent="0.25">
      <c r="A9126" s="3">
        <v>41841.376331018517</v>
      </c>
      <c r="B9126" s="2">
        <v>20.9</v>
      </c>
      <c r="C9126" s="2">
        <v>181.4</v>
      </c>
      <c r="D9126" s="2">
        <v>0.2</v>
      </c>
      <c r="E9126" s="2">
        <v>353.19999999998851</v>
      </c>
    </row>
    <row r="9127" spans="1:5" x14ac:dyDescent="0.25">
      <c r="A9127" s="3">
        <v>41841.378530092596</v>
      </c>
      <c r="B9127" s="2">
        <v>20.9</v>
      </c>
      <c r="C9127" s="2">
        <v>181.6</v>
      </c>
      <c r="D9127" s="2">
        <v>0</v>
      </c>
      <c r="E9127" s="2">
        <v>353.19999999998851</v>
      </c>
    </row>
    <row r="9128" spans="1:5" x14ac:dyDescent="0.25">
      <c r="A9128" s="3">
        <v>41841.379282407404</v>
      </c>
      <c r="B9128" s="2">
        <v>20.9</v>
      </c>
      <c r="C9128" s="2">
        <v>181.6</v>
      </c>
      <c r="D9128" s="2">
        <v>0.2</v>
      </c>
      <c r="E9128" s="2">
        <v>353.39999999998849</v>
      </c>
    </row>
    <row r="9129" spans="1:5" x14ac:dyDescent="0.25">
      <c r="A9129" s="3">
        <v>41841.380439814813</v>
      </c>
      <c r="B9129" s="2">
        <v>20.9</v>
      </c>
      <c r="C9129" s="2">
        <v>181.8</v>
      </c>
      <c r="D9129" s="2">
        <v>0</v>
      </c>
      <c r="E9129" s="2">
        <v>353.39999999998849</v>
      </c>
    </row>
    <row r="9130" spans="1:5" x14ac:dyDescent="0.25">
      <c r="A9130" s="3">
        <v>41841.380729166667</v>
      </c>
      <c r="B9130" s="2">
        <v>20.9</v>
      </c>
      <c r="C9130" s="2">
        <v>181.8</v>
      </c>
      <c r="D9130" s="2">
        <v>0.2</v>
      </c>
      <c r="E9130" s="2">
        <v>353.59999999998848</v>
      </c>
    </row>
    <row r="9131" spans="1:5" x14ac:dyDescent="0.25">
      <c r="A9131" s="3">
        <v>41841.383275462962</v>
      </c>
      <c r="B9131" s="2">
        <v>20.8</v>
      </c>
      <c r="C9131" s="2">
        <v>182</v>
      </c>
      <c r="D9131" s="2">
        <v>0</v>
      </c>
      <c r="E9131" s="2">
        <v>353.59999999998848</v>
      </c>
    </row>
    <row r="9132" spans="1:5" x14ac:dyDescent="0.25">
      <c r="A9132" s="3">
        <v>41841.384548611109</v>
      </c>
      <c r="B9132" s="2">
        <v>20.8</v>
      </c>
      <c r="C9132" s="2">
        <v>182</v>
      </c>
      <c r="D9132" s="2">
        <v>0.2</v>
      </c>
      <c r="E9132" s="2">
        <v>353.79999999998847</v>
      </c>
    </row>
    <row r="9133" spans="1:5" x14ac:dyDescent="0.25">
      <c r="A9133" s="3">
        <v>41841.394212962965</v>
      </c>
      <c r="B9133" s="2">
        <v>20.8</v>
      </c>
      <c r="C9133" s="2">
        <v>182.2</v>
      </c>
      <c r="D9133" s="2">
        <v>0</v>
      </c>
      <c r="E9133" s="2">
        <v>353.79999999998847</v>
      </c>
    </row>
    <row r="9134" spans="1:5" x14ac:dyDescent="0.25">
      <c r="A9134" s="3">
        <v>41841.395949074074</v>
      </c>
      <c r="B9134" s="2">
        <v>20.8</v>
      </c>
      <c r="C9134" s="2">
        <v>182.2</v>
      </c>
      <c r="D9134" s="2">
        <v>0.2</v>
      </c>
      <c r="E9134" s="2">
        <v>353.99999999998846</v>
      </c>
    </row>
    <row r="9135" spans="1:5" x14ac:dyDescent="0.25">
      <c r="A9135" s="3">
        <v>41841.404803240737</v>
      </c>
      <c r="B9135" s="2">
        <v>20.8</v>
      </c>
      <c r="C9135" s="2">
        <v>182.2</v>
      </c>
      <c r="D9135" s="2">
        <v>0.2</v>
      </c>
      <c r="E9135" s="2">
        <v>354.19999999998845</v>
      </c>
    </row>
    <row r="9136" spans="1:5" x14ac:dyDescent="0.25">
      <c r="A9136" s="3">
        <v>41841.404918981483</v>
      </c>
      <c r="B9136" s="2">
        <v>20.8</v>
      </c>
      <c r="C9136" s="2">
        <v>182.4</v>
      </c>
      <c r="D9136" s="2">
        <v>0</v>
      </c>
      <c r="E9136" s="2">
        <v>354.19999999998845</v>
      </c>
    </row>
    <row r="9137" spans="1:5" x14ac:dyDescent="0.25">
      <c r="A9137" s="3">
        <v>41841.41678240741</v>
      </c>
      <c r="B9137" s="2">
        <v>20.7</v>
      </c>
      <c r="C9137" s="2">
        <v>182.4</v>
      </c>
      <c r="D9137" s="2">
        <v>0.2</v>
      </c>
      <c r="E9137" s="2">
        <v>354.39999999998844</v>
      </c>
    </row>
    <row r="9138" spans="1:5" x14ac:dyDescent="0.25">
      <c r="A9138" s="3">
        <v>41841.417534722219</v>
      </c>
      <c r="B9138" s="2">
        <v>20.7</v>
      </c>
      <c r="C9138" s="2">
        <v>182.6</v>
      </c>
      <c r="D9138" s="2">
        <v>0</v>
      </c>
      <c r="E9138" s="2">
        <v>354.39999999998844</v>
      </c>
    </row>
    <row r="9139" spans="1:5" x14ac:dyDescent="0.25">
      <c r="A9139" s="3">
        <v>41841.425347222219</v>
      </c>
      <c r="B9139" s="2">
        <v>20.7</v>
      </c>
      <c r="C9139" s="2">
        <v>182.6</v>
      </c>
      <c r="D9139" s="2">
        <v>0.2</v>
      </c>
      <c r="E9139" s="2">
        <v>354.59999999998843</v>
      </c>
    </row>
    <row r="9140" spans="1:5" x14ac:dyDescent="0.25">
      <c r="A9140" s="3">
        <v>41841.425462962965</v>
      </c>
      <c r="B9140" s="2">
        <v>20.7</v>
      </c>
      <c r="C9140" s="2">
        <v>182.8</v>
      </c>
      <c r="D9140" s="2">
        <v>0</v>
      </c>
      <c r="E9140" s="2">
        <v>354.59999999998843</v>
      </c>
    </row>
    <row r="9141" spans="1:5" x14ac:dyDescent="0.25">
      <c r="A9141" s="3">
        <v>41841.434027777781</v>
      </c>
      <c r="B9141" s="2">
        <v>20.6</v>
      </c>
      <c r="C9141" s="2">
        <v>182.8</v>
      </c>
      <c r="D9141" s="2">
        <v>0.2</v>
      </c>
      <c r="E9141" s="2">
        <v>354.79999999998842</v>
      </c>
    </row>
    <row r="9142" spans="1:5" x14ac:dyDescent="0.25">
      <c r="A9142" s="3">
        <v>41841.434606481482</v>
      </c>
      <c r="B9142" s="2">
        <v>20.6</v>
      </c>
      <c r="C9142" s="2">
        <v>183</v>
      </c>
      <c r="D9142" s="2">
        <v>0</v>
      </c>
      <c r="E9142" s="2">
        <v>354.79999999998842</v>
      </c>
    </row>
    <row r="9143" spans="1:5" x14ac:dyDescent="0.25">
      <c r="A9143" s="3">
        <v>41841.4375</v>
      </c>
      <c r="B9143" s="2">
        <v>20.6</v>
      </c>
      <c r="C9143" s="2">
        <v>183</v>
      </c>
      <c r="D9143" s="2">
        <v>0.2</v>
      </c>
      <c r="E9143" s="2">
        <v>354.9999999999884</v>
      </c>
    </row>
    <row r="9144" spans="1:5" x14ac:dyDescent="0.25">
      <c r="A9144" s="3">
        <v>41841.439351851855</v>
      </c>
      <c r="B9144" s="2">
        <v>20.6</v>
      </c>
      <c r="C9144" s="2">
        <v>183.2</v>
      </c>
      <c r="D9144" s="2">
        <v>0</v>
      </c>
      <c r="E9144" s="2">
        <v>354.9999999999884</v>
      </c>
    </row>
    <row r="9145" spans="1:5" x14ac:dyDescent="0.25">
      <c r="A9145" s="3">
        <v>41841.448321759257</v>
      </c>
      <c r="B9145" s="2">
        <v>20.7</v>
      </c>
      <c r="C9145" s="2">
        <v>183.2</v>
      </c>
      <c r="D9145" s="2">
        <v>0.2</v>
      </c>
      <c r="E9145" s="2">
        <v>355.19999999998839</v>
      </c>
    </row>
    <row r="9146" spans="1:5" x14ac:dyDescent="0.25">
      <c r="A9146" s="3">
        <v>41841.450462962966</v>
      </c>
      <c r="B9146" s="2">
        <v>20.6</v>
      </c>
      <c r="C9146" s="2">
        <v>183.4</v>
      </c>
      <c r="D9146" s="2">
        <v>0</v>
      </c>
      <c r="E9146" s="2">
        <v>355.19999999998839</v>
      </c>
    </row>
    <row r="9147" spans="1:5" x14ac:dyDescent="0.25">
      <c r="A9147" s="3">
        <v>41841.45648148148</v>
      </c>
      <c r="B9147" s="2">
        <v>20.7</v>
      </c>
      <c r="C9147" s="2">
        <v>183.4</v>
      </c>
      <c r="D9147" s="2">
        <v>0.2</v>
      </c>
      <c r="E9147" s="2">
        <v>355.39999999998838</v>
      </c>
    </row>
    <row r="9148" spans="1:5" x14ac:dyDescent="0.25">
      <c r="A9148" s="3">
        <v>41841.458391203705</v>
      </c>
      <c r="B9148" s="2">
        <v>20.7</v>
      </c>
      <c r="C9148" s="2">
        <v>183.6</v>
      </c>
      <c r="D9148" s="2">
        <v>0</v>
      </c>
      <c r="E9148" s="2">
        <v>355.39999999998838</v>
      </c>
    </row>
    <row r="9149" spans="1:5" x14ac:dyDescent="0.25">
      <c r="A9149" s="3">
        <v>41841.461574074077</v>
      </c>
      <c r="B9149" s="2">
        <v>20.7</v>
      </c>
      <c r="C9149" s="2">
        <v>183.6</v>
      </c>
      <c r="D9149" s="2">
        <v>0.2</v>
      </c>
      <c r="E9149" s="2">
        <v>355.59999999998837</v>
      </c>
    </row>
    <row r="9150" spans="1:5" x14ac:dyDescent="0.25">
      <c r="A9150" s="3">
        <v>41841.464756944442</v>
      </c>
      <c r="B9150" s="2">
        <v>20.7</v>
      </c>
      <c r="C9150" s="2">
        <v>183.8</v>
      </c>
      <c r="D9150" s="2">
        <v>0</v>
      </c>
      <c r="E9150" s="2">
        <v>355.59999999998837</v>
      </c>
    </row>
    <row r="9151" spans="1:5" x14ac:dyDescent="0.25">
      <c r="A9151" s="3">
        <v>41841.528414351851</v>
      </c>
      <c r="B9151" s="2">
        <v>21.2</v>
      </c>
      <c r="C9151" s="2">
        <v>184</v>
      </c>
      <c r="D9151" s="2">
        <v>0</v>
      </c>
      <c r="E9151" s="2">
        <v>355.59999999998837</v>
      </c>
    </row>
    <row r="9152" spans="1:5" x14ac:dyDescent="0.25">
      <c r="A9152" s="3">
        <v>41841.528703703705</v>
      </c>
      <c r="B9152" s="2">
        <v>21.2</v>
      </c>
      <c r="C9152" s="2">
        <v>183.8</v>
      </c>
      <c r="D9152" s="2">
        <v>0</v>
      </c>
      <c r="E9152" s="2">
        <v>355.59999999998837</v>
      </c>
    </row>
    <row r="9153" spans="1:5" x14ac:dyDescent="0.25">
      <c r="A9153" s="3">
        <v>41841.529745370368</v>
      </c>
      <c r="B9153" s="2">
        <v>21.2</v>
      </c>
      <c r="C9153" s="2">
        <v>184</v>
      </c>
      <c r="D9153" s="2">
        <v>0</v>
      </c>
      <c r="E9153" s="2">
        <v>355.59999999998837</v>
      </c>
    </row>
    <row r="9154" spans="1:5" x14ac:dyDescent="0.25">
      <c r="A9154" s="3">
        <v>41841.530555555553</v>
      </c>
      <c r="B9154" s="2">
        <v>21.3</v>
      </c>
      <c r="C9154" s="2">
        <v>183.8</v>
      </c>
      <c r="D9154" s="2">
        <v>0</v>
      </c>
      <c r="E9154" s="2">
        <v>355.59999999998837</v>
      </c>
    </row>
    <row r="9155" spans="1:5" x14ac:dyDescent="0.25">
      <c r="A9155" s="3">
        <v>41841.530787037038</v>
      </c>
      <c r="B9155" s="2">
        <v>21.3</v>
      </c>
      <c r="C9155" s="2">
        <v>184</v>
      </c>
      <c r="D9155" s="2">
        <v>0</v>
      </c>
      <c r="E9155" s="2">
        <v>355.59999999998837</v>
      </c>
    </row>
    <row r="9156" spans="1:5" x14ac:dyDescent="0.25">
      <c r="A9156" s="3">
        <v>41841.532060185185</v>
      </c>
      <c r="B9156" s="2">
        <v>21.3</v>
      </c>
      <c r="C9156" s="2">
        <v>183.8</v>
      </c>
      <c r="D9156" s="2">
        <v>0</v>
      </c>
      <c r="E9156" s="2">
        <v>355.59999999998837</v>
      </c>
    </row>
    <row r="9157" spans="1:5" x14ac:dyDescent="0.25">
      <c r="A9157" s="3">
        <v>41841.546990740739</v>
      </c>
      <c r="B9157" s="2">
        <v>21.3</v>
      </c>
      <c r="C9157" s="2">
        <v>184</v>
      </c>
      <c r="D9157" s="2">
        <v>0</v>
      </c>
      <c r="E9157" s="2">
        <v>355.59999999998837</v>
      </c>
    </row>
    <row r="9158" spans="1:5" x14ac:dyDescent="0.25">
      <c r="A9158" s="3">
        <v>41841.54855324074</v>
      </c>
      <c r="B9158" s="2">
        <v>21.3</v>
      </c>
      <c r="C9158" s="2">
        <v>183.8</v>
      </c>
      <c r="D9158" s="2">
        <v>0</v>
      </c>
      <c r="E9158" s="2">
        <v>355.59999999998837</v>
      </c>
    </row>
    <row r="9159" spans="1:5" x14ac:dyDescent="0.25">
      <c r="A9159" s="3">
        <v>41841.583275462966</v>
      </c>
      <c r="B9159" s="2">
        <v>21.8</v>
      </c>
      <c r="C9159" s="2">
        <v>184</v>
      </c>
      <c r="D9159" s="2">
        <v>0</v>
      </c>
      <c r="E9159" s="2">
        <v>355.59999999998837</v>
      </c>
    </row>
    <row r="9160" spans="1:5" x14ac:dyDescent="0.25">
      <c r="A9160" s="3">
        <v>41841.583680555559</v>
      </c>
      <c r="B9160" s="2">
        <v>21.8</v>
      </c>
      <c r="C9160" s="2">
        <v>183.8</v>
      </c>
      <c r="D9160" s="2">
        <v>0</v>
      </c>
      <c r="E9160" s="2">
        <v>355.59999999998837</v>
      </c>
    </row>
    <row r="9161" spans="1:5" x14ac:dyDescent="0.25">
      <c r="A9161" s="3">
        <v>41841.584722222222</v>
      </c>
      <c r="B9161" s="2">
        <v>21.8</v>
      </c>
      <c r="C9161" s="2">
        <v>184</v>
      </c>
      <c r="D9161" s="2">
        <v>0</v>
      </c>
      <c r="E9161" s="2">
        <v>355.59999999998837</v>
      </c>
    </row>
    <row r="9162" spans="1:5" x14ac:dyDescent="0.25">
      <c r="A9162" s="3">
        <v>41841.58489583333</v>
      </c>
      <c r="B9162" s="2">
        <v>21.8</v>
      </c>
      <c r="C9162" s="2">
        <v>183.8</v>
      </c>
      <c r="D9162" s="2">
        <v>0</v>
      </c>
      <c r="E9162" s="2">
        <v>355.59999999998837</v>
      </c>
    </row>
    <row r="9163" spans="1:5" x14ac:dyDescent="0.25">
      <c r="A9163" s="3">
        <v>41841.672858796293</v>
      </c>
      <c r="B9163" s="2">
        <v>23.3</v>
      </c>
      <c r="C9163" s="2">
        <v>184</v>
      </c>
      <c r="D9163" s="2">
        <v>0</v>
      </c>
      <c r="E9163" s="2">
        <v>355.59999999998837</v>
      </c>
    </row>
    <row r="9164" spans="1:5" x14ac:dyDescent="0.25">
      <c r="A9164" s="3">
        <v>41841.673437500001</v>
      </c>
      <c r="B9164" s="2">
        <v>23.3</v>
      </c>
      <c r="C9164" s="2">
        <v>183.8</v>
      </c>
      <c r="D9164" s="2">
        <v>0</v>
      </c>
      <c r="E9164" s="2">
        <v>355.59999999998837</v>
      </c>
    </row>
    <row r="9165" spans="1:5" x14ac:dyDescent="0.25">
      <c r="A9165" s="3">
        <v>41841.675115740742</v>
      </c>
      <c r="B9165" s="2">
        <v>23.4</v>
      </c>
      <c r="C9165" s="2">
        <v>184</v>
      </c>
      <c r="D9165" s="2">
        <v>0</v>
      </c>
      <c r="E9165" s="2">
        <v>355.59999999998837</v>
      </c>
    </row>
    <row r="9166" spans="1:5" x14ac:dyDescent="0.25">
      <c r="A9166" s="3">
        <v>41841.675347222219</v>
      </c>
      <c r="B9166" s="2">
        <v>23.4</v>
      </c>
      <c r="C9166" s="2">
        <v>183.8</v>
      </c>
      <c r="D9166" s="2">
        <v>0</v>
      </c>
      <c r="E9166" s="2">
        <v>355.59999999998837</v>
      </c>
    </row>
    <row r="9167" spans="1:5" x14ac:dyDescent="0.25">
      <c r="A9167" s="3">
        <v>41841.675925925927</v>
      </c>
      <c r="B9167" s="2">
        <v>23.4</v>
      </c>
      <c r="C9167" s="2">
        <v>184</v>
      </c>
      <c r="D9167" s="2">
        <v>0</v>
      </c>
      <c r="E9167" s="2">
        <v>355.59999999998837</v>
      </c>
    </row>
    <row r="9168" spans="1:5" x14ac:dyDescent="0.25">
      <c r="A9168" s="3">
        <v>41841.676562499997</v>
      </c>
      <c r="B9168" s="2">
        <v>23.4</v>
      </c>
      <c r="C9168" s="2">
        <v>183.8</v>
      </c>
      <c r="D9168" s="2">
        <v>0</v>
      </c>
      <c r="E9168" s="2">
        <v>355.59999999998837</v>
      </c>
    </row>
    <row r="9169" spans="1:5" x14ac:dyDescent="0.25">
      <c r="A9169" s="3">
        <v>41841.677314814813</v>
      </c>
      <c r="B9169" s="2">
        <v>23.4</v>
      </c>
      <c r="C9169" s="2">
        <v>184</v>
      </c>
      <c r="D9169" s="2">
        <v>0</v>
      </c>
      <c r="E9169" s="2">
        <v>355.59999999998837</v>
      </c>
    </row>
    <row r="9170" spans="1:5" x14ac:dyDescent="0.25">
      <c r="A9170" s="3">
        <v>41841.677893518521</v>
      </c>
      <c r="B9170" s="2">
        <v>23.4</v>
      </c>
      <c r="C9170" s="2">
        <v>183.8</v>
      </c>
      <c r="D9170" s="2">
        <v>0</v>
      </c>
      <c r="E9170" s="2">
        <v>355.59999999998837</v>
      </c>
    </row>
    <row r="9171" spans="1:5" x14ac:dyDescent="0.25">
      <c r="A9171" s="3">
        <v>41841.679803240739</v>
      </c>
      <c r="B9171" s="2">
        <v>23.5</v>
      </c>
      <c r="C9171" s="2">
        <v>184</v>
      </c>
      <c r="D9171" s="2">
        <v>0</v>
      </c>
      <c r="E9171" s="2">
        <v>355.59999999998837</v>
      </c>
    </row>
    <row r="9172" spans="1:5" x14ac:dyDescent="0.25">
      <c r="A9172" s="3">
        <v>41841.680671296293</v>
      </c>
      <c r="B9172" s="2">
        <v>23.5</v>
      </c>
      <c r="C9172" s="2">
        <v>183.8</v>
      </c>
      <c r="D9172" s="2">
        <v>0</v>
      </c>
      <c r="E9172" s="2">
        <v>355.59999999998837</v>
      </c>
    </row>
    <row r="9173" spans="1:5" x14ac:dyDescent="0.25">
      <c r="A9173" s="3">
        <v>41841.682233796295</v>
      </c>
      <c r="B9173" s="2">
        <v>23.5</v>
      </c>
      <c r="C9173" s="2">
        <v>184</v>
      </c>
      <c r="D9173" s="2">
        <v>0</v>
      </c>
      <c r="E9173" s="2">
        <v>355.59999999998837</v>
      </c>
    </row>
    <row r="9174" spans="1:5" x14ac:dyDescent="0.25">
      <c r="A9174" s="3">
        <v>41841.682812500003</v>
      </c>
      <c r="B9174" s="2">
        <v>23.5</v>
      </c>
      <c r="C9174" s="2">
        <v>183.8</v>
      </c>
      <c r="D9174" s="2">
        <v>0</v>
      </c>
      <c r="E9174" s="2">
        <v>355.59999999998837</v>
      </c>
    </row>
    <row r="9175" spans="1:5" x14ac:dyDescent="0.25">
      <c r="A9175" s="3">
        <v>41841.685590277775</v>
      </c>
      <c r="B9175" s="2">
        <v>23.5</v>
      </c>
      <c r="C9175" s="2">
        <v>184</v>
      </c>
      <c r="D9175" s="2">
        <v>0</v>
      </c>
      <c r="E9175" s="2">
        <v>355.59999999998837</v>
      </c>
    </row>
    <row r="9176" spans="1:5" x14ac:dyDescent="0.25">
      <c r="A9176" s="3">
        <v>41841.686111111114</v>
      </c>
      <c r="B9176" s="2">
        <v>23.5</v>
      </c>
      <c r="C9176" s="2">
        <v>183.8</v>
      </c>
      <c r="D9176" s="2">
        <v>0</v>
      </c>
      <c r="E9176" s="2">
        <v>355.59999999998837</v>
      </c>
    </row>
    <row r="9177" spans="1:5" x14ac:dyDescent="0.25">
      <c r="A9177" s="3">
        <v>41841.686747685184</v>
      </c>
      <c r="B9177" s="2">
        <v>23.5</v>
      </c>
      <c r="C9177" s="2">
        <v>184</v>
      </c>
      <c r="D9177" s="2">
        <v>0</v>
      </c>
      <c r="E9177" s="2">
        <v>355.59999999998837</v>
      </c>
    </row>
    <row r="9178" spans="1:5" x14ac:dyDescent="0.25">
      <c r="A9178" s="3">
        <v>41841.699652777781</v>
      </c>
      <c r="B9178" s="2">
        <v>23.4</v>
      </c>
      <c r="C9178" s="2">
        <v>184</v>
      </c>
      <c r="D9178" s="2">
        <v>0.2</v>
      </c>
      <c r="E9178" s="2">
        <v>355.79999999998836</v>
      </c>
    </row>
    <row r="9179" spans="1:5" x14ac:dyDescent="0.25">
      <c r="A9179" s="3">
        <v>41841.701157407406</v>
      </c>
      <c r="B9179" s="2">
        <v>23.4</v>
      </c>
      <c r="C9179" s="2">
        <v>184</v>
      </c>
      <c r="D9179" s="2">
        <v>0.2</v>
      </c>
      <c r="E9179" s="2">
        <v>355.99999999998835</v>
      </c>
    </row>
    <row r="9180" spans="1:5" x14ac:dyDescent="0.25">
      <c r="A9180" s="3">
        <v>41841.701273148145</v>
      </c>
      <c r="B9180" s="2">
        <v>23.4</v>
      </c>
      <c r="C9180" s="2">
        <v>184.2</v>
      </c>
      <c r="D9180" s="2">
        <v>0</v>
      </c>
      <c r="E9180" s="2">
        <v>355.99999999998835</v>
      </c>
    </row>
    <row r="9181" spans="1:5" x14ac:dyDescent="0.25">
      <c r="A9181" s="3">
        <v>41841.704398148147</v>
      </c>
      <c r="B9181" s="2">
        <v>23.4</v>
      </c>
      <c r="C9181" s="2">
        <v>184.4</v>
      </c>
      <c r="D9181" s="2">
        <v>0.2</v>
      </c>
      <c r="E9181" s="2">
        <v>356.19999999998834</v>
      </c>
    </row>
    <row r="9182" spans="1:5" x14ac:dyDescent="0.25">
      <c r="A9182" s="3">
        <v>41841.705092592594</v>
      </c>
      <c r="B9182" s="2">
        <v>23.3</v>
      </c>
      <c r="C9182" s="2">
        <v>184.4</v>
      </c>
      <c r="D9182" s="2">
        <v>0.2</v>
      </c>
      <c r="E9182" s="2">
        <v>356.39999999998832</v>
      </c>
    </row>
    <row r="9183" spans="1:5" x14ac:dyDescent="0.25">
      <c r="A9183" s="3">
        <v>41841.705324074072</v>
      </c>
      <c r="B9183" s="2">
        <v>23.3</v>
      </c>
      <c r="C9183" s="2">
        <v>184.6</v>
      </c>
      <c r="D9183" s="2">
        <v>0</v>
      </c>
      <c r="E9183" s="2">
        <v>356.39999999998832</v>
      </c>
    </row>
    <row r="9184" spans="1:5" x14ac:dyDescent="0.25">
      <c r="A9184" s="3">
        <v>41841.705729166664</v>
      </c>
      <c r="B9184" s="2">
        <v>23.3</v>
      </c>
      <c r="C9184" s="2">
        <v>184.6</v>
      </c>
      <c r="D9184" s="2">
        <v>0.2</v>
      </c>
      <c r="E9184" s="2">
        <v>356.59999999998831</v>
      </c>
    </row>
    <row r="9185" spans="1:5" x14ac:dyDescent="0.25">
      <c r="A9185" s="3">
        <v>41841.705960648149</v>
      </c>
      <c r="B9185" s="2">
        <v>23.3</v>
      </c>
      <c r="C9185" s="2">
        <v>184.8</v>
      </c>
      <c r="D9185" s="2">
        <v>0</v>
      </c>
      <c r="E9185" s="2">
        <v>356.59999999998831</v>
      </c>
    </row>
    <row r="9186" spans="1:5" x14ac:dyDescent="0.25">
      <c r="A9186" s="3">
        <v>41841.706712962965</v>
      </c>
      <c r="B9186" s="2">
        <v>23.3</v>
      </c>
      <c r="C9186" s="2">
        <v>184.8</v>
      </c>
      <c r="D9186" s="2">
        <v>0.2</v>
      </c>
      <c r="E9186" s="2">
        <v>356.7999999999883</v>
      </c>
    </row>
    <row r="9187" spans="1:5" x14ac:dyDescent="0.25">
      <c r="A9187" s="3">
        <v>41841.706770833334</v>
      </c>
      <c r="B9187" s="2">
        <v>23.3</v>
      </c>
      <c r="C9187" s="2">
        <v>185</v>
      </c>
      <c r="D9187" s="2">
        <v>0</v>
      </c>
      <c r="E9187" s="2">
        <v>356.7999999999883</v>
      </c>
    </row>
    <row r="9188" spans="1:5" x14ac:dyDescent="0.25">
      <c r="A9188" s="3">
        <v>41841.70758101852</v>
      </c>
      <c r="B9188" s="2">
        <v>23.2</v>
      </c>
      <c r="C9188" s="2">
        <v>185.2</v>
      </c>
      <c r="D9188" s="2">
        <v>0.2</v>
      </c>
      <c r="E9188" s="2">
        <v>356.99999999998829</v>
      </c>
    </row>
    <row r="9189" spans="1:5" x14ac:dyDescent="0.25">
      <c r="A9189" s="3">
        <v>41841.708506944444</v>
      </c>
      <c r="B9189" s="2">
        <v>23.2</v>
      </c>
      <c r="C9189" s="2">
        <v>185.4</v>
      </c>
      <c r="D9189" s="2">
        <v>0</v>
      </c>
      <c r="E9189" s="2">
        <v>356.99999999998829</v>
      </c>
    </row>
    <row r="9190" spans="1:5" x14ac:dyDescent="0.25">
      <c r="A9190" s="3">
        <v>41841.708796296298</v>
      </c>
      <c r="B9190" s="2">
        <v>23.1</v>
      </c>
      <c r="C9190" s="2">
        <v>185.4</v>
      </c>
      <c r="D9190" s="2">
        <v>0.2</v>
      </c>
      <c r="E9190" s="2">
        <v>357.19999999998828</v>
      </c>
    </row>
    <row r="9191" spans="1:5" x14ac:dyDescent="0.25">
      <c r="A9191" s="3">
        <v>41841.70989583333</v>
      </c>
      <c r="B9191" s="2">
        <v>23.1</v>
      </c>
      <c r="C9191" s="2">
        <v>185.6</v>
      </c>
      <c r="D9191" s="2">
        <v>0</v>
      </c>
      <c r="E9191" s="2">
        <v>357.19999999998828</v>
      </c>
    </row>
    <row r="9192" spans="1:5" x14ac:dyDescent="0.25">
      <c r="A9192" s="3">
        <v>41841.710127314815</v>
      </c>
      <c r="B9192" s="2">
        <v>23.1</v>
      </c>
      <c r="C9192" s="2">
        <v>185.6</v>
      </c>
      <c r="D9192" s="2">
        <v>0.2</v>
      </c>
      <c r="E9192" s="2">
        <v>357.39999999998827</v>
      </c>
    </row>
    <row r="9193" spans="1:5" x14ac:dyDescent="0.25">
      <c r="A9193" s="3">
        <v>41841.710532407407</v>
      </c>
      <c r="B9193" s="2">
        <v>23.1</v>
      </c>
      <c r="C9193" s="2">
        <v>185.6</v>
      </c>
      <c r="D9193" s="2">
        <v>0.2</v>
      </c>
      <c r="E9193" s="2">
        <v>357.59999999998826</v>
      </c>
    </row>
    <row r="9194" spans="1:5" x14ac:dyDescent="0.25">
      <c r="A9194" s="3">
        <v>41841.710648148146</v>
      </c>
      <c r="B9194" s="2">
        <v>23.1</v>
      </c>
      <c r="C9194" s="2">
        <v>185.8</v>
      </c>
      <c r="D9194" s="2">
        <v>0</v>
      </c>
      <c r="E9194" s="2">
        <v>357.59999999998826</v>
      </c>
    </row>
    <row r="9195" spans="1:5" x14ac:dyDescent="0.25">
      <c r="A9195" s="3">
        <v>41841.7109375</v>
      </c>
      <c r="B9195" s="2">
        <v>23.1</v>
      </c>
      <c r="C9195" s="2">
        <v>185.8</v>
      </c>
      <c r="D9195" s="2">
        <v>0.2</v>
      </c>
      <c r="E9195" s="2">
        <v>357.79999999998824</v>
      </c>
    </row>
    <row r="9196" spans="1:5" x14ac:dyDescent="0.25">
      <c r="A9196" s="3">
        <v>41841.711053240739</v>
      </c>
      <c r="B9196" s="2">
        <v>23</v>
      </c>
      <c r="C9196" s="2">
        <v>186</v>
      </c>
      <c r="D9196" s="2">
        <v>0</v>
      </c>
      <c r="E9196" s="2">
        <v>357.79999999998824</v>
      </c>
    </row>
    <row r="9197" spans="1:5" x14ac:dyDescent="0.25">
      <c r="A9197" s="3">
        <v>41841.711284722223</v>
      </c>
      <c r="B9197" s="2">
        <v>23</v>
      </c>
      <c r="C9197" s="2">
        <v>186</v>
      </c>
      <c r="D9197" s="2">
        <v>0.2</v>
      </c>
      <c r="E9197" s="2">
        <v>357.99999999998823</v>
      </c>
    </row>
    <row r="9198" spans="1:5" x14ac:dyDescent="0.25">
      <c r="A9198" s="3">
        <v>41841.711458333331</v>
      </c>
      <c r="B9198" s="2">
        <v>23</v>
      </c>
      <c r="C9198" s="2">
        <v>186.2</v>
      </c>
      <c r="D9198" s="2">
        <v>0</v>
      </c>
      <c r="E9198" s="2">
        <v>357.99999999998823</v>
      </c>
    </row>
    <row r="9199" spans="1:5" x14ac:dyDescent="0.25">
      <c r="A9199" s="3">
        <v>41841.711805555555</v>
      </c>
      <c r="B9199" s="2">
        <v>23</v>
      </c>
      <c r="C9199" s="2">
        <v>186.2</v>
      </c>
      <c r="D9199" s="2">
        <v>0.2</v>
      </c>
      <c r="E9199" s="2">
        <v>358.19999999998822</v>
      </c>
    </row>
    <row r="9200" spans="1:5" x14ac:dyDescent="0.25">
      <c r="A9200" s="3">
        <v>41841.711863425924</v>
      </c>
      <c r="B9200" s="2">
        <v>23</v>
      </c>
      <c r="C9200" s="2">
        <v>186.4</v>
      </c>
      <c r="D9200" s="2">
        <v>0</v>
      </c>
      <c r="E9200" s="2">
        <v>358.19999999998822</v>
      </c>
    </row>
    <row r="9201" spans="1:5" x14ac:dyDescent="0.25">
      <c r="A9201" s="3">
        <v>41841.712268518517</v>
      </c>
      <c r="B9201" s="2">
        <v>23</v>
      </c>
      <c r="C9201" s="2">
        <v>186.4</v>
      </c>
      <c r="D9201" s="2">
        <v>0.2</v>
      </c>
      <c r="E9201" s="2">
        <v>358.39999999998821</v>
      </c>
    </row>
    <row r="9202" spans="1:5" x14ac:dyDescent="0.25">
      <c r="A9202" s="3">
        <v>41841.712384259263</v>
      </c>
      <c r="B9202" s="2">
        <v>23</v>
      </c>
      <c r="C9202" s="2">
        <v>186.6</v>
      </c>
      <c r="D9202" s="2">
        <v>0</v>
      </c>
      <c r="E9202" s="2">
        <v>358.39999999998821</v>
      </c>
    </row>
    <row r="9203" spans="1:5" x14ac:dyDescent="0.25">
      <c r="A9203" s="3">
        <v>41841.712789351855</v>
      </c>
      <c r="B9203" s="2">
        <v>23</v>
      </c>
      <c r="C9203" s="2">
        <v>186.6</v>
      </c>
      <c r="D9203" s="2">
        <v>0.2</v>
      </c>
      <c r="E9203" s="2">
        <v>358.5999999999882</v>
      </c>
    </row>
    <row r="9204" spans="1:5" x14ac:dyDescent="0.25">
      <c r="A9204" s="3">
        <v>41841.712905092594</v>
      </c>
      <c r="B9204" s="2">
        <v>23</v>
      </c>
      <c r="C9204" s="2">
        <v>186.8</v>
      </c>
      <c r="D9204" s="2">
        <v>0</v>
      </c>
      <c r="E9204" s="2">
        <v>358.5999999999882</v>
      </c>
    </row>
    <row r="9205" spans="1:5" x14ac:dyDescent="0.25">
      <c r="A9205" s="3">
        <v>41841.713541666664</v>
      </c>
      <c r="B9205" s="2">
        <v>23</v>
      </c>
      <c r="C9205" s="2">
        <v>187</v>
      </c>
      <c r="D9205" s="2">
        <v>0</v>
      </c>
      <c r="E9205" s="2">
        <v>358.5999999999882</v>
      </c>
    </row>
    <row r="9206" spans="1:5" x14ac:dyDescent="0.25">
      <c r="A9206" s="3">
        <v>41841.71365740741</v>
      </c>
      <c r="B9206" s="2">
        <v>23</v>
      </c>
      <c r="C9206" s="2">
        <v>187</v>
      </c>
      <c r="D9206" s="2">
        <v>0.2</v>
      </c>
      <c r="E9206" s="2">
        <v>358.79999999998819</v>
      </c>
    </row>
    <row r="9207" spans="1:5" x14ac:dyDescent="0.25">
      <c r="A9207" s="3">
        <v>41841.714699074073</v>
      </c>
      <c r="B9207" s="2">
        <v>22.9</v>
      </c>
      <c r="C9207" s="2">
        <v>187.2</v>
      </c>
      <c r="D9207" s="2">
        <v>0</v>
      </c>
      <c r="E9207" s="2">
        <v>358.79999999998819</v>
      </c>
    </row>
    <row r="9208" spans="1:5" x14ac:dyDescent="0.25">
      <c r="A9208" s="3">
        <v>41841.714872685188</v>
      </c>
      <c r="B9208" s="2">
        <v>23</v>
      </c>
      <c r="C9208" s="2">
        <v>187.2</v>
      </c>
      <c r="D9208" s="2">
        <v>0.2</v>
      </c>
      <c r="E9208" s="2">
        <v>358.99999999998818</v>
      </c>
    </row>
    <row r="9209" spans="1:5" x14ac:dyDescent="0.25">
      <c r="A9209" s="3">
        <v>41841.715740740743</v>
      </c>
      <c r="B9209" s="2">
        <v>22.9</v>
      </c>
      <c r="C9209" s="2">
        <v>187.4</v>
      </c>
      <c r="D9209" s="2">
        <v>0</v>
      </c>
      <c r="E9209" s="2">
        <v>358.99999999998818</v>
      </c>
    </row>
    <row r="9210" spans="1:5" x14ac:dyDescent="0.25">
      <c r="A9210" s="3">
        <v>41841.71597222222</v>
      </c>
      <c r="B9210" s="2">
        <v>22.9</v>
      </c>
      <c r="C9210" s="2">
        <v>187.4</v>
      </c>
      <c r="D9210" s="2">
        <v>0.2</v>
      </c>
      <c r="E9210" s="2">
        <v>359.19999999998817</v>
      </c>
    </row>
    <row r="9211" spans="1:5" x14ac:dyDescent="0.25">
      <c r="A9211" s="3">
        <v>41841.717650462961</v>
      </c>
      <c r="B9211" s="2">
        <v>22.8</v>
      </c>
      <c r="C9211" s="2">
        <v>187.6</v>
      </c>
      <c r="D9211" s="2">
        <v>0</v>
      </c>
      <c r="E9211" s="2">
        <v>359.19999999998817</v>
      </c>
    </row>
    <row r="9212" spans="1:5" x14ac:dyDescent="0.25">
      <c r="A9212" s="3">
        <v>41841.718113425923</v>
      </c>
      <c r="B9212" s="2">
        <v>22.8</v>
      </c>
      <c r="C9212" s="2">
        <v>187.6</v>
      </c>
      <c r="D9212" s="2">
        <v>0.2</v>
      </c>
      <c r="E9212" s="2">
        <v>359.39999999998815</v>
      </c>
    </row>
    <row r="9213" spans="1:5" x14ac:dyDescent="0.25">
      <c r="A9213" s="3">
        <v>41841.772511574076</v>
      </c>
      <c r="B9213" s="2">
        <v>22.4</v>
      </c>
      <c r="C9213" s="2">
        <v>187.4</v>
      </c>
      <c r="D9213" s="2">
        <v>0</v>
      </c>
      <c r="E9213" s="2">
        <v>359.39999999998815</v>
      </c>
    </row>
    <row r="9214" spans="1:5" x14ac:dyDescent="0.25">
      <c r="A9214" s="3">
        <v>41841.777025462965</v>
      </c>
      <c r="B9214" s="2">
        <v>22.4</v>
      </c>
      <c r="C9214" s="2">
        <v>187.6</v>
      </c>
      <c r="D9214" s="2">
        <v>0</v>
      </c>
      <c r="E9214" s="2">
        <v>359.39999999998815</v>
      </c>
    </row>
    <row r="9215" spans="1:5" x14ac:dyDescent="0.25">
      <c r="A9215" s="3">
        <v>41841.81927083333</v>
      </c>
      <c r="B9215" s="2">
        <v>22</v>
      </c>
      <c r="C9215" s="2">
        <v>187.4</v>
      </c>
      <c r="D9215" s="2">
        <v>0</v>
      </c>
      <c r="E9215" s="2">
        <v>359.39999999998815</v>
      </c>
    </row>
    <row r="9216" spans="1:5" x14ac:dyDescent="0.25">
      <c r="A9216" s="3">
        <v>41841.821412037039</v>
      </c>
      <c r="B9216" s="2">
        <v>21.9</v>
      </c>
      <c r="C9216" s="2">
        <v>187.6</v>
      </c>
      <c r="D9216" s="2">
        <v>0</v>
      </c>
      <c r="E9216" s="2">
        <v>359.39999999998815</v>
      </c>
    </row>
    <row r="9217" spans="1:5" x14ac:dyDescent="0.25">
      <c r="A9217" s="3">
        <v>41841.822222222225</v>
      </c>
      <c r="B9217" s="2">
        <v>21.9</v>
      </c>
      <c r="C9217" s="2">
        <v>187.4</v>
      </c>
      <c r="D9217" s="2">
        <v>0</v>
      </c>
      <c r="E9217" s="2">
        <v>359.39999999998815</v>
      </c>
    </row>
    <row r="9218" spans="1:5" x14ac:dyDescent="0.25">
      <c r="A9218" s="3">
        <v>41841.824594907404</v>
      </c>
      <c r="B9218" s="2">
        <v>21.9</v>
      </c>
      <c r="C9218" s="2">
        <v>187.6</v>
      </c>
      <c r="D9218" s="2">
        <v>0</v>
      </c>
      <c r="E9218" s="2">
        <v>359.39999999998815</v>
      </c>
    </row>
    <row r="9219" spans="1:5" x14ac:dyDescent="0.25">
      <c r="A9219" s="3">
        <v>41841.82540509259</v>
      </c>
      <c r="B9219" s="2">
        <v>21.9</v>
      </c>
      <c r="C9219" s="2">
        <v>187.4</v>
      </c>
      <c r="D9219" s="2">
        <v>0</v>
      </c>
      <c r="E9219" s="2">
        <v>359.39999999998815</v>
      </c>
    </row>
    <row r="9220" spans="1:5" x14ac:dyDescent="0.25">
      <c r="A9220" s="3">
        <v>41841.82708333333</v>
      </c>
      <c r="B9220" s="2">
        <v>21.9</v>
      </c>
      <c r="C9220" s="2">
        <v>187.6</v>
      </c>
      <c r="D9220" s="2">
        <v>0</v>
      </c>
      <c r="E9220" s="2">
        <v>359.39999999998815</v>
      </c>
    </row>
    <row r="9221" spans="1:5" x14ac:dyDescent="0.25">
      <c r="A9221" s="3">
        <v>41841.827372685184</v>
      </c>
      <c r="B9221" s="2">
        <v>21.9</v>
      </c>
      <c r="C9221" s="2">
        <v>187.4</v>
      </c>
      <c r="D9221" s="2">
        <v>0</v>
      </c>
      <c r="E9221" s="2">
        <v>359.39999999998815</v>
      </c>
    </row>
    <row r="9222" spans="1:5" x14ac:dyDescent="0.25">
      <c r="A9222" s="3">
        <v>41842.155324074076</v>
      </c>
      <c r="B9222" s="2">
        <v>18.5</v>
      </c>
      <c r="C9222" s="2">
        <v>187.2</v>
      </c>
      <c r="D9222" s="2">
        <v>0</v>
      </c>
      <c r="E9222" s="2">
        <v>359.39999999998815</v>
      </c>
    </row>
    <row r="9223" spans="1:5" x14ac:dyDescent="0.25">
      <c r="A9223" s="3">
        <v>41842.407002314816</v>
      </c>
      <c r="B9223" s="2">
        <v>18.2</v>
      </c>
      <c r="C9223" s="2">
        <v>187</v>
      </c>
      <c r="D9223" s="2">
        <v>0</v>
      </c>
      <c r="E9223" s="2">
        <v>359.39999999998815</v>
      </c>
    </row>
    <row r="9224" spans="1:5" x14ac:dyDescent="0.25">
      <c r="A9224" s="3">
        <v>41842.412094907406</v>
      </c>
      <c r="B9224" s="2">
        <v>18.399999999999999</v>
      </c>
      <c r="C9224" s="2">
        <v>187.2</v>
      </c>
      <c r="D9224" s="2">
        <v>0</v>
      </c>
      <c r="E9224" s="2">
        <v>359.39999999998815</v>
      </c>
    </row>
    <row r="9225" spans="1:5" x14ac:dyDescent="0.25">
      <c r="A9225" s="3">
        <v>41842.420775462961</v>
      </c>
      <c r="B9225" s="2">
        <v>18.5</v>
      </c>
      <c r="C9225" s="2">
        <v>187</v>
      </c>
      <c r="D9225" s="2">
        <v>0</v>
      </c>
      <c r="E9225" s="2">
        <v>359.39999999998815</v>
      </c>
    </row>
    <row r="9226" spans="1:5" x14ac:dyDescent="0.25">
      <c r="A9226" s="3">
        <v>41842.550173611111</v>
      </c>
      <c r="B9226" s="2">
        <v>21</v>
      </c>
      <c r="C9226" s="2">
        <v>187.2</v>
      </c>
      <c r="D9226" s="2">
        <v>0</v>
      </c>
      <c r="E9226" s="2">
        <v>359.39999999998815</v>
      </c>
    </row>
    <row r="9227" spans="1:5" x14ac:dyDescent="0.25">
      <c r="A9227" s="3">
        <v>41842.554340277777</v>
      </c>
      <c r="B9227" s="2">
        <v>21</v>
      </c>
      <c r="C9227" s="2">
        <v>187.2</v>
      </c>
      <c r="D9227" s="2">
        <v>0.2</v>
      </c>
      <c r="E9227" s="2">
        <v>359.59999999998814</v>
      </c>
    </row>
    <row r="9228" spans="1:5" x14ac:dyDescent="0.25">
      <c r="A9228" s="3">
        <v>41842.558854166666</v>
      </c>
      <c r="B9228" s="2">
        <v>21</v>
      </c>
      <c r="C9228" s="2">
        <v>187.2</v>
      </c>
      <c r="D9228" s="2">
        <v>0.2</v>
      </c>
      <c r="E9228" s="2">
        <v>359.79999999998813</v>
      </c>
    </row>
    <row r="9229" spans="1:5" x14ac:dyDescent="0.25">
      <c r="A9229" s="3">
        <v>41842.560243055559</v>
      </c>
      <c r="B9229" s="2">
        <v>21</v>
      </c>
      <c r="C9229" s="2">
        <v>187.4</v>
      </c>
      <c r="D9229" s="2">
        <v>0</v>
      </c>
      <c r="E9229" s="2">
        <v>359.79999999998813</v>
      </c>
    </row>
    <row r="9230" spans="1:5" x14ac:dyDescent="0.25">
      <c r="A9230" s="3">
        <v>41842.564583333333</v>
      </c>
      <c r="B9230" s="2">
        <v>20.9</v>
      </c>
      <c r="C9230" s="2">
        <v>187.4</v>
      </c>
      <c r="D9230" s="2">
        <v>0.2</v>
      </c>
      <c r="E9230" s="2">
        <v>359.99999999998812</v>
      </c>
    </row>
    <row r="9231" spans="1:5" x14ac:dyDescent="0.25">
      <c r="A9231" s="3">
        <v>41842.571296296293</v>
      </c>
      <c r="B9231" s="2">
        <v>21</v>
      </c>
      <c r="C9231" s="2">
        <v>187.6</v>
      </c>
      <c r="D9231" s="2">
        <v>0</v>
      </c>
      <c r="E9231" s="2">
        <v>359.99999999998812</v>
      </c>
    </row>
    <row r="9232" spans="1:5" x14ac:dyDescent="0.25">
      <c r="A9232" s="3">
        <v>41842.572106481479</v>
      </c>
      <c r="B9232" s="2">
        <v>21</v>
      </c>
      <c r="C9232" s="2">
        <v>187.6</v>
      </c>
      <c r="D9232" s="2">
        <v>0.2</v>
      </c>
      <c r="E9232" s="2">
        <v>360.19999999998811</v>
      </c>
    </row>
    <row r="9233" spans="1:5" x14ac:dyDescent="0.25">
      <c r="A9233" s="3">
        <v>41842.574942129628</v>
      </c>
      <c r="B9233" s="2">
        <v>21</v>
      </c>
      <c r="C9233" s="2">
        <v>187.8</v>
      </c>
      <c r="D9233" s="2">
        <v>0</v>
      </c>
      <c r="E9233" s="2">
        <v>360.19999999998811</v>
      </c>
    </row>
    <row r="9234" spans="1:5" x14ac:dyDescent="0.25">
      <c r="A9234" s="3">
        <v>41842.575115740743</v>
      </c>
      <c r="B9234" s="2">
        <v>21</v>
      </c>
      <c r="C9234" s="2">
        <v>187.8</v>
      </c>
      <c r="D9234" s="2">
        <v>0.2</v>
      </c>
      <c r="E9234" s="2">
        <v>360.3999999999881</v>
      </c>
    </row>
    <row r="9235" spans="1:5" x14ac:dyDescent="0.25">
      <c r="A9235" s="3">
        <v>41842.579629629632</v>
      </c>
      <c r="B9235" s="2">
        <v>21.1</v>
      </c>
      <c r="C9235" s="2">
        <v>187.8</v>
      </c>
      <c r="D9235" s="2">
        <v>0.2</v>
      </c>
      <c r="E9235" s="2">
        <v>360.59999999998809</v>
      </c>
    </row>
    <row r="9236" spans="1:5" x14ac:dyDescent="0.25">
      <c r="A9236" s="3">
        <v>41842.579745370371</v>
      </c>
      <c r="B9236" s="2">
        <v>21.1</v>
      </c>
      <c r="C9236" s="2">
        <v>188</v>
      </c>
      <c r="D9236" s="2">
        <v>0</v>
      </c>
      <c r="E9236" s="2">
        <v>360.59999999998809</v>
      </c>
    </row>
    <row r="9237" spans="1:5" x14ac:dyDescent="0.25">
      <c r="A9237" s="3">
        <v>41842.583043981482</v>
      </c>
      <c r="B9237" s="2">
        <v>21</v>
      </c>
      <c r="C9237" s="2">
        <v>188</v>
      </c>
      <c r="D9237" s="2">
        <v>0.2</v>
      </c>
      <c r="E9237" s="2">
        <v>360.79999999998807</v>
      </c>
    </row>
    <row r="9238" spans="1:5" x14ac:dyDescent="0.25">
      <c r="A9238" s="3">
        <v>41842.583333333336</v>
      </c>
      <c r="B9238" s="2">
        <v>21</v>
      </c>
      <c r="C9238" s="2">
        <v>188.2</v>
      </c>
      <c r="D9238" s="2">
        <v>0</v>
      </c>
      <c r="E9238" s="2">
        <v>360.79999999998807</v>
      </c>
    </row>
    <row r="9239" spans="1:5" x14ac:dyDescent="0.25">
      <c r="A9239" s="3">
        <v>41842.587442129632</v>
      </c>
      <c r="B9239" s="2">
        <v>21</v>
      </c>
      <c r="C9239" s="2">
        <v>188.2</v>
      </c>
      <c r="D9239" s="2">
        <v>0.2</v>
      </c>
      <c r="E9239" s="2">
        <v>360.99999999998806</v>
      </c>
    </row>
    <row r="9240" spans="1:5" x14ac:dyDescent="0.25">
      <c r="A9240" s="3">
        <v>41842.588946759257</v>
      </c>
      <c r="B9240" s="2">
        <v>21</v>
      </c>
      <c r="C9240" s="2">
        <v>188.4</v>
      </c>
      <c r="D9240" s="2">
        <v>0</v>
      </c>
      <c r="E9240" s="2">
        <v>360.99999999998806</v>
      </c>
    </row>
    <row r="9241" spans="1:5" x14ac:dyDescent="0.25">
      <c r="A9241" s="3">
        <v>41842.590740740743</v>
      </c>
      <c r="B9241" s="2">
        <v>21</v>
      </c>
      <c r="C9241" s="2">
        <v>188.4</v>
      </c>
      <c r="D9241" s="2">
        <v>0.2</v>
      </c>
      <c r="E9241" s="2">
        <v>361.19999999998805</v>
      </c>
    </row>
    <row r="9242" spans="1:5" x14ac:dyDescent="0.25">
      <c r="A9242" s="3">
        <v>41842.59097222222</v>
      </c>
      <c r="B9242" s="2">
        <v>21</v>
      </c>
      <c r="C9242" s="2">
        <v>188.6</v>
      </c>
      <c r="D9242" s="2">
        <v>0</v>
      </c>
      <c r="E9242" s="2">
        <v>361.19999999998805</v>
      </c>
    </row>
    <row r="9243" spans="1:5" x14ac:dyDescent="0.25">
      <c r="A9243" s="3">
        <v>41842.592303240737</v>
      </c>
      <c r="B9243" s="2">
        <v>21</v>
      </c>
      <c r="C9243" s="2">
        <v>188.6</v>
      </c>
      <c r="D9243" s="2">
        <v>0.2</v>
      </c>
      <c r="E9243" s="2">
        <v>361.39999999998804</v>
      </c>
    </row>
    <row r="9244" spans="1:5" x14ac:dyDescent="0.25">
      <c r="A9244" s="3">
        <v>41842.59270833333</v>
      </c>
      <c r="B9244" s="2">
        <v>21</v>
      </c>
      <c r="C9244" s="2">
        <v>188.8</v>
      </c>
      <c r="D9244" s="2">
        <v>0</v>
      </c>
      <c r="E9244" s="2">
        <v>361.39999999998804</v>
      </c>
    </row>
    <row r="9245" spans="1:5" x14ac:dyDescent="0.25">
      <c r="A9245" s="3">
        <v>41842.594039351854</v>
      </c>
      <c r="B9245" s="2">
        <v>21</v>
      </c>
      <c r="C9245" s="2">
        <v>188.8</v>
      </c>
      <c r="D9245" s="2">
        <v>0.2</v>
      </c>
      <c r="E9245" s="2">
        <v>361.59999999998803</v>
      </c>
    </row>
    <row r="9246" spans="1:5" x14ac:dyDescent="0.25">
      <c r="A9246" s="3">
        <v>41842.594386574077</v>
      </c>
      <c r="B9246" s="2">
        <v>21</v>
      </c>
      <c r="C9246" s="2">
        <v>189</v>
      </c>
      <c r="D9246" s="2">
        <v>0</v>
      </c>
      <c r="E9246" s="2">
        <v>361.59999999998803</v>
      </c>
    </row>
    <row r="9247" spans="1:5" x14ac:dyDescent="0.25">
      <c r="A9247" s="3">
        <v>41842.597743055558</v>
      </c>
      <c r="B9247" s="2">
        <v>21</v>
      </c>
      <c r="C9247" s="2">
        <v>189.2</v>
      </c>
      <c r="D9247" s="2">
        <v>0</v>
      </c>
      <c r="E9247" s="2">
        <v>361.59999999998803</v>
      </c>
    </row>
    <row r="9248" spans="1:5" x14ac:dyDescent="0.25">
      <c r="A9248" s="3">
        <v>41842.599479166667</v>
      </c>
      <c r="B9248" s="2">
        <v>21</v>
      </c>
      <c r="C9248" s="2">
        <v>189.2</v>
      </c>
      <c r="D9248" s="2">
        <v>0.2</v>
      </c>
      <c r="E9248" s="2">
        <v>361.79999999998802</v>
      </c>
    </row>
    <row r="9249" spans="1:5" x14ac:dyDescent="0.25">
      <c r="A9249" s="3">
        <v>41842.603414351855</v>
      </c>
      <c r="B9249" s="2">
        <v>21.1</v>
      </c>
      <c r="C9249" s="2">
        <v>189.4</v>
      </c>
      <c r="D9249" s="2">
        <v>0</v>
      </c>
      <c r="E9249" s="2">
        <v>361.79999999998802</v>
      </c>
    </row>
    <row r="9250" spans="1:5" x14ac:dyDescent="0.25">
      <c r="A9250" s="3">
        <v>41842.603935185187</v>
      </c>
      <c r="B9250" s="2">
        <v>21.1</v>
      </c>
      <c r="C9250" s="2">
        <v>189.4</v>
      </c>
      <c r="D9250" s="2">
        <v>0.2</v>
      </c>
      <c r="E9250" s="2">
        <v>361.99999999998801</v>
      </c>
    </row>
    <row r="9251" spans="1:5" x14ac:dyDescent="0.25">
      <c r="A9251" s="3">
        <v>41842.615277777775</v>
      </c>
      <c r="B9251" s="2">
        <v>21.1</v>
      </c>
      <c r="C9251" s="2">
        <v>189.4</v>
      </c>
      <c r="D9251" s="2">
        <v>0.2</v>
      </c>
      <c r="E9251" s="2">
        <v>362.19999999998799</v>
      </c>
    </row>
    <row r="9252" spans="1:5" x14ac:dyDescent="0.25">
      <c r="A9252" s="3">
        <v>41842.61614583333</v>
      </c>
      <c r="B9252" s="2">
        <v>21.1</v>
      </c>
      <c r="C9252" s="2">
        <v>189.6</v>
      </c>
      <c r="D9252" s="2">
        <v>0</v>
      </c>
      <c r="E9252" s="2">
        <v>362.19999999998799</v>
      </c>
    </row>
    <row r="9253" spans="1:5" x14ac:dyDescent="0.25">
      <c r="A9253" s="3">
        <v>41842.617476851854</v>
      </c>
      <c r="B9253" s="2">
        <v>21.1</v>
      </c>
      <c r="C9253" s="2">
        <v>189.6</v>
      </c>
      <c r="D9253" s="2">
        <v>0.2</v>
      </c>
      <c r="E9253" s="2">
        <v>362.39999999998798</v>
      </c>
    </row>
    <row r="9254" spans="1:5" x14ac:dyDescent="0.25">
      <c r="A9254" s="3">
        <v>41842.617939814816</v>
      </c>
      <c r="B9254" s="2">
        <v>21.1</v>
      </c>
      <c r="C9254" s="2">
        <v>189.8</v>
      </c>
      <c r="D9254" s="2">
        <v>0</v>
      </c>
      <c r="E9254" s="2">
        <v>362.39999999998798</v>
      </c>
    </row>
    <row r="9255" spans="1:5" x14ac:dyDescent="0.25">
      <c r="A9255" s="3">
        <v>41842.619155092594</v>
      </c>
      <c r="B9255" s="2">
        <v>21.1</v>
      </c>
      <c r="C9255" s="2">
        <v>189.8</v>
      </c>
      <c r="D9255" s="2">
        <v>0.2</v>
      </c>
      <c r="E9255" s="2">
        <v>362.59999999998797</v>
      </c>
    </row>
    <row r="9256" spans="1:5" x14ac:dyDescent="0.25">
      <c r="A9256" s="3">
        <v>41842.620486111111</v>
      </c>
      <c r="B9256" s="2">
        <v>21.1</v>
      </c>
      <c r="C9256" s="2">
        <v>190</v>
      </c>
      <c r="D9256" s="2">
        <v>0</v>
      </c>
      <c r="E9256" s="2">
        <v>362.59999999998797</v>
      </c>
    </row>
    <row r="9257" spans="1:5" x14ac:dyDescent="0.25">
      <c r="A9257" s="3">
        <v>41842.62222222222</v>
      </c>
      <c r="B9257" s="2">
        <v>21.1</v>
      </c>
      <c r="C9257" s="2">
        <v>190</v>
      </c>
      <c r="D9257" s="2">
        <v>0.2</v>
      </c>
      <c r="E9257" s="2">
        <v>362.79999999998796</v>
      </c>
    </row>
    <row r="9258" spans="1:5" x14ac:dyDescent="0.25">
      <c r="A9258" s="3">
        <v>41842.622569444444</v>
      </c>
      <c r="B9258" s="2">
        <v>21.1</v>
      </c>
      <c r="C9258" s="2">
        <v>190.2</v>
      </c>
      <c r="D9258" s="2">
        <v>0</v>
      </c>
      <c r="E9258" s="2">
        <v>362.79999999998796</v>
      </c>
    </row>
    <row r="9259" spans="1:5" x14ac:dyDescent="0.25">
      <c r="A9259" s="3">
        <v>41842.627430555556</v>
      </c>
      <c r="B9259" s="2">
        <v>21.1</v>
      </c>
      <c r="C9259" s="2">
        <v>190.2</v>
      </c>
      <c r="D9259" s="2">
        <v>0.2</v>
      </c>
      <c r="E9259" s="2">
        <v>362.99999999998795</v>
      </c>
    </row>
    <row r="9260" spans="1:5" x14ac:dyDescent="0.25">
      <c r="A9260" s="3">
        <v>41842.628645833334</v>
      </c>
      <c r="B9260" s="2">
        <v>21.1</v>
      </c>
      <c r="C9260" s="2">
        <v>190.4</v>
      </c>
      <c r="D9260" s="2">
        <v>0</v>
      </c>
      <c r="E9260" s="2">
        <v>362.99999999998795</v>
      </c>
    </row>
    <row r="9261" spans="1:5" x14ac:dyDescent="0.25">
      <c r="A9261" s="3">
        <v>41842.635937500003</v>
      </c>
      <c r="B9261" s="2">
        <v>21</v>
      </c>
      <c r="C9261" s="2">
        <v>190.4</v>
      </c>
      <c r="D9261" s="2">
        <v>0.2</v>
      </c>
      <c r="E9261" s="2">
        <v>363.19999999998794</v>
      </c>
    </row>
    <row r="9262" spans="1:5" x14ac:dyDescent="0.25">
      <c r="A9262" s="3">
        <v>41842.636747685188</v>
      </c>
      <c r="B9262" s="2">
        <v>21.1</v>
      </c>
      <c r="C9262" s="2">
        <v>190.6</v>
      </c>
      <c r="D9262" s="2">
        <v>0</v>
      </c>
      <c r="E9262" s="2">
        <v>363.19999999998794</v>
      </c>
    </row>
    <row r="9263" spans="1:5" x14ac:dyDescent="0.25">
      <c r="A9263" s="3">
        <v>41842.638541666667</v>
      </c>
      <c r="B9263" s="2">
        <v>21</v>
      </c>
      <c r="C9263" s="2">
        <v>190.6</v>
      </c>
      <c r="D9263" s="2">
        <v>0.2</v>
      </c>
      <c r="E9263" s="2">
        <v>363.39999999998793</v>
      </c>
    </row>
    <row r="9264" spans="1:5" x14ac:dyDescent="0.25">
      <c r="A9264" s="3">
        <v>41842.639351851853</v>
      </c>
      <c r="B9264" s="2">
        <v>21</v>
      </c>
      <c r="C9264" s="2">
        <v>190.8</v>
      </c>
      <c r="D9264" s="2">
        <v>0</v>
      </c>
      <c r="E9264" s="2">
        <v>363.39999999998793</v>
      </c>
    </row>
    <row r="9265" spans="1:5" x14ac:dyDescent="0.25">
      <c r="A9265" s="3">
        <v>41842.640914351854</v>
      </c>
      <c r="B9265" s="2">
        <v>21</v>
      </c>
      <c r="C9265" s="2">
        <v>190.8</v>
      </c>
      <c r="D9265" s="2">
        <v>0.2</v>
      </c>
      <c r="E9265" s="2">
        <v>363.59999999998792</v>
      </c>
    </row>
    <row r="9266" spans="1:5" x14ac:dyDescent="0.25">
      <c r="A9266" s="3">
        <v>41842.641435185185</v>
      </c>
      <c r="B9266" s="2">
        <v>21</v>
      </c>
      <c r="C9266" s="2">
        <v>191</v>
      </c>
      <c r="D9266" s="2">
        <v>0</v>
      </c>
      <c r="E9266" s="2">
        <v>363.59999999998792</v>
      </c>
    </row>
    <row r="9267" spans="1:5" x14ac:dyDescent="0.25">
      <c r="A9267" s="3">
        <v>41842.642708333333</v>
      </c>
      <c r="B9267" s="2">
        <v>21</v>
      </c>
      <c r="C9267" s="2">
        <v>191</v>
      </c>
      <c r="D9267" s="2">
        <v>0.2</v>
      </c>
      <c r="E9267" s="2">
        <v>363.7999999999879</v>
      </c>
    </row>
    <row r="9268" spans="1:5" x14ac:dyDescent="0.25">
      <c r="A9268" s="3">
        <v>41842.64334490741</v>
      </c>
      <c r="B9268" s="2">
        <v>21</v>
      </c>
      <c r="C9268" s="2">
        <v>191.2</v>
      </c>
      <c r="D9268" s="2">
        <v>0</v>
      </c>
      <c r="E9268" s="2">
        <v>363.7999999999879</v>
      </c>
    </row>
    <row r="9269" spans="1:5" x14ac:dyDescent="0.25">
      <c r="A9269" s="3">
        <v>41842.644618055558</v>
      </c>
      <c r="B9269" s="2">
        <v>21</v>
      </c>
      <c r="C9269" s="2">
        <v>191.2</v>
      </c>
      <c r="D9269" s="2">
        <v>0.2</v>
      </c>
      <c r="E9269" s="2">
        <v>363.99999999998789</v>
      </c>
    </row>
    <row r="9270" spans="1:5" x14ac:dyDescent="0.25">
      <c r="A9270" s="3">
        <v>41842.645428240743</v>
      </c>
      <c r="B9270" s="2">
        <v>21</v>
      </c>
      <c r="C9270" s="2">
        <v>191.4</v>
      </c>
      <c r="D9270" s="2">
        <v>0</v>
      </c>
      <c r="E9270" s="2">
        <v>363.99999999998789</v>
      </c>
    </row>
    <row r="9271" spans="1:5" x14ac:dyDescent="0.25">
      <c r="A9271" s="3">
        <v>41842.647222222222</v>
      </c>
      <c r="B9271" s="2">
        <v>21</v>
      </c>
      <c r="C9271" s="2">
        <v>191.4</v>
      </c>
      <c r="D9271" s="2">
        <v>0.2</v>
      </c>
      <c r="E9271" s="2">
        <v>364.19999999998788</v>
      </c>
    </row>
    <row r="9272" spans="1:5" x14ac:dyDescent="0.25">
      <c r="A9272" s="3">
        <v>41842.648611111108</v>
      </c>
      <c r="B9272" s="2">
        <v>21</v>
      </c>
      <c r="C9272" s="2">
        <v>191.6</v>
      </c>
      <c r="D9272" s="2">
        <v>0</v>
      </c>
      <c r="E9272" s="2">
        <v>364.19999999998788</v>
      </c>
    </row>
    <row r="9273" spans="1:5" x14ac:dyDescent="0.25">
      <c r="A9273" s="3">
        <v>41842.650289351855</v>
      </c>
      <c r="B9273" s="2">
        <v>21</v>
      </c>
      <c r="C9273" s="2">
        <v>191.6</v>
      </c>
      <c r="D9273" s="2">
        <v>0.2</v>
      </c>
      <c r="E9273" s="2">
        <v>364.39999999998787</v>
      </c>
    </row>
    <row r="9274" spans="1:5" x14ac:dyDescent="0.25">
      <c r="A9274" s="3">
        <v>41842.65347222222</v>
      </c>
      <c r="B9274" s="2">
        <v>21</v>
      </c>
      <c r="C9274" s="2">
        <v>191.8</v>
      </c>
      <c r="D9274" s="2">
        <v>0</v>
      </c>
      <c r="E9274" s="2">
        <v>364.39999999998787</v>
      </c>
    </row>
    <row r="9275" spans="1:5" x14ac:dyDescent="0.25">
      <c r="A9275" s="3">
        <v>41842.654398148145</v>
      </c>
      <c r="B9275" s="2">
        <v>20.9</v>
      </c>
      <c r="C9275" s="2">
        <v>191.8</v>
      </c>
      <c r="D9275" s="2">
        <v>0.2</v>
      </c>
      <c r="E9275" s="2">
        <v>364.59999999998786</v>
      </c>
    </row>
    <row r="9276" spans="1:5" x14ac:dyDescent="0.25">
      <c r="A9276" s="3">
        <v>41842.657118055555</v>
      </c>
      <c r="B9276" s="2">
        <v>21</v>
      </c>
      <c r="C9276" s="2">
        <v>192</v>
      </c>
      <c r="D9276" s="2">
        <v>0</v>
      </c>
      <c r="E9276" s="2">
        <v>364.59999999998786</v>
      </c>
    </row>
    <row r="9277" spans="1:5" x14ac:dyDescent="0.25">
      <c r="A9277" s="3">
        <v>41842.658101851855</v>
      </c>
      <c r="B9277" s="2">
        <v>20.9</v>
      </c>
      <c r="C9277" s="2">
        <v>192</v>
      </c>
      <c r="D9277" s="2">
        <v>0.2</v>
      </c>
      <c r="E9277" s="2">
        <v>364.79999999998785</v>
      </c>
    </row>
    <row r="9278" spans="1:5" x14ac:dyDescent="0.25">
      <c r="A9278" s="3">
        <v>41842.660416666666</v>
      </c>
      <c r="B9278" s="2">
        <v>20.9</v>
      </c>
      <c r="C9278" s="2">
        <v>192.2</v>
      </c>
      <c r="D9278" s="2">
        <v>0</v>
      </c>
      <c r="E9278" s="2">
        <v>364.79999999998785</v>
      </c>
    </row>
    <row r="9279" spans="1:5" x14ac:dyDescent="0.25">
      <c r="A9279" s="3">
        <v>41842.663831018515</v>
      </c>
      <c r="B9279" s="2">
        <v>20.9</v>
      </c>
      <c r="C9279" s="2">
        <v>192.2</v>
      </c>
      <c r="D9279" s="2">
        <v>0.2</v>
      </c>
      <c r="E9279" s="2">
        <v>364.99999999998784</v>
      </c>
    </row>
    <row r="9280" spans="1:5" x14ac:dyDescent="0.25">
      <c r="A9280" s="3">
        <v>41842.664699074077</v>
      </c>
      <c r="B9280" s="2">
        <v>20.9</v>
      </c>
      <c r="C9280" s="2">
        <v>192.4</v>
      </c>
      <c r="D9280" s="2">
        <v>0</v>
      </c>
      <c r="E9280" s="2">
        <v>364.99999999998784</v>
      </c>
    </row>
    <row r="9281" spans="1:5" x14ac:dyDescent="0.25">
      <c r="A9281" s="3">
        <v>41842.66747685185</v>
      </c>
      <c r="B9281" s="2">
        <v>20.9</v>
      </c>
      <c r="C9281" s="2">
        <v>192.4</v>
      </c>
      <c r="D9281" s="2">
        <v>0.2</v>
      </c>
      <c r="E9281" s="2">
        <v>365.19999999998782</v>
      </c>
    </row>
    <row r="9282" spans="1:5" x14ac:dyDescent="0.25">
      <c r="A9282" s="3">
        <v>41842.668113425927</v>
      </c>
      <c r="B9282" s="2">
        <v>20.9</v>
      </c>
      <c r="C9282" s="2">
        <v>192.6</v>
      </c>
      <c r="D9282" s="2">
        <v>0</v>
      </c>
      <c r="E9282" s="2">
        <v>365.19999999998782</v>
      </c>
    </row>
    <row r="9283" spans="1:5" x14ac:dyDescent="0.25">
      <c r="A9283" s="3">
        <v>41842.675983796296</v>
      </c>
      <c r="B9283" s="2">
        <v>20.9</v>
      </c>
      <c r="C9283" s="2">
        <v>192.6</v>
      </c>
      <c r="D9283" s="2">
        <v>0.2</v>
      </c>
      <c r="E9283" s="2">
        <v>365.39999999998781</v>
      </c>
    </row>
    <row r="9284" spans="1:5" x14ac:dyDescent="0.25">
      <c r="A9284" s="3">
        <v>41842.677372685182</v>
      </c>
      <c r="B9284" s="2">
        <v>21</v>
      </c>
      <c r="C9284" s="2">
        <v>192.8</v>
      </c>
      <c r="D9284" s="2">
        <v>0</v>
      </c>
      <c r="E9284" s="2">
        <v>365.39999999998781</v>
      </c>
    </row>
    <row r="9285" spans="1:5" x14ac:dyDescent="0.25">
      <c r="A9285" s="3">
        <v>41842.686342592591</v>
      </c>
      <c r="B9285" s="2">
        <v>20.9</v>
      </c>
      <c r="C9285" s="2">
        <v>192.8</v>
      </c>
      <c r="D9285" s="2">
        <v>0.2</v>
      </c>
      <c r="E9285" s="2">
        <v>365.5999999999878</v>
      </c>
    </row>
    <row r="9286" spans="1:5" x14ac:dyDescent="0.25">
      <c r="A9286" s="3">
        <v>41842.688252314816</v>
      </c>
      <c r="B9286" s="2">
        <v>20.9</v>
      </c>
      <c r="C9286" s="2">
        <v>193</v>
      </c>
      <c r="D9286" s="2">
        <v>0</v>
      </c>
      <c r="E9286" s="2">
        <v>365.5999999999878</v>
      </c>
    </row>
    <row r="9287" spans="1:5" x14ac:dyDescent="0.25">
      <c r="A9287" s="3">
        <v>41842.693344907406</v>
      </c>
      <c r="B9287" s="2">
        <v>20.9</v>
      </c>
      <c r="C9287" s="2">
        <v>193</v>
      </c>
      <c r="D9287" s="2">
        <v>0.2</v>
      </c>
      <c r="E9287" s="2">
        <v>365.79999999998779</v>
      </c>
    </row>
    <row r="9288" spans="1:5" x14ac:dyDescent="0.25">
      <c r="A9288" s="3">
        <v>41842.694791666669</v>
      </c>
      <c r="B9288" s="2">
        <v>20.9</v>
      </c>
      <c r="C9288" s="2">
        <v>193.2</v>
      </c>
      <c r="D9288" s="2">
        <v>0</v>
      </c>
      <c r="E9288" s="2">
        <v>365.79999999998779</v>
      </c>
    </row>
    <row r="9289" spans="1:5" x14ac:dyDescent="0.25">
      <c r="A9289" s="3">
        <v>41842.704340277778</v>
      </c>
      <c r="B9289" s="2">
        <v>20.9</v>
      </c>
      <c r="C9289" s="2">
        <v>193.2</v>
      </c>
      <c r="D9289" s="2">
        <v>0.2</v>
      </c>
      <c r="E9289" s="2">
        <v>365.99999999998778</v>
      </c>
    </row>
    <row r="9290" spans="1:5" x14ac:dyDescent="0.25">
      <c r="A9290" s="3">
        <v>41842.706423611111</v>
      </c>
      <c r="B9290" s="2">
        <v>20.9</v>
      </c>
      <c r="C9290" s="2">
        <v>193.4</v>
      </c>
      <c r="D9290" s="2">
        <v>0</v>
      </c>
      <c r="E9290" s="2">
        <v>365.99999999998778</v>
      </c>
    </row>
    <row r="9291" spans="1:5" x14ac:dyDescent="0.25">
      <c r="A9291" s="3">
        <v>41842.714525462965</v>
      </c>
      <c r="B9291" s="2">
        <v>20.9</v>
      </c>
      <c r="C9291" s="2">
        <v>193.4</v>
      </c>
      <c r="D9291" s="2">
        <v>0.2</v>
      </c>
      <c r="E9291" s="2">
        <v>366.19999999998777</v>
      </c>
    </row>
    <row r="9292" spans="1:5" x14ac:dyDescent="0.25">
      <c r="A9292" s="3">
        <v>41842.718055555553</v>
      </c>
      <c r="B9292" s="2">
        <v>20.9</v>
      </c>
      <c r="C9292" s="2">
        <v>193.6</v>
      </c>
      <c r="D9292" s="2">
        <v>0</v>
      </c>
      <c r="E9292" s="2">
        <v>366.19999999998777</v>
      </c>
    </row>
    <row r="9293" spans="1:5" x14ac:dyDescent="0.25">
      <c r="A9293" s="3">
        <v>41842.720023148147</v>
      </c>
      <c r="B9293" s="2">
        <v>20.8</v>
      </c>
      <c r="C9293" s="2">
        <v>193.6</v>
      </c>
      <c r="D9293" s="2">
        <v>0.2</v>
      </c>
      <c r="E9293" s="2">
        <v>366.39999999998776</v>
      </c>
    </row>
    <row r="9294" spans="1:5" x14ac:dyDescent="0.25">
      <c r="A9294" s="3">
        <v>41842.723668981482</v>
      </c>
      <c r="B9294" s="2">
        <v>20.8</v>
      </c>
      <c r="C9294" s="2">
        <v>193.8</v>
      </c>
      <c r="D9294" s="2">
        <v>0</v>
      </c>
      <c r="E9294" s="2">
        <v>366.39999999998776</v>
      </c>
    </row>
    <row r="9295" spans="1:5" x14ac:dyDescent="0.25">
      <c r="A9295" s="3">
        <v>41842.727314814816</v>
      </c>
      <c r="B9295" s="2">
        <v>20.8</v>
      </c>
      <c r="C9295" s="2">
        <v>193.8</v>
      </c>
      <c r="D9295" s="2">
        <v>0.2</v>
      </c>
      <c r="E9295" s="2">
        <v>366.59999999998774</v>
      </c>
    </row>
    <row r="9296" spans="1:5" x14ac:dyDescent="0.25">
      <c r="A9296" s="3">
        <v>41842.728472222225</v>
      </c>
      <c r="B9296" s="2">
        <v>20.8</v>
      </c>
      <c r="C9296" s="2">
        <v>194</v>
      </c>
      <c r="D9296" s="2">
        <v>0</v>
      </c>
      <c r="E9296" s="2">
        <v>366.59999999998774</v>
      </c>
    </row>
    <row r="9297" spans="1:5" x14ac:dyDescent="0.25">
      <c r="A9297" s="3">
        <v>41842.733680555553</v>
      </c>
      <c r="B9297" s="2">
        <v>20.8</v>
      </c>
      <c r="C9297" s="2">
        <v>194</v>
      </c>
      <c r="D9297" s="2">
        <v>0.2</v>
      </c>
      <c r="E9297" s="2">
        <v>366.79999999998773</v>
      </c>
    </row>
    <row r="9298" spans="1:5" x14ac:dyDescent="0.25">
      <c r="A9298" s="3">
        <v>41842.734895833331</v>
      </c>
      <c r="B9298" s="2">
        <v>20.8</v>
      </c>
      <c r="C9298" s="2">
        <v>194.2</v>
      </c>
      <c r="D9298" s="2">
        <v>0</v>
      </c>
      <c r="E9298" s="2">
        <v>366.79999999998773</v>
      </c>
    </row>
    <row r="9299" spans="1:5" x14ac:dyDescent="0.25">
      <c r="A9299" s="3">
        <v>41842.738020833334</v>
      </c>
      <c r="B9299" s="2">
        <v>20.7</v>
      </c>
      <c r="C9299" s="2">
        <v>194.2</v>
      </c>
      <c r="D9299" s="2">
        <v>0.2</v>
      </c>
      <c r="E9299" s="2">
        <v>366.99999999998772</v>
      </c>
    </row>
    <row r="9300" spans="1:5" x14ac:dyDescent="0.25">
      <c r="A9300" s="3">
        <v>41842.739814814813</v>
      </c>
      <c r="B9300" s="2">
        <v>20.7</v>
      </c>
      <c r="C9300" s="2">
        <v>194.4</v>
      </c>
      <c r="D9300" s="2">
        <v>0</v>
      </c>
      <c r="E9300" s="2">
        <v>366.99999999998772</v>
      </c>
    </row>
    <row r="9301" spans="1:5" x14ac:dyDescent="0.25">
      <c r="A9301" s="3">
        <v>41842.741493055553</v>
      </c>
      <c r="B9301" s="2">
        <v>20.7</v>
      </c>
      <c r="C9301" s="2">
        <v>194.4</v>
      </c>
      <c r="D9301" s="2">
        <v>0.2</v>
      </c>
      <c r="E9301" s="2">
        <v>367.19999999998771</v>
      </c>
    </row>
    <row r="9302" spans="1:5" x14ac:dyDescent="0.25">
      <c r="A9302" s="3">
        <v>41842.742361111108</v>
      </c>
      <c r="B9302" s="2">
        <v>20.7</v>
      </c>
      <c r="C9302" s="2">
        <v>194.6</v>
      </c>
      <c r="D9302" s="2">
        <v>0</v>
      </c>
      <c r="E9302" s="2">
        <v>367.19999999998771</v>
      </c>
    </row>
    <row r="9303" spans="1:5" x14ac:dyDescent="0.25">
      <c r="A9303" s="3">
        <v>41842.743344907409</v>
      </c>
      <c r="B9303" s="2">
        <v>20.7</v>
      </c>
      <c r="C9303" s="2">
        <v>194.6</v>
      </c>
      <c r="D9303" s="2">
        <v>0.2</v>
      </c>
      <c r="E9303" s="2">
        <v>367.3999999999877</v>
      </c>
    </row>
    <row r="9304" spans="1:5" x14ac:dyDescent="0.25">
      <c r="A9304" s="3">
        <v>41842.743923611109</v>
      </c>
      <c r="B9304" s="2">
        <v>20.7</v>
      </c>
      <c r="C9304" s="2">
        <v>194.8</v>
      </c>
      <c r="D9304" s="2">
        <v>0</v>
      </c>
      <c r="E9304" s="2">
        <v>367.3999999999877</v>
      </c>
    </row>
    <row r="9305" spans="1:5" x14ac:dyDescent="0.25">
      <c r="A9305" s="3">
        <v>41842.745891203704</v>
      </c>
      <c r="B9305" s="2">
        <v>20.7</v>
      </c>
      <c r="C9305" s="2">
        <v>194.8</v>
      </c>
      <c r="D9305" s="2">
        <v>0.2</v>
      </c>
      <c r="E9305" s="2">
        <v>367.59999999998769</v>
      </c>
    </row>
    <row r="9306" spans="1:5" x14ac:dyDescent="0.25">
      <c r="A9306" s="3">
        <v>41842.746296296296</v>
      </c>
      <c r="B9306" s="2">
        <v>20.7</v>
      </c>
      <c r="C9306" s="2">
        <v>195</v>
      </c>
      <c r="D9306" s="2">
        <v>0</v>
      </c>
      <c r="E9306" s="2">
        <v>367.59999999998769</v>
      </c>
    </row>
    <row r="9307" spans="1:5" x14ac:dyDescent="0.25">
      <c r="A9307" s="3">
        <v>41842.749363425923</v>
      </c>
      <c r="B9307" s="2">
        <v>20.7</v>
      </c>
      <c r="C9307" s="2">
        <v>195</v>
      </c>
      <c r="D9307" s="2">
        <v>0.2</v>
      </c>
      <c r="E9307" s="2">
        <v>367.79999999998768</v>
      </c>
    </row>
    <row r="9308" spans="1:5" x14ac:dyDescent="0.25">
      <c r="A9308" s="3">
        <v>41842.750057870369</v>
      </c>
      <c r="B9308" s="2">
        <v>20.7</v>
      </c>
      <c r="C9308" s="2">
        <v>195.2</v>
      </c>
      <c r="D9308" s="2">
        <v>0</v>
      </c>
      <c r="E9308" s="2">
        <v>367.79999999998768</v>
      </c>
    </row>
    <row r="9309" spans="1:5" x14ac:dyDescent="0.25">
      <c r="A9309" s="3">
        <v>41842.753125000003</v>
      </c>
      <c r="B9309" s="2">
        <v>20.7</v>
      </c>
      <c r="C9309" s="2">
        <v>195.2</v>
      </c>
      <c r="D9309" s="2">
        <v>0.2</v>
      </c>
      <c r="E9309" s="2">
        <v>367.99999999998766</v>
      </c>
    </row>
    <row r="9310" spans="1:5" x14ac:dyDescent="0.25">
      <c r="A9310" s="3">
        <v>41842.753877314812</v>
      </c>
      <c r="B9310" s="2">
        <v>20.7</v>
      </c>
      <c r="C9310" s="2">
        <v>195.4</v>
      </c>
      <c r="D9310" s="2">
        <v>0</v>
      </c>
      <c r="E9310" s="2">
        <v>367.99999999998766</v>
      </c>
    </row>
    <row r="9311" spans="1:5" x14ac:dyDescent="0.25">
      <c r="A9311" s="3">
        <v>41842.755497685182</v>
      </c>
      <c r="B9311" s="2">
        <v>20.7</v>
      </c>
      <c r="C9311" s="2">
        <v>195.4</v>
      </c>
      <c r="D9311" s="2">
        <v>0.2</v>
      </c>
      <c r="E9311" s="2">
        <v>368.19999999998765</v>
      </c>
    </row>
    <row r="9312" spans="1:5" x14ac:dyDescent="0.25">
      <c r="A9312" s="3">
        <v>41842.756249999999</v>
      </c>
      <c r="B9312" s="2">
        <v>20.7</v>
      </c>
      <c r="C9312" s="2">
        <v>195.6</v>
      </c>
      <c r="D9312" s="2">
        <v>0</v>
      </c>
      <c r="E9312" s="2">
        <v>368.19999999998765</v>
      </c>
    </row>
    <row r="9313" spans="1:5" x14ac:dyDescent="0.25">
      <c r="A9313" s="3">
        <v>41842.757523148146</v>
      </c>
      <c r="B9313" s="2">
        <v>20.7</v>
      </c>
      <c r="C9313" s="2">
        <v>195.6</v>
      </c>
      <c r="D9313" s="2">
        <v>0.2</v>
      </c>
      <c r="E9313" s="2">
        <v>368.39999999998764</v>
      </c>
    </row>
    <row r="9314" spans="1:5" x14ac:dyDescent="0.25">
      <c r="A9314" s="3">
        <v>41842.7578125</v>
      </c>
      <c r="B9314" s="2">
        <v>20.7</v>
      </c>
      <c r="C9314" s="2">
        <v>195.8</v>
      </c>
      <c r="D9314" s="2">
        <v>0</v>
      </c>
      <c r="E9314" s="2">
        <v>368.39999999998764</v>
      </c>
    </row>
    <row r="9315" spans="1:5" x14ac:dyDescent="0.25">
      <c r="A9315" s="3">
        <v>41842.760243055556</v>
      </c>
      <c r="B9315" s="2">
        <v>20.6</v>
      </c>
      <c r="C9315" s="2">
        <v>195.8</v>
      </c>
      <c r="D9315" s="2">
        <v>0.2</v>
      </c>
      <c r="E9315" s="2">
        <v>368.59999999998763</v>
      </c>
    </row>
    <row r="9316" spans="1:5" x14ac:dyDescent="0.25">
      <c r="A9316" s="3">
        <v>41842.761747685188</v>
      </c>
      <c r="B9316" s="2">
        <v>20.6</v>
      </c>
      <c r="C9316" s="2">
        <v>196</v>
      </c>
      <c r="D9316" s="2">
        <v>0</v>
      </c>
      <c r="E9316" s="2">
        <v>368.59999999998763</v>
      </c>
    </row>
    <row r="9317" spans="1:5" x14ac:dyDescent="0.25">
      <c r="A9317" s="3">
        <v>41842.764062499999</v>
      </c>
      <c r="B9317" s="2">
        <v>20.6</v>
      </c>
      <c r="C9317" s="2">
        <v>196</v>
      </c>
      <c r="D9317" s="2">
        <v>0.2</v>
      </c>
      <c r="E9317" s="2">
        <v>368.79999999998762</v>
      </c>
    </row>
    <row r="9318" spans="1:5" x14ac:dyDescent="0.25">
      <c r="A9318" s="3">
        <v>41842.764699074076</v>
      </c>
      <c r="B9318" s="2">
        <v>20.6</v>
      </c>
      <c r="C9318" s="2">
        <v>196.2</v>
      </c>
      <c r="D9318" s="2">
        <v>0</v>
      </c>
      <c r="E9318" s="2">
        <v>368.79999999998762</v>
      </c>
    </row>
    <row r="9319" spans="1:5" x14ac:dyDescent="0.25">
      <c r="A9319" s="3">
        <v>41842.766550925924</v>
      </c>
      <c r="B9319" s="2">
        <v>20.6</v>
      </c>
      <c r="C9319" s="2">
        <v>196.2</v>
      </c>
      <c r="D9319" s="2">
        <v>0.2</v>
      </c>
      <c r="E9319" s="2">
        <v>368.99999999998761</v>
      </c>
    </row>
    <row r="9320" spans="1:5" x14ac:dyDescent="0.25">
      <c r="A9320" s="3">
        <v>41842.767592592594</v>
      </c>
      <c r="B9320" s="2">
        <v>20.6</v>
      </c>
      <c r="C9320" s="2">
        <v>196.4</v>
      </c>
      <c r="D9320" s="2">
        <v>0</v>
      </c>
      <c r="E9320" s="2">
        <v>368.99999999998761</v>
      </c>
    </row>
    <row r="9321" spans="1:5" x14ac:dyDescent="0.25">
      <c r="A9321" s="3">
        <v>41842.76903935185</v>
      </c>
      <c r="B9321" s="2">
        <v>20.6</v>
      </c>
      <c r="C9321" s="2">
        <v>196.4</v>
      </c>
      <c r="D9321" s="2">
        <v>0.2</v>
      </c>
      <c r="E9321" s="2">
        <v>369.1999999999876</v>
      </c>
    </row>
    <row r="9322" spans="1:5" x14ac:dyDescent="0.25">
      <c r="A9322" s="3">
        <v>41842.77065972222</v>
      </c>
      <c r="B9322" s="2">
        <v>20.6</v>
      </c>
      <c r="C9322" s="2">
        <v>196.6</v>
      </c>
      <c r="D9322" s="2">
        <v>0</v>
      </c>
      <c r="E9322" s="2">
        <v>369.1999999999876</v>
      </c>
    </row>
    <row r="9323" spans="1:5" x14ac:dyDescent="0.25">
      <c r="A9323" s="3">
        <v>41842.772685185184</v>
      </c>
      <c r="B9323" s="2">
        <v>20.6</v>
      </c>
      <c r="C9323" s="2">
        <v>196.6</v>
      </c>
      <c r="D9323" s="2">
        <v>0.2</v>
      </c>
      <c r="E9323" s="2">
        <v>369.39999999998759</v>
      </c>
    </row>
    <row r="9324" spans="1:5" x14ac:dyDescent="0.25">
      <c r="A9324" s="3">
        <v>41842.774421296293</v>
      </c>
      <c r="B9324" s="2">
        <v>20.6</v>
      </c>
      <c r="C9324" s="2">
        <v>196.8</v>
      </c>
      <c r="D9324" s="2">
        <v>0</v>
      </c>
      <c r="E9324" s="2">
        <v>369.39999999998759</v>
      </c>
    </row>
    <row r="9325" spans="1:5" x14ac:dyDescent="0.25">
      <c r="A9325" s="3">
        <v>41842.777604166666</v>
      </c>
      <c r="B9325" s="2">
        <v>20.6</v>
      </c>
      <c r="C9325" s="2">
        <v>196.8</v>
      </c>
      <c r="D9325" s="2">
        <v>0.2</v>
      </c>
      <c r="E9325" s="2">
        <v>369.59999999998757</v>
      </c>
    </row>
    <row r="9326" spans="1:5" x14ac:dyDescent="0.25">
      <c r="A9326" s="3">
        <v>41842.787210648145</v>
      </c>
      <c r="B9326" s="2">
        <v>20.6</v>
      </c>
      <c r="C9326" s="2">
        <v>197</v>
      </c>
      <c r="D9326" s="2">
        <v>0</v>
      </c>
      <c r="E9326" s="2">
        <v>369.59999999998757</v>
      </c>
    </row>
    <row r="9327" spans="1:5" x14ac:dyDescent="0.25">
      <c r="A9327" s="3">
        <v>41842.807754629626</v>
      </c>
      <c r="B9327" s="2">
        <v>20.5</v>
      </c>
      <c r="C9327" s="2">
        <v>197</v>
      </c>
      <c r="D9327" s="2">
        <v>0.2</v>
      </c>
      <c r="E9327" s="2">
        <v>369.79999999998756</v>
      </c>
    </row>
    <row r="9328" spans="1:5" x14ac:dyDescent="0.25">
      <c r="A9328" s="3">
        <v>41842.814756944441</v>
      </c>
      <c r="B9328" s="2">
        <v>20.399999999999999</v>
      </c>
      <c r="C9328" s="2">
        <v>197.2</v>
      </c>
      <c r="D9328" s="2">
        <v>0</v>
      </c>
      <c r="E9328" s="2">
        <v>369.79999999998756</v>
      </c>
    </row>
    <row r="9329" spans="1:5" x14ac:dyDescent="0.25">
      <c r="A9329" s="3">
        <v>41842.838078703702</v>
      </c>
      <c r="B9329" s="2">
        <v>20.3</v>
      </c>
      <c r="C9329" s="2">
        <v>197.2</v>
      </c>
      <c r="D9329" s="2">
        <v>0.2</v>
      </c>
      <c r="E9329" s="2">
        <v>369.99999999998755</v>
      </c>
    </row>
    <row r="9330" spans="1:5" x14ac:dyDescent="0.25">
      <c r="A9330" s="3">
        <v>41842.844097222223</v>
      </c>
      <c r="B9330" s="2">
        <v>20.3</v>
      </c>
      <c r="C9330" s="2">
        <v>197.4</v>
      </c>
      <c r="D9330" s="2">
        <v>0</v>
      </c>
      <c r="E9330" s="2">
        <v>369.99999999998755</v>
      </c>
    </row>
    <row r="9331" spans="1:5" x14ac:dyDescent="0.25">
      <c r="A9331" s="3">
        <v>41842.849768518521</v>
      </c>
      <c r="B9331" s="2">
        <v>20.3</v>
      </c>
      <c r="C9331" s="2">
        <v>197.4</v>
      </c>
      <c r="D9331" s="2">
        <v>0.2</v>
      </c>
      <c r="E9331" s="2">
        <v>370.19999999998754</v>
      </c>
    </row>
    <row r="9332" spans="1:5" x14ac:dyDescent="0.25">
      <c r="A9332" s="3">
        <v>41842.868692129632</v>
      </c>
      <c r="B9332" s="2">
        <v>20.2</v>
      </c>
      <c r="C9332" s="2">
        <v>197.6</v>
      </c>
      <c r="D9332" s="2">
        <v>0</v>
      </c>
      <c r="E9332" s="2">
        <v>370.19999999998754</v>
      </c>
    </row>
    <row r="9333" spans="1:5" x14ac:dyDescent="0.25">
      <c r="A9333" s="3">
        <v>41842.876215277778</v>
      </c>
      <c r="B9333" s="2">
        <v>20.100000000000001</v>
      </c>
      <c r="C9333" s="2">
        <v>197.6</v>
      </c>
      <c r="D9333" s="2">
        <v>0.2</v>
      </c>
      <c r="E9333" s="2">
        <v>370.39999999998753</v>
      </c>
    </row>
    <row r="9334" spans="1:5" x14ac:dyDescent="0.25">
      <c r="A9334" s="3">
        <v>41842.959664351853</v>
      </c>
      <c r="B9334" s="2">
        <v>19.7</v>
      </c>
      <c r="C9334" s="2">
        <v>197.6</v>
      </c>
      <c r="D9334" s="2">
        <v>0.2</v>
      </c>
      <c r="E9334" s="2">
        <v>370.59999999998752</v>
      </c>
    </row>
    <row r="9335" spans="1:5" x14ac:dyDescent="0.25">
      <c r="A9335" s="3">
        <v>41842.967418981483</v>
      </c>
      <c r="B9335" s="2">
        <v>19.7</v>
      </c>
      <c r="C9335" s="2">
        <v>197.8</v>
      </c>
      <c r="D9335" s="2">
        <v>0</v>
      </c>
      <c r="E9335" s="2">
        <v>370.59999999998752</v>
      </c>
    </row>
    <row r="9336" spans="1:5" x14ac:dyDescent="0.25">
      <c r="A9336" s="3">
        <v>41842.994039351855</v>
      </c>
      <c r="B9336" s="2">
        <v>19.600000000000001</v>
      </c>
      <c r="C9336" s="2">
        <v>197.8</v>
      </c>
      <c r="D9336" s="2">
        <v>0.2</v>
      </c>
      <c r="E9336" s="2">
        <v>370.79999999998751</v>
      </c>
    </row>
    <row r="9337" spans="1:5" x14ac:dyDescent="0.25">
      <c r="A9337" s="3">
        <v>41842.997569444444</v>
      </c>
      <c r="B9337" s="2">
        <v>19.600000000000001</v>
      </c>
      <c r="C9337" s="2">
        <v>198</v>
      </c>
      <c r="D9337" s="2">
        <v>0</v>
      </c>
      <c r="E9337" s="2">
        <v>370.79999999998751</v>
      </c>
    </row>
    <row r="9338" spans="1:5" x14ac:dyDescent="0.25">
      <c r="A9338" s="3">
        <v>41843.017476851855</v>
      </c>
      <c r="B9338" s="2">
        <v>19.5</v>
      </c>
      <c r="C9338" s="2">
        <v>198</v>
      </c>
      <c r="D9338" s="2">
        <v>0.2</v>
      </c>
      <c r="E9338" s="2">
        <v>370.99999999998749</v>
      </c>
    </row>
    <row r="9339" spans="1:5" x14ac:dyDescent="0.25">
      <c r="A9339" s="3">
        <v>41843.018229166664</v>
      </c>
      <c r="B9339" s="2">
        <v>19.5</v>
      </c>
      <c r="C9339" s="2">
        <v>198.2</v>
      </c>
      <c r="D9339" s="2">
        <v>0</v>
      </c>
      <c r="E9339" s="2">
        <v>370.99999999998749</v>
      </c>
    </row>
    <row r="9340" spans="1:5" x14ac:dyDescent="0.25">
      <c r="A9340" s="3">
        <v>41843.023611111108</v>
      </c>
      <c r="B9340" s="2">
        <v>19.5</v>
      </c>
      <c r="C9340" s="2">
        <v>198.2</v>
      </c>
      <c r="D9340" s="2">
        <v>0.2</v>
      </c>
      <c r="E9340" s="2">
        <v>371.19999999998748</v>
      </c>
    </row>
    <row r="9341" spans="1:5" x14ac:dyDescent="0.25">
      <c r="A9341" s="3">
        <v>41843.025000000001</v>
      </c>
      <c r="B9341" s="2">
        <v>19.5</v>
      </c>
      <c r="C9341" s="2">
        <v>198.4</v>
      </c>
      <c r="D9341" s="2">
        <v>0</v>
      </c>
      <c r="E9341" s="2">
        <v>371.19999999998748</v>
      </c>
    </row>
    <row r="9342" spans="1:5" x14ac:dyDescent="0.25">
      <c r="A9342" s="3">
        <v>41843.036226851851</v>
      </c>
      <c r="B9342" s="2">
        <v>19.399999999999999</v>
      </c>
      <c r="C9342" s="2">
        <v>198.4</v>
      </c>
      <c r="D9342" s="2">
        <v>0.2</v>
      </c>
      <c r="E9342" s="2">
        <v>371.39999999998747</v>
      </c>
    </row>
    <row r="9343" spans="1:5" x14ac:dyDescent="0.25">
      <c r="A9343" s="3">
        <v>41843.045717592591</v>
      </c>
      <c r="B9343" s="2">
        <v>19.399999999999999</v>
      </c>
      <c r="C9343" s="2">
        <v>198.6</v>
      </c>
      <c r="D9343" s="2">
        <v>0</v>
      </c>
      <c r="E9343" s="2">
        <v>371.39999999998747</v>
      </c>
    </row>
    <row r="9344" spans="1:5" x14ac:dyDescent="0.25">
      <c r="A9344" s="3">
        <v>41843.058622685188</v>
      </c>
      <c r="B9344" s="2">
        <v>19.3</v>
      </c>
      <c r="C9344" s="2">
        <v>198.6</v>
      </c>
      <c r="D9344" s="2">
        <v>0.2</v>
      </c>
      <c r="E9344" s="2">
        <v>371.59999999998746</v>
      </c>
    </row>
    <row r="9345" spans="1:5" x14ac:dyDescent="0.25">
      <c r="A9345" s="3">
        <v>41843.066666666666</v>
      </c>
      <c r="B9345" s="2">
        <v>19.3</v>
      </c>
      <c r="C9345" s="2">
        <v>198.8</v>
      </c>
      <c r="D9345" s="2">
        <v>0</v>
      </c>
      <c r="E9345" s="2">
        <v>371.59999999998746</v>
      </c>
    </row>
    <row r="9346" spans="1:5" x14ac:dyDescent="0.25">
      <c r="A9346" s="3">
        <v>41843.084606481483</v>
      </c>
      <c r="B9346" s="2">
        <v>19.3</v>
      </c>
      <c r="C9346" s="2">
        <v>198.8</v>
      </c>
      <c r="D9346" s="2">
        <v>0.2</v>
      </c>
      <c r="E9346" s="2">
        <v>371.79999999998745</v>
      </c>
    </row>
    <row r="9347" spans="1:5" x14ac:dyDescent="0.25">
      <c r="A9347" s="3">
        <v>41843.094386574077</v>
      </c>
      <c r="B9347" s="2">
        <v>19.2</v>
      </c>
      <c r="C9347" s="2">
        <v>199</v>
      </c>
      <c r="D9347" s="2">
        <v>0</v>
      </c>
      <c r="E9347" s="2">
        <v>371.79999999998745</v>
      </c>
    </row>
    <row r="9348" spans="1:5" x14ac:dyDescent="0.25">
      <c r="A9348" s="3">
        <v>41843.10260416667</v>
      </c>
      <c r="B9348" s="2">
        <v>19.2</v>
      </c>
      <c r="C9348" s="2">
        <v>199</v>
      </c>
      <c r="D9348" s="2">
        <v>0.2</v>
      </c>
      <c r="E9348" s="2">
        <v>371.99999999998744</v>
      </c>
    </row>
    <row r="9349" spans="1:5" x14ac:dyDescent="0.25">
      <c r="A9349" s="3">
        <v>41843.107291666667</v>
      </c>
      <c r="B9349" s="2">
        <v>19.2</v>
      </c>
      <c r="C9349" s="2">
        <v>199.2</v>
      </c>
      <c r="D9349" s="2">
        <v>0</v>
      </c>
      <c r="E9349" s="2">
        <v>371.99999999998744</v>
      </c>
    </row>
    <row r="9350" spans="1:5" x14ac:dyDescent="0.25">
      <c r="A9350" s="3">
        <v>41843.113194444442</v>
      </c>
      <c r="B9350" s="2">
        <v>19.2</v>
      </c>
      <c r="C9350" s="2">
        <v>199.2</v>
      </c>
      <c r="D9350" s="2">
        <v>0.2</v>
      </c>
      <c r="E9350" s="2">
        <v>372.19999999998743</v>
      </c>
    </row>
    <row r="9351" spans="1:5" x14ac:dyDescent="0.25">
      <c r="A9351" s="3">
        <v>41843.127951388888</v>
      </c>
      <c r="B9351" s="2">
        <v>19.100000000000001</v>
      </c>
      <c r="C9351" s="2">
        <v>199.4</v>
      </c>
      <c r="D9351" s="2">
        <v>0</v>
      </c>
      <c r="E9351" s="2">
        <v>372.19999999998743</v>
      </c>
    </row>
    <row r="9352" spans="1:5" x14ac:dyDescent="0.25">
      <c r="A9352" s="3">
        <v>41843.132696759261</v>
      </c>
      <c r="B9352" s="2">
        <v>19.100000000000001</v>
      </c>
      <c r="C9352" s="2">
        <v>199.4</v>
      </c>
      <c r="D9352" s="2">
        <v>0.2</v>
      </c>
      <c r="E9352" s="2">
        <v>372.39999999998741</v>
      </c>
    </row>
    <row r="9353" spans="1:5" x14ac:dyDescent="0.25">
      <c r="A9353" s="3">
        <v>41843.141493055555</v>
      </c>
      <c r="B9353" s="2">
        <v>19.100000000000001</v>
      </c>
      <c r="C9353" s="2">
        <v>199.6</v>
      </c>
      <c r="D9353" s="2">
        <v>0</v>
      </c>
      <c r="E9353" s="2">
        <v>372.39999999998741</v>
      </c>
    </row>
    <row r="9354" spans="1:5" x14ac:dyDescent="0.25">
      <c r="A9354" s="3">
        <v>41843.145138888889</v>
      </c>
      <c r="B9354" s="2">
        <v>19.100000000000001</v>
      </c>
      <c r="C9354" s="2">
        <v>199.6</v>
      </c>
      <c r="D9354" s="2">
        <v>0.2</v>
      </c>
      <c r="E9354" s="2">
        <v>372.5999999999874</v>
      </c>
    </row>
    <row r="9355" spans="1:5" x14ac:dyDescent="0.25">
      <c r="A9355" s="3">
        <v>41843.157696759263</v>
      </c>
      <c r="B9355" s="2">
        <v>19</v>
      </c>
      <c r="C9355" s="2">
        <v>199.8</v>
      </c>
      <c r="D9355" s="2">
        <v>0</v>
      </c>
      <c r="E9355" s="2">
        <v>372.5999999999874</v>
      </c>
    </row>
    <row r="9356" spans="1:5" x14ac:dyDescent="0.25">
      <c r="A9356" s="3">
        <v>41843.158680555556</v>
      </c>
      <c r="B9356" s="2">
        <v>19</v>
      </c>
      <c r="C9356" s="2">
        <v>199.8</v>
      </c>
      <c r="D9356" s="2">
        <v>0.2</v>
      </c>
      <c r="E9356" s="2">
        <v>372.79999999998739</v>
      </c>
    </row>
    <row r="9357" spans="1:5" x14ac:dyDescent="0.25">
      <c r="A9357" s="3">
        <v>41843.162442129629</v>
      </c>
      <c r="B9357" s="2">
        <v>19</v>
      </c>
      <c r="C9357" s="2">
        <v>200</v>
      </c>
      <c r="D9357" s="2">
        <v>0</v>
      </c>
      <c r="E9357" s="2">
        <v>372.79999999998739</v>
      </c>
    </row>
    <row r="9358" spans="1:5" x14ac:dyDescent="0.25">
      <c r="A9358" s="3">
        <v>41843.164525462962</v>
      </c>
      <c r="B9358" s="2">
        <v>19</v>
      </c>
      <c r="C9358" s="2">
        <v>200</v>
      </c>
      <c r="D9358" s="2">
        <v>0.2</v>
      </c>
      <c r="E9358" s="2">
        <v>372.99999999998738</v>
      </c>
    </row>
    <row r="9359" spans="1:5" x14ac:dyDescent="0.25">
      <c r="A9359" s="3">
        <v>41843.181712962964</v>
      </c>
      <c r="B9359" s="2">
        <v>18.899999999999999</v>
      </c>
      <c r="C9359" s="2">
        <v>200</v>
      </c>
      <c r="D9359" s="2">
        <v>0.2</v>
      </c>
      <c r="E9359" s="2">
        <v>373.19999999998737</v>
      </c>
    </row>
    <row r="9360" spans="1:5" x14ac:dyDescent="0.25">
      <c r="A9360" s="3">
        <v>41843.181886574072</v>
      </c>
      <c r="B9360" s="2">
        <v>18.899999999999999</v>
      </c>
      <c r="C9360" s="2">
        <v>200.2</v>
      </c>
      <c r="D9360" s="2">
        <v>0</v>
      </c>
      <c r="E9360" s="2">
        <v>373.19999999998737</v>
      </c>
    </row>
    <row r="9361" spans="1:5" x14ac:dyDescent="0.25">
      <c r="A9361" s="3">
        <v>41843.197974537034</v>
      </c>
      <c r="B9361" s="2">
        <v>18.899999999999999</v>
      </c>
      <c r="C9361" s="2">
        <v>200.2</v>
      </c>
      <c r="D9361" s="2">
        <v>0.2</v>
      </c>
      <c r="E9361" s="2">
        <v>373.39999999998736</v>
      </c>
    </row>
    <row r="9362" spans="1:5" x14ac:dyDescent="0.25">
      <c r="A9362" s="3">
        <v>41843.19803240741</v>
      </c>
      <c r="B9362" s="2">
        <v>18.899999999999999</v>
      </c>
      <c r="C9362" s="2">
        <v>200.4</v>
      </c>
      <c r="D9362" s="2">
        <v>0</v>
      </c>
      <c r="E9362" s="2">
        <v>373.39999999998736</v>
      </c>
    </row>
    <row r="9363" spans="1:5" x14ac:dyDescent="0.25">
      <c r="A9363" s="3">
        <v>41843.200520833336</v>
      </c>
      <c r="B9363" s="2">
        <v>18.899999999999999</v>
      </c>
      <c r="C9363" s="2">
        <v>200.4</v>
      </c>
      <c r="D9363" s="2">
        <v>0.2</v>
      </c>
      <c r="E9363" s="2">
        <v>373.59999999998735</v>
      </c>
    </row>
    <row r="9364" spans="1:5" x14ac:dyDescent="0.25">
      <c r="A9364" s="3">
        <v>41843.200810185182</v>
      </c>
      <c r="B9364" s="2">
        <v>18.899999999999999</v>
      </c>
      <c r="C9364" s="2">
        <v>200.6</v>
      </c>
      <c r="D9364" s="2">
        <v>0</v>
      </c>
      <c r="E9364" s="2">
        <v>373.59999999998735</v>
      </c>
    </row>
    <row r="9365" spans="1:5" x14ac:dyDescent="0.25">
      <c r="A9365" s="3">
        <v>41843.458101851851</v>
      </c>
      <c r="B9365" s="2">
        <v>23.5</v>
      </c>
      <c r="C9365" s="2">
        <v>200.8</v>
      </c>
      <c r="D9365" s="2">
        <v>0</v>
      </c>
      <c r="E9365" s="2">
        <v>373.59999999998735</v>
      </c>
    </row>
    <row r="9366" spans="1:5" x14ac:dyDescent="0.25">
      <c r="A9366" s="3">
        <v>41843.521932870368</v>
      </c>
      <c r="B9366" s="2">
        <v>27</v>
      </c>
      <c r="C9366" s="2">
        <v>200.6</v>
      </c>
      <c r="D9366" s="2">
        <v>0</v>
      </c>
      <c r="E9366" s="2">
        <v>373.59999999998735</v>
      </c>
    </row>
    <row r="9367" spans="1:5" x14ac:dyDescent="0.25">
      <c r="A9367" s="3">
        <v>41843.522048611114</v>
      </c>
      <c r="B9367" s="2">
        <v>27</v>
      </c>
      <c r="C9367" s="2">
        <v>200.8</v>
      </c>
      <c r="D9367" s="2">
        <v>0</v>
      </c>
      <c r="E9367" s="2">
        <v>373.59999999998735</v>
      </c>
    </row>
    <row r="9368" spans="1:5" x14ac:dyDescent="0.25">
      <c r="A9368" s="3">
        <v>41843.522337962961</v>
      </c>
      <c r="B9368" s="2">
        <v>27</v>
      </c>
      <c r="C9368" s="2">
        <v>200.6</v>
      </c>
      <c r="D9368" s="2">
        <v>0</v>
      </c>
      <c r="E9368" s="2">
        <v>373.59999999998735</v>
      </c>
    </row>
    <row r="9369" spans="1:5" x14ac:dyDescent="0.25">
      <c r="A9369" s="3">
        <v>41843.523032407407</v>
      </c>
      <c r="B9369" s="2">
        <v>27</v>
      </c>
      <c r="C9369" s="2">
        <v>200.8</v>
      </c>
      <c r="D9369" s="2">
        <v>0</v>
      </c>
      <c r="E9369" s="2">
        <v>373.59999999998735</v>
      </c>
    </row>
    <row r="9370" spans="1:5" x14ac:dyDescent="0.25">
      <c r="A9370" s="3">
        <v>41843.524016203701</v>
      </c>
      <c r="B9370" s="2">
        <v>27.1</v>
      </c>
      <c r="C9370" s="2">
        <v>200.6</v>
      </c>
      <c r="D9370" s="2">
        <v>0</v>
      </c>
      <c r="E9370" s="2">
        <v>373.59999999998735</v>
      </c>
    </row>
    <row r="9371" spans="1:5" x14ac:dyDescent="0.25">
      <c r="A9371" s="3">
        <v>41843.52789351852</v>
      </c>
      <c r="B9371" s="2">
        <v>27.3</v>
      </c>
      <c r="C9371" s="2">
        <v>200.8</v>
      </c>
      <c r="D9371" s="2">
        <v>0</v>
      </c>
      <c r="E9371" s="2">
        <v>373.59999999998735</v>
      </c>
    </row>
    <row r="9372" spans="1:5" x14ac:dyDescent="0.25">
      <c r="A9372" s="3">
        <v>41843.528935185182</v>
      </c>
      <c r="B9372" s="2">
        <v>27.4</v>
      </c>
      <c r="C9372" s="2">
        <v>200.6</v>
      </c>
      <c r="D9372" s="2">
        <v>0</v>
      </c>
      <c r="E9372" s="2">
        <v>373.59999999998735</v>
      </c>
    </row>
    <row r="9373" spans="1:5" x14ac:dyDescent="0.25">
      <c r="A9373" s="3">
        <v>41843.529918981483</v>
      </c>
      <c r="B9373" s="2">
        <v>27.4</v>
      </c>
      <c r="C9373" s="2">
        <v>200.8</v>
      </c>
      <c r="D9373" s="2">
        <v>0</v>
      </c>
      <c r="E9373" s="2">
        <v>373.59999999998735</v>
      </c>
    </row>
    <row r="9374" spans="1:5" x14ac:dyDescent="0.25">
      <c r="A9374" s="3">
        <v>41843.530381944445</v>
      </c>
      <c r="B9374" s="2">
        <v>27.4</v>
      </c>
      <c r="C9374" s="2">
        <v>200.6</v>
      </c>
      <c r="D9374" s="2">
        <v>0</v>
      </c>
      <c r="E9374" s="2">
        <v>373.59999999998735</v>
      </c>
    </row>
    <row r="9375" spans="1:5" x14ac:dyDescent="0.25">
      <c r="A9375" s="3">
        <v>41843.533622685187</v>
      </c>
      <c r="B9375" s="2">
        <v>27.7</v>
      </c>
      <c r="C9375" s="2">
        <v>200.8</v>
      </c>
      <c r="D9375" s="2">
        <v>0</v>
      </c>
      <c r="E9375" s="2">
        <v>373.59999999998735</v>
      </c>
    </row>
    <row r="9376" spans="1:5" x14ac:dyDescent="0.25">
      <c r="A9376" s="3">
        <v>41843.533912037034</v>
      </c>
      <c r="B9376" s="2">
        <v>27.8</v>
      </c>
      <c r="C9376" s="2">
        <v>200.6</v>
      </c>
      <c r="D9376" s="2">
        <v>0</v>
      </c>
      <c r="E9376" s="2">
        <v>373.59999999998735</v>
      </c>
    </row>
    <row r="9377" spans="1:5" x14ac:dyDescent="0.25">
      <c r="A9377" s="3">
        <v>41843.53396990741</v>
      </c>
      <c r="B9377" s="2">
        <v>27.8</v>
      </c>
      <c r="C9377" s="2">
        <v>200.8</v>
      </c>
      <c r="D9377" s="2">
        <v>0</v>
      </c>
      <c r="E9377" s="2">
        <v>373.59999999998735</v>
      </c>
    </row>
    <row r="9378" spans="1:5" x14ac:dyDescent="0.25">
      <c r="A9378" s="3">
        <v>41843.534432870372</v>
      </c>
      <c r="B9378" s="2">
        <v>27.7</v>
      </c>
      <c r="C9378" s="2">
        <v>200.6</v>
      </c>
      <c r="D9378" s="2">
        <v>0</v>
      </c>
      <c r="E9378" s="2">
        <v>373.59999999998735</v>
      </c>
    </row>
    <row r="9379" spans="1:5" x14ac:dyDescent="0.25">
      <c r="A9379" s="3">
        <v>41843.588541666664</v>
      </c>
      <c r="B9379" s="2">
        <v>28.6</v>
      </c>
      <c r="C9379" s="2">
        <v>200.4</v>
      </c>
      <c r="D9379" s="2">
        <v>0</v>
      </c>
      <c r="E9379" s="2">
        <v>373.59999999998735</v>
      </c>
    </row>
    <row r="9380" spans="1:5" x14ac:dyDescent="0.25">
      <c r="A9380" s="3">
        <v>41843.604513888888</v>
      </c>
      <c r="B9380" s="2">
        <v>28.4</v>
      </c>
      <c r="C9380" s="2">
        <v>200.6</v>
      </c>
      <c r="D9380" s="2">
        <v>0</v>
      </c>
      <c r="E9380" s="2">
        <v>373.59999999998735</v>
      </c>
    </row>
    <row r="9381" spans="1:5" x14ac:dyDescent="0.25">
      <c r="A9381" s="3">
        <v>41843.605208333334</v>
      </c>
      <c r="B9381" s="2">
        <v>28.4</v>
      </c>
      <c r="C9381" s="2">
        <v>200.6</v>
      </c>
      <c r="D9381" s="2">
        <v>0.2</v>
      </c>
      <c r="E9381" s="2">
        <v>373.79999999998734</v>
      </c>
    </row>
    <row r="9382" spans="1:5" x14ac:dyDescent="0.25">
      <c r="A9382" s="3">
        <v>41843.606076388889</v>
      </c>
      <c r="B9382" s="2">
        <v>28.4</v>
      </c>
      <c r="C9382" s="2">
        <v>200.6</v>
      </c>
      <c r="D9382" s="2">
        <v>0.2</v>
      </c>
      <c r="E9382" s="2">
        <v>373.99999999998732</v>
      </c>
    </row>
    <row r="9383" spans="1:5" x14ac:dyDescent="0.25">
      <c r="A9383" s="3">
        <v>41843.607870370368</v>
      </c>
      <c r="B9383" s="2">
        <v>28.4</v>
      </c>
      <c r="C9383" s="2">
        <v>200.8</v>
      </c>
      <c r="D9383" s="2">
        <v>0</v>
      </c>
      <c r="E9383" s="2">
        <v>373.99999999998732</v>
      </c>
    </row>
    <row r="9384" spans="1:5" x14ac:dyDescent="0.25">
      <c r="A9384" s="3">
        <v>41843.608101851853</v>
      </c>
      <c r="B9384" s="2">
        <v>28.4</v>
      </c>
      <c r="C9384" s="2">
        <v>200.8</v>
      </c>
      <c r="D9384" s="2">
        <v>0.2</v>
      </c>
      <c r="E9384" s="2">
        <v>374.19999999998731</v>
      </c>
    </row>
    <row r="9385" spans="1:5" x14ac:dyDescent="0.25">
      <c r="A9385" s="3">
        <v>41843.609201388892</v>
      </c>
      <c r="B9385" s="2">
        <v>28.2</v>
      </c>
      <c r="C9385" s="2">
        <v>201</v>
      </c>
      <c r="D9385" s="2">
        <v>0</v>
      </c>
      <c r="E9385" s="2">
        <v>374.19999999998731</v>
      </c>
    </row>
    <row r="9386" spans="1:5" x14ac:dyDescent="0.25">
      <c r="A9386" s="3">
        <v>41843.609664351854</v>
      </c>
      <c r="B9386" s="2">
        <v>28.2</v>
      </c>
      <c r="C9386" s="2">
        <v>201</v>
      </c>
      <c r="D9386" s="2">
        <v>0.2</v>
      </c>
      <c r="E9386" s="2">
        <v>374.3999999999873</v>
      </c>
    </row>
    <row r="9387" spans="1:5" x14ac:dyDescent="0.25">
      <c r="A9387" s="3">
        <v>41843.624710648146</v>
      </c>
      <c r="B9387" s="2">
        <v>28.2</v>
      </c>
      <c r="C9387" s="2">
        <v>200.8</v>
      </c>
      <c r="D9387" s="2">
        <v>0</v>
      </c>
      <c r="E9387" s="2">
        <v>374.3999999999873</v>
      </c>
    </row>
    <row r="9388" spans="1:5" x14ac:dyDescent="0.25">
      <c r="A9388" s="3">
        <v>41843.692013888889</v>
      </c>
      <c r="B9388" s="2">
        <v>28</v>
      </c>
      <c r="C9388" s="2">
        <v>200.6</v>
      </c>
      <c r="D9388" s="2">
        <v>0</v>
      </c>
      <c r="E9388" s="2">
        <v>374.3999999999873</v>
      </c>
    </row>
    <row r="9389" spans="1:5" x14ac:dyDescent="0.25">
      <c r="A9389" s="3">
        <v>41843.695370370369</v>
      </c>
      <c r="B9389" s="2">
        <v>27.9</v>
      </c>
      <c r="C9389" s="2">
        <v>200.8</v>
      </c>
      <c r="D9389" s="2">
        <v>0</v>
      </c>
      <c r="E9389" s="2">
        <v>374.3999999999873</v>
      </c>
    </row>
    <row r="9390" spans="1:5" x14ac:dyDescent="0.25">
      <c r="A9390" s="3">
        <v>41843.695543981485</v>
      </c>
      <c r="B9390" s="2">
        <v>27.9</v>
      </c>
      <c r="C9390" s="2">
        <v>200.6</v>
      </c>
      <c r="D9390" s="2">
        <v>0</v>
      </c>
      <c r="E9390" s="2">
        <v>374.3999999999873</v>
      </c>
    </row>
    <row r="9391" spans="1:5" x14ac:dyDescent="0.25">
      <c r="A9391" s="3">
        <v>41843.735706018517</v>
      </c>
      <c r="B9391" s="2">
        <v>27.4</v>
      </c>
      <c r="C9391" s="2">
        <v>200.4</v>
      </c>
      <c r="D9391" s="2">
        <v>0</v>
      </c>
      <c r="E9391" s="2">
        <v>374.3999999999873</v>
      </c>
    </row>
    <row r="9392" spans="1:5" x14ac:dyDescent="0.25">
      <c r="A9392" s="3">
        <v>41843.778703703705</v>
      </c>
      <c r="B9392" s="2">
        <v>26.6</v>
      </c>
      <c r="C9392" s="2">
        <v>200.2</v>
      </c>
      <c r="D9392" s="2">
        <v>0</v>
      </c>
      <c r="E9392" s="2">
        <v>374.3999999999873</v>
      </c>
    </row>
    <row r="9393" spans="1:5" x14ac:dyDescent="0.25">
      <c r="A9393" s="3">
        <v>41843.77957175926</v>
      </c>
      <c r="B9393" s="2">
        <v>26.6</v>
      </c>
      <c r="C9393" s="2">
        <v>200.4</v>
      </c>
      <c r="D9393" s="2">
        <v>0</v>
      </c>
      <c r="E9393" s="2">
        <v>374.3999999999873</v>
      </c>
    </row>
    <row r="9394" spans="1:5" x14ac:dyDescent="0.25">
      <c r="A9394" s="3">
        <v>41843.779745370368</v>
      </c>
      <c r="B9394" s="2">
        <v>26.5</v>
      </c>
      <c r="C9394" s="2">
        <v>200.2</v>
      </c>
      <c r="D9394" s="2">
        <v>0</v>
      </c>
      <c r="E9394" s="2">
        <v>374.3999999999873</v>
      </c>
    </row>
    <row r="9395" spans="1:5" x14ac:dyDescent="0.25">
      <c r="A9395" s="3">
        <v>41843.815335648149</v>
      </c>
      <c r="B9395" s="2">
        <v>25.7</v>
      </c>
      <c r="C9395" s="2">
        <v>200</v>
      </c>
      <c r="D9395" s="2">
        <v>0</v>
      </c>
      <c r="E9395" s="2">
        <v>374.3999999999873</v>
      </c>
    </row>
    <row r="9396" spans="1:5" x14ac:dyDescent="0.25">
      <c r="A9396" s="3">
        <v>41843.900057870371</v>
      </c>
      <c r="B9396" s="2">
        <v>24</v>
      </c>
      <c r="C9396" s="2">
        <v>199.8</v>
      </c>
      <c r="D9396" s="2">
        <v>0</v>
      </c>
      <c r="E9396" s="2">
        <v>374.3999999999873</v>
      </c>
    </row>
    <row r="9397" spans="1:5" x14ac:dyDescent="0.25">
      <c r="A9397" s="3">
        <v>41843.986631944441</v>
      </c>
      <c r="B9397" s="2">
        <v>22.4</v>
      </c>
      <c r="C9397" s="2">
        <v>199.6</v>
      </c>
      <c r="D9397" s="2">
        <v>0</v>
      </c>
      <c r="E9397" s="2">
        <v>374.3999999999873</v>
      </c>
    </row>
    <row r="9398" spans="1:5" x14ac:dyDescent="0.25">
      <c r="A9398" s="3">
        <v>41844.076099537036</v>
      </c>
      <c r="B9398" s="2">
        <v>20.8</v>
      </c>
      <c r="C9398" s="2">
        <v>199.4</v>
      </c>
      <c r="D9398" s="2">
        <v>0</v>
      </c>
      <c r="E9398" s="2">
        <v>374.3999999999873</v>
      </c>
    </row>
    <row r="9399" spans="1:5" x14ac:dyDescent="0.25">
      <c r="A9399" s="3">
        <v>41844.202835648146</v>
      </c>
      <c r="B9399" s="2">
        <v>18.899999999999999</v>
      </c>
      <c r="C9399" s="2">
        <v>199.2</v>
      </c>
      <c r="D9399" s="2">
        <v>0</v>
      </c>
      <c r="E9399" s="2">
        <v>374.3999999999873</v>
      </c>
    </row>
    <row r="9400" spans="1:5" x14ac:dyDescent="0.25">
      <c r="A9400" s="3">
        <v>41844.346701388888</v>
      </c>
      <c r="B9400" s="2">
        <v>18.399999999999999</v>
      </c>
      <c r="C9400" s="2">
        <v>199</v>
      </c>
      <c r="D9400" s="2">
        <v>0</v>
      </c>
      <c r="E9400" s="2">
        <v>374.3999999999873</v>
      </c>
    </row>
    <row r="9401" spans="1:5" x14ac:dyDescent="0.25">
      <c r="A9401" s="3">
        <v>41844.510937500003</v>
      </c>
      <c r="B9401" s="2">
        <v>26.5</v>
      </c>
      <c r="C9401" s="2">
        <v>198.8</v>
      </c>
      <c r="D9401" s="2">
        <v>0</v>
      </c>
      <c r="E9401" s="2">
        <v>374.3999999999873</v>
      </c>
    </row>
    <row r="9402" spans="1:5" x14ac:dyDescent="0.25">
      <c r="A9402" s="3">
        <v>41844.51116898148</v>
      </c>
      <c r="B9402" s="2">
        <v>26.5</v>
      </c>
      <c r="C9402" s="2">
        <v>199</v>
      </c>
      <c r="D9402" s="2">
        <v>0</v>
      </c>
      <c r="E9402" s="2">
        <v>374.3999999999873</v>
      </c>
    </row>
    <row r="9403" spans="1:5" x14ac:dyDescent="0.25">
      <c r="A9403" s="3">
        <v>41844.511516203704</v>
      </c>
      <c r="B9403" s="2">
        <v>26.5</v>
      </c>
      <c r="C9403" s="2">
        <v>198.8</v>
      </c>
      <c r="D9403" s="2">
        <v>0</v>
      </c>
      <c r="E9403" s="2">
        <v>374.3999999999873</v>
      </c>
    </row>
    <row r="9404" spans="1:5" x14ac:dyDescent="0.25">
      <c r="A9404" s="3">
        <v>41844.513078703705</v>
      </c>
      <c r="B9404" s="2">
        <v>26.8</v>
      </c>
      <c r="C9404" s="2">
        <v>199</v>
      </c>
      <c r="D9404" s="2">
        <v>0</v>
      </c>
      <c r="E9404" s="2">
        <v>374.3999999999873</v>
      </c>
    </row>
    <row r="9405" spans="1:5" x14ac:dyDescent="0.25">
      <c r="A9405" s="3">
        <v>41844.513194444444</v>
      </c>
      <c r="B9405" s="2">
        <v>26.8</v>
      </c>
      <c r="C9405" s="2">
        <v>198.8</v>
      </c>
      <c r="D9405" s="2">
        <v>0</v>
      </c>
      <c r="E9405" s="2">
        <v>374.3999999999873</v>
      </c>
    </row>
    <row r="9406" spans="1:5" x14ac:dyDescent="0.25">
      <c r="A9406" s="3">
        <v>41844.514467592591</v>
      </c>
      <c r="B9406" s="2">
        <v>26.9</v>
      </c>
      <c r="C9406" s="2">
        <v>199</v>
      </c>
      <c r="D9406" s="2">
        <v>0</v>
      </c>
      <c r="E9406" s="2">
        <v>374.3999999999873</v>
      </c>
    </row>
    <row r="9407" spans="1:5" x14ac:dyDescent="0.25">
      <c r="A9407" s="3">
        <v>41844.514641203707</v>
      </c>
      <c r="B9407" s="2">
        <v>26.9</v>
      </c>
      <c r="C9407" s="2">
        <v>198.8</v>
      </c>
      <c r="D9407" s="2">
        <v>0</v>
      </c>
      <c r="E9407" s="2">
        <v>374.3999999999873</v>
      </c>
    </row>
    <row r="9408" spans="1:5" x14ac:dyDescent="0.25">
      <c r="A9408" s="3">
        <v>41844.523206018515</v>
      </c>
      <c r="B9408" s="2">
        <v>27.4</v>
      </c>
      <c r="C9408" s="2">
        <v>199</v>
      </c>
      <c r="D9408" s="2">
        <v>0</v>
      </c>
      <c r="E9408" s="2">
        <v>374.3999999999873</v>
      </c>
    </row>
    <row r="9409" spans="1:5" x14ac:dyDescent="0.25">
      <c r="A9409" s="3">
        <v>41844.523263888892</v>
      </c>
      <c r="B9409" s="2">
        <v>27.4</v>
      </c>
      <c r="C9409" s="2">
        <v>198.8</v>
      </c>
      <c r="D9409" s="2">
        <v>0</v>
      </c>
      <c r="E9409" s="2">
        <v>374.3999999999873</v>
      </c>
    </row>
    <row r="9410" spans="1:5" x14ac:dyDescent="0.25">
      <c r="A9410" s="3">
        <v>41844.577951388892</v>
      </c>
      <c r="B9410" s="2">
        <v>29.3</v>
      </c>
      <c r="C9410" s="2">
        <v>198.6</v>
      </c>
      <c r="D9410" s="2">
        <v>0</v>
      </c>
      <c r="E9410" s="2">
        <v>374.3999999999873</v>
      </c>
    </row>
    <row r="9411" spans="1:5" x14ac:dyDescent="0.25">
      <c r="A9411" s="3">
        <v>41844.621122685188</v>
      </c>
      <c r="B9411" s="2">
        <v>29.5</v>
      </c>
      <c r="C9411" s="2">
        <v>198.4</v>
      </c>
      <c r="D9411" s="2">
        <v>0</v>
      </c>
      <c r="E9411" s="2">
        <v>374.3999999999873</v>
      </c>
    </row>
    <row r="9412" spans="1:5" x14ac:dyDescent="0.25">
      <c r="A9412" s="3">
        <v>41844.621527777781</v>
      </c>
      <c r="B9412" s="2">
        <v>29.5</v>
      </c>
      <c r="C9412" s="2">
        <v>198.6</v>
      </c>
      <c r="D9412" s="2">
        <v>0</v>
      </c>
      <c r="E9412" s="2">
        <v>374.3999999999873</v>
      </c>
    </row>
    <row r="9413" spans="1:5" x14ac:dyDescent="0.25">
      <c r="A9413" s="3">
        <v>41844.62158564815</v>
      </c>
      <c r="B9413" s="2">
        <v>29.5</v>
      </c>
      <c r="C9413" s="2">
        <v>198.4</v>
      </c>
      <c r="D9413" s="2">
        <v>0</v>
      </c>
      <c r="E9413" s="2">
        <v>374.3999999999873</v>
      </c>
    </row>
    <row r="9414" spans="1:5" x14ac:dyDescent="0.25">
      <c r="A9414" s="3">
        <v>41844.648842592593</v>
      </c>
      <c r="B9414" s="2">
        <v>29.5</v>
      </c>
      <c r="C9414" s="2">
        <v>198.2</v>
      </c>
      <c r="D9414" s="2">
        <v>0</v>
      </c>
      <c r="E9414" s="2">
        <v>374.3999999999873</v>
      </c>
    </row>
    <row r="9415" spans="1:5" x14ac:dyDescent="0.25">
      <c r="A9415" s="3">
        <v>41844.689004629632</v>
      </c>
      <c r="B9415" s="2">
        <v>29.4</v>
      </c>
      <c r="C9415" s="2">
        <v>198</v>
      </c>
      <c r="D9415" s="2">
        <v>0</v>
      </c>
      <c r="E9415" s="2">
        <v>374.3999999999873</v>
      </c>
    </row>
    <row r="9416" spans="1:5" x14ac:dyDescent="0.25">
      <c r="A9416" s="3">
        <v>41844.716608796298</v>
      </c>
      <c r="B9416" s="2">
        <v>29</v>
      </c>
      <c r="C9416" s="2">
        <v>197.8</v>
      </c>
      <c r="D9416" s="2">
        <v>0</v>
      </c>
      <c r="E9416" s="2">
        <v>374.3999999999873</v>
      </c>
    </row>
    <row r="9417" spans="1:5" x14ac:dyDescent="0.25">
      <c r="A9417" s="3">
        <v>41844.747916666667</v>
      </c>
      <c r="B9417" s="2">
        <v>28.4</v>
      </c>
      <c r="C9417" s="2">
        <v>197.6</v>
      </c>
      <c r="D9417" s="2">
        <v>0</v>
      </c>
      <c r="E9417" s="2">
        <v>374.3999999999873</v>
      </c>
    </row>
    <row r="9418" spans="1:5" x14ac:dyDescent="0.25">
      <c r="A9418" s="3">
        <v>41844.777025462965</v>
      </c>
      <c r="B9418" s="2">
        <v>27.8</v>
      </c>
      <c r="C9418" s="2">
        <v>197.4</v>
      </c>
      <c r="D9418" s="2">
        <v>0</v>
      </c>
      <c r="E9418" s="2">
        <v>374.3999999999873</v>
      </c>
    </row>
    <row r="9419" spans="1:5" x14ac:dyDescent="0.25">
      <c r="A9419" s="3">
        <v>41844.810358796298</v>
      </c>
      <c r="B9419" s="2">
        <v>27</v>
      </c>
      <c r="C9419" s="2">
        <v>197.2</v>
      </c>
      <c r="D9419" s="2">
        <v>0</v>
      </c>
      <c r="E9419" s="2">
        <v>374.3999999999873</v>
      </c>
    </row>
    <row r="9420" spans="1:5" x14ac:dyDescent="0.25">
      <c r="A9420" s="3">
        <v>41844.85434027778</v>
      </c>
      <c r="B9420" s="2">
        <v>26.1</v>
      </c>
      <c r="C9420" s="2">
        <v>197</v>
      </c>
      <c r="D9420" s="2">
        <v>0</v>
      </c>
      <c r="E9420" s="2">
        <v>374.3999999999873</v>
      </c>
    </row>
    <row r="9421" spans="1:5" x14ac:dyDescent="0.25">
      <c r="A9421" s="3">
        <v>41844.901678240742</v>
      </c>
      <c r="B9421" s="2">
        <v>25.2</v>
      </c>
      <c r="C9421" s="2">
        <v>196.8</v>
      </c>
      <c r="D9421" s="2">
        <v>0</v>
      </c>
      <c r="E9421" s="2">
        <v>374.3999999999873</v>
      </c>
    </row>
    <row r="9422" spans="1:5" x14ac:dyDescent="0.25">
      <c r="A9422" s="3">
        <v>41844.96261574074</v>
      </c>
      <c r="B9422" s="2">
        <v>24.2</v>
      </c>
      <c r="C9422" s="2">
        <v>196.6</v>
      </c>
      <c r="D9422" s="2">
        <v>0</v>
      </c>
      <c r="E9422" s="2">
        <v>374.3999999999873</v>
      </c>
    </row>
    <row r="9423" spans="1:5" x14ac:dyDescent="0.25">
      <c r="A9423" s="3">
        <v>41845.040856481479</v>
      </c>
      <c r="B9423" s="2">
        <v>23</v>
      </c>
      <c r="C9423" s="2">
        <v>196.4</v>
      </c>
      <c r="D9423" s="2">
        <v>0</v>
      </c>
      <c r="E9423" s="2">
        <v>374.3999999999873</v>
      </c>
    </row>
    <row r="9424" spans="1:5" x14ac:dyDescent="0.25">
      <c r="A9424" s="3">
        <v>41845.15353009259</v>
      </c>
      <c r="B9424" s="2">
        <v>21.8</v>
      </c>
      <c r="C9424" s="2">
        <v>196.2</v>
      </c>
      <c r="D9424" s="2">
        <v>0</v>
      </c>
      <c r="E9424" s="2">
        <v>374.3999999999873</v>
      </c>
    </row>
    <row r="9425" spans="1:5" x14ac:dyDescent="0.25">
      <c r="A9425" s="3">
        <v>41845.310011574074</v>
      </c>
      <c r="B9425" s="2">
        <v>20.5</v>
      </c>
      <c r="C9425" s="2">
        <v>196</v>
      </c>
      <c r="D9425" s="2">
        <v>0</v>
      </c>
      <c r="E9425" s="2">
        <v>374.3999999999873</v>
      </c>
    </row>
    <row r="9426" spans="1:5" x14ac:dyDescent="0.25">
      <c r="A9426" s="3">
        <v>41845.500983796293</v>
      </c>
      <c r="B9426" s="2">
        <v>21.9</v>
      </c>
      <c r="C9426" s="2">
        <v>195.8</v>
      </c>
      <c r="D9426" s="2">
        <v>0</v>
      </c>
      <c r="E9426" s="2">
        <v>374.3999999999873</v>
      </c>
    </row>
    <row r="9427" spans="1:5" x14ac:dyDescent="0.25">
      <c r="A9427" s="3">
        <v>41845.503530092596</v>
      </c>
      <c r="B9427" s="2">
        <v>21.9</v>
      </c>
      <c r="C9427" s="2">
        <v>196</v>
      </c>
      <c r="D9427" s="2">
        <v>0</v>
      </c>
      <c r="E9427" s="2">
        <v>374.3999999999873</v>
      </c>
    </row>
    <row r="9428" spans="1:5" x14ac:dyDescent="0.25">
      <c r="A9428" s="3">
        <v>41845.503645833334</v>
      </c>
      <c r="B9428" s="2">
        <v>21.9</v>
      </c>
      <c r="C9428" s="2">
        <v>195.8</v>
      </c>
      <c r="D9428" s="2">
        <v>0</v>
      </c>
      <c r="E9428" s="2">
        <v>374.3999999999873</v>
      </c>
    </row>
    <row r="9429" spans="1:5" x14ac:dyDescent="0.25">
      <c r="A9429" s="3">
        <v>41845.56695601852</v>
      </c>
      <c r="B9429" s="2">
        <v>24.6</v>
      </c>
      <c r="C9429" s="2">
        <v>195.6</v>
      </c>
      <c r="D9429" s="2">
        <v>0</v>
      </c>
      <c r="E9429" s="2">
        <v>374.3999999999873</v>
      </c>
    </row>
    <row r="9430" spans="1:5" x14ac:dyDescent="0.25">
      <c r="A9430" s="3">
        <v>41845.673263888886</v>
      </c>
      <c r="B9430" s="2">
        <v>27</v>
      </c>
      <c r="C9430" s="2">
        <v>195.4</v>
      </c>
      <c r="D9430" s="2">
        <v>0</v>
      </c>
      <c r="E9430" s="2">
        <v>374.3999999999873</v>
      </c>
    </row>
    <row r="9431" spans="1:5" x14ac:dyDescent="0.25">
      <c r="A9431" s="3">
        <v>41845.721817129626</v>
      </c>
      <c r="B9431" s="2">
        <v>26.9</v>
      </c>
      <c r="C9431" s="2">
        <v>195.2</v>
      </c>
      <c r="D9431" s="2">
        <v>0</v>
      </c>
      <c r="E9431" s="2">
        <v>374.3999999999873</v>
      </c>
    </row>
    <row r="9432" spans="1:5" x14ac:dyDescent="0.25">
      <c r="A9432" s="3">
        <v>41845.756423611114</v>
      </c>
      <c r="B9432" s="2">
        <v>26.9</v>
      </c>
      <c r="C9432" s="2">
        <v>195</v>
      </c>
      <c r="D9432" s="2">
        <v>0</v>
      </c>
      <c r="E9432" s="2">
        <v>374.3999999999873</v>
      </c>
    </row>
    <row r="9433" spans="1:5" x14ac:dyDescent="0.25">
      <c r="A9433" s="3">
        <v>41845.811226851853</v>
      </c>
      <c r="B9433" s="2">
        <v>26.3</v>
      </c>
      <c r="C9433" s="2">
        <v>194.8</v>
      </c>
      <c r="D9433" s="2">
        <v>0</v>
      </c>
      <c r="E9433" s="2">
        <v>374.3999999999873</v>
      </c>
    </row>
    <row r="9434" spans="1:5" x14ac:dyDescent="0.25">
      <c r="A9434" s="3">
        <v>41845.871874999997</v>
      </c>
      <c r="B9434" s="2">
        <v>25.2</v>
      </c>
      <c r="C9434" s="2">
        <v>194.6</v>
      </c>
      <c r="D9434" s="2">
        <v>0</v>
      </c>
      <c r="E9434" s="2">
        <v>374.3999999999873</v>
      </c>
    </row>
    <row r="9435" spans="1:5" x14ac:dyDescent="0.25">
      <c r="A9435" s="3">
        <v>41845.929224537038</v>
      </c>
      <c r="B9435" s="2">
        <v>24.4</v>
      </c>
      <c r="C9435" s="2">
        <v>194.4</v>
      </c>
      <c r="D9435" s="2">
        <v>0</v>
      </c>
      <c r="E9435" s="2">
        <v>374.3999999999873</v>
      </c>
    </row>
    <row r="9436" spans="1:5" x14ac:dyDescent="0.25">
      <c r="A9436" s="3">
        <v>41846.033333333333</v>
      </c>
      <c r="B9436" s="2">
        <v>22.7</v>
      </c>
      <c r="C9436" s="2">
        <v>194.2</v>
      </c>
      <c r="D9436" s="2">
        <v>0</v>
      </c>
      <c r="E9436" s="2">
        <v>374.3999999999873</v>
      </c>
    </row>
    <row r="9437" spans="1:5" x14ac:dyDescent="0.25">
      <c r="A9437" s="3">
        <v>41846.174768518518</v>
      </c>
      <c r="B9437" s="2">
        <v>21.3</v>
      </c>
      <c r="C9437" s="2">
        <v>194</v>
      </c>
      <c r="D9437" s="2">
        <v>0</v>
      </c>
      <c r="E9437" s="2">
        <v>374.3999999999873</v>
      </c>
    </row>
    <row r="9438" spans="1:5" x14ac:dyDescent="0.25">
      <c r="A9438" s="3">
        <v>41846.341724537036</v>
      </c>
      <c r="B9438" s="2">
        <v>20.7</v>
      </c>
      <c r="C9438" s="2">
        <v>193.8</v>
      </c>
      <c r="D9438" s="2">
        <v>0</v>
      </c>
      <c r="E9438" s="2">
        <v>374.3999999999873</v>
      </c>
    </row>
    <row r="9439" spans="1:5" x14ac:dyDescent="0.25">
      <c r="A9439" s="3">
        <v>41846.360069444447</v>
      </c>
      <c r="B9439" s="2">
        <v>20.9</v>
      </c>
      <c r="C9439" s="2">
        <v>193.6</v>
      </c>
      <c r="D9439" s="2">
        <v>0</v>
      </c>
      <c r="E9439" s="2">
        <v>374.3999999999873</v>
      </c>
    </row>
    <row r="9440" spans="1:5" x14ac:dyDescent="0.25">
      <c r="A9440" s="3">
        <v>41846.415162037039</v>
      </c>
      <c r="B9440" s="2">
        <v>23.1</v>
      </c>
      <c r="C9440" s="2">
        <v>193.8</v>
      </c>
      <c r="D9440" s="2">
        <v>0</v>
      </c>
      <c r="E9440" s="2">
        <v>374.3999999999873</v>
      </c>
    </row>
    <row r="9441" spans="1:5" x14ac:dyDescent="0.25">
      <c r="A9441" s="3">
        <v>41846.415682870371</v>
      </c>
      <c r="B9441" s="2">
        <v>23.1</v>
      </c>
      <c r="C9441" s="2">
        <v>193.6</v>
      </c>
      <c r="D9441" s="2">
        <v>0</v>
      </c>
      <c r="E9441" s="2">
        <v>374.3999999999873</v>
      </c>
    </row>
    <row r="9442" spans="1:5" x14ac:dyDescent="0.25">
      <c r="A9442" s="3">
        <v>41846.41741898148</v>
      </c>
      <c r="B9442" s="2">
        <v>23.3</v>
      </c>
      <c r="C9442" s="2">
        <v>193.8</v>
      </c>
      <c r="D9442" s="2">
        <v>0</v>
      </c>
      <c r="E9442" s="2">
        <v>374.3999999999873</v>
      </c>
    </row>
    <row r="9443" spans="1:5" x14ac:dyDescent="0.25">
      <c r="A9443" s="3">
        <v>41846.433912037035</v>
      </c>
      <c r="B9443" s="2">
        <v>24.1</v>
      </c>
      <c r="C9443" s="2">
        <v>193.6</v>
      </c>
      <c r="D9443" s="2">
        <v>0</v>
      </c>
      <c r="E9443" s="2">
        <v>374.3999999999873</v>
      </c>
    </row>
    <row r="9444" spans="1:5" x14ac:dyDescent="0.25">
      <c r="A9444" s="3">
        <v>41846.434432870374</v>
      </c>
      <c r="B9444" s="2">
        <v>24.1</v>
      </c>
      <c r="C9444" s="2">
        <v>193.8</v>
      </c>
      <c r="D9444" s="2">
        <v>0</v>
      </c>
      <c r="E9444" s="2">
        <v>374.3999999999873</v>
      </c>
    </row>
    <row r="9445" spans="1:5" x14ac:dyDescent="0.25">
      <c r="A9445" s="3">
        <v>41846.435243055559</v>
      </c>
      <c r="B9445" s="2">
        <v>24.1</v>
      </c>
      <c r="C9445" s="2">
        <v>193.6</v>
      </c>
      <c r="D9445" s="2">
        <v>0</v>
      </c>
      <c r="E9445" s="2">
        <v>374.3999999999873</v>
      </c>
    </row>
    <row r="9446" spans="1:5" x14ac:dyDescent="0.25">
      <c r="A9446" s="3">
        <v>41846.435995370368</v>
      </c>
      <c r="B9446" s="2">
        <v>24.2</v>
      </c>
      <c r="C9446" s="2">
        <v>193.8</v>
      </c>
      <c r="D9446" s="2">
        <v>0</v>
      </c>
      <c r="E9446" s="2">
        <v>374.3999999999873</v>
      </c>
    </row>
    <row r="9447" spans="1:5" x14ac:dyDescent="0.25">
      <c r="A9447" s="3">
        <v>41846.436400462961</v>
      </c>
      <c r="B9447" s="2">
        <v>24.2</v>
      </c>
      <c r="C9447" s="2">
        <v>193.6</v>
      </c>
      <c r="D9447" s="2">
        <v>0</v>
      </c>
      <c r="E9447" s="2">
        <v>374.3999999999873</v>
      </c>
    </row>
    <row r="9448" spans="1:5" x14ac:dyDescent="0.25">
      <c r="A9448" s="3">
        <v>41846.437037037038</v>
      </c>
      <c r="B9448" s="2">
        <v>24.3</v>
      </c>
      <c r="C9448" s="2">
        <v>193.8</v>
      </c>
      <c r="D9448" s="2">
        <v>0</v>
      </c>
      <c r="E9448" s="2">
        <v>374.3999999999873</v>
      </c>
    </row>
    <row r="9449" spans="1:5" x14ac:dyDescent="0.25">
      <c r="A9449" s="3">
        <v>41846.46261574074</v>
      </c>
      <c r="B9449" s="2">
        <v>25.6</v>
      </c>
      <c r="C9449" s="2">
        <v>193.6</v>
      </c>
      <c r="D9449" s="2">
        <v>0</v>
      </c>
      <c r="E9449" s="2">
        <v>374.3999999999873</v>
      </c>
    </row>
    <row r="9450" spans="1:5" x14ac:dyDescent="0.25">
      <c r="A9450" s="3">
        <v>41846.462673611109</v>
      </c>
      <c r="B9450" s="2">
        <v>25.6</v>
      </c>
      <c r="C9450" s="2">
        <v>193.8</v>
      </c>
      <c r="D9450" s="2">
        <v>0</v>
      </c>
      <c r="E9450" s="2">
        <v>374.3999999999873</v>
      </c>
    </row>
    <row r="9451" spans="1:5" x14ac:dyDescent="0.25">
      <c r="A9451" s="3">
        <v>41846.470254629632</v>
      </c>
      <c r="B9451" s="2">
        <v>26</v>
      </c>
      <c r="C9451" s="2">
        <v>193.6</v>
      </c>
      <c r="D9451" s="2">
        <v>0</v>
      </c>
      <c r="E9451" s="2">
        <v>374.3999999999873</v>
      </c>
    </row>
    <row r="9452" spans="1:5" x14ac:dyDescent="0.25">
      <c r="A9452" s="3">
        <v>41846.470312500001</v>
      </c>
      <c r="B9452" s="2">
        <v>26</v>
      </c>
      <c r="C9452" s="2">
        <v>193.8</v>
      </c>
      <c r="D9452" s="2">
        <v>0</v>
      </c>
      <c r="E9452" s="2">
        <v>374.3999999999873</v>
      </c>
    </row>
    <row r="9453" spans="1:5" x14ac:dyDescent="0.25">
      <c r="A9453" s="3">
        <v>41846.470717592594</v>
      </c>
      <c r="B9453" s="2">
        <v>26</v>
      </c>
      <c r="C9453" s="2">
        <v>193.6</v>
      </c>
      <c r="D9453" s="2">
        <v>0</v>
      </c>
      <c r="E9453" s="2">
        <v>374.3999999999873</v>
      </c>
    </row>
    <row r="9454" spans="1:5" x14ac:dyDescent="0.25">
      <c r="A9454" s="3">
        <v>41846.470775462964</v>
      </c>
      <c r="B9454" s="2">
        <v>26</v>
      </c>
      <c r="C9454" s="2">
        <v>193.8</v>
      </c>
      <c r="D9454" s="2">
        <v>0</v>
      </c>
      <c r="E9454" s="2">
        <v>374.3999999999873</v>
      </c>
    </row>
    <row r="9455" spans="1:5" x14ac:dyDescent="0.25">
      <c r="A9455" s="3">
        <v>41846.470949074072</v>
      </c>
      <c r="B9455" s="2">
        <v>26</v>
      </c>
      <c r="C9455" s="2">
        <v>193.6</v>
      </c>
      <c r="D9455" s="2">
        <v>0</v>
      </c>
      <c r="E9455" s="2">
        <v>374.3999999999873</v>
      </c>
    </row>
    <row r="9456" spans="1:5" x14ac:dyDescent="0.25">
      <c r="A9456" s="3">
        <v>41846.471238425926</v>
      </c>
      <c r="B9456" s="2">
        <v>26</v>
      </c>
      <c r="C9456" s="2">
        <v>193.8</v>
      </c>
      <c r="D9456" s="2">
        <v>0</v>
      </c>
      <c r="E9456" s="2">
        <v>374.3999999999873</v>
      </c>
    </row>
    <row r="9457" spans="1:5" x14ac:dyDescent="0.25">
      <c r="A9457" s="3">
        <v>41846.471932870372</v>
      </c>
      <c r="B9457" s="2">
        <v>26.1</v>
      </c>
      <c r="C9457" s="2">
        <v>193.6</v>
      </c>
      <c r="D9457" s="2">
        <v>0</v>
      </c>
      <c r="E9457" s="2">
        <v>374.3999999999873</v>
      </c>
    </row>
    <row r="9458" spans="1:5" x14ac:dyDescent="0.25">
      <c r="A9458" s="3">
        <v>41846.473379629628</v>
      </c>
      <c r="B9458" s="2">
        <v>26.2</v>
      </c>
      <c r="C9458" s="2">
        <v>193.8</v>
      </c>
      <c r="D9458" s="2">
        <v>0</v>
      </c>
      <c r="E9458" s="2">
        <v>374.3999999999873</v>
      </c>
    </row>
    <row r="9459" spans="1:5" x14ac:dyDescent="0.25">
      <c r="A9459" s="3">
        <v>41846.47378472222</v>
      </c>
      <c r="B9459" s="2">
        <v>26.2</v>
      </c>
      <c r="C9459" s="2">
        <v>193.6</v>
      </c>
      <c r="D9459" s="2">
        <v>0</v>
      </c>
      <c r="E9459" s="2">
        <v>374.3999999999873</v>
      </c>
    </row>
    <row r="9460" spans="1:5" x14ac:dyDescent="0.25">
      <c r="A9460" s="3">
        <v>41846.479745370372</v>
      </c>
      <c r="B9460" s="2">
        <v>26.5</v>
      </c>
      <c r="C9460" s="2">
        <v>193.8</v>
      </c>
      <c r="D9460" s="2">
        <v>0</v>
      </c>
      <c r="E9460" s="2">
        <v>374.3999999999873</v>
      </c>
    </row>
    <row r="9461" spans="1:5" x14ac:dyDescent="0.25">
      <c r="A9461" s="3">
        <v>41846.481192129628</v>
      </c>
      <c r="B9461" s="2">
        <v>26.6</v>
      </c>
      <c r="C9461" s="2">
        <v>193.6</v>
      </c>
      <c r="D9461" s="2">
        <v>0</v>
      </c>
      <c r="E9461" s="2">
        <v>374.3999999999873</v>
      </c>
    </row>
    <row r="9462" spans="1:5" x14ac:dyDescent="0.25">
      <c r="A9462" s="3">
        <v>41846.481481481482</v>
      </c>
      <c r="B9462" s="2">
        <v>26.5</v>
      </c>
      <c r="C9462" s="2">
        <v>193.8</v>
      </c>
      <c r="D9462" s="2">
        <v>0</v>
      </c>
      <c r="E9462" s="2">
        <v>374.3999999999873</v>
      </c>
    </row>
    <row r="9463" spans="1:5" x14ac:dyDescent="0.25">
      <c r="A9463" s="3">
        <v>41846.482986111114</v>
      </c>
      <c r="B9463" s="2">
        <v>26.7</v>
      </c>
      <c r="C9463" s="2">
        <v>193.6</v>
      </c>
      <c r="D9463" s="2">
        <v>0</v>
      </c>
      <c r="E9463" s="2">
        <v>374.3999999999873</v>
      </c>
    </row>
    <row r="9464" spans="1:5" x14ac:dyDescent="0.25">
      <c r="A9464" s="3">
        <v>41846.488599537035</v>
      </c>
      <c r="B9464" s="2">
        <v>27</v>
      </c>
      <c r="C9464" s="2">
        <v>193.8</v>
      </c>
      <c r="D9464" s="2">
        <v>0</v>
      </c>
      <c r="E9464" s="2">
        <v>374.3999999999873</v>
      </c>
    </row>
    <row r="9465" spans="1:5" x14ac:dyDescent="0.25">
      <c r="A9465" s="3">
        <v>41846.488888888889</v>
      </c>
      <c r="B9465" s="2">
        <v>27</v>
      </c>
      <c r="C9465" s="2">
        <v>193.6</v>
      </c>
      <c r="D9465" s="2">
        <v>0</v>
      </c>
      <c r="E9465" s="2">
        <v>374.3999999999873</v>
      </c>
    </row>
    <row r="9466" spans="1:5" x14ac:dyDescent="0.25">
      <c r="A9466" s="3">
        <v>41846.513078703705</v>
      </c>
      <c r="B9466" s="2">
        <v>27.7</v>
      </c>
      <c r="C9466" s="2">
        <v>193.8</v>
      </c>
      <c r="D9466" s="2">
        <v>0</v>
      </c>
      <c r="E9466" s="2">
        <v>374.3999999999873</v>
      </c>
    </row>
    <row r="9467" spans="1:5" x14ac:dyDescent="0.25">
      <c r="A9467" s="3">
        <v>41846.513194444444</v>
      </c>
      <c r="B9467" s="2">
        <v>27.7</v>
      </c>
      <c r="C9467" s="2">
        <v>193.6</v>
      </c>
      <c r="D9467" s="2">
        <v>0</v>
      </c>
      <c r="E9467" s="2">
        <v>374.3999999999873</v>
      </c>
    </row>
    <row r="9468" spans="1:5" x14ac:dyDescent="0.25">
      <c r="A9468" s="3">
        <v>41846.558680555558</v>
      </c>
      <c r="B9468" s="2">
        <v>28.2</v>
      </c>
      <c r="C9468" s="2">
        <v>193.4</v>
      </c>
      <c r="D9468" s="2">
        <v>0</v>
      </c>
      <c r="E9468" s="2">
        <v>374.3999999999873</v>
      </c>
    </row>
    <row r="9469" spans="1:5" x14ac:dyDescent="0.25">
      <c r="A9469" s="3">
        <v>41846.620138888888</v>
      </c>
      <c r="B9469" s="2">
        <v>28.4</v>
      </c>
      <c r="C9469" s="2">
        <v>193.6</v>
      </c>
      <c r="D9469" s="2">
        <v>0</v>
      </c>
      <c r="E9469" s="2">
        <v>374.3999999999873</v>
      </c>
    </row>
    <row r="9470" spans="1:5" x14ac:dyDescent="0.25">
      <c r="A9470" s="3">
        <v>41846.621354166666</v>
      </c>
      <c r="B9470" s="2">
        <v>28.2</v>
      </c>
      <c r="C9470" s="2">
        <v>193.8</v>
      </c>
      <c r="D9470" s="2">
        <v>0</v>
      </c>
      <c r="E9470" s="2">
        <v>374.3999999999873</v>
      </c>
    </row>
    <row r="9471" spans="1:5" x14ac:dyDescent="0.25">
      <c r="A9471" s="3">
        <v>41846.621990740743</v>
      </c>
      <c r="B9471" s="2">
        <v>28.2</v>
      </c>
      <c r="C9471" s="2">
        <v>194</v>
      </c>
      <c r="D9471" s="2">
        <v>0</v>
      </c>
      <c r="E9471" s="2">
        <v>374.3999999999873</v>
      </c>
    </row>
    <row r="9472" spans="1:5" x14ac:dyDescent="0.25">
      <c r="A9472" s="3">
        <v>41846.623148148145</v>
      </c>
      <c r="B9472" s="2">
        <v>28.1</v>
      </c>
      <c r="C9472" s="2">
        <v>194.2</v>
      </c>
      <c r="D9472" s="2">
        <v>0</v>
      </c>
      <c r="E9472" s="2">
        <v>374.3999999999873</v>
      </c>
    </row>
    <row r="9473" spans="1:5" x14ac:dyDescent="0.25">
      <c r="A9473" s="3">
        <v>41846.623784722222</v>
      </c>
      <c r="B9473" s="2">
        <v>28</v>
      </c>
      <c r="C9473" s="2">
        <v>194.4</v>
      </c>
      <c r="D9473" s="2">
        <v>0</v>
      </c>
      <c r="E9473" s="2">
        <v>374.3999999999873</v>
      </c>
    </row>
    <row r="9474" spans="1:5" x14ac:dyDescent="0.25">
      <c r="A9474" s="3">
        <v>41846.624074074076</v>
      </c>
      <c r="B9474" s="2">
        <v>28</v>
      </c>
      <c r="C9474" s="2">
        <v>194.4</v>
      </c>
      <c r="D9474" s="2">
        <v>0.2</v>
      </c>
      <c r="E9474" s="2">
        <v>374.59999999998729</v>
      </c>
    </row>
    <row r="9475" spans="1:5" x14ac:dyDescent="0.25">
      <c r="A9475" s="3">
        <v>41846.624421296299</v>
      </c>
      <c r="B9475" s="2">
        <v>28</v>
      </c>
      <c r="C9475" s="2">
        <v>194.6</v>
      </c>
      <c r="D9475" s="2">
        <v>0</v>
      </c>
      <c r="E9475" s="2">
        <v>374.59999999998729</v>
      </c>
    </row>
    <row r="9476" spans="1:5" x14ac:dyDescent="0.25">
      <c r="A9476" s="3">
        <v>41846.624537037038</v>
      </c>
      <c r="B9476" s="2">
        <v>28</v>
      </c>
      <c r="C9476" s="2">
        <v>194.6</v>
      </c>
      <c r="D9476" s="2">
        <v>0.2</v>
      </c>
      <c r="E9476" s="2">
        <v>374.79999999998728</v>
      </c>
    </row>
    <row r="9477" spans="1:5" x14ac:dyDescent="0.25">
      <c r="A9477" s="3">
        <v>41846.624884259261</v>
      </c>
      <c r="B9477" s="2">
        <v>27.8</v>
      </c>
      <c r="C9477" s="2">
        <v>194.8</v>
      </c>
      <c r="D9477" s="2">
        <v>0</v>
      </c>
      <c r="E9477" s="2">
        <v>374.79999999998728</v>
      </c>
    </row>
    <row r="9478" spans="1:5" x14ac:dyDescent="0.25">
      <c r="A9478" s="3">
        <v>41846.624942129631</v>
      </c>
      <c r="B9478" s="2">
        <v>27.8</v>
      </c>
      <c r="C9478" s="2">
        <v>194.8</v>
      </c>
      <c r="D9478" s="2">
        <v>0.2</v>
      </c>
      <c r="E9478" s="2">
        <v>374.99999999998727</v>
      </c>
    </row>
    <row r="9479" spans="1:5" x14ac:dyDescent="0.25">
      <c r="A9479" s="3">
        <v>41846.625173611108</v>
      </c>
      <c r="B9479" s="2">
        <v>27.8</v>
      </c>
      <c r="C9479" s="2">
        <v>194.8</v>
      </c>
      <c r="D9479" s="2">
        <v>0.2</v>
      </c>
      <c r="E9479" s="2">
        <v>375.19999999998726</v>
      </c>
    </row>
    <row r="9480" spans="1:5" x14ac:dyDescent="0.25">
      <c r="A9480" s="3">
        <v>41846.625231481485</v>
      </c>
      <c r="B9480" s="2">
        <v>27.8</v>
      </c>
      <c r="C9480" s="2">
        <v>195</v>
      </c>
      <c r="D9480" s="2">
        <v>0</v>
      </c>
      <c r="E9480" s="2">
        <v>375.19999999998726</v>
      </c>
    </row>
    <row r="9481" spans="1:5" x14ac:dyDescent="0.25">
      <c r="A9481" s="3">
        <v>41846.625347222223</v>
      </c>
      <c r="B9481" s="2">
        <v>27.8</v>
      </c>
      <c r="C9481" s="2">
        <v>195</v>
      </c>
      <c r="D9481" s="2">
        <v>0.2</v>
      </c>
      <c r="E9481" s="2">
        <v>375.39999999998724</v>
      </c>
    </row>
    <row r="9482" spans="1:5" x14ac:dyDescent="0.25">
      <c r="A9482" s="3">
        <v>41846.625520833331</v>
      </c>
      <c r="B9482" s="2">
        <v>27.8</v>
      </c>
      <c r="C9482" s="2">
        <v>195.2</v>
      </c>
      <c r="D9482" s="2">
        <v>0.2</v>
      </c>
      <c r="E9482" s="2">
        <v>375.59999999998723</v>
      </c>
    </row>
    <row r="9483" spans="1:5" x14ac:dyDescent="0.25">
      <c r="A9483" s="3">
        <v>41846.625636574077</v>
      </c>
      <c r="B9483" s="2">
        <v>27.8</v>
      </c>
      <c r="C9483" s="2">
        <v>195.2</v>
      </c>
      <c r="D9483" s="2">
        <v>0.2</v>
      </c>
      <c r="E9483" s="2">
        <v>375.79999999998722</v>
      </c>
    </row>
    <row r="9484" spans="1:5" x14ac:dyDescent="0.25">
      <c r="A9484" s="3">
        <v>41846.625694444447</v>
      </c>
      <c r="B9484" s="2">
        <v>27.7</v>
      </c>
      <c r="C9484" s="2">
        <v>195.4</v>
      </c>
      <c r="D9484" s="2">
        <v>0</v>
      </c>
      <c r="E9484" s="2">
        <v>375.79999999998722</v>
      </c>
    </row>
    <row r="9485" spans="1:5" x14ac:dyDescent="0.25">
      <c r="A9485" s="3">
        <v>41846.625810185185</v>
      </c>
      <c r="B9485" s="2">
        <v>27.7</v>
      </c>
      <c r="C9485" s="2">
        <v>195.4</v>
      </c>
      <c r="D9485" s="2">
        <v>0.2</v>
      </c>
      <c r="E9485" s="2">
        <v>375.99999999998721</v>
      </c>
    </row>
    <row r="9486" spans="1:5" x14ac:dyDescent="0.25">
      <c r="A9486" s="3">
        <v>41846.625983796293</v>
      </c>
      <c r="B9486" s="2">
        <v>27.7</v>
      </c>
      <c r="C9486" s="2">
        <v>195.6</v>
      </c>
      <c r="D9486" s="2">
        <v>0</v>
      </c>
      <c r="E9486" s="2">
        <v>375.99999999998721</v>
      </c>
    </row>
    <row r="9487" spans="1:5" x14ac:dyDescent="0.25">
      <c r="A9487" s="3">
        <v>41846.626215277778</v>
      </c>
      <c r="B9487" s="2">
        <v>27.7</v>
      </c>
      <c r="C9487" s="2">
        <v>195.8</v>
      </c>
      <c r="D9487" s="2">
        <v>0.2</v>
      </c>
      <c r="E9487" s="2">
        <v>376.1999999999872</v>
      </c>
    </row>
    <row r="9488" spans="1:5" x14ac:dyDescent="0.25">
      <c r="A9488" s="3">
        <v>41846.626446759263</v>
      </c>
      <c r="B9488" s="2">
        <v>27.7</v>
      </c>
      <c r="C9488" s="2">
        <v>196</v>
      </c>
      <c r="D9488" s="2">
        <v>0.2</v>
      </c>
      <c r="E9488" s="2">
        <v>376.39999999998719</v>
      </c>
    </row>
    <row r="9489" spans="1:5" x14ac:dyDescent="0.25">
      <c r="A9489" s="3">
        <v>41846.626793981479</v>
      </c>
      <c r="B9489" s="2">
        <v>27.7</v>
      </c>
      <c r="C9489" s="2">
        <v>196.2</v>
      </c>
      <c r="D9489" s="2">
        <v>0</v>
      </c>
      <c r="E9489" s="2">
        <v>376.39999999998719</v>
      </c>
    </row>
    <row r="9490" spans="1:5" x14ac:dyDescent="0.25">
      <c r="A9490" s="3">
        <v>41846.626909722225</v>
      </c>
      <c r="B9490" s="2">
        <v>27.7</v>
      </c>
      <c r="C9490" s="2">
        <v>196.2</v>
      </c>
      <c r="D9490" s="2">
        <v>0.2</v>
      </c>
      <c r="E9490" s="2">
        <v>376.59999999998718</v>
      </c>
    </row>
    <row r="9491" spans="1:5" x14ac:dyDescent="0.25">
      <c r="A9491" s="3">
        <v>41846.627199074072</v>
      </c>
      <c r="B9491" s="2">
        <v>27.7</v>
      </c>
      <c r="C9491" s="2">
        <v>196.4</v>
      </c>
      <c r="D9491" s="2">
        <v>0.2</v>
      </c>
      <c r="E9491" s="2">
        <v>376.79999999998716</v>
      </c>
    </row>
    <row r="9492" spans="1:5" x14ac:dyDescent="0.25">
      <c r="A9492" s="3">
        <v>41846.62771990741</v>
      </c>
      <c r="B9492" s="2">
        <v>27.5</v>
      </c>
      <c r="C9492" s="2">
        <v>196.6</v>
      </c>
      <c r="D9492" s="2">
        <v>0.2</v>
      </c>
      <c r="E9492" s="2">
        <v>376.99999999998715</v>
      </c>
    </row>
    <row r="9493" spans="1:5" x14ac:dyDescent="0.25">
      <c r="A9493" s="3">
        <v>41846.628009259257</v>
      </c>
      <c r="B9493" s="2">
        <v>27.5</v>
      </c>
      <c r="C9493" s="2">
        <v>196.6</v>
      </c>
      <c r="D9493" s="2">
        <v>0.2</v>
      </c>
      <c r="E9493" s="2">
        <v>377.19999999998714</v>
      </c>
    </row>
    <row r="9494" spans="1:5" x14ac:dyDescent="0.25">
      <c r="A9494" s="3">
        <v>41846.628067129626</v>
      </c>
      <c r="B9494" s="2">
        <v>27.5</v>
      </c>
      <c r="C9494" s="2">
        <v>196.8</v>
      </c>
      <c r="D9494" s="2">
        <v>0</v>
      </c>
      <c r="E9494" s="2">
        <v>377.19999999998714</v>
      </c>
    </row>
    <row r="9495" spans="1:5" x14ac:dyDescent="0.25">
      <c r="A9495" s="3">
        <v>41846.62835648148</v>
      </c>
      <c r="B9495" s="2">
        <v>27.5</v>
      </c>
      <c r="C9495" s="2">
        <v>196.8</v>
      </c>
      <c r="D9495" s="2">
        <v>0.2</v>
      </c>
      <c r="E9495" s="2">
        <v>377.39999999998713</v>
      </c>
    </row>
    <row r="9496" spans="1:5" x14ac:dyDescent="0.25">
      <c r="A9496" s="3">
        <v>41846.62841435185</v>
      </c>
      <c r="B9496" s="2">
        <v>27.5</v>
      </c>
      <c r="C9496" s="2">
        <v>197</v>
      </c>
      <c r="D9496" s="2">
        <v>0</v>
      </c>
      <c r="E9496" s="2">
        <v>377.39999999998713</v>
      </c>
    </row>
    <row r="9497" spans="1:5" x14ac:dyDescent="0.25">
      <c r="A9497" s="3">
        <v>41846.628703703704</v>
      </c>
      <c r="B9497" s="2">
        <v>27.5</v>
      </c>
      <c r="C9497" s="2">
        <v>197</v>
      </c>
      <c r="D9497" s="2">
        <v>0.2</v>
      </c>
      <c r="E9497" s="2">
        <v>377.59999999998712</v>
      </c>
    </row>
    <row r="9498" spans="1:5" x14ac:dyDescent="0.25">
      <c r="A9498" s="3">
        <v>41846.628761574073</v>
      </c>
      <c r="B9498" s="2">
        <v>27.5</v>
      </c>
      <c r="C9498" s="2">
        <v>197.2</v>
      </c>
      <c r="D9498" s="2">
        <v>0</v>
      </c>
      <c r="E9498" s="2">
        <v>377.59999999998712</v>
      </c>
    </row>
    <row r="9499" spans="1:5" x14ac:dyDescent="0.25">
      <c r="A9499" s="3">
        <v>41846.629224537035</v>
      </c>
      <c r="B9499" s="2">
        <v>27.4</v>
      </c>
      <c r="C9499" s="2">
        <v>197.4</v>
      </c>
      <c r="D9499" s="2">
        <v>0</v>
      </c>
      <c r="E9499" s="2">
        <v>377.59999999998712</v>
      </c>
    </row>
    <row r="9500" spans="1:5" x14ac:dyDescent="0.25">
      <c r="A9500" s="3">
        <v>41846.629340277781</v>
      </c>
      <c r="B9500" s="2">
        <v>27.4</v>
      </c>
      <c r="C9500" s="2">
        <v>197.4</v>
      </c>
      <c r="D9500" s="2">
        <v>0.2</v>
      </c>
      <c r="E9500" s="2">
        <v>377.79999999998711</v>
      </c>
    </row>
    <row r="9501" spans="1:5" x14ac:dyDescent="0.25">
      <c r="A9501" s="3">
        <v>41846.629976851851</v>
      </c>
      <c r="B9501" s="2">
        <v>27.4</v>
      </c>
      <c r="C9501" s="2">
        <v>197.6</v>
      </c>
      <c r="D9501" s="2">
        <v>0</v>
      </c>
      <c r="E9501" s="2">
        <v>377.79999999998711</v>
      </c>
    </row>
    <row r="9502" spans="1:5" x14ac:dyDescent="0.25">
      <c r="A9502" s="3">
        <v>41846.63003472222</v>
      </c>
      <c r="B9502" s="2">
        <v>27.4</v>
      </c>
      <c r="C9502" s="2">
        <v>197.6</v>
      </c>
      <c r="D9502" s="2">
        <v>0.2</v>
      </c>
      <c r="E9502" s="2">
        <v>377.9999999999871</v>
      </c>
    </row>
    <row r="9503" spans="1:5" x14ac:dyDescent="0.25">
      <c r="A9503" s="3">
        <v>41846.630844907406</v>
      </c>
      <c r="B9503" s="2">
        <v>27.2</v>
      </c>
      <c r="C9503" s="2">
        <v>197.8</v>
      </c>
      <c r="D9503" s="2">
        <v>0.2</v>
      </c>
      <c r="E9503" s="2">
        <v>378.19999999998709</v>
      </c>
    </row>
    <row r="9504" spans="1:5" x14ac:dyDescent="0.25">
      <c r="A9504" s="3">
        <v>41846.631655092591</v>
      </c>
      <c r="B9504" s="2">
        <v>27.2</v>
      </c>
      <c r="C9504" s="2">
        <v>197.8</v>
      </c>
      <c r="D9504" s="2">
        <v>0.2</v>
      </c>
      <c r="E9504" s="2">
        <v>378.39999999998707</v>
      </c>
    </row>
    <row r="9505" spans="1:5" x14ac:dyDescent="0.25">
      <c r="A9505" s="3">
        <v>41846.631712962961</v>
      </c>
      <c r="B9505" s="2">
        <v>27.2</v>
      </c>
      <c r="C9505" s="2">
        <v>198</v>
      </c>
      <c r="D9505" s="2">
        <v>0</v>
      </c>
      <c r="E9505" s="2">
        <v>378.39999999998707</v>
      </c>
    </row>
    <row r="9506" spans="1:5" x14ac:dyDescent="0.25">
      <c r="A9506" s="3">
        <v>41846.632523148146</v>
      </c>
      <c r="B9506" s="2">
        <v>27.2</v>
      </c>
      <c r="C9506" s="2">
        <v>198</v>
      </c>
      <c r="D9506" s="2">
        <v>0.2</v>
      </c>
      <c r="E9506" s="2">
        <v>378.59999999998706</v>
      </c>
    </row>
    <row r="9507" spans="1:5" x14ac:dyDescent="0.25">
      <c r="A9507" s="3">
        <v>41846.632581018515</v>
      </c>
      <c r="B9507" s="2">
        <v>27.1</v>
      </c>
      <c r="C9507" s="2">
        <v>198.2</v>
      </c>
      <c r="D9507" s="2">
        <v>0</v>
      </c>
      <c r="E9507" s="2">
        <v>378.59999999998706</v>
      </c>
    </row>
    <row r="9508" spans="1:5" x14ac:dyDescent="0.25">
      <c r="A9508" s="3">
        <v>41846.634085648147</v>
      </c>
      <c r="B9508" s="2">
        <v>27</v>
      </c>
      <c r="C9508" s="2">
        <v>198.2</v>
      </c>
      <c r="D9508" s="2">
        <v>0.2</v>
      </c>
      <c r="E9508" s="2">
        <v>378.79999999998705</v>
      </c>
    </row>
    <row r="9509" spans="1:5" x14ac:dyDescent="0.25">
      <c r="A9509" s="3">
        <v>41846.634837962964</v>
      </c>
      <c r="B9509" s="2">
        <v>27</v>
      </c>
      <c r="C9509" s="2">
        <v>198.4</v>
      </c>
      <c r="D9509" s="2">
        <v>0</v>
      </c>
      <c r="E9509" s="2">
        <v>378.79999999998705</v>
      </c>
    </row>
    <row r="9510" spans="1:5" x14ac:dyDescent="0.25">
      <c r="A9510" s="3">
        <v>41846.638194444444</v>
      </c>
      <c r="B9510" s="2">
        <v>26.8</v>
      </c>
      <c r="C9510" s="2">
        <v>198.4</v>
      </c>
      <c r="D9510" s="2">
        <v>0.2</v>
      </c>
      <c r="E9510" s="2">
        <v>378.99999999998704</v>
      </c>
    </row>
    <row r="9511" spans="1:5" x14ac:dyDescent="0.25">
      <c r="A9511" s="3">
        <v>41846.639756944445</v>
      </c>
      <c r="B9511" s="2">
        <v>26.8</v>
      </c>
      <c r="C9511" s="2">
        <v>198.6</v>
      </c>
      <c r="D9511" s="2">
        <v>0</v>
      </c>
      <c r="E9511" s="2">
        <v>378.99999999998704</v>
      </c>
    </row>
    <row r="9512" spans="1:5" x14ac:dyDescent="0.25">
      <c r="A9512" s="3">
        <v>41846.641608796293</v>
      </c>
      <c r="B9512" s="2">
        <v>26.7</v>
      </c>
      <c r="C9512" s="2">
        <v>198.6</v>
      </c>
      <c r="D9512" s="2">
        <v>0.2</v>
      </c>
      <c r="E9512" s="2">
        <v>379.19999999998703</v>
      </c>
    </row>
    <row r="9513" spans="1:5" x14ac:dyDescent="0.25">
      <c r="A9513" s="3">
        <v>41846.648206018515</v>
      </c>
      <c r="B9513" s="2">
        <v>26.5</v>
      </c>
      <c r="C9513" s="2">
        <v>198.8</v>
      </c>
      <c r="D9513" s="2">
        <v>0</v>
      </c>
      <c r="E9513" s="2">
        <v>379.19999999998703</v>
      </c>
    </row>
    <row r="9514" spans="1:5" x14ac:dyDescent="0.25">
      <c r="A9514" s="3">
        <v>41846.648611111108</v>
      </c>
      <c r="B9514" s="2">
        <v>26.5</v>
      </c>
      <c r="C9514" s="2">
        <v>198.8</v>
      </c>
      <c r="D9514" s="2">
        <v>0.2</v>
      </c>
      <c r="E9514" s="2">
        <v>379.39999999998702</v>
      </c>
    </row>
    <row r="9515" spans="1:5" x14ac:dyDescent="0.25">
      <c r="A9515" s="3">
        <v>41846.650983796295</v>
      </c>
      <c r="B9515" s="2">
        <v>26.4</v>
      </c>
      <c r="C9515" s="2">
        <v>199</v>
      </c>
      <c r="D9515" s="2">
        <v>0.2</v>
      </c>
      <c r="E9515" s="2">
        <v>379.59999999998701</v>
      </c>
    </row>
    <row r="9516" spans="1:5" x14ac:dyDescent="0.25">
      <c r="A9516" s="3">
        <v>41846.654803240737</v>
      </c>
      <c r="B9516" s="2">
        <v>26.3</v>
      </c>
      <c r="C9516" s="2">
        <v>199</v>
      </c>
      <c r="D9516" s="2">
        <v>0.2</v>
      </c>
      <c r="E9516" s="2">
        <v>379.79999999998699</v>
      </c>
    </row>
    <row r="9517" spans="1:5" x14ac:dyDescent="0.25">
      <c r="A9517" s="3">
        <v>41846.655844907407</v>
      </c>
      <c r="B9517" s="2">
        <v>26.2</v>
      </c>
      <c r="C9517" s="2">
        <v>199.2</v>
      </c>
      <c r="D9517" s="2">
        <v>0</v>
      </c>
      <c r="E9517" s="2">
        <v>379.79999999998699</v>
      </c>
    </row>
    <row r="9518" spans="1:5" x14ac:dyDescent="0.25">
      <c r="A9518" s="3">
        <v>41846.660185185188</v>
      </c>
      <c r="B9518" s="2">
        <v>26.1</v>
      </c>
      <c r="C9518" s="2">
        <v>199.2</v>
      </c>
      <c r="D9518" s="2">
        <v>0.2</v>
      </c>
      <c r="E9518" s="2">
        <v>379.99999999998698</v>
      </c>
    </row>
    <row r="9519" spans="1:5" x14ac:dyDescent="0.25">
      <c r="A9519" s="3">
        <v>41846.671469907407</v>
      </c>
      <c r="B9519" s="2">
        <v>25.8</v>
      </c>
      <c r="C9519" s="2">
        <v>199.4</v>
      </c>
      <c r="D9519" s="2">
        <v>0</v>
      </c>
      <c r="E9519" s="2">
        <v>379.99999999998698</v>
      </c>
    </row>
    <row r="9520" spans="1:5" x14ac:dyDescent="0.25">
      <c r="A9520" s="3">
        <v>41846.67291666667</v>
      </c>
      <c r="B9520" s="2">
        <v>25.8</v>
      </c>
      <c r="C9520" s="2">
        <v>199.4</v>
      </c>
      <c r="D9520" s="2">
        <v>0.2</v>
      </c>
      <c r="E9520" s="2">
        <v>380.19999999998697</v>
      </c>
    </row>
    <row r="9521" spans="1:5" x14ac:dyDescent="0.25">
      <c r="A9521" s="3">
        <v>41846.685590277775</v>
      </c>
      <c r="B9521" s="2">
        <v>25.5</v>
      </c>
      <c r="C9521" s="2">
        <v>199.4</v>
      </c>
      <c r="D9521" s="2">
        <v>0.2</v>
      </c>
      <c r="E9521" s="2">
        <v>380.39999999998696</v>
      </c>
    </row>
    <row r="9522" spans="1:5" x14ac:dyDescent="0.25">
      <c r="A9522" s="3">
        <v>41846.687557870369</v>
      </c>
      <c r="B9522" s="2">
        <v>25.4</v>
      </c>
      <c r="C9522" s="2">
        <v>199.6</v>
      </c>
      <c r="D9522" s="2">
        <v>0</v>
      </c>
      <c r="E9522" s="2">
        <v>380.39999999998696</v>
      </c>
    </row>
    <row r="9523" spans="1:5" x14ac:dyDescent="0.25">
      <c r="A9523" s="3">
        <v>41846.692997685182</v>
      </c>
      <c r="B9523" s="2">
        <v>25.2</v>
      </c>
      <c r="C9523" s="2">
        <v>199.6</v>
      </c>
      <c r="D9523" s="2">
        <v>0.2</v>
      </c>
      <c r="E9523" s="2">
        <v>380.59999999998695</v>
      </c>
    </row>
    <row r="9524" spans="1:5" x14ac:dyDescent="0.25">
      <c r="A9524" s="3">
        <v>41846.695023148146</v>
      </c>
      <c r="B9524" s="2">
        <v>25.2</v>
      </c>
      <c r="C9524" s="2">
        <v>199.8</v>
      </c>
      <c r="D9524" s="2">
        <v>0</v>
      </c>
      <c r="E9524" s="2">
        <v>380.59999999998695</v>
      </c>
    </row>
    <row r="9525" spans="1:5" x14ac:dyDescent="0.25">
      <c r="A9525" s="3">
        <v>41846.701562499999</v>
      </c>
      <c r="B9525" s="2">
        <v>25</v>
      </c>
      <c r="C9525" s="2">
        <v>199.8</v>
      </c>
      <c r="D9525" s="2">
        <v>0.2</v>
      </c>
      <c r="E9525" s="2">
        <v>380.79999999998694</v>
      </c>
    </row>
    <row r="9526" spans="1:5" x14ac:dyDescent="0.25">
      <c r="A9526" s="3">
        <v>41846.705034722225</v>
      </c>
      <c r="B9526" s="2">
        <v>25</v>
      </c>
      <c r="C9526" s="2">
        <v>200</v>
      </c>
      <c r="D9526" s="2">
        <v>0</v>
      </c>
      <c r="E9526" s="2">
        <v>380.79999999998694</v>
      </c>
    </row>
    <row r="9527" spans="1:5" x14ac:dyDescent="0.25">
      <c r="A9527" s="3">
        <v>41846.711458333331</v>
      </c>
      <c r="B9527" s="2">
        <v>24.8</v>
      </c>
      <c r="C9527" s="2">
        <v>200</v>
      </c>
      <c r="D9527" s="2">
        <v>0.2</v>
      </c>
      <c r="E9527" s="2">
        <v>380.99999999998693</v>
      </c>
    </row>
    <row r="9528" spans="1:5" x14ac:dyDescent="0.25">
      <c r="A9528" s="3">
        <v>41846.721701388888</v>
      </c>
      <c r="B9528" s="2">
        <v>24.6</v>
      </c>
      <c r="C9528" s="2">
        <v>200.2</v>
      </c>
      <c r="D9528" s="2">
        <v>0</v>
      </c>
      <c r="E9528" s="2">
        <v>380.99999999998693</v>
      </c>
    </row>
    <row r="9529" spans="1:5" x14ac:dyDescent="0.25">
      <c r="A9529" s="3">
        <v>41846.722685185188</v>
      </c>
      <c r="B9529" s="2">
        <v>24.6</v>
      </c>
      <c r="C9529" s="2">
        <v>200.2</v>
      </c>
      <c r="D9529" s="2">
        <v>0.2</v>
      </c>
      <c r="E9529" s="2">
        <v>381.19999999998691</v>
      </c>
    </row>
    <row r="9530" spans="1:5" x14ac:dyDescent="0.25">
      <c r="A9530" s="3">
        <v>41846.734201388892</v>
      </c>
      <c r="B9530" s="2">
        <v>24.4</v>
      </c>
      <c r="C9530" s="2">
        <v>200.2</v>
      </c>
      <c r="D9530" s="2">
        <v>0.2</v>
      </c>
      <c r="E9530" s="2">
        <v>381.3999999999869</v>
      </c>
    </row>
    <row r="9531" spans="1:5" x14ac:dyDescent="0.25">
      <c r="A9531" s="3">
        <v>41846.747916666667</v>
      </c>
      <c r="B9531" s="2">
        <v>24.1</v>
      </c>
      <c r="C9531" s="2">
        <v>200.4</v>
      </c>
      <c r="D9531" s="2">
        <v>0</v>
      </c>
      <c r="E9531" s="2">
        <v>381.3999999999869</v>
      </c>
    </row>
    <row r="9532" spans="1:5" x14ac:dyDescent="0.25">
      <c r="A9532" s="3">
        <v>41846.756365740737</v>
      </c>
      <c r="B9532" s="2">
        <v>24</v>
      </c>
      <c r="C9532" s="2">
        <v>200.4</v>
      </c>
      <c r="D9532" s="2">
        <v>0.2</v>
      </c>
      <c r="E9532" s="2">
        <v>381.59999999998689</v>
      </c>
    </row>
    <row r="9533" spans="1:5" x14ac:dyDescent="0.25">
      <c r="A9533" s="3">
        <v>41846.79010416667</v>
      </c>
      <c r="B9533" s="2">
        <v>23.5</v>
      </c>
      <c r="C9533" s="2">
        <v>200.4</v>
      </c>
      <c r="D9533" s="2">
        <v>0.2</v>
      </c>
      <c r="E9533" s="2">
        <v>381.79999999998688</v>
      </c>
    </row>
    <row r="9534" spans="1:5" x14ac:dyDescent="0.25">
      <c r="A9534" s="3">
        <v>41846.869502314818</v>
      </c>
      <c r="B9534" s="2">
        <v>22.4</v>
      </c>
      <c r="C9534" s="2">
        <v>200.6</v>
      </c>
      <c r="D9534" s="2">
        <v>0</v>
      </c>
      <c r="E9534" s="2">
        <v>381.79999999998688</v>
      </c>
    </row>
    <row r="9535" spans="1:5" x14ac:dyDescent="0.25">
      <c r="A9535" s="3">
        <v>41846.87060185185</v>
      </c>
      <c r="B9535" s="2">
        <v>22.4</v>
      </c>
      <c r="C9535" s="2">
        <v>200.6</v>
      </c>
      <c r="D9535" s="2">
        <v>0.2</v>
      </c>
      <c r="E9535" s="2">
        <v>381.99999999998687</v>
      </c>
    </row>
    <row r="9536" spans="1:5" x14ac:dyDescent="0.25">
      <c r="A9536" s="3">
        <v>41846.871354166666</v>
      </c>
      <c r="B9536" s="2">
        <v>22.4</v>
      </c>
      <c r="C9536" s="2">
        <v>200.8</v>
      </c>
      <c r="D9536" s="2">
        <v>0</v>
      </c>
      <c r="E9536" s="2">
        <v>381.99999999998687</v>
      </c>
    </row>
    <row r="9537" spans="1:5" x14ac:dyDescent="0.25">
      <c r="A9537" s="3">
        <v>41846.884432870371</v>
      </c>
      <c r="B9537" s="2">
        <v>22.2</v>
      </c>
      <c r="C9537" s="2">
        <v>200.8</v>
      </c>
      <c r="D9537" s="2">
        <v>0.2</v>
      </c>
      <c r="E9537" s="2">
        <v>382.19999999998686</v>
      </c>
    </row>
    <row r="9538" spans="1:5" x14ac:dyDescent="0.25">
      <c r="A9538" s="3">
        <v>41846.890972222223</v>
      </c>
      <c r="B9538" s="2">
        <v>22.1</v>
      </c>
      <c r="C9538" s="2">
        <v>201</v>
      </c>
      <c r="D9538" s="2">
        <v>0</v>
      </c>
      <c r="E9538" s="2">
        <v>382.19999999998686</v>
      </c>
    </row>
    <row r="9539" spans="1:5" x14ac:dyDescent="0.25">
      <c r="A9539" s="3">
        <v>41846.89230324074</v>
      </c>
      <c r="B9539" s="2">
        <v>22.1</v>
      </c>
      <c r="C9539" s="2">
        <v>201</v>
      </c>
      <c r="D9539" s="2">
        <v>0.2</v>
      </c>
      <c r="E9539" s="2">
        <v>382.39999999998685</v>
      </c>
    </row>
    <row r="9540" spans="1:5" x14ac:dyDescent="0.25">
      <c r="A9540" s="3">
        <v>41846.894097222219</v>
      </c>
      <c r="B9540" s="2">
        <v>22</v>
      </c>
      <c r="C9540" s="2">
        <v>201.2</v>
      </c>
      <c r="D9540" s="2">
        <v>0</v>
      </c>
      <c r="E9540" s="2">
        <v>382.39999999998685</v>
      </c>
    </row>
    <row r="9541" spans="1:5" x14ac:dyDescent="0.25">
      <c r="A9541" s="3">
        <v>41847.039525462962</v>
      </c>
      <c r="B9541" s="2">
        <v>20.5</v>
      </c>
      <c r="C9541" s="2">
        <v>201</v>
      </c>
      <c r="D9541" s="2">
        <v>0</v>
      </c>
      <c r="E9541" s="2">
        <v>382.39999999998685</v>
      </c>
    </row>
    <row r="9542" spans="1:5" x14ac:dyDescent="0.25">
      <c r="A9542" s="3">
        <v>41847.318865740737</v>
      </c>
      <c r="B9542" s="2">
        <v>19</v>
      </c>
      <c r="C9542" s="2">
        <v>201</v>
      </c>
      <c r="D9542" s="2">
        <v>0.2</v>
      </c>
      <c r="E9542" s="2">
        <v>382.59999999998684</v>
      </c>
    </row>
    <row r="9543" spans="1:5" x14ac:dyDescent="0.25">
      <c r="A9543" s="3">
        <v>41847.351736111108</v>
      </c>
      <c r="B9543" s="2">
        <v>18.899999999999999</v>
      </c>
      <c r="C9543" s="2">
        <v>201</v>
      </c>
      <c r="D9543" s="2">
        <v>0.2</v>
      </c>
      <c r="E9543" s="2">
        <v>382.79999999998682</v>
      </c>
    </row>
    <row r="9544" spans="1:5" x14ac:dyDescent="0.25">
      <c r="A9544" s="3">
        <v>41847.526388888888</v>
      </c>
      <c r="B9544" s="2">
        <v>24</v>
      </c>
      <c r="C9544" s="2">
        <v>201.2</v>
      </c>
      <c r="D9544" s="2">
        <v>0</v>
      </c>
      <c r="E9544" s="2">
        <v>382.79999999998682</v>
      </c>
    </row>
    <row r="9545" spans="1:5" x14ac:dyDescent="0.25">
      <c r="A9545" s="3">
        <v>41847.540277777778</v>
      </c>
      <c r="B9545" s="2">
        <v>24.2</v>
      </c>
      <c r="C9545" s="2">
        <v>201</v>
      </c>
      <c r="D9545" s="2">
        <v>0</v>
      </c>
      <c r="E9545" s="2">
        <v>382.79999999998682</v>
      </c>
    </row>
    <row r="9546" spans="1:5" x14ac:dyDescent="0.25">
      <c r="A9546" s="3">
        <v>41847.564293981479</v>
      </c>
      <c r="B9546" s="2">
        <v>24.1</v>
      </c>
      <c r="C9546" s="2">
        <v>201.2</v>
      </c>
      <c r="D9546" s="2">
        <v>0</v>
      </c>
      <c r="E9546" s="2">
        <v>382.79999999998682</v>
      </c>
    </row>
    <row r="9547" spans="1:5" x14ac:dyDescent="0.25">
      <c r="A9547" s="3">
        <v>41847.588483796295</v>
      </c>
      <c r="B9547" s="2">
        <v>24.1</v>
      </c>
      <c r="C9547" s="2">
        <v>201</v>
      </c>
      <c r="D9547" s="2">
        <v>0</v>
      </c>
      <c r="E9547" s="2">
        <v>382.79999999998682</v>
      </c>
    </row>
    <row r="9548" spans="1:5" x14ac:dyDescent="0.25">
      <c r="A9548" s="3">
        <v>41847.743344907409</v>
      </c>
      <c r="B9548" s="2">
        <v>26</v>
      </c>
      <c r="C9548" s="2">
        <v>200.8</v>
      </c>
      <c r="D9548" s="2">
        <v>0</v>
      </c>
      <c r="E9548" s="2">
        <v>382.79999999998682</v>
      </c>
    </row>
    <row r="9549" spans="1:5" x14ac:dyDescent="0.25">
      <c r="A9549" s="3">
        <v>41847.744097222225</v>
      </c>
      <c r="B9549" s="2">
        <v>26</v>
      </c>
      <c r="C9549" s="2">
        <v>201</v>
      </c>
      <c r="D9549" s="2">
        <v>0</v>
      </c>
      <c r="E9549" s="2">
        <v>382.79999999998682</v>
      </c>
    </row>
    <row r="9550" spans="1:5" x14ac:dyDescent="0.25">
      <c r="A9550" s="3">
        <v>41847.744270833333</v>
      </c>
      <c r="B9550" s="2">
        <v>26</v>
      </c>
      <c r="C9550" s="2">
        <v>200.8</v>
      </c>
      <c r="D9550" s="2">
        <v>0</v>
      </c>
      <c r="E9550" s="2">
        <v>382.79999999998682</v>
      </c>
    </row>
    <row r="9551" spans="1:5" x14ac:dyDescent="0.25">
      <c r="A9551" s="3">
        <v>41847.749884259261</v>
      </c>
      <c r="B9551" s="2">
        <v>26</v>
      </c>
      <c r="C9551" s="2">
        <v>201</v>
      </c>
      <c r="D9551" s="2">
        <v>0</v>
      </c>
      <c r="E9551" s="2">
        <v>382.79999999998682</v>
      </c>
    </row>
    <row r="9552" spans="1:5" x14ac:dyDescent="0.25">
      <c r="A9552" s="3">
        <v>41847.75</v>
      </c>
      <c r="B9552" s="2">
        <v>26</v>
      </c>
      <c r="C9552" s="2">
        <v>200.8</v>
      </c>
      <c r="D9552" s="2">
        <v>0</v>
      </c>
      <c r="E9552" s="2">
        <v>382.79999999998682</v>
      </c>
    </row>
    <row r="9553" spans="1:5" x14ac:dyDescent="0.25">
      <c r="A9553" s="3">
        <v>41847.754513888889</v>
      </c>
      <c r="B9553" s="2">
        <v>26</v>
      </c>
      <c r="C9553" s="2">
        <v>201</v>
      </c>
      <c r="D9553" s="2">
        <v>0</v>
      </c>
      <c r="E9553" s="2">
        <v>382.79999999998682</v>
      </c>
    </row>
    <row r="9554" spans="1:5" x14ac:dyDescent="0.25">
      <c r="A9554" s="3">
        <v>41847.754571759258</v>
      </c>
      <c r="B9554" s="2">
        <v>26</v>
      </c>
      <c r="C9554" s="2">
        <v>200.8</v>
      </c>
      <c r="D9554" s="2">
        <v>0</v>
      </c>
      <c r="E9554" s="2">
        <v>382.79999999998682</v>
      </c>
    </row>
    <row r="9555" spans="1:5" x14ac:dyDescent="0.25">
      <c r="A9555" s="3">
        <v>41847.757349537038</v>
      </c>
      <c r="B9555" s="2">
        <v>26</v>
      </c>
      <c r="C9555" s="2">
        <v>201</v>
      </c>
      <c r="D9555" s="2">
        <v>0</v>
      </c>
      <c r="E9555" s="2">
        <v>382.79999999998682</v>
      </c>
    </row>
    <row r="9556" spans="1:5" x14ac:dyDescent="0.25">
      <c r="A9556" s="3">
        <v>41847.757407407407</v>
      </c>
      <c r="B9556" s="2">
        <v>26</v>
      </c>
      <c r="C9556" s="2">
        <v>200.8</v>
      </c>
      <c r="D9556" s="2">
        <v>0</v>
      </c>
      <c r="E9556" s="2">
        <v>382.79999999998682</v>
      </c>
    </row>
    <row r="9557" spans="1:5" x14ac:dyDescent="0.25">
      <c r="A9557" s="3">
        <v>41847.861342592594</v>
      </c>
      <c r="B9557" s="2">
        <v>24.8</v>
      </c>
      <c r="C9557" s="2">
        <v>200.6</v>
      </c>
      <c r="D9557" s="2">
        <v>0</v>
      </c>
      <c r="E9557" s="2">
        <v>382.79999999998682</v>
      </c>
    </row>
    <row r="9558" spans="1:5" x14ac:dyDescent="0.25">
      <c r="A9558" s="3">
        <v>41847.971354166664</v>
      </c>
      <c r="B9558" s="2">
        <v>23.1</v>
      </c>
      <c r="C9558" s="2">
        <v>200.4</v>
      </c>
      <c r="D9558" s="2">
        <v>0</v>
      </c>
      <c r="E9558" s="2">
        <v>382.79999999998682</v>
      </c>
    </row>
    <row r="9559" spans="1:5" x14ac:dyDescent="0.25">
      <c r="A9559" s="3">
        <v>41848.128067129626</v>
      </c>
      <c r="B9559" s="2">
        <v>21.1</v>
      </c>
      <c r="C9559" s="2">
        <v>200.2</v>
      </c>
      <c r="D9559" s="2">
        <v>0</v>
      </c>
      <c r="E9559" s="2">
        <v>382.79999999998682</v>
      </c>
    </row>
    <row r="9560" spans="1:5" x14ac:dyDescent="0.25">
      <c r="A9560" s="3">
        <v>41848.326678240737</v>
      </c>
      <c r="B9560" s="2">
        <v>19.7</v>
      </c>
      <c r="C9560" s="2">
        <v>200.2</v>
      </c>
      <c r="D9560" s="2">
        <v>0.2</v>
      </c>
      <c r="E9560" s="2">
        <v>382.99999999998681</v>
      </c>
    </row>
    <row r="9561" spans="1:5" x14ac:dyDescent="0.25">
      <c r="A9561" s="3">
        <v>41848.340219907404</v>
      </c>
      <c r="B9561" s="2">
        <v>19.7</v>
      </c>
      <c r="C9561" s="2">
        <v>200.2</v>
      </c>
      <c r="D9561" s="2">
        <v>0.2</v>
      </c>
      <c r="E9561" s="2">
        <v>383.1999999999868</v>
      </c>
    </row>
    <row r="9562" spans="1:5" x14ac:dyDescent="0.25">
      <c r="A9562" s="3">
        <v>41848.352256944447</v>
      </c>
      <c r="B9562" s="2">
        <v>19.7</v>
      </c>
      <c r="C9562" s="2">
        <v>200.4</v>
      </c>
      <c r="D9562" s="2">
        <v>0</v>
      </c>
      <c r="E9562" s="2">
        <v>383.1999999999868</v>
      </c>
    </row>
    <row r="9563" spans="1:5" x14ac:dyDescent="0.25">
      <c r="A9563" s="3">
        <v>41848.357407407406</v>
      </c>
      <c r="B9563" s="2">
        <v>19.7</v>
      </c>
      <c r="C9563" s="2">
        <v>200.4</v>
      </c>
      <c r="D9563" s="2">
        <v>0.2</v>
      </c>
      <c r="E9563" s="2">
        <v>383.39999999998679</v>
      </c>
    </row>
    <row r="9564" spans="1:5" x14ac:dyDescent="0.25">
      <c r="A9564" s="3">
        <v>41848.374768518515</v>
      </c>
      <c r="B9564" s="2">
        <v>19.7</v>
      </c>
      <c r="C9564" s="2">
        <v>200.4</v>
      </c>
      <c r="D9564" s="2">
        <v>0.2</v>
      </c>
      <c r="E9564" s="2">
        <v>383.59999999998678</v>
      </c>
    </row>
    <row r="9565" spans="1:5" x14ac:dyDescent="0.25">
      <c r="A9565" s="3">
        <v>41848.378240740742</v>
      </c>
      <c r="B9565" s="2">
        <v>19.7</v>
      </c>
      <c r="C9565" s="2">
        <v>200.6</v>
      </c>
      <c r="D9565" s="2">
        <v>0</v>
      </c>
      <c r="E9565" s="2">
        <v>383.59999999998678</v>
      </c>
    </row>
    <row r="9566" spans="1:5" x14ac:dyDescent="0.25">
      <c r="A9566" s="3">
        <v>41848.380844907406</v>
      </c>
      <c r="B9566" s="2">
        <v>19.8</v>
      </c>
      <c r="C9566" s="2">
        <v>200.6</v>
      </c>
      <c r="D9566" s="2">
        <v>0.2</v>
      </c>
      <c r="E9566" s="2">
        <v>383.79999999998677</v>
      </c>
    </row>
    <row r="9567" spans="1:5" x14ac:dyDescent="0.25">
      <c r="A9567" s="3">
        <v>41848.382060185184</v>
      </c>
      <c r="B9567" s="2">
        <v>19.7</v>
      </c>
      <c r="C9567" s="2">
        <v>200.8</v>
      </c>
      <c r="D9567" s="2">
        <v>0</v>
      </c>
      <c r="E9567" s="2">
        <v>383.79999999998677</v>
      </c>
    </row>
    <row r="9568" spans="1:5" x14ac:dyDescent="0.25">
      <c r="A9568" s="3">
        <v>41848.383622685185</v>
      </c>
      <c r="B9568" s="2">
        <v>19.8</v>
      </c>
      <c r="C9568" s="2">
        <v>200.8</v>
      </c>
      <c r="D9568" s="2">
        <v>0.2</v>
      </c>
      <c r="E9568" s="2">
        <v>383.99999999998676</v>
      </c>
    </row>
    <row r="9569" spans="1:5" x14ac:dyDescent="0.25">
      <c r="A9569" s="3">
        <v>41848.398553240739</v>
      </c>
      <c r="B9569" s="2">
        <v>19.8</v>
      </c>
      <c r="C9569" s="2">
        <v>201</v>
      </c>
      <c r="D9569" s="2">
        <v>0</v>
      </c>
      <c r="E9569" s="2">
        <v>383.99999999998676</v>
      </c>
    </row>
    <row r="9570" spans="1:5" x14ac:dyDescent="0.25">
      <c r="A9570" s="3">
        <v>41848.520312499997</v>
      </c>
      <c r="B9570" s="2">
        <v>21.9</v>
      </c>
      <c r="C9570" s="2">
        <v>200.8</v>
      </c>
      <c r="D9570" s="2">
        <v>0</v>
      </c>
      <c r="E9570" s="2">
        <v>383.99999999998676</v>
      </c>
    </row>
    <row r="9571" spans="1:5" x14ac:dyDescent="0.25">
      <c r="A9571" s="3">
        <v>41848.523090277777</v>
      </c>
      <c r="B9571" s="2">
        <v>22.1</v>
      </c>
      <c r="C9571" s="2">
        <v>201</v>
      </c>
      <c r="D9571" s="2">
        <v>0</v>
      </c>
      <c r="E9571" s="2">
        <v>383.99999999998676</v>
      </c>
    </row>
    <row r="9572" spans="1:5" x14ac:dyDescent="0.25">
      <c r="A9572" s="3">
        <v>41848.523379629631</v>
      </c>
      <c r="B9572" s="2">
        <v>22.1</v>
      </c>
      <c r="C9572" s="2">
        <v>200.8</v>
      </c>
      <c r="D9572" s="2">
        <v>0</v>
      </c>
      <c r="E9572" s="2">
        <v>383.99999999998676</v>
      </c>
    </row>
    <row r="9573" spans="1:5" x14ac:dyDescent="0.25">
      <c r="A9573" s="3">
        <v>41848.525578703702</v>
      </c>
      <c r="B9573" s="2">
        <v>22.1</v>
      </c>
      <c r="C9573" s="2">
        <v>201</v>
      </c>
      <c r="D9573" s="2">
        <v>0</v>
      </c>
      <c r="E9573" s="2">
        <v>383.99999999998676</v>
      </c>
    </row>
    <row r="9574" spans="1:5" x14ac:dyDescent="0.25">
      <c r="A9574" s="3">
        <v>41848.527083333334</v>
      </c>
      <c r="B9574" s="2">
        <v>22.2</v>
      </c>
      <c r="C9574" s="2">
        <v>200.8</v>
      </c>
      <c r="D9574" s="2">
        <v>0</v>
      </c>
      <c r="E9574" s="2">
        <v>383.99999999998676</v>
      </c>
    </row>
    <row r="9575" spans="1:5" x14ac:dyDescent="0.25">
      <c r="A9575" s="3">
        <v>41848.528819444444</v>
      </c>
      <c r="B9575" s="2">
        <v>22.2</v>
      </c>
      <c r="C9575" s="2">
        <v>201</v>
      </c>
      <c r="D9575" s="2">
        <v>0</v>
      </c>
      <c r="E9575" s="2">
        <v>383.99999999998676</v>
      </c>
    </row>
    <row r="9576" spans="1:5" x14ac:dyDescent="0.25">
      <c r="A9576" s="3">
        <v>41848.535590277781</v>
      </c>
      <c r="B9576" s="2">
        <v>22.6</v>
      </c>
      <c r="C9576" s="2">
        <v>200.8</v>
      </c>
      <c r="D9576" s="2">
        <v>0</v>
      </c>
      <c r="E9576" s="2">
        <v>383.99999999998676</v>
      </c>
    </row>
    <row r="9577" spans="1:5" x14ac:dyDescent="0.25">
      <c r="A9577" s="3">
        <v>41848.537557870368</v>
      </c>
      <c r="B9577" s="2">
        <v>22.7</v>
      </c>
      <c r="C9577" s="2">
        <v>201</v>
      </c>
      <c r="D9577" s="2">
        <v>0</v>
      </c>
      <c r="E9577" s="2">
        <v>383.99999999998676</v>
      </c>
    </row>
    <row r="9578" spans="1:5" x14ac:dyDescent="0.25">
      <c r="A9578" s="3">
        <v>41848.537847222222</v>
      </c>
      <c r="B9578" s="2">
        <v>22.7</v>
      </c>
      <c r="C9578" s="2">
        <v>200.8</v>
      </c>
      <c r="D9578" s="2">
        <v>0</v>
      </c>
      <c r="E9578" s="2">
        <v>383.99999999998676</v>
      </c>
    </row>
    <row r="9579" spans="1:5" x14ac:dyDescent="0.25">
      <c r="A9579" s="3">
        <v>41848.539872685185</v>
      </c>
      <c r="B9579" s="2">
        <v>22.7</v>
      </c>
      <c r="C9579" s="2">
        <v>201</v>
      </c>
      <c r="D9579" s="2">
        <v>0</v>
      </c>
      <c r="E9579" s="2">
        <v>383.99999999998676</v>
      </c>
    </row>
    <row r="9580" spans="1:5" x14ac:dyDescent="0.25">
      <c r="A9580" s="3">
        <v>41848.56591435185</v>
      </c>
      <c r="B9580" s="2">
        <v>23.7</v>
      </c>
      <c r="C9580" s="2">
        <v>200.8</v>
      </c>
      <c r="D9580" s="2">
        <v>0</v>
      </c>
      <c r="E9580" s="2">
        <v>383.99999999998676</v>
      </c>
    </row>
    <row r="9581" spans="1:5" x14ac:dyDescent="0.25">
      <c r="A9581" s="3">
        <v>41848.567476851851</v>
      </c>
      <c r="B9581" s="2">
        <v>23.8</v>
      </c>
      <c r="C9581" s="2">
        <v>201</v>
      </c>
      <c r="D9581" s="2">
        <v>0</v>
      </c>
      <c r="E9581" s="2">
        <v>383.99999999998676</v>
      </c>
    </row>
    <row r="9582" spans="1:5" x14ac:dyDescent="0.25">
      <c r="A9582" s="3">
        <v>41848.567650462966</v>
      </c>
      <c r="B9582" s="2">
        <v>23.8</v>
      </c>
      <c r="C9582" s="2">
        <v>200.8</v>
      </c>
      <c r="D9582" s="2">
        <v>0</v>
      </c>
      <c r="E9582" s="2">
        <v>383.99999999998676</v>
      </c>
    </row>
    <row r="9583" spans="1:5" x14ac:dyDescent="0.25">
      <c r="A9583" s="3">
        <v>41848.719328703701</v>
      </c>
      <c r="B9583" s="2">
        <v>27.2</v>
      </c>
      <c r="C9583" s="2">
        <v>200.6</v>
      </c>
      <c r="D9583" s="2">
        <v>0</v>
      </c>
      <c r="E9583" s="2">
        <v>383.99999999998676</v>
      </c>
    </row>
    <row r="9584" spans="1:5" x14ac:dyDescent="0.25">
      <c r="A9584" s="3">
        <v>41848.719733796293</v>
      </c>
      <c r="B9584" s="2">
        <v>27.2</v>
      </c>
      <c r="C9584" s="2">
        <v>200.8</v>
      </c>
      <c r="D9584" s="2">
        <v>0</v>
      </c>
      <c r="E9584" s="2">
        <v>383.99999999998676</v>
      </c>
    </row>
    <row r="9585" spans="1:5" x14ac:dyDescent="0.25">
      <c r="A9585" s="3">
        <v>41848.720023148147</v>
      </c>
      <c r="B9585" s="2">
        <v>27.2</v>
      </c>
      <c r="C9585" s="2">
        <v>200.6</v>
      </c>
      <c r="D9585" s="2">
        <v>0</v>
      </c>
      <c r="E9585" s="2">
        <v>383.99999999998676</v>
      </c>
    </row>
    <row r="9586" spans="1:5" x14ac:dyDescent="0.25">
      <c r="A9586" s="3">
        <v>41848.753067129626</v>
      </c>
      <c r="B9586" s="2">
        <v>26.7</v>
      </c>
      <c r="C9586" s="2">
        <v>200.6</v>
      </c>
      <c r="D9586" s="2">
        <v>0.2</v>
      </c>
      <c r="E9586" s="2">
        <v>384.19999999998674</v>
      </c>
    </row>
    <row r="9587" spans="1:5" x14ac:dyDescent="0.25">
      <c r="A9587" s="3">
        <v>41848.76458333333</v>
      </c>
      <c r="B9587" s="2">
        <v>26.4</v>
      </c>
      <c r="C9587" s="2">
        <v>200.8</v>
      </c>
      <c r="D9587" s="2">
        <v>0</v>
      </c>
      <c r="E9587" s="2">
        <v>384.19999999998674</v>
      </c>
    </row>
    <row r="9588" spans="1:5" x14ac:dyDescent="0.25">
      <c r="A9588" s="3">
        <v>41848.767418981479</v>
      </c>
      <c r="B9588" s="2">
        <v>26.4</v>
      </c>
      <c r="C9588" s="2">
        <v>200.8</v>
      </c>
      <c r="D9588" s="2">
        <v>0.2</v>
      </c>
      <c r="E9588" s="2">
        <v>384.39999999998673</v>
      </c>
    </row>
    <row r="9589" spans="1:5" x14ac:dyDescent="0.25">
      <c r="A9589" s="3">
        <v>41848.846701388888</v>
      </c>
      <c r="B9589" s="2">
        <v>25.4</v>
      </c>
      <c r="C9589" s="2">
        <v>200.6</v>
      </c>
      <c r="D9589" s="2">
        <v>0</v>
      </c>
      <c r="E9589" s="2">
        <v>384.39999999998673</v>
      </c>
    </row>
    <row r="9590" spans="1:5" x14ac:dyDescent="0.25">
      <c r="A9590" s="3">
        <v>41848.988483796296</v>
      </c>
      <c r="B9590" s="2">
        <v>23.5</v>
      </c>
      <c r="C9590" s="2">
        <v>200.4</v>
      </c>
      <c r="D9590" s="2">
        <v>0</v>
      </c>
      <c r="E9590" s="2">
        <v>384.39999999998673</v>
      </c>
    </row>
    <row r="9591" spans="1:5" x14ac:dyDescent="0.25">
      <c r="A9591" s="3">
        <v>41849.182523148149</v>
      </c>
      <c r="B9591" s="2">
        <v>21.3</v>
      </c>
      <c r="C9591" s="2">
        <v>200.2</v>
      </c>
      <c r="D9591" s="2">
        <v>0</v>
      </c>
      <c r="E9591" s="2">
        <v>384.39999999998673</v>
      </c>
    </row>
    <row r="9592" spans="1:5" x14ac:dyDescent="0.25">
      <c r="A9592" s="3">
        <v>41849.347858796296</v>
      </c>
      <c r="B9592" s="2">
        <v>20.2</v>
      </c>
      <c r="C9592" s="2">
        <v>200</v>
      </c>
      <c r="D9592" s="2">
        <v>0</v>
      </c>
      <c r="E9592" s="2">
        <v>384.39999999998673</v>
      </c>
    </row>
    <row r="9593" spans="1:5" x14ac:dyDescent="0.25">
      <c r="A9593" s="3">
        <v>41849.455497685187</v>
      </c>
      <c r="B9593" s="2">
        <v>23</v>
      </c>
      <c r="C9593" s="2">
        <v>200</v>
      </c>
      <c r="D9593" s="2">
        <v>0.2</v>
      </c>
      <c r="E9593" s="2">
        <v>384.59999999998672</v>
      </c>
    </row>
    <row r="9594" spans="1:5" x14ac:dyDescent="0.25">
      <c r="A9594" s="3">
        <v>41849.45590277778</v>
      </c>
      <c r="B9594" s="2">
        <v>22.9</v>
      </c>
      <c r="C9594" s="2">
        <v>200.2</v>
      </c>
      <c r="D9594" s="2">
        <v>0</v>
      </c>
      <c r="E9594" s="2">
        <v>384.59999999998672</v>
      </c>
    </row>
    <row r="9595" spans="1:5" x14ac:dyDescent="0.25">
      <c r="A9595" s="3">
        <v>41849.51221064815</v>
      </c>
      <c r="B9595" s="2">
        <v>23.3</v>
      </c>
      <c r="C9595" s="2">
        <v>200.2</v>
      </c>
      <c r="D9595" s="2">
        <v>0.2</v>
      </c>
      <c r="E9595" s="2">
        <v>384.79999999998671</v>
      </c>
    </row>
    <row r="9596" spans="1:5" x14ac:dyDescent="0.25">
      <c r="A9596" s="3">
        <v>41849.538773148146</v>
      </c>
      <c r="B9596" s="2">
        <v>23.6</v>
      </c>
      <c r="C9596" s="2">
        <v>200.4</v>
      </c>
      <c r="D9596" s="2">
        <v>0</v>
      </c>
      <c r="E9596" s="2">
        <v>384.79999999998671</v>
      </c>
    </row>
    <row r="9597" spans="1:5" x14ac:dyDescent="0.25">
      <c r="A9597" s="3">
        <v>41849.54351851852</v>
      </c>
      <c r="B9597" s="2">
        <v>23.7</v>
      </c>
      <c r="C9597" s="2">
        <v>200.4</v>
      </c>
      <c r="D9597" s="2">
        <v>0.2</v>
      </c>
      <c r="E9597" s="2">
        <v>384.9999999999867</v>
      </c>
    </row>
    <row r="9598" spans="1:5" x14ac:dyDescent="0.25">
      <c r="A9598" s="3">
        <v>41849.641956018517</v>
      </c>
      <c r="B9598" s="2">
        <v>24.2</v>
      </c>
      <c r="C9598" s="2">
        <v>200.4</v>
      </c>
      <c r="D9598" s="2">
        <v>0.2</v>
      </c>
      <c r="E9598" s="2">
        <v>385.19999999998669</v>
      </c>
    </row>
    <row r="9599" spans="1:5" x14ac:dyDescent="0.25">
      <c r="A9599" s="3">
        <v>41849.64230324074</v>
      </c>
      <c r="B9599" s="2">
        <v>24.2</v>
      </c>
      <c r="C9599" s="2">
        <v>200.6</v>
      </c>
      <c r="D9599" s="2">
        <v>0</v>
      </c>
      <c r="E9599" s="2">
        <v>385.19999999998669</v>
      </c>
    </row>
    <row r="9600" spans="1:5" x14ac:dyDescent="0.25">
      <c r="A9600" s="3">
        <v>41849.731712962966</v>
      </c>
      <c r="B9600" s="2">
        <v>24.3</v>
      </c>
      <c r="C9600" s="2">
        <v>200.6</v>
      </c>
      <c r="D9600" s="2">
        <v>0.2</v>
      </c>
      <c r="E9600" s="2">
        <v>385.39999999998668</v>
      </c>
    </row>
    <row r="9601" spans="1:5" x14ac:dyDescent="0.25">
      <c r="A9601" s="3">
        <v>41849.732754629629</v>
      </c>
      <c r="B9601" s="2">
        <v>24.3</v>
      </c>
      <c r="C9601" s="2">
        <v>200.8</v>
      </c>
      <c r="D9601" s="2">
        <v>0</v>
      </c>
      <c r="E9601" s="2">
        <v>385.39999999998668</v>
      </c>
    </row>
    <row r="9602" spans="1:5" x14ac:dyDescent="0.25">
      <c r="A9602" s="3">
        <v>41849.733275462961</v>
      </c>
      <c r="B9602" s="2">
        <v>24.3</v>
      </c>
      <c r="C9602" s="2">
        <v>200.8</v>
      </c>
      <c r="D9602" s="2">
        <v>0.2</v>
      </c>
      <c r="E9602" s="2">
        <v>385.59999999998666</v>
      </c>
    </row>
    <row r="9603" spans="1:5" x14ac:dyDescent="0.25">
      <c r="A9603" s="3">
        <v>41849.733738425923</v>
      </c>
      <c r="B9603" s="2">
        <v>24.2</v>
      </c>
      <c r="C9603" s="2">
        <v>201</v>
      </c>
      <c r="D9603" s="2">
        <v>0.2</v>
      </c>
      <c r="E9603" s="2">
        <v>385.79999999998665</v>
      </c>
    </row>
    <row r="9604" spans="1:5" x14ac:dyDescent="0.25">
      <c r="A9604" s="3">
        <v>41849.734143518515</v>
      </c>
      <c r="B9604" s="2">
        <v>24.2</v>
      </c>
      <c r="C9604" s="2">
        <v>201</v>
      </c>
      <c r="D9604" s="2">
        <v>0.2</v>
      </c>
      <c r="E9604" s="2">
        <v>385.99999999998664</v>
      </c>
    </row>
    <row r="9605" spans="1:5" x14ac:dyDescent="0.25">
      <c r="A9605" s="3">
        <v>41849.734259259261</v>
      </c>
      <c r="B9605" s="2">
        <v>24.2</v>
      </c>
      <c r="C9605" s="2">
        <v>201.2</v>
      </c>
      <c r="D9605" s="2">
        <v>0</v>
      </c>
      <c r="E9605" s="2">
        <v>385.99999999998664</v>
      </c>
    </row>
    <row r="9606" spans="1:5" x14ac:dyDescent="0.25">
      <c r="A9606" s="3">
        <v>41849.734548611108</v>
      </c>
      <c r="B9606" s="2">
        <v>24.2</v>
      </c>
      <c r="C9606" s="2">
        <v>201.2</v>
      </c>
      <c r="D9606" s="2">
        <v>0.2</v>
      </c>
      <c r="E9606" s="2">
        <v>386.19999999998663</v>
      </c>
    </row>
    <row r="9607" spans="1:5" x14ac:dyDescent="0.25">
      <c r="A9607" s="3">
        <v>41849.734664351854</v>
      </c>
      <c r="B9607" s="2">
        <v>24.2</v>
      </c>
      <c r="C9607" s="2">
        <v>201.4</v>
      </c>
      <c r="D9607" s="2">
        <v>0</v>
      </c>
      <c r="E9607" s="2">
        <v>386.19999999998663</v>
      </c>
    </row>
    <row r="9608" spans="1:5" x14ac:dyDescent="0.25">
      <c r="A9608" s="3">
        <v>41849.735127314816</v>
      </c>
      <c r="B9608" s="2">
        <v>24.2</v>
      </c>
      <c r="C9608" s="2">
        <v>201.4</v>
      </c>
      <c r="D9608" s="2">
        <v>0.2</v>
      </c>
      <c r="E9608" s="2">
        <v>386.39999999998662</v>
      </c>
    </row>
    <row r="9609" spans="1:5" x14ac:dyDescent="0.25">
      <c r="A9609" s="3">
        <v>41849.735185185185</v>
      </c>
      <c r="B9609" s="2">
        <v>24.2</v>
      </c>
      <c r="C9609" s="2">
        <v>201.6</v>
      </c>
      <c r="D9609" s="2">
        <v>0</v>
      </c>
      <c r="E9609" s="2">
        <v>386.39999999998662</v>
      </c>
    </row>
    <row r="9610" spans="1:5" x14ac:dyDescent="0.25">
      <c r="A9610" s="3">
        <v>41849.735706018517</v>
      </c>
      <c r="B9610" s="2">
        <v>24.2</v>
      </c>
      <c r="C9610" s="2">
        <v>201.8</v>
      </c>
      <c r="D9610" s="2">
        <v>0.2</v>
      </c>
      <c r="E9610" s="2">
        <v>386.59999999998661</v>
      </c>
    </row>
    <row r="9611" spans="1:5" x14ac:dyDescent="0.25">
      <c r="A9611" s="3">
        <v>41849.736284722225</v>
      </c>
      <c r="B9611" s="2">
        <v>24.2</v>
      </c>
      <c r="C9611" s="2">
        <v>201.8</v>
      </c>
      <c r="D9611" s="2">
        <v>0.2</v>
      </c>
      <c r="E9611" s="2">
        <v>386.7999999999866</v>
      </c>
    </row>
    <row r="9612" spans="1:5" x14ac:dyDescent="0.25">
      <c r="A9612" s="3">
        <v>41849.736342592594</v>
      </c>
      <c r="B9612" s="2">
        <v>24.2</v>
      </c>
      <c r="C9612" s="2">
        <v>202</v>
      </c>
      <c r="D9612" s="2">
        <v>0</v>
      </c>
      <c r="E9612" s="2">
        <v>386.7999999999866</v>
      </c>
    </row>
    <row r="9613" spans="1:5" x14ac:dyDescent="0.25">
      <c r="A9613" s="3">
        <v>41849.73709490741</v>
      </c>
      <c r="B9613" s="2">
        <v>24.1</v>
      </c>
      <c r="C9613" s="2">
        <v>202.2</v>
      </c>
      <c r="D9613" s="2">
        <v>0.2</v>
      </c>
      <c r="E9613" s="2">
        <v>386.99999999998658</v>
      </c>
    </row>
    <row r="9614" spans="1:5" x14ac:dyDescent="0.25">
      <c r="A9614" s="3">
        <v>41849.738020833334</v>
      </c>
      <c r="B9614" s="2">
        <v>24.1</v>
      </c>
      <c r="C9614" s="2">
        <v>202.4</v>
      </c>
      <c r="D9614" s="2">
        <v>0</v>
      </c>
      <c r="E9614" s="2">
        <v>386.99999999998658</v>
      </c>
    </row>
    <row r="9615" spans="1:5" x14ac:dyDescent="0.25">
      <c r="A9615" s="3">
        <v>41849.739120370374</v>
      </c>
      <c r="B9615" s="2">
        <v>24.1</v>
      </c>
      <c r="C9615" s="2">
        <v>202.4</v>
      </c>
      <c r="D9615" s="2">
        <v>0.2</v>
      </c>
      <c r="E9615" s="2">
        <v>387.19999999998657</v>
      </c>
    </row>
    <row r="9616" spans="1:5" x14ac:dyDescent="0.25">
      <c r="A9616" s="3">
        <v>41849.740104166667</v>
      </c>
      <c r="B9616" s="2">
        <v>24.1</v>
      </c>
      <c r="C9616" s="2">
        <v>202.6</v>
      </c>
      <c r="D9616" s="2">
        <v>0</v>
      </c>
      <c r="E9616" s="2">
        <v>387.19999999998657</v>
      </c>
    </row>
    <row r="9617" spans="1:5" x14ac:dyDescent="0.25">
      <c r="A9617" s="3">
        <v>41849.835763888892</v>
      </c>
      <c r="B9617" s="2">
        <v>23.3</v>
      </c>
      <c r="C9617" s="2">
        <v>202.4</v>
      </c>
      <c r="D9617" s="2">
        <v>0</v>
      </c>
      <c r="E9617" s="2">
        <v>387.19999999998657</v>
      </c>
    </row>
    <row r="9618" spans="1:5" x14ac:dyDescent="0.25">
      <c r="A9618" s="3">
        <v>41850.074999999997</v>
      </c>
      <c r="B9618" s="2">
        <v>21</v>
      </c>
      <c r="C9618" s="2">
        <v>202.2</v>
      </c>
      <c r="D9618" s="2">
        <v>0</v>
      </c>
      <c r="E9618" s="2">
        <v>387.19999999998657</v>
      </c>
    </row>
    <row r="9619" spans="1:5" x14ac:dyDescent="0.25">
      <c r="A9619" s="3">
        <v>41850.242824074077</v>
      </c>
      <c r="B9619" s="2">
        <v>20.100000000000001</v>
      </c>
      <c r="C9619" s="2">
        <v>202.2</v>
      </c>
      <c r="D9619" s="2">
        <v>0.2</v>
      </c>
      <c r="E9619" s="2">
        <v>387.39999999998656</v>
      </c>
    </row>
    <row r="9620" spans="1:5" x14ac:dyDescent="0.25">
      <c r="A9620" s="3">
        <v>41850.246469907404</v>
      </c>
      <c r="B9620" s="2">
        <v>20.100000000000001</v>
      </c>
      <c r="C9620" s="2">
        <v>202.4</v>
      </c>
      <c r="D9620" s="2">
        <v>0</v>
      </c>
      <c r="E9620" s="2">
        <v>387.39999999998656</v>
      </c>
    </row>
    <row r="9621" spans="1:5" x14ac:dyDescent="0.25">
      <c r="A9621" s="3">
        <v>41850.247858796298</v>
      </c>
      <c r="B9621" s="2">
        <v>20</v>
      </c>
      <c r="C9621" s="2">
        <v>202.4</v>
      </c>
      <c r="D9621" s="2">
        <v>0.2</v>
      </c>
      <c r="E9621" s="2">
        <v>387.59999999998655</v>
      </c>
    </row>
    <row r="9622" spans="1:5" x14ac:dyDescent="0.25">
      <c r="A9622" s="3">
        <v>41850.253298611111</v>
      </c>
      <c r="B9622" s="2">
        <v>19.899999999999999</v>
      </c>
      <c r="C9622" s="2">
        <v>202.4</v>
      </c>
      <c r="D9622" s="2">
        <v>0.2</v>
      </c>
      <c r="E9622" s="2">
        <v>387.79999999998654</v>
      </c>
    </row>
    <row r="9623" spans="1:5" x14ac:dyDescent="0.25">
      <c r="A9623" s="3">
        <v>41850.254166666666</v>
      </c>
      <c r="B9623" s="2">
        <v>19.899999999999999</v>
      </c>
      <c r="C9623" s="2">
        <v>202.6</v>
      </c>
      <c r="D9623" s="2">
        <v>0</v>
      </c>
      <c r="E9623" s="2">
        <v>387.79999999998654</v>
      </c>
    </row>
    <row r="9624" spans="1:5" x14ac:dyDescent="0.25">
      <c r="A9624" s="3">
        <v>41850.259317129632</v>
      </c>
      <c r="B9624" s="2">
        <v>19.899999999999999</v>
      </c>
      <c r="C9624" s="2">
        <v>202.6</v>
      </c>
      <c r="D9624" s="2">
        <v>0.2</v>
      </c>
      <c r="E9624" s="2">
        <v>387.99999999998653</v>
      </c>
    </row>
    <row r="9625" spans="1:5" x14ac:dyDescent="0.25">
      <c r="A9625" s="3">
        <v>41850.261458333334</v>
      </c>
      <c r="B9625" s="2">
        <v>19.899999999999999</v>
      </c>
      <c r="C9625" s="2">
        <v>202.8</v>
      </c>
      <c r="D9625" s="2">
        <v>0</v>
      </c>
      <c r="E9625" s="2">
        <v>387.99999999998653</v>
      </c>
    </row>
    <row r="9626" spans="1:5" x14ac:dyDescent="0.25">
      <c r="A9626" s="3">
        <v>41850.265798611108</v>
      </c>
      <c r="B9626" s="2">
        <v>19.899999999999999</v>
      </c>
      <c r="C9626" s="2">
        <v>202.8</v>
      </c>
      <c r="D9626" s="2">
        <v>0.2</v>
      </c>
      <c r="E9626" s="2">
        <v>388.19999999998652</v>
      </c>
    </row>
    <row r="9627" spans="1:5" x14ac:dyDescent="0.25">
      <c r="A9627" s="3">
        <v>41850.268576388888</v>
      </c>
      <c r="B9627" s="2">
        <v>19.8</v>
      </c>
      <c r="C9627" s="2">
        <v>203</v>
      </c>
      <c r="D9627" s="2">
        <v>0</v>
      </c>
      <c r="E9627" s="2">
        <v>388.19999999998652</v>
      </c>
    </row>
    <row r="9628" spans="1:5" x14ac:dyDescent="0.25">
      <c r="A9628" s="3">
        <v>41850.270543981482</v>
      </c>
      <c r="B9628" s="2">
        <v>19.899999999999999</v>
      </c>
      <c r="C9628" s="2">
        <v>203</v>
      </c>
      <c r="D9628" s="2">
        <v>0.2</v>
      </c>
      <c r="E9628" s="2">
        <v>388.39999999998651</v>
      </c>
    </row>
    <row r="9629" spans="1:5" x14ac:dyDescent="0.25">
      <c r="A9629" s="3">
        <v>41850.27239583333</v>
      </c>
      <c r="B9629" s="2">
        <v>19.8</v>
      </c>
      <c r="C9629" s="2">
        <v>203.2</v>
      </c>
      <c r="D9629" s="2">
        <v>0</v>
      </c>
      <c r="E9629" s="2">
        <v>388.39999999998651</v>
      </c>
    </row>
    <row r="9630" spans="1:5" x14ac:dyDescent="0.25">
      <c r="A9630" s="3">
        <v>41850.273900462962</v>
      </c>
      <c r="B9630" s="2">
        <v>19.8</v>
      </c>
      <c r="C9630" s="2">
        <v>203.2</v>
      </c>
      <c r="D9630" s="2">
        <v>0.2</v>
      </c>
      <c r="E9630" s="2">
        <v>388.59999999998649</v>
      </c>
    </row>
    <row r="9631" spans="1:5" x14ac:dyDescent="0.25">
      <c r="A9631" s="3">
        <v>41850.274942129632</v>
      </c>
      <c r="B9631" s="2">
        <v>19.8</v>
      </c>
      <c r="C9631" s="2">
        <v>203.4</v>
      </c>
      <c r="D9631" s="2">
        <v>0</v>
      </c>
      <c r="E9631" s="2">
        <v>388.59999999998649</v>
      </c>
    </row>
    <row r="9632" spans="1:5" x14ac:dyDescent="0.25">
      <c r="A9632" s="3">
        <v>41850.276273148149</v>
      </c>
      <c r="B9632" s="2">
        <v>19.8</v>
      </c>
      <c r="C9632" s="2">
        <v>203.4</v>
      </c>
      <c r="D9632" s="2">
        <v>0.2</v>
      </c>
      <c r="E9632" s="2">
        <v>388.79999999998648</v>
      </c>
    </row>
    <row r="9633" spans="1:5" x14ac:dyDescent="0.25">
      <c r="A9633" s="3">
        <v>41850.27679398148</v>
      </c>
      <c r="B9633" s="2">
        <v>19.8</v>
      </c>
      <c r="C9633" s="2">
        <v>203.6</v>
      </c>
      <c r="D9633" s="2">
        <v>0</v>
      </c>
      <c r="E9633" s="2">
        <v>388.79999999998648</v>
      </c>
    </row>
    <row r="9634" spans="1:5" x14ac:dyDescent="0.25">
      <c r="A9634" s="3">
        <v>41850.27847222222</v>
      </c>
      <c r="B9634" s="2">
        <v>19.8</v>
      </c>
      <c r="C9634" s="2">
        <v>203.6</v>
      </c>
      <c r="D9634" s="2">
        <v>0.2</v>
      </c>
      <c r="E9634" s="2">
        <v>388.99999999998647</v>
      </c>
    </row>
    <row r="9635" spans="1:5" x14ac:dyDescent="0.25">
      <c r="A9635" s="3">
        <v>41850.279108796298</v>
      </c>
      <c r="B9635" s="2">
        <v>19.8</v>
      </c>
      <c r="C9635" s="2">
        <v>203.8</v>
      </c>
      <c r="D9635" s="2">
        <v>0</v>
      </c>
      <c r="E9635" s="2">
        <v>388.99999999998647</v>
      </c>
    </row>
    <row r="9636" spans="1:5" x14ac:dyDescent="0.25">
      <c r="A9636" s="3">
        <v>41850.280555555553</v>
      </c>
      <c r="B9636" s="2">
        <v>19.8</v>
      </c>
      <c r="C9636" s="2">
        <v>203.8</v>
      </c>
      <c r="D9636" s="2">
        <v>0.2</v>
      </c>
      <c r="E9636" s="2">
        <v>389.19999999998646</v>
      </c>
    </row>
    <row r="9637" spans="1:5" x14ac:dyDescent="0.25">
      <c r="A9637" s="3">
        <v>41850.281597222223</v>
      </c>
      <c r="B9637" s="2">
        <v>19.8</v>
      </c>
      <c r="C9637" s="2">
        <v>204</v>
      </c>
      <c r="D9637" s="2">
        <v>0</v>
      </c>
      <c r="E9637" s="2">
        <v>389.19999999998646</v>
      </c>
    </row>
    <row r="9638" spans="1:5" x14ac:dyDescent="0.25">
      <c r="A9638" s="3">
        <v>41850.283564814818</v>
      </c>
      <c r="B9638" s="2">
        <v>19.7</v>
      </c>
      <c r="C9638" s="2">
        <v>204</v>
      </c>
      <c r="D9638" s="2">
        <v>0.2</v>
      </c>
      <c r="E9638" s="2">
        <v>389.39999999998645</v>
      </c>
    </row>
    <row r="9639" spans="1:5" x14ac:dyDescent="0.25">
      <c r="A9639" s="3">
        <v>41850.285185185188</v>
      </c>
      <c r="B9639" s="2">
        <v>19.7</v>
      </c>
      <c r="C9639" s="2">
        <v>204.2</v>
      </c>
      <c r="D9639" s="2">
        <v>0</v>
      </c>
      <c r="E9639" s="2">
        <v>389.39999999998645</v>
      </c>
    </row>
    <row r="9640" spans="1:5" x14ac:dyDescent="0.25">
      <c r="A9640" s="3">
        <v>41850.288888888892</v>
      </c>
      <c r="B9640" s="2">
        <v>19.7</v>
      </c>
      <c r="C9640" s="2">
        <v>204.2</v>
      </c>
      <c r="D9640" s="2">
        <v>0.2</v>
      </c>
      <c r="E9640" s="2">
        <v>389.59999999998644</v>
      </c>
    </row>
    <row r="9641" spans="1:5" x14ac:dyDescent="0.25">
      <c r="A9641" s="3">
        <v>41850.289409722223</v>
      </c>
      <c r="B9641" s="2">
        <v>19.7</v>
      </c>
      <c r="C9641" s="2">
        <v>204.4</v>
      </c>
      <c r="D9641" s="2">
        <v>0</v>
      </c>
      <c r="E9641" s="2">
        <v>389.59999999998644</v>
      </c>
    </row>
    <row r="9642" spans="1:5" x14ac:dyDescent="0.25">
      <c r="A9642" s="3">
        <v>41850.291377314818</v>
      </c>
      <c r="B9642" s="2">
        <v>19.7</v>
      </c>
      <c r="C9642" s="2">
        <v>204.4</v>
      </c>
      <c r="D9642" s="2">
        <v>0.2</v>
      </c>
      <c r="E9642" s="2">
        <v>389.79999999998643</v>
      </c>
    </row>
    <row r="9643" spans="1:5" x14ac:dyDescent="0.25">
      <c r="A9643" s="3">
        <v>41850.291898148149</v>
      </c>
      <c r="B9643" s="2">
        <v>19.7</v>
      </c>
      <c r="C9643" s="2">
        <v>204.6</v>
      </c>
      <c r="D9643" s="2">
        <v>0</v>
      </c>
      <c r="E9643" s="2">
        <v>389.79999999998643</v>
      </c>
    </row>
    <row r="9644" spans="1:5" x14ac:dyDescent="0.25">
      <c r="A9644" s="3">
        <v>41850.292939814812</v>
      </c>
      <c r="B9644" s="2">
        <v>19.7</v>
      </c>
      <c r="C9644" s="2">
        <v>204.6</v>
      </c>
      <c r="D9644" s="2">
        <v>0.2</v>
      </c>
      <c r="E9644" s="2">
        <v>389.99999999998641</v>
      </c>
    </row>
    <row r="9645" spans="1:5" x14ac:dyDescent="0.25">
      <c r="A9645" s="3">
        <v>41850.293981481482</v>
      </c>
      <c r="B9645" s="2">
        <v>19.7</v>
      </c>
      <c r="C9645" s="2">
        <v>204.8</v>
      </c>
      <c r="D9645" s="2">
        <v>0</v>
      </c>
      <c r="E9645" s="2">
        <v>389.99999999998641</v>
      </c>
    </row>
    <row r="9646" spans="1:5" x14ac:dyDescent="0.25">
      <c r="A9646" s="3">
        <v>41850.294907407406</v>
      </c>
      <c r="B9646" s="2">
        <v>19.7</v>
      </c>
      <c r="C9646" s="2">
        <v>204.8</v>
      </c>
      <c r="D9646" s="2">
        <v>0.2</v>
      </c>
      <c r="E9646" s="2">
        <v>390.1999999999864</v>
      </c>
    </row>
    <row r="9647" spans="1:5" x14ac:dyDescent="0.25">
      <c r="A9647" s="3">
        <v>41850.29583333333</v>
      </c>
      <c r="B9647" s="2">
        <v>19.7</v>
      </c>
      <c r="C9647" s="2">
        <v>205</v>
      </c>
      <c r="D9647" s="2">
        <v>0</v>
      </c>
      <c r="E9647" s="2">
        <v>390.1999999999864</v>
      </c>
    </row>
    <row r="9648" spans="1:5" x14ac:dyDescent="0.25">
      <c r="A9648" s="3">
        <v>41850.296469907407</v>
      </c>
      <c r="B9648" s="2">
        <v>19.7</v>
      </c>
      <c r="C9648" s="2">
        <v>205</v>
      </c>
      <c r="D9648" s="2">
        <v>0.2</v>
      </c>
      <c r="E9648" s="2">
        <v>390.39999999998639</v>
      </c>
    </row>
    <row r="9649" spans="1:5" x14ac:dyDescent="0.25">
      <c r="A9649" s="3">
        <v>41850.297337962962</v>
      </c>
      <c r="B9649" s="2">
        <v>19.600000000000001</v>
      </c>
      <c r="C9649" s="2">
        <v>205.2</v>
      </c>
      <c r="D9649" s="2">
        <v>0</v>
      </c>
      <c r="E9649" s="2">
        <v>390.39999999998639</v>
      </c>
    </row>
    <row r="9650" spans="1:5" x14ac:dyDescent="0.25">
      <c r="A9650" s="3">
        <v>41850.297743055555</v>
      </c>
      <c r="B9650" s="2">
        <v>19.7</v>
      </c>
      <c r="C9650" s="2">
        <v>205.2</v>
      </c>
      <c r="D9650" s="2">
        <v>0.2</v>
      </c>
      <c r="E9650" s="2">
        <v>390.59999999998638</v>
      </c>
    </row>
    <row r="9651" spans="1:5" x14ac:dyDescent="0.25">
      <c r="A9651" s="3">
        <v>41850.298611111109</v>
      </c>
      <c r="B9651" s="2">
        <v>19.600000000000001</v>
      </c>
      <c r="C9651" s="2">
        <v>205.4</v>
      </c>
      <c r="D9651" s="2">
        <v>0</v>
      </c>
      <c r="E9651" s="2">
        <v>390.59999999998638</v>
      </c>
    </row>
    <row r="9652" spans="1:5" x14ac:dyDescent="0.25">
      <c r="A9652" s="3">
        <v>41850.299074074072</v>
      </c>
      <c r="B9652" s="2">
        <v>19.600000000000001</v>
      </c>
      <c r="C9652" s="2">
        <v>205.4</v>
      </c>
      <c r="D9652" s="2">
        <v>0.2</v>
      </c>
      <c r="E9652" s="2">
        <v>390.79999999998637</v>
      </c>
    </row>
    <row r="9653" spans="1:5" x14ac:dyDescent="0.25">
      <c r="A9653" s="3">
        <v>41850.299768518518</v>
      </c>
      <c r="B9653" s="2">
        <v>19.600000000000001</v>
      </c>
      <c r="C9653" s="2">
        <v>205.6</v>
      </c>
      <c r="D9653" s="2">
        <v>0</v>
      </c>
      <c r="E9653" s="2">
        <v>390.79999999998637</v>
      </c>
    </row>
    <row r="9654" spans="1:5" x14ac:dyDescent="0.25">
      <c r="A9654" s="3">
        <v>41850.300347222219</v>
      </c>
      <c r="B9654" s="2">
        <v>19.600000000000001</v>
      </c>
      <c r="C9654" s="2">
        <v>205.6</v>
      </c>
      <c r="D9654" s="2">
        <v>0.2</v>
      </c>
      <c r="E9654" s="2">
        <v>390.99999999998636</v>
      </c>
    </row>
    <row r="9655" spans="1:5" x14ac:dyDescent="0.25">
      <c r="A9655" s="3">
        <v>41850.301157407404</v>
      </c>
      <c r="B9655" s="2">
        <v>19.600000000000001</v>
      </c>
      <c r="C9655" s="2">
        <v>205.8</v>
      </c>
      <c r="D9655" s="2">
        <v>0</v>
      </c>
      <c r="E9655" s="2">
        <v>390.99999999998636</v>
      </c>
    </row>
    <row r="9656" spans="1:5" x14ac:dyDescent="0.25">
      <c r="A9656" s="3">
        <v>41850.302662037036</v>
      </c>
      <c r="B9656" s="2">
        <v>19.600000000000001</v>
      </c>
      <c r="C9656" s="2">
        <v>205.8</v>
      </c>
      <c r="D9656" s="2">
        <v>0.2</v>
      </c>
      <c r="E9656" s="2">
        <v>391.19999999998635</v>
      </c>
    </row>
    <row r="9657" spans="1:5" x14ac:dyDescent="0.25">
      <c r="A9657" s="3">
        <v>41850.303472222222</v>
      </c>
      <c r="B9657" s="2">
        <v>19.600000000000001</v>
      </c>
      <c r="C9657" s="2">
        <v>206</v>
      </c>
      <c r="D9657" s="2">
        <v>0</v>
      </c>
      <c r="E9657" s="2">
        <v>391.19999999998635</v>
      </c>
    </row>
    <row r="9658" spans="1:5" x14ac:dyDescent="0.25">
      <c r="A9658" s="3">
        <v>41850.303819444445</v>
      </c>
      <c r="B9658" s="2">
        <v>19.600000000000001</v>
      </c>
      <c r="C9658" s="2">
        <v>206</v>
      </c>
      <c r="D9658" s="2">
        <v>0.2</v>
      </c>
      <c r="E9658" s="2">
        <v>391.39999999998633</v>
      </c>
    </row>
    <row r="9659" spans="1:5" x14ac:dyDescent="0.25">
      <c r="A9659" s="3">
        <v>41850.304513888892</v>
      </c>
      <c r="B9659" s="2">
        <v>19.5</v>
      </c>
      <c r="C9659" s="2">
        <v>206.2</v>
      </c>
      <c r="D9659" s="2">
        <v>0</v>
      </c>
      <c r="E9659" s="2">
        <v>391.39999999998633</v>
      </c>
    </row>
    <row r="9660" spans="1:5" x14ac:dyDescent="0.25">
      <c r="A9660" s="3">
        <v>41850.3046875</v>
      </c>
      <c r="B9660" s="2">
        <v>19.5</v>
      </c>
      <c r="C9660" s="2">
        <v>206.2</v>
      </c>
      <c r="D9660" s="2">
        <v>0.2</v>
      </c>
      <c r="E9660" s="2">
        <v>391.59999999998632</v>
      </c>
    </row>
    <row r="9661" spans="1:5" x14ac:dyDescent="0.25">
      <c r="A9661" s="3">
        <v>41850.305439814816</v>
      </c>
      <c r="B9661" s="2">
        <v>19.5</v>
      </c>
      <c r="C9661" s="2">
        <v>206.4</v>
      </c>
      <c r="D9661" s="2">
        <v>0</v>
      </c>
      <c r="E9661" s="2">
        <v>391.59999999998632</v>
      </c>
    </row>
    <row r="9662" spans="1:5" x14ac:dyDescent="0.25">
      <c r="A9662" s="3">
        <v>41850.305960648147</v>
      </c>
      <c r="B9662" s="2">
        <v>19.5</v>
      </c>
      <c r="C9662" s="2">
        <v>206.4</v>
      </c>
      <c r="D9662" s="2">
        <v>0.2</v>
      </c>
      <c r="E9662" s="2">
        <v>391.79999999998631</v>
      </c>
    </row>
    <row r="9663" spans="1:5" x14ac:dyDescent="0.25">
      <c r="A9663" s="3">
        <v>41850.307060185187</v>
      </c>
      <c r="B9663" s="2">
        <v>19.5</v>
      </c>
      <c r="C9663" s="2">
        <v>206.6</v>
      </c>
      <c r="D9663" s="2">
        <v>0</v>
      </c>
      <c r="E9663" s="2">
        <v>391.79999999998631</v>
      </c>
    </row>
    <row r="9664" spans="1:5" x14ac:dyDescent="0.25">
      <c r="A9664" s="3">
        <v>41850.307928240742</v>
      </c>
      <c r="B9664" s="2">
        <v>19.5</v>
      </c>
      <c r="C9664" s="2">
        <v>206.6</v>
      </c>
      <c r="D9664" s="2">
        <v>0.2</v>
      </c>
      <c r="E9664" s="2">
        <v>391.9999999999863</v>
      </c>
    </row>
    <row r="9665" spans="1:5" x14ac:dyDescent="0.25">
      <c r="A9665" s="3">
        <v>41850.309027777781</v>
      </c>
      <c r="B9665" s="2">
        <v>19.5</v>
      </c>
      <c r="C9665" s="2">
        <v>206.8</v>
      </c>
      <c r="D9665" s="2">
        <v>0</v>
      </c>
      <c r="E9665" s="2">
        <v>391.9999999999863</v>
      </c>
    </row>
    <row r="9666" spans="1:5" x14ac:dyDescent="0.25">
      <c r="A9666" s="3">
        <v>41850.309606481482</v>
      </c>
      <c r="B9666" s="2">
        <v>19.5</v>
      </c>
      <c r="C9666" s="2">
        <v>206.8</v>
      </c>
      <c r="D9666" s="2">
        <v>0.2</v>
      </c>
      <c r="E9666" s="2">
        <v>392.19999999998629</v>
      </c>
    </row>
    <row r="9667" spans="1:5" x14ac:dyDescent="0.25">
      <c r="A9667" s="3">
        <v>41850.310995370368</v>
      </c>
      <c r="B9667" s="2">
        <v>19.5</v>
      </c>
      <c r="C9667" s="2">
        <v>207</v>
      </c>
      <c r="D9667" s="2">
        <v>0</v>
      </c>
      <c r="E9667" s="2">
        <v>392.19999999998629</v>
      </c>
    </row>
    <row r="9668" spans="1:5" x14ac:dyDescent="0.25">
      <c r="A9668" s="3">
        <v>41850.311342592591</v>
      </c>
      <c r="B9668" s="2">
        <v>19.5</v>
      </c>
      <c r="C9668" s="2">
        <v>207</v>
      </c>
      <c r="D9668" s="2">
        <v>0.2</v>
      </c>
      <c r="E9668" s="2">
        <v>392.39999999998628</v>
      </c>
    </row>
    <row r="9669" spans="1:5" x14ac:dyDescent="0.25">
      <c r="A9669" s="3">
        <v>41850.3125</v>
      </c>
      <c r="B9669" s="2">
        <v>19.5</v>
      </c>
      <c r="C9669" s="2">
        <v>207.2</v>
      </c>
      <c r="D9669" s="2">
        <v>0</v>
      </c>
      <c r="E9669" s="2">
        <v>392.39999999998628</v>
      </c>
    </row>
    <row r="9670" spans="1:5" x14ac:dyDescent="0.25">
      <c r="A9670" s="3">
        <v>41850.312731481485</v>
      </c>
      <c r="B9670" s="2">
        <v>19.5</v>
      </c>
      <c r="C9670" s="2">
        <v>207.2</v>
      </c>
      <c r="D9670" s="2">
        <v>0.2</v>
      </c>
      <c r="E9670" s="2">
        <v>392.59999999998627</v>
      </c>
    </row>
    <row r="9671" spans="1:5" x14ac:dyDescent="0.25">
      <c r="A9671" s="3">
        <v>41850.314236111109</v>
      </c>
      <c r="B9671" s="2">
        <v>19.5</v>
      </c>
      <c r="C9671" s="2">
        <v>207.4</v>
      </c>
      <c r="D9671" s="2">
        <v>0</v>
      </c>
      <c r="E9671" s="2">
        <v>392.59999999998627</v>
      </c>
    </row>
    <row r="9672" spans="1:5" x14ac:dyDescent="0.25">
      <c r="A9672" s="3">
        <v>41850.314641203702</v>
      </c>
      <c r="B9672" s="2">
        <v>19.5</v>
      </c>
      <c r="C9672" s="2">
        <v>207.4</v>
      </c>
      <c r="D9672" s="2">
        <v>0.2</v>
      </c>
      <c r="E9672" s="2">
        <v>392.79999999998626</v>
      </c>
    </row>
    <row r="9673" spans="1:5" x14ac:dyDescent="0.25">
      <c r="A9673" s="3">
        <v>41850.31753472222</v>
      </c>
      <c r="B9673" s="2">
        <v>19.5</v>
      </c>
      <c r="C9673" s="2">
        <v>207.4</v>
      </c>
      <c r="D9673" s="2">
        <v>0.2</v>
      </c>
      <c r="E9673" s="2">
        <v>392.99999999998624</v>
      </c>
    </row>
    <row r="9674" spans="1:5" x14ac:dyDescent="0.25">
      <c r="A9674" s="3">
        <v>41850.318171296298</v>
      </c>
      <c r="B9674" s="2">
        <v>19.5</v>
      </c>
      <c r="C9674" s="2">
        <v>207.6</v>
      </c>
      <c r="D9674" s="2">
        <v>0</v>
      </c>
      <c r="E9674" s="2">
        <v>392.99999999998624</v>
      </c>
    </row>
    <row r="9675" spans="1:5" x14ac:dyDescent="0.25">
      <c r="A9675" s="3">
        <v>41850.320717592593</v>
      </c>
      <c r="B9675" s="2">
        <v>19.399999999999999</v>
      </c>
      <c r="C9675" s="2">
        <v>207.6</v>
      </c>
      <c r="D9675" s="2">
        <v>0.2</v>
      </c>
      <c r="E9675" s="2">
        <v>393.19999999998623</v>
      </c>
    </row>
    <row r="9676" spans="1:5" x14ac:dyDescent="0.25">
      <c r="A9676" s="3">
        <v>41850.32135416667</v>
      </c>
      <c r="B9676" s="2">
        <v>19.399999999999999</v>
      </c>
      <c r="C9676" s="2">
        <v>207.8</v>
      </c>
      <c r="D9676" s="2">
        <v>0</v>
      </c>
      <c r="E9676" s="2">
        <v>393.19999999998623</v>
      </c>
    </row>
    <row r="9677" spans="1:5" x14ac:dyDescent="0.25">
      <c r="A9677" s="3">
        <v>41850.322916666664</v>
      </c>
      <c r="B9677" s="2">
        <v>19.399999999999999</v>
      </c>
      <c r="C9677" s="2">
        <v>207.8</v>
      </c>
      <c r="D9677" s="2">
        <v>0.2</v>
      </c>
      <c r="E9677" s="2">
        <v>393.39999999998622</v>
      </c>
    </row>
    <row r="9678" spans="1:5" x14ac:dyDescent="0.25">
      <c r="A9678" s="3">
        <v>41850.323495370372</v>
      </c>
      <c r="B9678" s="2">
        <v>19.399999999999999</v>
      </c>
      <c r="C9678" s="2">
        <v>208</v>
      </c>
      <c r="D9678" s="2">
        <v>0</v>
      </c>
      <c r="E9678" s="2">
        <v>393.39999999998622</v>
      </c>
    </row>
    <row r="9679" spans="1:5" x14ac:dyDescent="0.25">
      <c r="A9679" s="3">
        <v>41850.327141203707</v>
      </c>
      <c r="B9679" s="2">
        <v>19.399999999999999</v>
      </c>
      <c r="C9679" s="2">
        <v>208.2</v>
      </c>
      <c r="D9679" s="2">
        <v>0</v>
      </c>
      <c r="E9679" s="2">
        <v>393.39999999998622</v>
      </c>
    </row>
    <row r="9680" spans="1:5" x14ac:dyDescent="0.25">
      <c r="A9680" s="3">
        <v>41850.327199074076</v>
      </c>
      <c r="B9680" s="2">
        <v>19.399999999999999</v>
      </c>
      <c r="C9680" s="2">
        <v>208.2</v>
      </c>
      <c r="D9680" s="2">
        <v>0.2</v>
      </c>
      <c r="E9680" s="2">
        <v>393.59999999998621</v>
      </c>
    </row>
    <row r="9681" spans="1:5" x14ac:dyDescent="0.25">
      <c r="A9681" s="3">
        <v>41850.336458333331</v>
      </c>
      <c r="B9681" s="2">
        <v>19.3</v>
      </c>
      <c r="C9681" s="2">
        <v>208.4</v>
      </c>
      <c r="D9681" s="2">
        <v>0</v>
      </c>
      <c r="E9681" s="2">
        <v>393.59999999998621</v>
      </c>
    </row>
    <row r="9682" spans="1:5" x14ac:dyDescent="0.25">
      <c r="A9682" s="3">
        <v>41850.336747685185</v>
      </c>
      <c r="B9682" s="2">
        <v>19.3</v>
      </c>
      <c r="C9682" s="2">
        <v>208.4</v>
      </c>
      <c r="D9682" s="2">
        <v>0.2</v>
      </c>
      <c r="E9682" s="2">
        <v>393.7999999999862</v>
      </c>
    </row>
    <row r="9683" spans="1:5" x14ac:dyDescent="0.25">
      <c r="A9683" s="3">
        <v>41850.337557870371</v>
      </c>
      <c r="B9683" s="2">
        <v>19.3</v>
      </c>
      <c r="C9683" s="2">
        <v>208.4</v>
      </c>
      <c r="D9683" s="2">
        <v>0.2</v>
      </c>
      <c r="E9683" s="2">
        <v>393.99999999998619</v>
      </c>
    </row>
    <row r="9684" spans="1:5" x14ac:dyDescent="0.25">
      <c r="A9684" s="3">
        <v>41850.337962962964</v>
      </c>
      <c r="B9684" s="2">
        <v>19.3</v>
      </c>
      <c r="C9684" s="2">
        <v>208.6</v>
      </c>
      <c r="D9684" s="2">
        <v>0</v>
      </c>
      <c r="E9684" s="2">
        <v>393.99999999998619</v>
      </c>
    </row>
    <row r="9685" spans="1:5" x14ac:dyDescent="0.25">
      <c r="A9685" s="3">
        <v>41850.338541666664</v>
      </c>
      <c r="B9685" s="2">
        <v>19.3</v>
      </c>
      <c r="C9685" s="2">
        <v>208.6</v>
      </c>
      <c r="D9685" s="2">
        <v>0.2</v>
      </c>
      <c r="E9685" s="2">
        <v>394.19999999998618</v>
      </c>
    </row>
    <row r="9686" spans="1:5" x14ac:dyDescent="0.25">
      <c r="A9686" s="3">
        <v>41850.339236111111</v>
      </c>
      <c r="B9686" s="2">
        <v>19.3</v>
      </c>
      <c r="C9686" s="2">
        <v>208.8</v>
      </c>
      <c r="D9686" s="2">
        <v>0</v>
      </c>
      <c r="E9686" s="2">
        <v>394.19999999998618</v>
      </c>
    </row>
    <row r="9687" spans="1:5" x14ac:dyDescent="0.25">
      <c r="A9687" s="3">
        <v>41850.339699074073</v>
      </c>
      <c r="B9687" s="2">
        <v>19.3</v>
      </c>
      <c r="C9687" s="2">
        <v>208.8</v>
      </c>
      <c r="D9687" s="2">
        <v>0.2</v>
      </c>
      <c r="E9687" s="2">
        <v>394.39999999998616</v>
      </c>
    </row>
    <row r="9688" spans="1:5" x14ac:dyDescent="0.25">
      <c r="A9688" s="3">
        <v>41850.340740740743</v>
      </c>
      <c r="B9688" s="2">
        <v>19.3</v>
      </c>
      <c r="C9688" s="2">
        <v>209</v>
      </c>
      <c r="D9688" s="2">
        <v>0</v>
      </c>
      <c r="E9688" s="2">
        <v>394.39999999998616</v>
      </c>
    </row>
    <row r="9689" spans="1:5" x14ac:dyDescent="0.25">
      <c r="A9689" s="3">
        <v>41850.34103009259</v>
      </c>
      <c r="B9689" s="2">
        <v>19.3</v>
      </c>
      <c r="C9689" s="2">
        <v>209</v>
      </c>
      <c r="D9689" s="2">
        <v>0.2</v>
      </c>
      <c r="E9689" s="2">
        <v>394.59999999998615</v>
      </c>
    </row>
    <row r="9690" spans="1:5" x14ac:dyDescent="0.25">
      <c r="A9690" s="3">
        <v>41850.342129629629</v>
      </c>
      <c r="B9690" s="2">
        <v>19.3</v>
      </c>
      <c r="C9690" s="2">
        <v>209.2</v>
      </c>
      <c r="D9690" s="2">
        <v>0</v>
      </c>
      <c r="E9690" s="2">
        <v>394.59999999998615</v>
      </c>
    </row>
    <row r="9691" spans="1:5" x14ac:dyDescent="0.25">
      <c r="A9691" s="3">
        <v>41850.342245370368</v>
      </c>
      <c r="B9691" s="2">
        <v>19.3</v>
      </c>
      <c r="C9691" s="2">
        <v>209.2</v>
      </c>
      <c r="D9691" s="2">
        <v>0.2</v>
      </c>
      <c r="E9691" s="2">
        <v>394.79999999998614</v>
      </c>
    </row>
    <row r="9692" spans="1:5" x14ac:dyDescent="0.25">
      <c r="A9692" s="3">
        <v>41850.34270833333</v>
      </c>
      <c r="B9692" s="2">
        <v>19.3</v>
      </c>
      <c r="C9692" s="2">
        <v>209.4</v>
      </c>
      <c r="D9692" s="2">
        <v>0.2</v>
      </c>
      <c r="E9692" s="2">
        <v>394.99999999998613</v>
      </c>
    </row>
    <row r="9693" spans="1:5" x14ac:dyDescent="0.25">
      <c r="A9693" s="3">
        <v>41850.342997685184</v>
      </c>
      <c r="B9693" s="2">
        <v>19.3</v>
      </c>
      <c r="C9693" s="2">
        <v>209.4</v>
      </c>
      <c r="D9693" s="2">
        <v>0.2</v>
      </c>
      <c r="E9693" s="2">
        <v>395.19999999998612</v>
      </c>
    </row>
    <row r="9694" spans="1:5" x14ac:dyDescent="0.25">
      <c r="A9694" s="3">
        <v>41850.343055555553</v>
      </c>
      <c r="B9694" s="2">
        <v>19.3</v>
      </c>
      <c r="C9694" s="2">
        <v>209.6</v>
      </c>
      <c r="D9694" s="2">
        <v>0</v>
      </c>
      <c r="E9694" s="2">
        <v>395.19999999998612</v>
      </c>
    </row>
    <row r="9695" spans="1:5" x14ac:dyDescent="0.25">
      <c r="A9695" s="3">
        <v>41850.343229166669</v>
      </c>
      <c r="B9695" s="2">
        <v>19.3</v>
      </c>
      <c r="C9695" s="2">
        <v>209.6</v>
      </c>
      <c r="D9695" s="2">
        <v>0.2</v>
      </c>
      <c r="E9695" s="2">
        <v>395.39999999998611</v>
      </c>
    </row>
    <row r="9696" spans="1:5" x14ac:dyDescent="0.25">
      <c r="A9696" s="3">
        <v>41850.343344907407</v>
      </c>
      <c r="B9696" s="2">
        <v>19.3</v>
      </c>
      <c r="C9696" s="2">
        <v>209.8</v>
      </c>
      <c r="D9696" s="2">
        <v>0</v>
      </c>
      <c r="E9696" s="2">
        <v>395.39999999998611</v>
      </c>
    </row>
    <row r="9697" spans="1:5" x14ac:dyDescent="0.25">
      <c r="A9697" s="3">
        <v>41850.343518518515</v>
      </c>
      <c r="B9697" s="2">
        <v>19.3</v>
      </c>
      <c r="C9697" s="2">
        <v>209.8</v>
      </c>
      <c r="D9697" s="2">
        <v>0.2</v>
      </c>
      <c r="E9697" s="2">
        <v>395.5999999999861</v>
      </c>
    </row>
    <row r="9698" spans="1:5" x14ac:dyDescent="0.25">
      <c r="A9698" s="3">
        <v>41850.343692129631</v>
      </c>
      <c r="B9698" s="2">
        <v>19.3</v>
      </c>
      <c r="C9698" s="2">
        <v>210</v>
      </c>
      <c r="D9698" s="2">
        <v>0</v>
      </c>
      <c r="E9698" s="2">
        <v>395.5999999999861</v>
      </c>
    </row>
    <row r="9699" spans="1:5" x14ac:dyDescent="0.25">
      <c r="A9699" s="3">
        <v>41850.343807870369</v>
      </c>
      <c r="B9699" s="2">
        <v>19.3</v>
      </c>
      <c r="C9699" s="2">
        <v>210</v>
      </c>
      <c r="D9699" s="2">
        <v>0.2</v>
      </c>
      <c r="E9699" s="2">
        <v>395.79999999998608</v>
      </c>
    </row>
    <row r="9700" spans="1:5" x14ac:dyDescent="0.25">
      <c r="A9700" s="3">
        <v>41850.344039351854</v>
      </c>
      <c r="B9700" s="2">
        <v>19.3</v>
      </c>
      <c r="C9700" s="2">
        <v>210.2</v>
      </c>
      <c r="D9700" s="2">
        <v>0</v>
      </c>
      <c r="E9700" s="2">
        <v>395.79999999998608</v>
      </c>
    </row>
    <row r="9701" spans="1:5" x14ac:dyDescent="0.25">
      <c r="A9701" s="3">
        <v>41850.344444444447</v>
      </c>
      <c r="B9701" s="2">
        <v>19.3</v>
      </c>
      <c r="C9701" s="2">
        <v>210.2</v>
      </c>
      <c r="D9701" s="2">
        <v>0.2</v>
      </c>
      <c r="E9701" s="2">
        <v>395.99999999998607</v>
      </c>
    </row>
    <row r="9702" spans="1:5" x14ac:dyDescent="0.25">
      <c r="A9702" s="3">
        <v>41850.344560185185</v>
      </c>
      <c r="B9702" s="2">
        <v>19.3</v>
      </c>
      <c r="C9702" s="2">
        <v>210.4</v>
      </c>
      <c r="D9702" s="2">
        <v>0</v>
      </c>
      <c r="E9702" s="2">
        <v>395.99999999998607</v>
      </c>
    </row>
    <row r="9703" spans="1:5" x14ac:dyDescent="0.25">
      <c r="A9703" s="3">
        <v>41850.345023148147</v>
      </c>
      <c r="B9703" s="2">
        <v>19.3</v>
      </c>
      <c r="C9703" s="2">
        <v>210.4</v>
      </c>
      <c r="D9703" s="2">
        <v>0.2</v>
      </c>
      <c r="E9703" s="2">
        <v>396.19999999998606</v>
      </c>
    </row>
    <row r="9704" spans="1:5" x14ac:dyDescent="0.25">
      <c r="A9704" s="3">
        <v>41850.345196759263</v>
      </c>
      <c r="B9704" s="2">
        <v>19.3</v>
      </c>
      <c r="C9704" s="2">
        <v>210.6</v>
      </c>
      <c r="D9704" s="2">
        <v>0</v>
      </c>
      <c r="E9704" s="2">
        <v>396.19999999998606</v>
      </c>
    </row>
    <row r="9705" spans="1:5" x14ac:dyDescent="0.25">
      <c r="A9705" s="3">
        <v>41850.346296296295</v>
      </c>
      <c r="B9705" s="2">
        <v>19.3</v>
      </c>
      <c r="C9705" s="2">
        <v>210.6</v>
      </c>
      <c r="D9705" s="2">
        <v>0.2</v>
      </c>
      <c r="E9705" s="2">
        <v>396.39999999998605</v>
      </c>
    </row>
    <row r="9706" spans="1:5" x14ac:dyDescent="0.25">
      <c r="A9706" s="3">
        <v>41850.346412037034</v>
      </c>
      <c r="B9706" s="2">
        <v>19.3</v>
      </c>
      <c r="C9706" s="2">
        <v>210.8</v>
      </c>
      <c r="D9706" s="2">
        <v>0</v>
      </c>
      <c r="E9706" s="2">
        <v>396.39999999998605</v>
      </c>
    </row>
    <row r="9707" spans="1:5" x14ac:dyDescent="0.25">
      <c r="A9707" s="3">
        <v>41850.347395833334</v>
      </c>
      <c r="B9707" s="2">
        <v>19.3</v>
      </c>
      <c r="C9707" s="2">
        <v>211</v>
      </c>
      <c r="D9707" s="2">
        <v>0</v>
      </c>
      <c r="E9707" s="2">
        <v>396.39999999998605</v>
      </c>
    </row>
    <row r="9708" spans="1:5" x14ac:dyDescent="0.25">
      <c r="A9708" s="3">
        <v>41850.347453703704</v>
      </c>
      <c r="B9708" s="2">
        <v>19.3</v>
      </c>
      <c r="C9708" s="2">
        <v>211</v>
      </c>
      <c r="D9708" s="2">
        <v>0.2</v>
      </c>
      <c r="E9708" s="2">
        <v>396.59999999998604</v>
      </c>
    </row>
    <row r="9709" spans="1:5" x14ac:dyDescent="0.25">
      <c r="A9709" s="3">
        <v>41850.348611111112</v>
      </c>
      <c r="B9709" s="2">
        <v>19.3</v>
      </c>
      <c r="C9709" s="2">
        <v>211.2</v>
      </c>
      <c r="D9709" s="2">
        <v>0.2</v>
      </c>
      <c r="E9709" s="2">
        <v>396.79999999998603</v>
      </c>
    </row>
    <row r="9710" spans="1:5" x14ac:dyDescent="0.25">
      <c r="A9710" s="3">
        <v>41850.349074074074</v>
      </c>
      <c r="B9710" s="2">
        <v>19.3</v>
      </c>
      <c r="C9710" s="2">
        <v>211.2</v>
      </c>
      <c r="D9710" s="2">
        <v>0.2</v>
      </c>
      <c r="E9710" s="2">
        <v>396.99999999998602</v>
      </c>
    </row>
    <row r="9711" spans="1:5" x14ac:dyDescent="0.25">
      <c r="A9711" s="3">
        <v>41850.349247685182</v>
      </c>
      <c r="B9711" s="2">
        <v>19.3</v>
      </c>
      <c r="C9711" s="2">
        <v>211.4</v>
      </c>
      <c r="D9711" s="2">
        <v>0</v>
      </c>
      <c r="E9711" s="2">
        <v>396.99999999998602</v>
      </c>
    </row>
    <row r="9712" spans="1:5" x14ac:dyDescent="0.25">
      <c r="A9712" s="3">
        <v>41850.349594907406</v>
      </c>
      <c r="B9712" s="2">
        <v>19.3</v>
      </c>
      <c r="C9712" s="2">
        <v>211.4</v>
      </c>
      <c r="D9712" s="2">
        <v>0.2</v>
      </c>
      <c r="E9712" s="2">
        <v>397.19999999998601</v>
      </c>
    </row>
    <row r="9713" spans="1:5" x14ac:dyDescent="0.25">
      <c r="A9713" s="3">
        <v>41850.349826388891</v>
      </c>
      <c r="B9713" s="2">
        <v>19.3</v>
      </c>
      <c r="C9713" s="2">
        <v>211.6</v>
      </c>
      <c r="D9713" s="2">
        <v>0</v>
      </c>
      <c r="E9713" s="2">
        <v>397.19999999998601</v>
      </c>
    </row>
    <row r="9714" spans="1:5" x14ac:dyDescent="0.25">
      <c r="A9714" s="3">
        <v>41850.350636574076</v>
      </c>
      <c r="B9714" s="2">
        <v>19.3</v>
      </c>
      <c r="C9714" s="2">
        <v>211.6</v>
      </c>
      <c r="D9714" s="2">
        <v>0.2</v>
      </c>
      <c r="E9714" s="2">
        <v>397.39999999998599</v>
      </c>
    </row>
    <row r="9715" spans="1:5" x14ac:dyDescent="0.25">
      <c r="A9715" s="3">
        <v>41850.350925925923</v>
      </c>
      <c r="B9715" s="2">
        <v>19.3</v>
      </c>
      <c r="C9715" s="2">
        <v>211.8</v>
      </c>
      <c r="D9715" s="2">
        <v>0</v>
      </c>
      <c r="E9715" s="2">
        <v>397.39999999998599</v>
      </c>
    </row>
    <row r="9716" spans="1:5" x14ac:dyDescent="0.25">
      <c r="A9716" s="3">
        <v>41850.351967592593</v>
      </c>
      <c r="B9716" s="2">
        <v>19.2</v>
      </c>
      <c r="C9716" s="2">
        <v>211.8</v>
      </c>
      <c r="D9716" s="2">
        <v>0.2</v>
      </c>
      <c r="E9716" s="2">
        <v>397.59999999998598</v>
      </c>
    </row>
    <row r="9717" spans="1:5" x14ac:dyDescent="0.25">
      <c r="A9717" s="3">
        <v>41850.352256944447</v>
      </c>
      <c r="B9717" s="2">
        <v>19.2</v>
      </c>
      <c r="C9717" s="2">
        <v>212</v>
      </c>
      <c r="D9717" s="2">
        <v>0</v>
      </c>
      <c r="E9717" s="2">
        <v>397.59999999998598</v>
      </c>
    </row>
    <row r="9718" spans="1:5" x14ac:dyDescent="0.25">
      <c r="A9718" s="3">
        <v>41850.353587962964</v>
      </c>
      <c r="B9718" s="2">
        <v>19.2</v>
      </c>
      <c r="C9718" s="2">
        <v>212</v>
      </c>
      <c r="D9718" s="2">
        <v>0.2</v>
      </c>
      <c r="E9718" s="2">
        <v>397.79999999998597</v>
      </c>
    </row>
    <row r="9719" spans="1:5" x14ac:dyDescent="0.25">
      <c r="A9719" s="3">
        <v>41850.354166666664</v>
      </c>
      <c r="B9719" s="2">
        <v>19.2</v>
      </c>
      <c r="C9719" s="2">
        <v>212.2</v>
      </c>
      <c r="D9719" s="2">
        <v>0</v>
      </c>
      <c r="E9719" s="2">
        <v>397.79999999998597</v>
      </c>
    </row>
    <row r="9720" spans="1:5" x14ac:dyDescent="0.25">
      <c r="A9720" s="3">
        <v>41850.35491898148</v>
      </c>
      <c r="B9720" s="2">
        <v>19.2</v>
      </c>
      <c r="C9720" s="2">
        <v>212.2</v>
      </c>
      <c r="D9720" s="2">
        <v>0.2</v>
      </c>
      <c r="E9720" s="2">
        <v>397.99999999998596</v>
      </c>
    </row>
    <row r="9721" spans="1:5" x14ac:dyDescent="0.25">
      <c r="A9721" s="3">
        <v>41850.355844907404</v>
      </c>
      <c r="B9721" s="2">
        <v>19.2</v>
      </c>
      <c r="C9721" s="2">
        <v>212.4</v>
      </c>
      <c r="D9721" s="2">
        <v>0</v>
      </c>
      <c r="E9721" s="2">
        <v>397.99999999998596</v>
      </c>
    </row>
    <row r="9722" spans="1:5" x14ac:dyDescent="0.25">
      <c r="A9722" s="3">
        <v>41850.356249999997</v>
      </c>
      <c r="B9722" s="2">
        <v>19.2</v>
      </c>
      <c r="C9722" s="2">
        <v>212.4</v>
      </c>
      <c r="D9722" s="2">
        <v>0.2</v>
      </c>
      <c r="E9722" s="2">
        <v>398.19999999998595</v>
      </c>
    </row>
    <row r="9723" spans="1:5" x14ac:dyDescent="0.25">
      <c r="A9723" s="3">
        <v>41850.357233796298</v>
      </c>
      <c r="B9723" s="2">
        <v>19.2</v>
      </c>
      <c r="C9723" s="2">
        <v>212.6</v>
      </c>
      <c r="D9723" s="2">
        <v>0</v>
      </c>
      <c r="E9723" s="2">
        <v>398.19999999998595</v>
      </c>
    </row>
    <row r="9724" spans="1:5" x14ac:dyDescent="0.25">
      <c r="A9724" s="3">
        <v>41850.35769675926</v>
      </c>
      <c r="B9724" s="2">
        <v>19.2</v>
      </c>
      <c r="C9724" s="2">
        <v>212.6</v>
      </c>
      <c r="D9724" s="2">
        <v>0.2</v>
      </c>
      <c r="E9724" s="2">
        <v>398.39999999998594</v>
      </c>
    </row>
    <row r="9725" spans="1:5" x14ac:dyDescent="0.25">
      <c r="A9725" s="3">
        <v>41850.359027777777</v>
      </c>
      <c r="B9725" s="2">
        <v>19.2</v>
      </c>
      <c r="C9725" s="2">
        <v>212.8</v>
      </c>
      <c r="D9725" s="2">
        <v>0</v>
      </c>
      <c r="E9725" s="2">
        <v>398.39999999998594</v>
      </c>
    </row>
    <row r="9726" spans="1:5" x14ac:dyDescent="0.25">
      <c r="A9726" s="3">
        <v>41850.359201388892</v>
      </c>
      <c r="B9726" s="2">
        <v>19.2</v>
      </c>
      <c r="C9726" s="2">
        <v>212.8</v>
      </c>
      <c r="D9726" s="2">
        <v>0.2</v>
      </c>
      <c r="E9726" s="2">
        <v>398.59999999998593</v>
      </c>
    </row>
    <row r="9727" spans="1:5" x14ac:dyDescent="0.25">
      <c r="A9727" s="3">
        <v>41850.360879629632</v>
      </c>
      <c r="B9727" s="2">
        <v>19.2</v>
      </c>
      <c r="C9727" s="2">
        <v>213</v>
      </c>
      <c r="D9727" s="2">
        <v>0.2</v>
      </c>
      <c r="E9727" s="2">
        <v>398.79999999998591</v>
      </c>
    </row>
    <row r="9728" spans="1:5" x14ac:dyDescent="0.25">
      <c r="A9728" s="3">
        <v>41850.36209490741</v>
      </c>
      <c r="B9728" s="2">
        <v>19.2</v>
      </c>
      <c r="C9728" s="2">
        <v>213</v>
      </c>
      <c r="D9728" s="2">
        <v>0.2</v>
      </c>
      <c r="E9728" s="2">
        <v>398.9999999999859</v>
      </c>
    </row>
    <row r="9729" spans="1:5" x14ac:dyDescent="0.25">
      <c r="A9729" s="3">
        <v>41850.362442129626</v>
      </c>
      <c r="B9729" s="2">
        <v>19.2</v>
      </c>
      <c r="C9729" s="2">
        <v>213.2</v>
      </c>
      <c r="D9729" s="2">
        <v>0</v>
      </c>
      <c r="E9729" s="2">
        <v>398.9999999999859</v>
      </c>
    </row>
    <row r="9730" spans="1:5" x14ac:dyDescent="0.25">
      <c r="A9730" s="3">
        <v>41850.363715277781</v>
      </c>
      <c r="B9730" s="2">
        <v>19.2</v>
      </c>
      <c r="C9730" s="2">
        <v>213.2</v>
      </c>
      <c r="D9730" s="2">
        <v>0.2</v>
      </c>
      <c r="E9730" s="2">
        <v>399.19999999998589</v>
      </c>
    </row>
    <row r="9731" spans="1:5" x14ac:dyDescent="0.25">
      <c r="A9731" s="3">
        <v>41850.363946759258</v>
      </c>
      <c r="B9731" s="2">
        <v>19.2</v>
      </c>
      <c r="C9731" s="2">
        <v>213.4</v>
      </c>
      <c r="D9731" s="2">
        <v>0</v>
      </c>
      <c r="E9731" s="2">
        <v>399.19999999998589</v>
      </c>
    </row>
    <row r="9732" spans="1:5" x14ac:dyDescent="0.25">
      <c r="A9732" s="3">
        <v>41850.365393518521</v>
      </c>
      <c r="B9732" s="2">
        <v>19.2</v>
      </c>
      <c r="C9732" s="2">
        <v>213.4</v>
      </c>
      <c r="D9732" s="2">
        <v>0.2</v>
      </c>
      <c r="E9732" s="2">
        <v>399.39999999998588</v>
      </c>
    </row>
    <row r="9733" spans="1:5" x14ac:dyDescent="0.25">
      <c r="A9733" s="3">
        <v>41850.365740740737</v>
      </c>
      <c r="B9733" s="2">
        <v>19.2</v>
      </c>
      <c r="C9733" s="2">
        <v>213.6</v>
      </c>
      <c r="D9733" s="2">
        <v>0</v>
      </c>
      <c r="E9733" s="2">
        <v>399.39999999998588</v>
      </c>
    </row>
    <row r="9734" spans="1:5" x14ac:dyDescent="0.25">
      <c r="A9734" s="3">
        <v>41850.368750000001</v>
      </c>
      <c r="B9734" s="2">
        <v>19.100000000000001</v>
      </c>
      <c r="C9734" s="2">
        <v>213.6</v>
      </c>
      <c r="D9734" s="2">
        <v>0.2</v>
      </c>
      <c r="E9734" s="2">
        <v>399.59999999998587</v>
      </c>
    </row>
    <row r="9735" spans="1:5" x14ac:dyDescent="0.25">
      <c r="A9735" s="3">
        <v>41850.369097222225</v>
      </c>
      <c r="B9735" s="2">
        <v>19.100000000000001</v>
      </c>
      <c r="C9735" s="2">
        <v>213.8</v>
      </c>
      <c r="D9735" s="2">
        <v>0</v>
      </c>
      <c r="E9735" s="2">
        <v>399.59999999998587</v>
      </c>
    </row>
    <row r="9736" spans="1:5" x14ac:dyDescent="0.25">
      <c r="A9736" s="3">
        <v>41850.376909722225</v>
      </c>
      <c r="B9736" s="2">
        <v>19.100000000000001</v>
      </c>
      <c r="C9736" s="2">
        <v>213.8</v>
      </c>
      <c r="D9736" s="2">
        <v>0.2</v>
      </c>
      <c r="E9736" s="2">
        <v>399.79999999998586</v>
      </c>
    </row>
    <row r="9737" spans="1:5" x14ac:dyDescent="0.25">
      <c r="A9737" s="3">
        <v>41850.379803240743</v>
      </c>
      <c r="B9737" s="2">
        <v>19.100000000000001</v>
      </c>
      <c r="C9737" s="2">
        <v>214</v>
      </c>
      <c r="D9737" s="2">
        <v>0</v>
      </c>
      <c r="E9737" s="2">
        <v>399.79999999998586</v>
      </c>
    </row>
    <row r="9738" spans="1:5" x14ac:dyDescent="0.25">
      <c r="A9738" s="3">
        <v>41850.387384259258</v>
      </c>
      <c r="B9738" s="2">
        <v>19.100000000000001</v>
      </c>
      <c r="C9738" s="2">
        <v>214</v>
      </c>
      <c r="D9738" s="2">
        <v>0.2</v>
      </c>
      <c r="E9738" s="2">
        <v>399.99999999998585</v>
      </c>
    </row>
    <row r="9739" spans="1:5" x14ac:dyDescent="0.25">
      <c r="A9739" s="3">
        <v>41850.388657407406</v>
      </c>
      <c r="B9739" s="2">
        <v>19.100000000000001</v>
      </c>
      <c r="C9739" s="2">
        <v>214.2</v>
      </c>
      <c r="D9739" s="2">
        <v>0</v>
      </c>
      <c r="E9739" s="2">
        <v>399.99999999998585</v>
      </c>
    </row>
    <row r="9740" spans="1:5" x14ac:dyDescent="0.25">
      <c r="A9740" s="3">
        <v>41850.402141203704</v>
      </c>
      <c r="B9740" s="2">
        <v>18.899999999999999</v>
      </c>
      <c r="C9740" s="2">
        <v>214.4</v>
      </c>
      <c r="D9740" s="2">
        <v>0</v>
      </c>
      <c r="E9740" s="2">
        <v>399.99999999998585</v>
      </c>
    </row>
    <row r="9741" spans="1:5" x14ac:dyDescent="0.25">
      <c r="A9741" s="3">
        <v>41850.402199074073</v>
      </c>
      <c r="B9741" s="2">
        <v>18.899999999999999</v>
      </c>
      <c r="C9741" s="2">
        <v>214.4</v>
      </c>
      <c r="D9741" s="2">
        <v>0.2</v>
      </c>
      <c r="E9741" s="2">
        <v>400.19999999998583</v>
      </c>
    </row>
    <row r="9742" spans="1:5" x14ac:dyDescent="0.25">
      <c r="A9742" s="3">
        <v>41850.402430555558</v>
      </c>
      <c r="B9742" s="2">
        <v>18.899999999999999</v>
      </c>
      <c r="C9742" s="2">
        <v>214.2</v>
      </c>
      <c r="D9742" s="2">
        <v>0</v>
      </c>
      <c r="E9742" s="2">
        <v>400.19999999998583</v>
      </c>
    </row>
    <row r="9743" spans="1:5" x14ac:dyDescent="0.25">
      <c r="A9743" s="3">
        <v>41850.40289351852</v>
      </c>
      <c r="B9743" s="2">
        <v>18.899999999999999</v>
      </c>
      <c r="C9743" s="2">
        <v>214.4</v>
      </c>
      <c r="D9743" s="2">
        <v>0</v>
      </c>
      <c r="E9743" s="2">
        <v>400.19999999998583</v>
      </c>
    </row>
    <row r="9744" spans="1:5" x14ac:dyDescent="0.25">
      <c r="A9744" s="3">
        <v>41850.424016203702</v>
      </c>
      <c r="B9744" s="2">
        <v>19.399999999999999</v>
      </c>
      <c r="C9744" s="2">
        <v>214.2</v>
      </c>
      <c r="D9744" s="2">
        <v>0</v>
      </c>
      <c r="E9744" s="2">
        <v>400.19999999998583</v>
      </c>
    </row>
    <row r="9745" spans="1:5" x14ac:dyDescent="0.25">
      <c r="A9745" s="3">
        <v>41850.425462962965</v>
      </c>
      <c r="B9745" s="2">
        <v>19.3</v>
      </c>
      <c r="C9745" s="2">
        <v>214.4</v>
      </c>
      <c r="D9745" s="2">
        <v>0</v>
      </c>
      <c r="E9745" s="2">
        <v>400.19999999998583</v>
      </c>
    </row>
    <row r="9746" spans="1:5" x14ac:dyDescent="0.25">
      <c r="A9746" s="3">
        <v>41850.555266203701</v>
      </c>
      <c r="B9746" s="2">
        <v>20.6</v>
      </c>
      <c r="C9746" s="2">
        <v>214.4</v>
      </c>
      <c r="D9746" s="2">
        <v>0.2</v>
      </c>
      <c r="E9746" s="2">
        <v>400.39999999998582</v>
      </c>
    </row>
    <row r="9747" spans="1:5" x14ac:dyDescent="0.25">
      <c r="A9747" s="3">
        <v>41850.556423611109</v>
      </c>
      <c r="B9747" s="2">
        <v>20.5</v>
      </c>
      <c r="C9747" s="2">
        <v>214.6</v>
      </c>
      <c r="D9747" s="2">
        <v>0</v>
      </c>
      <c r="E9747" s="2">
        <v>400.39999999998582</v>
      </c>
    </row>
    <row r="9748" spans="1:5" x14ac:dyDescent="0.25">
      <c r="A9748" s="3">
        <v>41850.564409722225</v>
      </c>
      <c r="B9748" s="2">
        <v>20.5</v>
      </c>
      <c r="C9748" s="2">
        <v>214.6</v>
      </c>
      <c r="D9748" s="2">
        <v>0.2</v>
      </c>
      <c r="E9748" s="2">
        <v>400.59999999998581</v>
      </c>
    </row>
    <row r="9749" spans="1:5" x14ac:dyDescent="0.25">
      <c r="A9749" s="3">
        <v>41850.566203703704</v>
      </c>
      <c r="B9749" s="2">
        <v>20.6</v>
      </c>
      <c r="C9749" s="2">
        <v>214.8</v>
      </c>
      <c r="D9749" s="2">
        <v>0</v>
      </c>
      <c r="E9749" s="2">
        <v>400.59999999998581</v>
      </c>
    </row>
    <row r="9750" spans="1:5" x14ac:dyDescent="0.25">
      <c r="A9750" s="3">
        <v>41850.589525462965</v>
      </c>
      <c r="B9750" s="2">
        <v>20.7</v>
      </c>
      <c r="C9750" s="2">
        <v>214.8</v>
      </c>
      <c r="D9750" s="2">
        <v>0.2</v>
      </c>
      <c r="E9750" s="2">
        <v>400.7999999999858</v>
      </c>
    </row>
    <row r="9751" spans="1:5" x14ac:dyDescent="0.25">
      <c r="A9751" s="3">
        <v>41850.599594907406</v>
      </c>
      <c r="B9751" s="2">
        <v>20.8</v>
      </c>
      <c r="C9751" s="2">
        <v>215</v>
      </c>
      <c r="D9751" s="2">
        <v>0</v>
      </c>
      <c r="E9751" s="2">
        <v>400.7999999999858</v>
      </c>
    </row>
    <row r="9752" spans="1:5" x14ac:dyDescent="0.25">
      <c r="A9752" s="3">
        <v>41850.628472222219</v>
      </c>
      <c r="B9752" s="2">
        <v>21.1</v>
      </c>
      <c r="C9752" s="2">
        <v>215</v>
      </c>
      <c r="D9752" s="2">
        <v>0.2</v>
      </c>
      <c r="E9752" s="2">
        <v>400.99999999998579</v>
      </c>
    </row>
    <row r="9753" spans="1:5" x14ac:dyDescent="0.25">
      <c r="A9753" s="3">
        <v>41850.630844907406</v>
      </c>
      <c r="B9753" s="2">
        <v>21.1</v>
      </c>
      <c r="C9753" s="2">
        <v>215.2</v>
      </c>
      <c r="D9753" s="2">
        <v>0</v>
      </c>
      <c r="E9753" s="2">
        <v>400.99999999998579</v>
      </c>
    </row>
    <row r="9754" spans="1:5" x14ac:dyDescent="0.25">
      <c r="A9754" s="3">
        <v>41850.67355324074</v>
      </c>
      <c r="B9754" s="2">
        <v>21.1</v>
      </c>
      <c r="C9754" s="2">
        <v>215.2</v>
      </c>
      <c r="D9754" s="2">
        <v>0.2</v>
      </c>
      <c r="E9754" s="2">
        <v>401.19999999998578</v>
      </c>
    </row>
    <row r="9755" spans="1:5" x14ac:dyDescent="0.25">
      <c r="A9755" s="3">
        <v>41850.674305555556</v>
      </c>
      <c r="B9755" s="2">
        <v>21.1</v>
      </c>
      <c r="C9755" s="2">
        <v>215.4</v>
      </c>
      <c r="D9755" s="2">
        <v>0</v>
      </c>
      <c r="E9755" s="2">
        <v>401.19999999998578</v>
      </c>
    </row>
    <row r="9756" spans="1:5" x14ac:dyDescent="0.25">
      <c r="A9756" s="3">
        <v>41850.682349537034</v>
      </c>
      <c r="B9756" s="2">
        <v>21</v>
      </c>
      <c r="C9756" s="2">
        <v>215.4</v>
      </c>
      <c r="D9756" s="2">
        <v>0.2</v>
      </c>
      <c r="E9756" s="2">
        <v>401.39999999998577</v>
      </c>
    </row>
    <row r="9757" spans="1:5" x14ac:dyDescent="0.25">
      <c r="A9757" s="3">
        <v>41850.682870370372</v>
      </c>
      <c r="B9757" s="2">
        <v>21</v>
      </c>
      <c r="C9757" s="2">
        <v>215.6</v>
      </c>
      <c r="D9757" s="2">
        <v>0</v>
      </c>
      <c r="E9757" s="2">
        <v>401.39999999998577</v>
      </c>
    </row>
    <row r="9758" spans="1:5" x14ac:dyDescent="0.25">
      <c r="A9758" s="3">
        <v>41850.687962962962</v>
      </c>
      <c r="B9758" s="2">
        <v>21</v>
      </c>
      <c r="C9758" s="2">
        <v>215.6</v>
      </c>
      <c r="D9758" s="2">
        <v>0.2</v>
      </c>
      <c r="E9758" s="2">
        <v>401.59999999998576</v>
      </c>
    </row>
    <row r="9759" spans="1:5" x14ac:dyDescent="0.25">
      <c r="A9759" s="3">
        <v>41850.688136574077</v>
      </c>
      <c r="B9759" s="2">
        <v>21</v>
      </c>
      <c r="C9759" s="2">
        <v>215.8</v>
      </c>
      <c r="D9759" s="2">
        <v>0</v>
      </c>
      <c r="E9759" s="2">
        <v>401.59999999998576</v>
      </c>
    </row>
    <row r="9760" spans="1:5" x14ac:dyDescent="0.25">
      <c r="A9760" s="3">
        <v>41850.696180555555</v>
      </c>
      <c r="B9760" s="2">
        <v>20.9</v>
      </c>
      <c r="C9760" s="2">
        <v>215.8</v>
      </c>
      <c r="D9760" s="2">
        <v>0.2</v>
      </c>
      <c r="E9760" s="2">
        <v>401.79999999998574</v>
      </c>
    </row>
    <row r="9761" spans="1:5" x14ac:dyDescent="0.25">
      <c r="A9761" s="3">
        <v>41850.697106481479</v>
      </c>
      <c r="B9761" s="2">
        <v>20.9</v>
      </c>
      <c r="C9761" s="2">
        <v>216</v>
      </c>
      <c r="D9761" s="2">
        <v>0</v>
      </c>
      <c r="E9761" s="2">
        <v>401.79999999998574</v>
      </c>
    </row>
    <row r="9762" spans="1:5" x14ac:dyDescent="0.25">
      <c r="A9762" s="3">
        <v>41850.700810185182</v>
      </c>
      <c r="B9762" s="2">
        <v>20.9</v>
      </c>
      <c r="C9762" s="2">
        <v>216</v>
      </c>
      <c r="D9762" s="2">
        <v>0.2</v>
      </c>
      <c r="E9762" s="2">
        <v>401.99999999998573</v>
      </c>
    </row>
    <row r="9763" spans="1:5" x14ac:dyDescent="0.25">
      <c r="A9763" s="3">
        <v>41850.701273148145</v>
      </c>
      <c r="B9763" s="2">
        <v>20.9</v>
      </c>
      <c r="C9763" s="2">
        <v>216.2</v>
      </c>
      <c r="D9763" s="2">
        <v>0</v>
      </c>
      <c r="E9763" s="2">
        <v>401.99999999998573</v>
      </c>
    </row>
    <row r="9764" spans="1:5" x14ac:dyDescent="0.25">
      <c r="A9764" s="3">
        <v>41850.703645833331</v>
      </c>
      <c r="B9764" s="2">
        <v>20.9</v>
      </c>
      <c r="C9764" s="2">
        <v>216.2</v>
      </c>
      <c r="D9764" s="2">
        <v>0.2</v>
      </c>
      <c r="E9764" s="2">
        <v>402.19999999998572</v>
      </c>
    </row>
    <row r="9765" spans="1:5" x14ac:dyDescent="0.25">
      <c r="A9765" s="3">
        <v>41850.704050925924</v>
      </c>
      <c r="B9765" s="2">
        <v>20.9</v>
      </c>
      <c r="C9765" s="2">
        <v>216.4</v>
      </c>
      <c r="D9765" s="2">
        <v>0</v>
      </c>
      <c r="E9765" s="2">
        <v>402.19999999998572</v>
      </c>
    </row>
    <row r="9766" spans="1:5" x14ac:dyDescent="0.25">
      <c r="A9766" s="3">
        <v>41850.705960648149</v>
      </c>
      <c r="B9766" s="2">
        <v>20.9</v>
      </c>
      <c r="C9766" s="2">
        <v>216.4</v>
      </c>
      <c r="D9766" s="2">
        <v>0.2</v>
      </c>
      <c r="E9766" s="2">
        <v>402.39999999998571</v>
      </c>
    </row>
    <row r="9767" spans="1:5" x14ac:dyDescent="0.25">
      <c r="A9767" s="3">
        <v>41850.706365740742</v>
      </c>
      <c r="B9767" s="2">
        <v>20.9</v>
      </c>
      <c r="C9767" s="2">
        <v>216.6</v>
      </c>
      <c r="D9767" s="2">
        <v>0</v>
      </c>
      <c r="E9767" s="2">
        <v>402.39999999998571</v>
      </c>
    </row>
    <row r="9768" spans="1:5" x14ac:dyDescent="0.25">
      <c r="A9768" s="3">
        <v>41850.709201388891</v>
      </c>
      <c r="B9768" s="2">
        <v>20.9</v>
      </c>
      <c r="C9768" s="2">
        <v>216.6</v>
      </c>
      <c r="D9768" s="2">
        <v>0.2</v>
      </c>
      <c r="E9768" s="2">
        <v>402.5999999999857</v>
      </c>
    </row>
    <row r="9769" spans="1:5" x14ac:dyDescent="0.25">
      <c r="A9769" s="3">
        <v>41850.710474537038</v>
      </c>
      <c r="B9769" s="2">
        <v>20.9</v>
      </c>
      <c r="C9769" s="2">
        <v>216.8</v>
      </c>
      <c r="D9769" s="2">
        <v>0</v>
      </c>
      <c r="E9769" s="2">
        <v>402.5999999999857</v>
      </c>
    </row>
    <row r="9770" spans="1:5" x14ac:dyDescent="0.25">
      <c r="A9770" s="3">
        <v>41850.713078703702</v>
      </c>
      <c r="B9770" s="2">
        <v>20.9</v>
      </c>
      <c r="C9770" s="2">
        <v>216.8</v>
      </c>
      <c r="D9770" s="2">
        <v>0.2</v>
      </c>
      <c r="E9770" s="2">
        <v>402.79999999998569</v>
      </c>
    </row>
    <row r="9771" spans="1:5" x14ac:dyDescent="0.25">
      <c r="A9771" s="3">
        <v>41850.716319444444</v>
      </c>
      <c r="B9771" s="2">
        <v>20.9</v>
      </c>
      <c r="C9771" s="2">
        <v>217</v>
      </c>
      <c r="D9771" s="2">
        <v>0</v>
      </c>
      <c r="E9771" s="2">
        <v>402.79999999998569</v>
      </c>
    </row>
    <row r="9772" spans="1:5" x14ac:dyDescent="0.25">
      <c r="A9772" s="3">
        <v>41850.719328703701</v>
      </c>
      <c r="B9772" s="2">
        <v>20.9</v>
      </c>
      <c r="C9772" s="2">
        <v>217</v>
      </c>
      <c r="D9772" s="2">
        <v>0.2</v>
      </c>
      <c r="E9772" s="2">
        <v>402.99999999998568</v>
      </c>
    </row>
    <row r="9773" spans="1:5" x14ac:dyDescent="0.25">
      <c r="A9773" s="3">
        <v>41850.7265625</v>
      </c>
      <c r="B9773" s="2">
        <v>20.9</v>
      </c>
      <c r="C9773" s="2">
        <v>217.2</v>
      </c>
      <c r="D9773" s="2">
        <v>0</v>
      </c>
      <c r="E9773" s="2">
        <v>402.99999999998568</v>
      </c>
    </row>
    <row r="9774" spans="1:5" x14ac:dyDescent="0.25">
      <c r="A9774" s="3">
        <v>41850.728877314818</v>
      </c>
      <c r="B9774" s="2">
        <v>20.8</v>
      </c>
      <c r="C9774" s="2">
        <v>217.2</v>
      </c>
      <c r="D9774" s="2">
        <v>0.2</v>
      </c>
      <c r="E9774" s="2">
        <v>403.19999999998566</v>
      </c>
    </row>
    <row r="9775" spans="1:5" x14ac:dyDescent="0.25">
      <c r="A9775" s="3">
        <v>41850.7421875</v>
      </c>
      <c r="B9775" s="2">
        <v>20.8</v>
      </c>
      <c r="C9775" s="2">
        <v>217.4</v>
      </c>
      <c r="D9775" s="2">
        <v>0</v>
      </c>
      <c r="E9775" s="2">
        <v>403.19999999998566</v>
      </c>
    </row>
    <row r="9776" spans="1:5" x14ac:dyDescent="0.25">
      <c r="A9776" s="3">
        <v>41850.75445601852</v>
      </c>
      <c r="B9776" s="2">
        <v>20.7</v>
      </c>
      <c r="C9776" s="2">
        <v>217.4</v>
      </c>
      <c r="D9776" s="2">
        <v>0.2</v>
      </c>
      <c r="E9776" s="2">
        <v>403.39999999998565</v>
      </c>
    </row>
    <row r="9777" spans="1:5" x14ac:dyDescent="0.25">
      <c r="A9777" s="3">
        <v>41851.14565972222</v>
      </c>
      <c r="B9777" s="2">
        <v>18.899999999999999</v>
      </c>
      <c r="C9777" s="2">
        <v>217.2</v>
      </c>
      <c r="D9777" s="2">
        <v>0</v>
      </c>
      <c r="E9777" s="2">
        <v>403.39999999998565</v>
      </c>
    </row>
    <row r="9778" spans="1:5" x14ac:dyDescent="0.25">
      <c r="A9778" s="3">
        <v>41851.352372685185</v>
      </c>
      <c r="B9778" s="2">
        <v>18.600000000000001</v>
      </c>
      <c r="C9778" s="2">
        <v>217.4</v>
      </c>
      <c r="D9778" s="2">
        <v>0</v>
      </c>
      <c r="E9778" s="2">
        <v>403.39999999998565</v>
      </c>
    </row>
    <row r="9779" spans="1:5" x14ac:dyDescent="0.25">
      <c r="A9779" s="3">
        <v>41851.357465277775</v>
      </c>
      <c r="B9779" s="2">
        <v>18.600000000000001</v>
      </c>
      <c r="C9779" s="2">
        <v>217.4</v>
      </c>
      <c r="D9779" s="2">
        <v>0.2</v>
      </c>
      <c r="E9779" s="2">
        <v>403.59999999998564</v>
      </c>
    </row>
    <row r="9780" spans="1:5" x14ac:dyDescent="0.25">
      <c r="A9780" s="3">
        <v>41851.371759259258</v>
      </c>
      <c r="B9780" s="2">
        <v>18.600000000000001</v>
      </c>
      <c r="C9780" s="2">
        <v>217.4</v>
      </c>
      <c r="D9780" s="2">
        <v>0.2</v>
      </c>
      <c r="E9780" s="2">
        <v>403.79999999998563</v>
      </c>
    </row>
    <row r="9781" spans="1:5" x14ac:dyDescent="0.25">
      <c r="A9781" s="3">
        <v>41851.372106481482</v>
      </c>
      <c r="B9781" s="2">
        <v>18.600000000000001</v>
      </c>
      <c r="C9781" s="2">
        <v>217.6</v>
      </c>
      <c r="D9781" s="2">
        <v>0</v>
      </c>
      <c r="E9781" s="2">
        <v>403.79999999998563</v>
      </c>
    </row>
    <row r="9782" spans="1:5" x14ac:dyDescent="0.25">
      <c r="A9782" s="3">
        <v>41851.373263888891</v>
      </c>
      <c r="B9782" s="2">
        <v>18.600000000000001</v>
      </c>
      <c r="C9782" s="2">
        <v>217.6</v>
      </c>
      <c r="D9782" s="2">
        <v>0.2</v>
      </c>
      <c r="E9782" s="2">
        <v>403.99999999998562</v>
      </c>
    </row>
    <row r="9783" spans="1:5" x14ac:dyDescent="0.25">
      <c r="A9783" s="3">
        <v>41851.374131944445</v>
      </c>
      <c r="B9783" s="2">
        <v>18.600000000000001</v>
      </c>
      <c r="C9783" s="2">
        <v>217.8</v>
      </c>
      <c r="D9783" s="2">
        <v>0</v>
      </c>
      <c r="E9783" s="2">
        <v>403.99999999998562</v>
      </c>
    </row>
    <row r="9784" spans="1:5" x14ac:dyDescent="0.25">
      <c r="A9784" s="3">
        <v>41851.382754629631</v>
      </c>
      <c r="B9784" s="2">
        <v>18.7</v>
      </c>
      <c r="C9784" s="2">
        <v>217.8</v>
      </c>
      <c r="D9784" s="2">
        <v>0.2</v>
      </c>
      <c r="E9784" s="2">
        <v>404.19999999998561</v>
      </c>
    </row>
    <row r="9785" spans="1:5" x14ac:dyDescent="0.25">
      <c r="A9785" s="3">
        <v>41851.408333333333</v>
      </c>
      <c r="B9785" s="2">
        <v>18.7</v>
      </c>
      <c r="C9785" s="2">
        <v>218</v>
      </c>
      <c r="D9785" s="2">
        <v>0</v>
      </c>
      <c r="E9785" s="2">
        <v>404.19999999998561</v>
      </c>
    </row>
    <row r="9786" spans="1:5" x14ac:dyDescent="0.25">
      <c r="A9786" s="3">
        <v>41851.429861111108</v>
      </c>
      <c r="B9786" s="2">
        <v>18.899999999999999</v>
      </c>
      <c r="C9786" s="2">
        <v>218</v>
      </c>
      <c r="D9786" s="2">
        <v>0.2</v>
      </c>
      <c r="E9786" s="2">
        <v>404.3999999999856</v>
      </c>
    </row>
    <row r="9787" spans="1:5" x14ac:dyDescent="0.25">
      <c r="A9787" s="3">
        <v>41851.430671296293</v>
      </c>
      <c r="B9787" s="2">
        <v>18.899999999999999</v>
      </c>
      <c r="C9787" s="2">
        <v>218.2</v>
      </c>
      <c r="D9787" s="2">
        <v>0</v>
      </c>
      <c r="E9787" s="2">
        <v>404.3999999999856</v>
      </c>
    </row>
    <row r="9788" spans="1:5" x14ac:dyDescent="0.25">
      <c r="A9788" s="3">
        <v>41851.430960648147</v>
      </c>
      <c r="B9788" s="2">
        <v>18.899999999999999</v>
      </c>
      <c r="C9788" s="2">
        <v>218.2</v>
      </c>
      <c r="D9788" s="2">
        <v>0.2</v>
      </c>
      <c r="E9788" s="2">
        <v>404.59999999998558</v>
      </c>
    </row>
    <row r="9789" spans="1:5" x14ac:dyDescent="0.25">
      <c r="A9789" s="3">
        <v>41851.440682870372</v>
      </c>
      <c r="B9789" s="2">
        <v>19.100000000000001</v>
      </c>
      <c r="C9789" s="2">
        <v>218.4</v>
      </c>
      <c r="D9789" s="2">
        <v>0</v>
      </c>
      <c r="E9789" s="2">
        <v>404.59999999998558</v>
      </c>
    </row>
    <row r="9790" spans="1:5" x14ac:dyDescent="0.25">
      <c r="A9790" s="3">
        <v>41851.451388888891</v>
      </c>
      <c r="B9790" s="2">
        <v>19.5</v>
      </c>
      <c r="C9790" s="2">
        <v>218.2</v>
      </c>
      <c r="D9790" s="2">
        <v>0</v>
      </c>
      <c r="E9790" s="2">
        <v>404.59999999998558</v>
      </c>
    </row>
    <row r="9791" spans="1:5" x14ac:dyDescent="0.25">
      <c r="A9791" s="3">
        <v>41851.457696759258</v>
      </c>
      <c r="B9791" s="2">
        <v>19.7</v>
      </c>
      <c r="C9791" s="2">
        <v>218.4</v>
      </c>
      <c r="D9791" s="2">
        <v>0</v>
      </c>
      <c r="E9791" s="2">
        <v>404.59999999998558</v>
      </c>
    </row>
    <row r="9792" spans="1:5" x14ac:dyDescent="0.25">
      <c r="A9792" s="3">
        <v>41851.540914351855</v>
      </c>
      <c r="B9792" s="2">
        <v>23</v>
      </c>
      <c r="C9792" s="2">
        <v>218.6</v>
      </c>
      <c r="D9792" s="2">
        <v>0</v>
      </c>
      <c r="E9792" s="2">
        <v>404.59999999998558</v>
      </c>
    </row>
    <row r="9793" spans="1:5" x14ac:dyDescent="0.25">
      <c r="A9793" s="3">
        <v>41851.541087962964</v>
      </c>
      <c r="B9793" s="2">
        <v>23</v>
      </c>
      <c r="C9793" s="2">
        <v>218.4</v>
      </c>
      <c r="D9793" s="2">
        <v>0</v>
      </c>
      <c r="E9793" s="2">
        <v>404.59999999998558</v>
      </c>
    </row>
    <row r="9794" spans="1:5" x14ac:dyDescent="0.25">
      <c r="A9794" s="3">
        <v>41851.546701388892</v>
      </c>
      <c r="B9794" s="2">
        <v>23</v>
      </c>
      <c r="C9794" s="2">
        <v>218.6</v>
      </c>
      <c r="D9794" s="2">
        <v>0</v>
      </c>
      <c r="E9794" s="2">
        <v>404.59999999998558</v>
      </c>
    </row>
    <row r="9795" spans="1:5" x14ac:dyDescent="0.25">
      <c r="A9795" s="3">
        <v>41851.552835648145</v>
      </c>
      <c r="B9795" s="2">
        <v>23.1</v>
      </c>
      <c r="C9795" s="2">
        <v>218.4</v>
      </c>
      <c r="D9795" s="2">
        <v>0</v>
      </c>
      <c r="E9795" s="2">
        <v>404.59999999998558</v>
      </c>
    </row>
    <row r="9796" spans="1:5" x14ac:dyDescent="0.25">
      <c r="A9796" s="3">
        <v>41851.559317129628</v>
      </c>
      <c r="B9796" s="2">
        <v>23.1</v>
      </c>
      <c r="C9796" s="2">
        <v>218.6</v>
      </c>
      <c r="D9796" s="2">
        <v>0</v>
      </c>
      <c r="E9796" s="2">
        <v>404.59999999998558</v>
      </c>
    </row>
    <row r="9797" spans="1:5" x14ac:dyDescent="0.25">
      <c r="A9797" s="3">
        <v>41851.559548611112</v>
      </c>
      <c r="B9797" s="2">
        <v>23.1</v>
      </c>
      <c r="C9797" s="2">
        <v>218.4</v>
      </c>
      <c r="D9797" s="2">
        <v>0</v>
      </c>
      <c r="E9797" s="2">
        <v>404.59999999998558</v>
      </c>
    </row>
    <row r="9798" spans="1:5" x14ac:dyDescent="0.25">
      <c r="A9798" s="3">
        <v>41851.753993055558</v>
      </c>
      <c r="B9798" s="2">
        <v>24.7</v>
      </c>
      <c r="C9798" s="2">
        <v>218.2</v>
      </c>
      <c r="D9798" s="2">
        <v>0</v>
      </c>
      <c r="E9798" s="2">
        <v>404.59999999998558</v>
      </c>
    </row>
    <row r="9799" spans="1:5" x14ac:dyDescent="0.25">
      <c r="A9799" s="3">
        <v>41851.757523148146</v>
      </c>
      <c r="B9799" s="2">
        <v>24.6</v>
      </c>
      <c r="C9799" s="2">
        <v>218.4</v>
      </c>
      <c r="D9799" s="2">
        <v>0</v>
      </c>
      <c r="E9799" s="2">
        <v>404.59999999998558</v>
      </c>
    </row>
    <row r="9800" spans="1:5" x14ac:dyDescent="0.25">
      <c r="A9800" s="3">
        <v>41851.757696759261</v>
      </c>
      <c r="B9800" s="2">
        <v>24.6</v>
      </c>
      <c r="C9800" s="2">
        <v>218.2</v>
      </c>
      <c r="D9800" s="2">
        <v>0</v>
      </c>
      <c r="E9800" s="2">
        <v>404.59999999998558</v>
      </c>
    </row>
    <row r="9801" spans="1:5" x14ac:dyDescent="0.25">
      <c r="A9801" s="3">
        <v>41851.761400462965</v>
      </c>
      <c r="B9801" s="2">
        <v>24.6</v>
      </c>
      <c r="C9801" s="2">
        <v>218.4</v>
      </c>
      <c r="D9801" s="2">
        <v>0</v>
      </c>
      <c r="E9801" s="2">
        <v>404.59999999998558</v>
      </c>
    </row>
    <row r="9802" spans="1:5" x14ac:dyDescent="0.25">
      <c r="A9802" s="3">
        <v>41851.761689814812</v>
      </c>
      <c r="B9802" s="2">
        <v>24.6</v>
      </c>
      <c r="C9802" s="2">
        <v>218.2</v>
      </c>
      <c r="D9802" s="2">
        <v>0</v>
      </c>
      <c r="E9802" s="2">
        <v>404.59999999998558</v>
      </c>
    </row>
    <row r="9803" spans="1:5" x14ac:dyDescent="0.25">
      <c r="A9803" s="3">
        <v>41851.765335648146</v>
      </c>
      <c r="B9803" s="2">
        <v>24.6</v>
      </c>
      <c r="C9803" s="2">
        <v>218.4</v>
      </c>
      <c r="D9803" s="2">
        <v>0</v>
      </c>
      <c r="E9803" s="2">
        <v>404.59999999998558</v>
      </c>
    </row>
    <row r="9804" spans="1:5" x14ac:dyDescent="0.25">
      <c r="A9804" s="3">
        <v>41851.765393518515</v>
      </c>
      <c r="B9804" s="2">
        <v>24.6</v>
      </c>
      <c r="C9804" s="2">
        <v>218.2</v>
      </c>
      <c r="D9804" s="2">
        <v>0</v>
      </c>
      <c r="E9804" s="2">
        <v>404.59999999998558</v>
      </c>
    </row>
    <row r="9805" spans="1:5" x14ac:dyDescent="0.25">
      <c r="A9805" s="3">
        <v>41851.904745370368</v>
      </c>
      <c r="B9805" s="2">
        <v>23.3</v>
      </c>
      <c r="C9805" s="2">
        <v>218</v>
      </c>
      <c r="D9805" s="2">
        <v>0</v>
      </c>
      <c r="E9805" s="2">
        <v>404.59999999998558</v>
      </c>
    </row>
    <row r="9806" spans="1:5" x14ac:dyDescent="0.25">
      <c r="A9806" s="3">
        <v>41852.144270833334</v>
      </c>
      <c r="B9806" s="2">
        <v>21.4</v>
      </c>
      <c r="C9806" s="2">
        <v>217.8</v>
      </c>
      <c r="D9806" s="2">
        <v>0</v>
      </c>
      <c r="E9806" s="2">
        <v>404.59999999998558</v>
      </c>
    </row>
    <row r="9807" spans="1:5" x14ac:dyDescent="0.25">
      <c r="A9807" s="3">
        <v>41852.369097222225</v>
      </c>
      <c r="B9807" s="2">
        <v>20.5</v>
      </c>
      <c r="C9807" s="2">
        <v>217.6</v>
      </c>
      <c r="D9807" s="2">
        <v>0</v>
      </c>
      <c r="E9807" s="2">
        <v>404.59999999998558</v>
      </c>
    </row>
    <row r="9808" spans="1:5" x14ac:dyDescent="0.25">
      <c r="A9808" s="3">
        <v>41852.568865740737</v>
      </c>
      <c r="B9808" s="2">
        <v>27.6</v>
      </c>
      <c r="C9808" s="2">
        <v>217.4</v>
      </c>
      <c r="D9808" s="2">
        <v>0</v>
      </c>
      <c r="E9808" s="2">
        <v>404.59999999998558</v>
      </c>
    </row>
    <row r="9809" spans="1:5" x14ac:dyDescent="0.25">
      <c r="A9809" s="3">
        <v>41852.625925925924</v>
      </c>
      <c r="B9809" s="2">
        <v>29.3</v>
      </c>
      <c r="C9809" s="2">
        <v>217.2</v>
      </c>
      <c r="D9809" s="2">
        <v>0</v>
      </c>
      <c r="E9809" s="2">
        <v>404.59999999998558</v>
      </c>
    </row>
    <row r="9810" spans="1:5" x14ac:dyDescent="0.25">
      <c r="A9810" s="3">
        <v>41852.638831018521</v>
      </c>
      <c r="B9810" s="2">
        <v>29.4</v>
      </c>
      <c r="C9810" s="2">
        <v>217.4</v>
      </c>
      <c r="D9810" s="2">
        <v>0</v>
      </c>
      <c r="E9810" s="2">
        <v>404.59999999998558</v>
      </c>
    </row>
    <row r="9811" spans="1:5" x14ac:dyDescent="0.25">
      <c r="A9811" s="3">
        <v>41852.638888888891</v>
      </c>
      <c r="B9811" s="2">
        <v>29.4</v>
      </c>
      <c r="C9811" s="2">
        <v>217.2</v>
      </c>
      <c r="D9811" s="2">
        <v>0</v>
      </c>
      <c r="E9811" s="2">
        <v>404.59999999998558</v>
      </c>
    </row>
    <row r="9812" spans="1:5" x14ac:dyDescent="0.25">
      <c r="A9812" s="3">
        <v>41852.667766203704</v>
      </c>
      <c r="B9812" s="2">
        <v>29.3</v>
      </c>
      <c r="C9812" s="2">
        <v>217</v>
      </c>
      <c r="D9812" s="2">
        <v>0</v>
      </c>
      <c r="E9812" s="2">
        <v>404.59999999998558</v>
      </c>
    </row>
    <row r="9813" spans="1:5" x14ac:dyDescent="0.25">
      <c r="A9813" s="3">
        <v>41852.667881944442</v>
      </c>
      <c r="B9813" s="2">
        <v>29.3</v>
      </c>
      <c r="C9813" s="2">
        <v>217.2</v>
      </c>
      <c r="D9813" s="2">
        <v>0</v>
      </c>
      <c r="E9813" s="2">
        <v>404.59999999998558</v>
      </c>
    </row>
    <row r="9814" spans="1:5" x14ac:dyDescent="0.25">
      <c r="A9814" s="3">
        <v>41852.667997685188</v>
      </c>
      <c r="B9814" s="2">
        <v>29.3</v>
      </c>
      <c r="C9814" s="2">
        <v>217</v>
      </c>
      <c r="D9814" s="2">
        <v>0</v>
      </c>
      <c r="E9814" s="2">
        <v>404.59999999998558</v>
      </c>
    </row>
    <row r="9815" spans="1:5" x14ac:dyDescent="0.25">
      <c r="A9815" s="3">
        <v>41852.668807870374</v>
      </c>
      <c r="B9815" s="2">
        <v>29.3</v>
      </c>
      <c r="C9815" s="2">
        <v>217.2</v>
      </c>
      <c r="D9815" s="2">
        <v>0</v>
      </c>
      <c r="E9815" s="2">
        <v>404.59999999998558</v>
      </c>
    </row>
    <row r="9816" spans="1:5" x14ac:dyDescent="0.25">
      <c r="A9816" s="3">
        <v>41852.668981481482</v>
      </c>
      <c r="B9816" s="2">
        <v>29.3</v>
      </c>
      <c r="C9816" s="2">
        <v>217</v>
      </c>
      <c r="D9816" s="2">
        <v>0</v>
      </c>
      <c r="E9816" s="2">
        <v>404.59999999998558</v>
      </c>
    </row>
    <row r="9817" spans="1:5" x14ac:dyDescent="0.25">
      <c r="A9817" s="3">
        <v>41852.671064814815</v>
      </c>
      <c r="B9817" s="2">
        <v>29.3</v>
      </c>
      <c r="C9817" s="2">
        <v>217.2</v>
      </c>
      <c r="D9817" s="2">
        <v>0</v>
      </c>
      <c r="E9817" s="2">
        <v>404.59999999998558</v>
      </c>
    </row>
    <row r="9818" spans="1:5" x14ac:dyDescent="0.25">
      <c r="A9818" s="3">
        <v>41852.671122685184</v>
      </c>
      <c r="B9818" s="2">
        <v>29.3</v>
      </c>
      <c r="C9818" s="2">
        <v>217</v>
      </c>
      <c r="D9818" s="2">
        <v>0</v>
      </c>
      <c r="E9818" s="2">
        <v>404.59999999998558</v>
      </c>
    </row>
    <row r="9819" spans="1:5" x14ac:dyDescent="0.25">
      <c r="A9819" s="3">
        <v>41852.697280092594</v>
      </c>
      <c r="B9819" s="2">
        <v>28.9</v>
      </c>
      <c r="C9819" s="2">
        <v>216.8</v>
      </c>
      <c r="D9819" s="2">
        <v>0</v>
      </c>
      <c r="E9819" s="2">
        <v>404.59999999998558</v>
      </c>
    </row>
    <row r="9820" spans="1:5" x14ac:dyDescent="0.25">
      <c r="A9820" s="3">
        <v>41852.697453703702</v>
      </c>
      <c r="B9820" s="2">
        <v>28.9</v>
      </c>
      <c r="C9820" s="2">
        <v>217</v>
      </c>
      <c r="D9820" s="2">
        <v>0</v>
      </c>
      <c r="E9820" s="2">
        <v>404.59999999998558</v>
      </c>
    </row>
    <row r="9821" spans="1:5" x14ac:dyDescent="0.25">
      <c r="A9821" s="3">
        <v>41852.698263888888</v>
      </c>
      <c r="B9821" s="2">
        <v>28.9</v>
      </c>
      <c r="C9821" s="2">
        <v>216.8</v>
      </c>
      <c r="D9821" s="2">
        <v>0</v>
      </c>
      <c r="E9821" s="2">
        <v>404.59999999998558</v>
      </c>
    </row>
    <row r="9822" spans="1:5" x14ac:dyDescent="0.25">
      <c r="A9822" s="3">
        <v>41852.729513888888</v>
      </c>
      <c r="B9822" s="2">
        <v>28.2</v>
      </c>
      <c r="C9822" s="2">
        <v>216.6</v>
      </c>
      <c r="D9822" s="2">
        <v>0</v>
      </c>
      <c r="E9822" s="2">
        <v>404.59999999998558</v>
      </c>
    </row>
    <row r="9823" spans="1:5" x14ac:dyDescent="0.25">
      <c r="A9823" s="3">
        <v>41852.729861111111</v>
      </c>
      <c r="B9823" s="2">
        <v>28.3</v>
      </c>
      <c r="C9823" s="2">
        <v>216.8</v>
      </c>
      <c r="D9823" s="2">
        <v>0</v>
      </c>
      <c r="E9823" s="2">
        <v>404.59999999998558</v>
      </c>
    </row>
    <row r="9824" spans="1:5" x14ac:dyDescent="0.25">
      <c r="A9824" s="3">
        <v>41852.730150462965</v>
      </c>
      <c r="B9824" s="2">
        <v>28.2</v>
      </c>
      <c r="C9824" s="2">
        <v>216.6</v>
      </c>
      <c r="D9824" s="2">
        <v>0</v>
      </c>
      <c r="E9824" s="2">
        <v>404.59999999998558</v>
      </c>
    </row>
    <row r="9825" spans="1:5" x14ac:dyDescent="0.25">
      <c r="A9825" s="3">
        <v>41852.731134259258</v>
      </c>
      <c r="B9825" s="2">
        <v>28.2</v>
      </c>
      <c r="C9825" s="2">
        <v>216.8</v>
      </c>
      <c r="D9825" s="2">
        <v>0</v>
      </c>
      <c r="E9825" s="2">
        <v>404.59999999998558</v>
      </c>
    </row>
    <row r="9826" spans="1:5" x14ac:dyDescent="0.25">
      <c r="A9826" s="3">
        <v>41852.731423611112</v>
      </c>
      <c r="B9826" s="2">
        <v>28.2</v>
      </c>
      <c r="C9826" s="2">
        <v>216.6</v>
      </c>
      <c r="D9826" s="2">
        <v>0</v>
      </c>
      <c r="E9826" s="2">
        <v>404.59999999998558</v>
      </c>
    </row>
    <row r="9827" spans="1:5" x14ac:dyDescent="0.25">
      <c r="A9827" s="3">
        <v>41852.735300925924</v>
      </c>
      <c r="B9827" s="2">
        <v>28.2</v>
      </c>
      <c r="C9827" s="2">
        <v>216.8</v>
      </c>
      <c r="D9827" s="2">
        <v>0</v>
      </c>
      <c r="E9827" s="2">
        <v>404.59999999998558</v>
      </c>
    </row>
    <row r="9828" spans="1:5" x14ac:dyDescent="0.25">
      <c r="A9828" s="3">
        <v>41852.735532407409</v>
      </c>
      <c r="B9828" s="2">
        <v>28.2</v>
      </c>
      <c r="C9828" s="2">
        <v>216.6</v>
      </c>
      <c r="D9828" s="2">
        <v>0</v>
      </c>
      <c r="E9828" s="2">
        <v>404.59999999998558</v>
      </c>
    </row>
    <row r="9829" spans="1:5" x14ac:dyDescent="0.25">
      <c r="A9829" s="3">
        <v>41852.735821759263</v>
      </c>
      <c r="B9829" s="2">
        <v>28.2</v>
      </c>
      <c r="C9829" s="2">
        <v>216.8</v>
      </c>
      <c r="D9829" s="2">
        <v>0</v>
      </c>
      <c r="E9829" s="2">
        <v>404.59999999998558</v>
      </c>
    </row>
    <row r="9830" spans="1:5" x14ac:dyDescent="0.25">
      <c r="A9830" s="3">
        <v>41852.735879629632</v>
      </c>
      <c r="B9830" s="2">
        <v>28.2</v>
      </c>
      <c r="C9830" s="2">
        <v>216.6</v>
      </c>
      <c r="D9830" s="2">
        <v>0</v>
      </c>
      <c r="E9830" s="2">
        <v>404.59999999998558</v>
      </c>
    </row>
    <row r="9831" spans="1:5" x14ac:dyDescent="0.25">
      <c r="A9831" s="3">
        <v>41852.768287037034</v>
      </c>
      <c r="B9831" s="2">
        <v>28</v>
      </c>
      <c r="C9831" s="2">
        <v>216.4</v>
      </c>
      <c r="D9831" s="2">
        <v>0</v>
      </c>
      <c r="E9831" s="2">
        <v>404.59999999998558</v>
      </c>
    </row>
    <row r="9832" spans="1:5" x14ac:dyDescent="0.25">
      <c r="A9832" s="3">
        <v>41852.815451388888</v>
      </c>
      <c r="B9832" s="2">
        <v>27.2</v>
      </c>
      <c r="C9832" s="2">
        <v>216.2</v>
      </c>
      <c r="D9832" s="2">
        <v>0</v>
      </c>
      <c r="E9832" s="2">
        <v>404.59999999998558</v>
      </c>
    </row>
    <row r="9833" spans="1:5" x14ac:dyDescent="0.25">
      <c r="A9833" s="3">
        <v>41852.884259259263</v>
      </c>
      <c r="B9833" s="2">
        <v>26.1</v>
      </c>
      <c r="C9833" s="2">
        <v>216</v>
      </c>
      <c r="D9833" s="2">
        <v>0</v>
      </c>
      <c r="E9833" s="2">
        <v>404.59999999998558</v>
      </c>
    </row>
    <row r="9834" spans="1:5" x14ac:dyDescent="0.25">
      <c r="A9834" s="3">
        <v>41852.956770833334</v>
      </c>
      <c r="B9834" s="2">
        <v>25</v>
      </c>
      <c r="C9834" s="2">
        <v>215.8</v>
      </c>
      <c r="D9834" s="2">
        <v>0</v>
      </c>
      <c r="E9834" s="2">
        <v>404.59999999998558</v>
      </c>
    </row>
    <row r="9835" spans="1:5" x14ac:dyDescent="0.25">
      <c r="A9835" s="3">
        <v>41853.059374999997</v>
      </c>
      <c r="B9835" s="2">
        <v>23.6</v>
      </c>
      <c r="C9835" s="2">
        <v>215.6</v>
      </c>
      <c r="D9835" s="2">
        <v>0</v>
      </c>
      <c r="E9835" s="2">
        <v>404.59999999998558</v>
      </c>
    </row>
    <row r="9836" spans="1:5" x14ac:dyDescent="0.25">
      <c r="A9836" s="3">
        <v>41853.176099537035</v>
      </c>
      <c r="B9836" s="2">
        <v>22.2</v>
      </c>
      <c r="C9836" s="2">
        <v>215.4</v>
      </c>
      <c r="D9836" s="2">
        <v>0</v>
      </c>
      <c r="E9836" s="2">
        <v>404.59999999998558</v>
      </c>
    </row>
    <row r="9837" spans="1:5" x14ac:dyDescent="0.25">
      <c r="A9837" s="3">
        <v>41853.305439814816</v>
      </c>
      <c r="B9837" s="2">
        <v>21.1</v>
      </c>
      <c r="C9837" s="2">
        <v>215.2</v>
      </c>
      <c r="D9837" s="2">
        <v>0</v>
      </c>
      <c r="E9837" s="2">
        <v>404.59999999998558</v>
      </c>
    </row>
    <row r="9838" spans="1:5" x14ac:dyDescent="0.25">
      <c r="A9838" s="3">
        <v>41853.387673611112</v>
      </c>
      <c r="B9838" s="2">
        <v>21.7</v>
      </c>
      <c r="C9838" s="2">
        <v>215</v>
      </c>
      <c r="D9838" s="2">
        <v>0</v>
      </c>
      <c r="E9838" s="2">
        <v>404.59999999998558</v>
      </c>
    </row>
    <row r="9839" spans="1:5" x14ac:dyDescent="0.25">
      <c r="A9839" s="3">
        <v>41853.56145833333</v>
      </c>
      <c r="B9839" s="2">
        <v>30.6</v>
      </c>
      <c r="C9839" s="2">
        <v>214.8</v>
      </c>
      <c r="D9839" s="2">
        <v>0</v>
      </c>
      <c r="E9839" s="2">
        <v>404.59999999998558</v>
      </c>
    </row>
    <row r="9840" spans="1:5" x14ac:dyDescent="0.25">
      <c r="A9840" s="3">
        <v>41853.562094907407</v>
      </c>
      <c r="B9840" s="2">
        <v>30.6</v>
      </c>
      <c r="C9840" s="2">
        <v>215</v>
      </c>
      <c r="D9840" s="2">
        <v>0</v>
      </c>
      <c r="E9840" s="2">
        <v>404.59999999998558</v>
      </c>
    </row>
    <row r="9841" spans="1:5" x14ac:dyDescent="0.25">
      <c r="A9841" s="3">
        <v>41853.562268518515</v>
      </c>
      <c r="B9841" s="2">
        <v>30.7</v>
      </c>
      <c r="C9841" s="2">
        <v>214.8</v>
      </c>
      <c r="D9841" s="2">
        <v>0</v>
      </c>
      <c r="E9841" s="2">
        <v>404.59999999998558</v>
      </c>
    </row>
    <row r="9842" spans="1:5" x14ac:dyDescent="0.25">
      <c r="A9842" s="3">
        <v>41853.562615740739</v>
      </c>
      <c r="B9842" s="2">
        <v>30.6</v>
      </c>
      <c r="C9842" s="2">
        <v>215</v>
      </c>
      <c r="D9842" s="2">
        <v>0</v>
      </c>
      <c r="E9842" s="2">
        <v>404.59999999998558</v>
      </c>
    </row>
    <row r="9843" spans="1:5" x14ac:dyDescent="0.25">
      <c r="A9843" s="3">
        <v>41853.562731481485</v>
      </c>
      <c r="B9843" s="2">
        <v>30.6</v>
      </c>
      <c r="C9843" s="2">
        <v>214.8</v>
      </c>
      <c r="D9843" s="2">
        <v>0</v>
      </c>
      <c r="E9843" s="2">
        <v>404.59999999998558</v>
      </c>
    </row>
    <row r="9844" spans="1:5" x14ac:dyDescent="0.25">
      <c r="A9844" s="3">
        <v>41853.56354166667</v>
      </c>
      <c r="B9844" s="2">
        <v>30.7</v>
      </c>
      <c r="C9844" s="2">
        <v>215</v>
      </c>
      <c r="D9844" s="2">
        <v>0</v>
      </c>
      <c r="E9844" s="2">
        <v>404.59999999998558</v>
      </c>
    </row>
    <row r="9845" spans="1:5" x14ac:dyDescent="0.25">
      <c r="A9845" s="3">
        <v>41853.563657407409</v>
      </c>
      <c r="B9845" s="2">
        <v>30.7</v>
      </c>
      <c r="C9845" s="2">
        <v>214.8</v>
      </c>
      <c r="D9845" s="2">
        <v>0</v>
      </c>
      <c r="E9845" s="2">
        <v>404.59999999998558</v>
      </c>
    </row>
    <row r="9846" spans="1:5" x14ac:dyDescent="0.25">
      <c r="A9846" s="3">
        <v>41853.585300925923</v>
      </c>
      <c r="B9846" s="2">
        <v>31.5</v>
      </c>
      <c r="C9846" s="2">
        <v>214.6</v>
      </c>
      <c r="D9846" s="2">
        <v>0</v>
      </c>
      <c r="E9846" s="2">
        <v>404.59999999998558</v>
      </c>
    </row>
    <row r="9847" spans="1:5" x14ac:dyDescent="0.25">
      <c r="A9847" s="3">
        <v>41853.585474537038</v>
      </c>
      <c r="B9847" s="2">
        <v>31.5</v>
      </c>
      <c r="C9847" s="2">
        <v>214.8</v>
      </c>
      <c r="D9847" s="2">
        <v>0</v>
      </c>
      <c r="E9847" s="2">
        <v>404.59999999998558</v>
      </c>
    </row>
    <row r="9848" spans="1:5" x14ac:dyDescent="0.25">
      <c r="A9848" s="3">
        <v>41853.586226851854</v>
      </c>
      <c r="B9848" s="2">
        <v>31.5</v>
      </c>
      <c r="C9848" s="2">
        <v>214.6</v>
      </c>
      <c r="D9848" s="2">
        <v>0</v>
      </c>
      <c r="E9848" s="2">
        <v>404.59999999998558</v>
      </c>
    </row>
    <row r="9849" spans="1:5" x14ac:dyDescent="0.25">
      <c r="A9849" s="3">
        <v>41853.586516203701</v>
      </c>
      <c r="B9849" s="2">
        <v>31.6</v>
      </c>
      <c r="C9849" s="2">
        <v>214.8</v>
      </c>
      <c r="D9849" s="2">
        <v>0</v>
      </c>
      <c r="E9849" s="2">
        <v>404.59999999998558</v>
      </c>
    </row>
    <row r="9850" spans="1:5" x14ac:dyDescent="0.25">
      <c r="A9850" s="3">
        <v>41853.586574074077</v>
      </c>
      <c r="B9850" s="2">
        <v>31.6</v>
      </c>
      <c r="C9850" s="2">
        <v>214.6</v>
      </c>
      <c r="D9850" s="2">
        <v>0</v>
      </c>
      <c r="E9850" s="2">
        <v>404.59999999998558</v>
      </c>
    </row>
    <row r="9851" spans="1:5" x14ac:dyDescent="0.25">
      <c r="A9851" s="3">
        <v>41853.607349537036</v>
      </c>
      <c r="B9851" s="2">
        <v>32.299999999999997</v>
      </c>
      <c r="C9851" s="2">
        <v>214.4</v>
      </c>
      <c r="D9851" s="2">
        <v>0</v>
      </c>
      <c r="E9851" s="2">
        <v>404.59999999998558</v>
      </c>
    </row>
    <row r="9852" spans="1:5" x14ac:dyDescent="0.25">
      <c r="A9852" s="3">
        <v>41853.608391203707</v>
      </c>
      <c r="B9852" s="2">
        <v>32.299999999999997</v>
      </c>
      <c r="C9852" s="2">
        <v>214.6</v>
      </c>
      <c r="D9852" s="2">
        <v>0</v>
      </c>
      <c r="E9852" s="2">
        <v>404.59999999998558</v>
      </c>
    </row>
    <row r="9853" spans="1:5" x14ac:dyDescent="0.25">
      <c r="A9853" s="3">
        <v>41853.608506944445</v>
      </c>
      <c r="B9853" s="2">
        <v>32.299999999999997</v>
      </c>
      <c r="C9853" s="2">
        <v>214.4</v>
      </c>
      <c r="D9853" s="2">
        <v>0</v>
      </c>
      <c r="E9853" s="2">
        <v>404.59999999998558</v>
      </c>
    </row>
    <row r="9854" spans="1:5" x14ac:dyDescent="0.25">
      <c r="A9854" s="3">
        <v>41853.610127314816</v>
      </c>
      <c r="B9854" s="2">
        <v>32.4</v>
      </c>
      <c r="C9854" s="2">
        <v>214.6</v>
      </c>
      <c r="D9854" s="2">
        <v>0</v>
      </c>
      <c r="E9854" s="2">
        <v>404.59999999998558</v>
      </c>
    </row>
    <row r="9855" spans="1:5" x14ac:dyDescent="0.25">
      <c r="A9855" s="3">
        <v>41853.610243055555</v>
      </c>
      <c r="B9855" s="2">
        <v>32.4</v>
      </c>
      <c r="C9855" s="2">
        <v>214.4</v>
      </c>
      <c r="D9855" s="2">
        <v>0</v>
      </c>
      <c r="E9855" s="2">
        <v>404.59999999998558</v>
      </c>
    </row>
    <row r="9856" spans="1:5" x14ac:dyDescent="0.25">
      <c r="A9856" s="3">
        <v>41853.63894675926</v>
      </c>
      <c r="B9856" s="2">
        <v>33.1</v>
      </c>
      <c r="C9856" s="2">
        <v>214.2</v>
      </c>
      <c r="D9856" s="2">
        <v>0</v>
      </c>
      <c r="E9856" s="2">
        <v>404.59999999998558</v>
      </c>
    </row>
    <row r="9857" spans="1:5" x14ac:dyDescent="0.25">
      <c r="A9857" s="3">
        <v>41853.639699074076</v>
      </c>
      <c r="B9857" s="2">
        <v>33.1</v>
      </c>
      <c r="C9857" s="2">
        <v>214.4</v>
      </c>
      <c r="D9857" s="2">
        <v>0</v>
      </c>
      <c r="E9857" s="2">
        <v>404.59999999998558</v>
      </c>
    </row>
    <row r="9858" spans="1:5" x14ac:dyDescent="0.25">
      <c r="A9858" s="3">
        <v>41853.639930555553</v>
      </c>
      <c r="B9858" s="2">
        <v>33.1</v>
      </c>
      <c r="C9858" s="2">
        <v>214.2</v>
      </c>
      <c r="D9858" s="2">
        <v>0</v>
      </c>
      <c r="E9858" s="2">
        <v>404.59999999998558</v>
      </c>
    </row>
    <row r="9859" spans="1:5" x14ac:dyDescent="0.25">
      <c r="A9859" s="3">
        <v>41853.681307870371</v>
      </c>
      <c r="B9859" s="2">
        <v>32.4</v>
      </c>
      <c r="C9859" s="2">
        <v>214</v>
      </c>
      <c r="D9859" s="2">
        <v>0</v>
      </c>
      <c r="E9859" s="2">
        <v>404.59999999998558</v>
      </c>
    </row>
    <row r="9860" spans="1:5" x14ac:dyDescent="0.25">
      <c r="A9860" s="3">
        <v>41853.694907407407</v>
      </c>
      <c r="B9860" s="2">
        <v>32.200000000000003</v>
      </c>
      <c r="C9860" s="2">
        <v>213.8</v>
      </c>
      <c r="D9860" s="2">
        <v>0</v>
      </c>
      <c r="E9860" s="2">
        <v>404.59999999998558</v>
      </c>
    </row>
    <row r="9861" spans="1:5" x14ac:dyDescent="0.25">
      <c r="A9861" s="3">
        <v>41853.725983796299</v>
      </c>
      <c r="B9861" s="2">
        <v>31.7</v>
      </c>
      <c r="C9861" s="2">
        <v>213.6</v>
      </c>
      <c r="D9861" s="2">
        <v>0</v>
      </c>
      <c r="E9861" s="2">
        <v>404.59999999998558</v>
      </c>
    </row>
    <row r="9862" spans="1:5" x14ac:dyDescent="0.25">
      <c r="A9862" s="3">
        <v>41853.749479166669</v>
      </c>
      <c r="B9862" s="2">
        <v>31.3</v>
      </c>
      <c r="C9862" s="2">
        <v>213.4</v>
      </c>
      <c r="D9862" s="2">
        <v>0</v>
      </c>
      <c r="E9862" s="2">
        <v>404.59999999998558</v>
      </c>
    </row>
    <row r="9863" spans="1:5" x14ac:dyDescent="0.25">
      <c r="A9863" s="3">
        <v>41853.749537037038</v>
      </c>
      <c r="B9863" s="2">
        <v>31.3</v>
      </c>
      <c r="C9863" s="2">
        <v>213.6</v>
      </c>
      <c r="D9863" s="2">
        <v>0</v>
      </c>
      <c r="E9863" s="2">
        <v>404.59999999998558</v>
      </c>
    </row>
    <row r="9864" spans="1:5" x14ac:dyDescent="0.25">
      <c r="A9864" s="3">
        <v>41853.75</v>
      </c>
      <c r="B9864" s="2">
        <v>31.4</v>
      </c>
      <c r="C9864" s="2">
        <v>213.4</v>
      </c>
      <c r="D9864" s="2">
        <v>0</v>
      </c>
      <c r="E9864" s="2">
        <v>404.59999999998558</v>
      </c>
    </row>
    <row r="9865" spans="1:5" x14ac:dyDescent="0.25">
      <c r="A9865" s="3">
        <v>41853.750115740739</v>
      </c>
      <c r="B9865" s="2">
        <v>31.3</v>
      </c>
      <c r="C9865" s="2">
        <v>213.6</v>
      </c>
      <c r="D9865" s="2">
        <v>0</v>
      </c>
      <c r="E9865" s="2">
        <v>404.59999999998558</v>
      </c>
    </row>
    <row r="9866" spans="1:5" x14ac:dyDescent="0.25">
      <c r="A9866" s="3">
        <v>41853.750347222223</v>
      </c>
      <c r="B9866" s="2">
        <v>31.4</v>
      </c>
      <c r="C9866" s="2">
        <v>213.4</v>
      </c>
      <c r="D9866" s="2">
        <v>0</v>
      </c>
      <c r="E9866" s="2">
        <v>404.59999999998558</v>
      </c>
    </row>
    <row r="9867" spans="1:5" x14ac:dyDescent="0.25">
      <c r="A9867" s="3">
        <v>41853.769212962965</v>
      </c>
      <c r="B9867" s="2">
        <v>31.1</v>
      </c>
      <c r="C9867" s="2">
        <v>213.2</v>
      </c>
      <c r="D9867" s="2">
        <v>0</v>
      </c>
      <c r="E9867" s="2">
        <v>404.59999999998558</v>
      </c>
    </row>
    <row r="9868" spans="1:5" x14ac:dyDescent="0.25">
      <c r="A9868" s="3">
        <v>41853.803819444445</v>
      </c>
      <c r="B9868" s="2">
        <v>30.3</v>
      </c>
      <c r="C9868" s="2">
        <v>213</v>
      </c>
      <c r="D9868" s="2">
        <v>0</v>
      </c>
      <c r="E9868" s="2">
        <v>404.59999999998558</v>
      </c>
    </row>
    <row r="9869" spans="1:5" x14ac:dyDescent="0.25">
      <c r="A9869" s="3">
        <v>41853.844328703701</v>
      </c>
      <c r="B9869" s="2">
        <v>29.5</v>
      </c>
      <c r="C9869" s="2">
        <v>212.8</v>
      </c>
      <c r="D9869" s="2">
        <v>0</v>
      </c>
      <c r="E9869" s="2">
        <v>404.59999999998558</v>
      </c>
    </row>
    <row r="9870" spans="1:5" x14ac:dyDescent="0.25">
      <c r="A9870" s="3">
        <v>41853.890740740739</v>
      </c>
      <c r="B9870" s="2">
        <v>28.4</v>
      </c>
      <c r="C9870" s="2">
        <v>212.6</v>
      </c>
      <c r="D9870" s="2">
        <v>0</v>
      </c>
      <c r="E9870" s="2">
        <v>404.59999999998558</v>
      </c>
    </row>
    <row r="9871" spans="1:5" x14ac:dyDescent="0.25">
      <c r="A9871" s="3">
        <v>41853.941724537035</v>
      </c>
      <c r="B9871" s="2">
        <v>27.4</v>
      </c>
      <c r="C9871" s="2">
        <v>212.4</v>
      </c>
      <c r="D9871" s="2">
        <v>0</v>
      </c>
      <c r="E9871" s="2">
        <v>404.59999999998558</v>
      </c>
    </row>
    <row r="9872" spans="1:5" x14ac:dyDescent="0.25">
      <c r="A9872" s="3">
        <v>41854.00277777778</v>
      </c>
      <c r="B9872" s="2">
        <v>26.2</v>
      </c>
      <c r="C9872" s="2">
        <v>212.2</v>
      </c>
      <c r="D9872" s="2">
        <v>0</v>
      </c>
      <c r="E9872" s="2">
        <v>404.59999999998558</v>
      </c>
    </row>
    <row r="9873" spans="1:5" x14ac:dyDescent="0.25">
      <c r="A9873" s="3">
        <v>41854.073611111111</v>
      </c>
      <c r="B9873" s="2">
        <v>24.9</v>
      </c>
      <c r="C9873" s="2">
        <v>212</v>
      </c>
      <c r="D9873" s="2">
        <v>0</v>
      </c>
      <c r="E9873" s="2">
        <v>404.59999999998558</v>
      </c>
    </row>
    <row r="9874" spans="1:5" x14ac:dyDescent="0.25">
      <c r="A9874" s="3">
        <v>41854.147048611114</v>
      </c>
      <c r="B9874" s="2">
        <v>23.7</v>
      </c>
      <c r="C9874" s="2">
        <v>211.8</v>
      </c>
      <c r="D9874" s="2">
        <v>0</v>
      </c>
      <c r="E9874" s="2">
        <v>404.59999999998558</v>
      </c>
    </row>
    <row r="9875" spans="1:5" x14ac:dyDescent="0.25">
      <c r="A9875" s="3">
        <v>41854.234780092593</v>
      </c>
      <c r="B9875" s="2">
        <v>22.4</v>
      </c>
      <c r="C9875" s="2">
        <v>211.6</v>
      </c>
      <c r="D9875" s="2">
        <v>0</v>
      </c>
      <c r="E9875" s="2">
        <v>404.59999999998558</v>
      </c>
    </row>
    <row r="9876" spans="1:5" x14ac:dyDescent="0.25">
      <c r="A9876" s="3">
        <v>41854.350231481483</v>
      </c>
      <c r="B9876" s="2">
        <v>21.7</v>
      </c>
      <c r="C9876" s="2">
        <v>211.4</v>
      </c>
      <c r="D9876" s="2">
        <v>0</v>
      </c>
      <c r="E9876" s="2">
        <v>404.59999999998558</v>
      </c>
    </row>
    <row r="9877" spans="1:5" x14ac:dyDescent="0.25">
      <c r="A9877" s="3">
        <v>41854.441377314812</v>
      </c>
      <c r="B9877" s="2">
        <v>24.2</v>
      </c>
      <c r="C9877" s="2">
        <v>211.2</v>
      </c>
      <c r="D9877" s="2">
        <v>0</v>
      </c>
      <c r="E9877" s="2">
        <v>404.59999999998558</v>
      </c>
    </row>
    <row r="9878" spans="1:5" x14ac:dyDescent="0.25">
      <c r="A9878" s="3">
        <v>41854.484722222223</v>
      </c>
      <c r="B9878" s="2">
        <v>26.7</v>
      </c>
      <c r="C9878" s="2">
        <v>211.4</v>
      </c>
      <c r="D9878" s="2">
        <v>0</v>
      </c>
      <c r="E9878" s="2">
        <v>404.59999999998558</v>
      </c>
    </row>
    <row r="9879" spans="1:5" x14ac:dyDescent="0.25">
      <c r="A9879" s="3">
        <v>41854.484953703701</v>
      </c>
      <c r="B9879" s="2">
        <v>26.8</v>
      </c>
      <c r="C9879" s="2">
        <v>211.2</v>
      </c>
      <c r="D9879" s="2">
        <v>0</v>
      </c>
      <c r="E9879" s="2">
        <v>404.59999999998558</v>
      </c>
    </row>
    <row r="9880" spans="1:5" x14ac:dyDescent="0.25">
      <c r="A9880" s="3">
        <v>41854.486805555556</v>
      </c>
      <c r="B9880" s="2">
        <v>26.9</v>
      </c>
      <c r="C9880" s="2">
        <v>211.4</v>
      </c>
      <c r="D9880" s="2">
        <v>0</v>
      </c>
      <c r="E9880" s="2">
        <v>404.59999999998558</v>
      </c>
    </row>
    <row r="9881" spans="1:5" x14ac:dyDescent="0.25">
      <c r="A9881" s="3">
        <v>41854.486863425926</v>
      </c>
      <c r="B9881" s="2">
        <v>26.9</v>
      </c>
      <c r="C9881" s="2">
        <v>211.2</v>
      </c>
      <c r="D9881" s="2">
        <v>0</v>
      </c>
      <c r="E9881" s="2">
        <v>404.59999999998558</v>
      </c>
    </row>
    <row r="9882" spans="1:5" x14ac:dyDescent="0.25">
      <c r="A9882" s="3">
        <v>41854.578356481485</v>
      </c>
      <c r="B9882" s="2">
        <v>31.4</v>
      </c>
      <c r="C9882" s="2">
        <v>211</v>
      </c>
      <c r="D9882" s="2">
        <v>0</v>
      </c>
      <c r="E9882" s="2">
        <v>404.59999999998558</v>
      </c>
    </row>
    <row r="9883" spans="1:5" x14ac:dyDescent="0.25">
      <c r="A9883" s="3">
        <v>41854.603819444441</v>
      </c>
      <c r="B9883" s="2">
        <v>32.200000000000003</v>
      </c>
      <c r="C9883" s="2">
        <v>210.8</v>
      </c>
      <c r="D9883" s="2">
        <v>0</v>
      </c>
      <c r="E9883" s="2">
        <v>404.59999999998558</v>
      </c>
    </row>
    <row r="9884" spans="1:5" x14ac:dyDescent="0.25">
      <c r="A9884" s="3">
        <v>41854.640856481485</v>
      </c>
      <c r="B9884" s="2">
        <v>31.7</v>
      </c>
      <c r="C9884" s="2">
        <v>210.6</v>
      </c>
      <c r="D9884" s="2">
        <v>0</v>
      </c>
      <c r="E9884" s="2">
        <v>404.59999999998558</v>
      </c>
    </row>
    <row r="9885" spans="1:5" x14ac:dyDescent="0.25">
      <c r="A9885" s="3">
        <v>41854.640914351854</v>
      </c>
      <c r="B9885" s="2">
        <v>31.7</v>
      </c>
      <c r="C9885" s="2">
        <v>210.8</v>
      </c>
      <c r="D9885" s="2">
        <v>0</v>
      </c>
      <c r="E9885" s="2">
        <v>404.59999999998558</v>
      </c>
    </row>
    <row r="9886" spans="1:5" x14ac:dyDescent="0.25">
      <c r="A9886" s="3">
        <v>41854.640972222223</v>
      </c>
      <c r="B9886" s="2">
        <v>31.7</v>
      </c>
      <c r="C9886" s="2">
        <v>210.6</v>
      </c>
      <c r="D9886" s="2">
        <v>0</v>
      </c>
      <c r="E9886" s="2">
        <v>404.59999999998558</v>
      </c>
    </row>
    <row r="9887" spans="1:5" x14ac:dyDescent="0.25">
      <c r="A9887" s="3">
        <v>41854.661400462966</v>
      </c>
      <c r="B9887" s="2">
        <v>31.4</v>
      </c>
      <c r="C9887" s="2">
        <v>210.4</v>
      </c>
      <c r="D9887" s="2">
        <v>0</v>
      </c>
      <c r="E9887" s="2">
        <v>404.59999999998558</v>
      </c>
    </row>
    <row r="9888" spans="1:5" x14ac:dyDescent="0.25">
      <c r="A9888" s="3">
        <v>41854.685358796298</v>
      </c>
      <c r="B9888" s="2">
        <v>31</v>
      </c>
      <c r="C9888" s="2">
        <v>210.2</v>
      </c>
      <c r="D9888" s="2">
        <v>0</v>
      </c>
      <c r="E9888" s="2">
        <v>404.59999999998558</v>
      </c>
    </row>
    <row r="9889" spans="1:5" x14ac:dyDescent="0.25">
      <c r="A9889" s="3">
        <v>41854.712326388886</v>
      </c>
      <c r="B9889" s="2">
        <v>30.6</v>
      </c>
      <c r="C9889" s="2">
        <v>210</v>
      </c>
      <c r="D9889" s="2">
        <v>0</v>
      </c>
      <c r="E9889" s="2">
        <v>404.59999999998558</v>
      </c>
    </row>
    <row r="9890" spans="1:5" x14ac:dyDescent="0.25">
      <c r="A9890" s="3">
        <v>41854.740567129629</v>
      </c>
      <c r="B9890" s="2">
        <v>30.2</v>
      </c>
      <c r="C9890" s="2">
        <v>209.8</v>
      </c>
      <c r="D9890" s="2">
        <v>0</v>
      </c>
      <c r="E9890" s="2">
        <v>404.59999999998558</v>
      </c>
    </row>
    <row r="9891" spans="1:5" x14ac:dyDescent="0.25">
      <c r="A9891" s="3">
        <v>41854.776504629626</v>
      </c>
      <c r="B9891" s="2">
        <v>29.4</v>
      </c>
      <c r="C9891" s="2">
        <v>209.6</v>
      </c>
      <c r="D9891" s="2">
        <v>0</v>
      </c>
      <c r="E9891" s="2">
        <v>404.59999999998558</v>
      </c>
    </row>
    <row r="9892" spans="1:5" x14ac:dyDescent="0.25">
      <c r="A9892" s="3">
        <v>41854.822743055556</v>
      </c>
      <c r="B9892" s="2">
        <v>28.1</v>
      </c>
      <c r="C9892" s="2">
        <v>209.6</v>
      </c>
      <c r="D9892" s="2">
        <v>0.2</v>
      </c>
      <c r="E9892" s="2">
        <v>404.79999999998557</v>
      </c>
    </row>
    <row r="9893" spans="1:5" x14ac:dyDescent="0.25">
      <c r="A9893" s="3">
        <v>41854.847395833334</v>
      </c>
      <c r="B9893" s="2">
        <v>27.3</v>
      </c>
      <c r="C9893" s="2">
        <v>209.4</v>
      </c>
      <c r="D9893" s="2">
        <v>0</v>
      </c>
      <c r="E9893" s="2">
        <v>404.79999999998557</v>
      </c>
    </row>
    <row r="9894" spans="1:5" x14ac:dyDescent="0.25">
      <c r="A9894" s="3">
        <v>41854.904513888891</v>
      </c>
      <c r="B9894" s="2">
        <v>25.8</v>
      </c>
      <c r="C9894" s="2">
        <v>209.2</v>
      </c>
      <c r="D9894" s="2">
        <v>0</v>
      </c>
      <c r="E9894" s="2">
        <v>404.79999999998557</v>
      </c>
    </row>
    <row r="9895" spans="1:5" x14ac:dyDescent="0.25">
      <c r="A9895" s="3">
        <v>41854.942245370374</v>
      </c>
      <c r="B9895" s="2">
        <v>25</v>
      </c>
      <c r="C9895" s="2">
        <v>209</v>
      </c>
      <c r="D9895" s="2">
        <v>0</v>
      </c>
      <c r="E9895" s="2">
        <v>404.79999999998557</v>
      </c>
    </row>
    <row r="9896" spans="1:5" x14ac:dyDescent="0.25">
      <c r="A9896" s="3">
        <v>41854.996701388889</v>
      </c>
      <c r="B9896" s="2">
        <v>24</v>
      </c>
      <c r="C9896" s="2">
        <v>208.8</v>
      </c>
      <c r="D9896" s="2">
        <v>0</v>
      </c>
      <c r="E9896" s="2">
        <v>404.79999999998557</v>
      </c>
    </row>
    <row r="9897" spans="1:5" x14ac:dyDescent="0.25">
      <c r="A9897" s="3">
        <v>41855.086805555555</v>
      </c>
      <c r="B9897" s="2">
        <v>22.5</v>
      </c>
      <c r="C9897" s="2">
        <v>208.6</v>
      </c>
      <c r="D9897" s="2">
        <v>0</v>
      </c>
      <c r="E9897" s="2">
        <v>404.79999999998557</v>
      </c>
    </row>
    <row r="9898" spans="1:5" x14ac:dyDescent="0.25">
      <c r="A9898" s="3">
        <v>41855.175520833334</v>
      </c>
      <c r="B9898" s="2">
        <v>21.2</v>
      </c>
      <c r="C9898" s="2">
        <v>208.4</v>
      </c>
      <c r="D9898" s="2">
        <v>0</v>
      </c>
      <c r="E9898" s="2">
        <v>404.79999999998557</v>
      </c>
    </row>
    <row r="9899" spans="1:5" x14ac:dyDescent="0.25">
      <c r="A9899" s="3">
        <v>41855.335648148146</v>
      </c>
      <c r="B9899" s="2">
        <v>19.7</v>
      </c>
      <c r="C9899" s="2">
        <v>208.2</v>
      </c>
      <c r="D9899" s="2">
        <v>0</v>
      </c>
      <c r="E9899" s="2">
        <v>404.79999999998557</v>
      </c>
    </row>
    <row r="9900" spans="1:5" x14ac:dyDescent="0.25">
      <c r="A9900" s="3">
        <v>41855.362962962965</v>
      </c>
      <c r="B9900" s="2">
        <v>20</v>
      </c>
      <c r="C9900" s="2">
        <v>208</v>
      </c>
      <c r="D9900" s="2">
        <v>0</v>
      </c>
      <c r="E9900" s="2">
        <v>404.79999999998557</v>
      </c>
    </row>
    <row r="9901" spans="1:5" x14ac:dyDescent="0.25">
      <c r="A9901" s="3">
        <v>41855.465277777781</v>
      </c>
      <c r="B9901" s="2">
        <v>24.7</v>
      </c>
      <c r="C9901" s="2">
        <v>208.2</v>
      </c>
      <c r="D9901" s="2">
        <v>0</v>
      </c>
      <c r="E9901" s="2">
        <v>404.79999999998557</v>
      </c>
    </row>
    <row r="9902" spans="1:5" x14ac:dyDescent="0.25">
      <c r="A9902" s="3">
        <v>41855.466782407406</v>
      </c>
      <c r="B9902" s="2">
        <v>24.8</v>
      </c>
      <c r="C9902" s="2">
        <v>208</v>
      </c>
      <c r="D9902" s="2">
        <v>0</v>
      </c>
      <c r="E9902" s="2">
        <v>404.79999999998557</v>
      </c>
    </row>
    <row r="9903" spans="1:5" x14ac:dyDescent="0.25">
      <c r="A9903" s="3">
        <v>41855.467013888891</v>
      </c>
      <c r="B9903" s="2">
        <v>24.8</v>
      </c>
      <c r="C9903" s="2">
        <v>208.2</v>
      </c>
      <c r="D9903" s="2">
        <v>0</v>
      </c>
      <c r="E9903" s="2">
        <v>404.79999999998557</v>
      </c>
    </row>
    <row r="9904" spans="1:5" x14ac:dyDescent="0.25">
      <c r="A9904" s="3">
        <v>41855.467187499999</v>
      </c>
      <c r="B9904" s="2">
        <v>24.8</v>
      </c>
      <c r="C9904" s="2">
        <v>208</v>
      </c>
      <c r="D9904" s="2">
        <v>0</v>
      </c>
      <c r="E9904" s="2">
        <v>404.79999999998557</v>
      </c>
    </row>
    <row r="9905" spans="1:5" x14ac:dyDescent="0.25">
      <c r="A9905" s="3">
        <v>41855.566493055558</v>
      </c>
      <c r="B9905" s="2">
        <v>30.6</v>
      </c>
      <c r="C9905" s="2">
        <v>207.8</v>
      </c>
      <c r="D9905" s="2">
        <v>0</v>
      </c>
      <c r="E9905" s="2">
        <v>404.79999999998557</v>
      </c>
    </row>
    <row r="9906" spans="1:5" x14ac:dyDescent="0.25">
      <c r="A9906" s="3">
        <v>41855.566608796296</v>
      </c>
      <c r="B9906" s="2">
        <v>30.6</v>
      </c>
      <c r="C9906" s="2">
        <v>208</v>
      </c>
      <c r="D9906" s="2">
        <v>0</v>
      </c>
      <c r="E9906" s="2">
        <v>404.79999999998557</v>
      </c>
    </row>
    <row r="9907" spans="1:5" x14ac:dyDescent="0.25">
      <c r="A9907" s="3">
        <v>41855.566782407404</v>
      </c>
      <c r="B9907" s="2">
        <v>30.6</v>
      </c>
      <c r="C9907" s="2">
        <v>207.8</v>
      </c>
      <c r="D9907" s="2">
        <v>0</v>
      </c>
      <c r="E9907" s="2">
        <v>404.79999999998557</v>
      </c>
    </row>
    <row r="9908" spans="1:5" x14ac:dyDescent="0.25">
      <c r="A9908" s="3">
        <v>41855.566840277781</v>
      </c>
      <c r="B9908" s="2">
        <v>30.6</v>
      </c>
      <c r="C9908" s="2">
        <v>208</v>
      </c>
      <c r="D9908" s="2">
        <v>0</v>
      </c>
      <c r="E9908" s="2">
        <v>404.79999999998557</v>
      </c>
    </row>
    <row r="9909" spans="1:5" x14ac:dyDescent="0.25">
      <c r="A9909" s="3">
        <v>41855.567071759258</v>
      </c>
      <c r="B9909" s="2">
        <v>30.6</v>
      </c>
      <c r="C9909" s="2">
        <v>207.8</v>
      </c>
      <c r="D9909" s="2">
        <v>0</v>
      </c>
      <c r="E9909" s="2">
        <v>404.79999999998557</v>
      </c>
    </row>
    <row r="9910" spans="1:5" x14ac:dyDescent="0.25">
      <c r="A9910" s="3">
        <v>41855.588078703702</v>
      </c>
      <c r="B9910" s="2">
        <v>31.4</v>
      </c>
      <c r="C9910" s="2">
        <v>207.6</v>
      </c>
      <c r="D9910" s="2">
        <v>0</v>
      </c>
      <c r="E9910" s="2">
        <v>404.79999999998557</v>
      </c>
    </row>
    <row r="9911" spans="1:5" x14ac:dyDescent="0.25">
      <c r="A9911" s="3">
        <v>41855.58871527778</v>
      </c>
      <c r="B9911" s="2">
        <v>31.6</v>
      </c>
      <c r="C9911" s="2">
        <v>207.8</v>
      </c>
      <c r="D9911" s="2">
        <v>0</v>
      </c>
      <c r="E9911" s="2">
        <v>404.79999999998557</v>
      </c>
    </row>
    <row r="9912" spans="1:5" x14ac:dyDescent="0.25">
      <c r="A9912" s="3">
        <v>41855.588888888888</v>
      </c>
      <c r="B9912" s="2">
        <v>31.5</v>
      </c>
      <c r="C9912" s="2">
        <v>207.6</v>
      </c>
      <c r="D9912" s="2">
        <v>0</v>
      </c>
      <c r="E9912" s="2">
        <v>404.79999999998557</v>
      </c>
    </row>
    <row r="9913" spans="1:5" x14ac:dyDescent="0.25">
      <c r="A9913" s="3">
        <v>41855.589236111111</v>
      </c>
      <c r="B9913" s="2">
        <v>31.4</v>
      </c>
      <c r="C9913" s="2">
        <v>207.8</v>
      </c>
      <c r="D9913" s="2">
        <v>0</v>
      </c>
      <c r="E9913" s="2">
        <v>404.79999999998557</v>
      </c>
    </row>
    <row r="9914" spans="1:5" x14ac:dyDescent="0.25">
      <c r="A9914" s="3">
        <v>41855.590509259258</v>
      </c>
      <c r="B9914" s="2">
        <v>31.5</v>
      </c>
      <c r="C9914" s="2">
        <v>207.6</v>
      </c>
      <c r="D9914" s="2">
        <v>0</v>
      </c>
      <c r="E9914" s="2">
        <v>404.79999999998557</v>
      </c>
    </row>
    <row r="9915" spans="1:5" x14ac:dyDescent="0.25">
      <c r="A9915" s="3">
        <v>41855.591145833336</v>
      </c>
      <c r="B9915" s="2">
        <v>31.6</v>
      </c>
      <c r="C9915" s="2">
        <v>207.8</v>
      </c>
      <c r="D9915" s="2">
        <v>0</v>
      </c>
      <c r="E9915" s="2">
        <v>404.79999999998557</v>
      </c>
    </row>
    <row r="9916" spans="1:5" x14ac:dyDescent="0.25">
      <c r="A9916" s="3">
        <v>41855.591261574074</v>
      </c>
      <c r="B9916" s="2">
        <v>31.5</v>
      </c>
      <c r="C9916" s="2">
        <v>207.6</v>
      </c>
      <c r="D9916" s="2">
        <v>0</v>
      </c>
      <c r="E9916" s="2">
        <v>404.79999999998557</v>
      </c>
    </row>
    <row r="9917" spans="1:5" x14ac:dyDescent="0.25">
      <c r="A9917" s="3">
        <v>41855.615567129629</v>
      </c>
      <c r="B9917" s="2">
        <v>32.6</v>
      </c>
      <c r="C9917" s="2">
        <v>207.4</v>
      </c>
      <c r="D9917" s="2">
        <v>0</v>
      </c>
      <c r="E9917" s="2">
        <v>404.79999999998557</v>
      </c>
    </row>
    <row r="9918" spans="1:5" x14ac:dyDescent="0.25">
      <c r="A9918" s="3">
        <v>41855.61996527778</v>
      </c>
      <c r="B9918" s="2">
        <v>32.700000000000003</v>
      </c>
      <c r="C9918" s="2">
        <v>207.6</v>
      </c>
      <c r="D9918" s="2">
        <v>0</v>
      </c>
      <c r="E9918" s="2">
        <v>404.79999999998557</v>
      </c>
    </row>
    <row r="9919" spans="1:5" x14ac:dyDescent="0.25">
      <c r="A9919" s="3">
        <v>41855.620370370372</v>
      </c>
      <c r="B9919" s="2">
        <v>32.700000000000003</v>
      </c>
      <c r="C9919" s="2">
        <v>207.4</v>
      </c>
      <c r="D9919" s="2">
        <v>0</v>
      </c>
      <c r="E9919" s="2">
        <v>404.79999999998557</v>
      </c>
    </row>
    <row r="9920" spans="1:5" x14ac:dyDescent="0.25">
      <c r="A9920" s="3">
        <v>41855.667824074073</v>
      </c>
      <c r="B9920" s="2">
        <v>33.1</v>
      </c>
      <c r="C9920" s="2">
        <v>207.2</v>
      </c>
      <c r="D9920" s="2">
        <v>0</v>
      </c>
      <c r="E9920" s="2">
        <v>404.79999999998557</v>
      </c>
    </row>
    <row r="9921" spans="1:5" x14ac:dyDescent="0.25">
      <c r="A9921" s="3">
        <v>41855.689583333333</v>
      </c>
      <c r="B9921" s="2">
        <v>32.6</v>
      </c>
      <c r="C9921" s="2">
        <v>207</v>
      </c>
      <c r="D9921" s="2">
        <v>0</v>
      </c>
      <c r="E9921" s="2">
        <v>404.79999999998557</v>
      </c>
    </row>
    <row r="9922" spans="1:5" x14ac:dyDescent="0.25">
      <c r="A9922" s="3">
        <v>41855.690798611111</v>
      </c>
      <c r="B9922" s="2">
        <v>32.6</v>
      </c>
      <c r="C9922" s="2">
        <v>207.2</v>
      </c>
      <c r="D9922" s="2">
        <v>0</v>
      </c>
      <c r="E9922" s="2">
        <v>404.79999999998557</v>
      </c>
    </row>
    <row r="9923" spans="1:5" x14ac:dyDescent="0.25">
      <c r="A9923" s="3">
        <v>41855.691203703704</v>
      </c>
      <c r="B9923" s="2">
        <v>32.6</v>
      </c>
      <c r="C9923" s="2">
        <v>207</v>
      </c>
      <c r="D9923" s="2">
        <v>0</v>
      </c>
      <c r="E9923" s="2">
        <v>404.79999999998557</v>
      </c>
    </row>
    <row r="9924" spans="1:5" x14ac:dyDescent="0.25">
      <c r="A9924" s="3">
        <v>41855.708391203705</v>
      </c>
      <c r="B9924" s="2">
        <v>32.1</v>
      </c>
      <c r="C9924" s="2">
        <v>206.8</v>
      </c>
      <c r="D9924" s="2">
        <v>0</v>
      </c>
      <c r="E9924" s="2">
        <v>404.79999999998557</v>
      </c>
    </row>
    <row r="9925" spans="1:5" x14ac:dyDescent="0.25">
      <c r="A9925" s="3">
        <v>41855.708564814813</v>
      </c>
      <c r="B9925" s="2">
        <v>32.1</v>
      </c>
      <c r="C9925" s="2">
        <v>207</v>
      </c>
      <c r="D9925" s="2">
        <v>0</v>
      </c>
      <c r="E9925" s="2">
        <v>404.79999999998557</v>
      </c>
    </row>
    <row r="9926" spans="1:5" x14ac:dyDescent="0.25">
      <c r="A9926" s="3">
        <v>41855.708854166667</v>
      </c>
      <c r="B9926" s="2">
        <v>32.1</v>
      </c>
      <c r="C9926" s="2">
        <v>206.8</v>
      </c>
      <c r="D9926" s="2">
        <v>0</v>
      </c>
      <c r="E9926" s="2">
        <v>404.79999999998557</v>
      </c>
    </row>
    <row r="9927" spans="1:5" x14ac:dyDescent="0.25">
      <c r="A9927" s="3">
        <v>41855.72824074074</v>
      </c>
      <c r="B9927" s="2">
        <v>31.7</v>
      </c>
      <c r="C9927" s="2">
        <v>206.6</v>
      </c>
      <c r="D9927" s="2">
        <v>0</v>
      </c>
      <c r="E9927" s="2">
        <v>404.79999999998557</v>
      </c>
    </row>
    <row r="9928" spans="1:5" x14ac:dyDescent="0.25">
      <c r="A9928" s="3">
        <v>41855.759143518517</v>
      </c>
      <c r="B9928" s="2">
        <v>31.1</v>
      </c>
      <c r="C9928" s="2">
        <v>206.4</v>
      </c>
      <c r="D9928" s="2">
        <v>0</v>
      </c>
      <c r="E9928" s="2">
        <v>404.79999999998557</v>
      </c>
    </row>
    <row r="9929" spans="1:5" x14ac:dyDescent="0.25">
      <c r="A9929" s="3">
        <v>41855.772569444445</v>
      </c>
      <c r="B9929" s="2">
        <v>30.6</v>
      </c>
      <c r="C9929" s="2">
        <v>206.4</v>
      </c>
      <c r="D9929" s="2">
        <v>0.2</v>
      </c>
      <c r="E9929" s="2">
        <v>404.99999999998556</v>
      </c>
    </row>
    <row r="9930" spans="1:5" x14ac:dyDescent="0.25">
      <c r="A9930" s="3">
        <v>41855.772800925923</v>
      </c>
      <c r="B9930" s="2">
        <v>30.6</v>
      </c>
      <c r="C9930" s="2">
        <v>206.6</v>
      </c>
      <c r="D9930" s="2">
        <v>0</v>
      </c>
      <c r="E9930" s="2">
        <v>404.99999999998556</v>
      </c>
    </row>
    <row r="9931" spans="1:5" x14ac:dyDescent="0.25">
      <c r="A9931" s="3">
        <v>41855.774421296293</v>
      </c>
      <c r="B9931" s="2">
        <v>30.4</v>
      </c>
      <c r="C9931" s="2">
        <v>206.6</v>
      </c>
      <c r="D9931" s="2">
        <v>0.2</v>
      </c>
      <c r="E9931" s="2">
        <v>405.19999999998555</v>
      </c>
    </row>
    <row r="9932" spans="1:5" x14ac:dyDescent="0.25">
      <c r="A9932" s="3">
        <v>41855.779918981483</v>
      </c>
      <c r="B9932" s="2">
        <v>30.3</v>
      </c>
      <c r="C9932" s="2">
        <v>206.8</v>
      </c>
      <c r="D9932" s="2">
        <v>0</v>
      </c>
      <c r="E9932" s="2">
        <v>405.19999999998555</v>
      </c>
    </row>
    <row r="9933" spans="1:5" x14ac:dyDescent="0.25">
      <c r="A9933" s="3">
        <v>41855.782407407409</v>
      </c>
      <c r="B9933" s="2">
        <v>30.3</v>
      </c>
      <c r="C9933" s="2">
        <v>206.8</v>
      </c>
      <c r="D9933" s="2">
        <v>0.2</v>
      </c>
      <c r="E9933" s="2">
        <v>405.39999999998554</v>
      </c>
    </row>
    <row r="9934" spans="1:5" x14ac:dyDescent="0.25">
      <c r="A9934" s="3">
        <v>41855.784780092596</v>
      </c>
      <c r="B9934" s="2">
        <v>30.2</v>
      </c>
      <c r="C9934" s="2">
        <v>207</v>
      </c>
      <c r="D9934" s="2">
        <v>0.2</v>
      </c>
      <c r="E9934" s="2">
        <v>405.59999999998553</v>
      </c>
    </row>
    <row r="9935" spans="1:5" x14ac:dyDescent="0.25">
      <c r="A9935" s="3">
        <v>41855.785879629628</v>
      </c>
      <c r="B9935" s="2">
        <v>30.1</v>
      </c>
      <c r="C9935" s="2">
        <v>207</v>
      </c>
      <c r="D9935" s="2">
        <v>0.2</v>
      </c>
      <c r="E9935" s="2">
        <v>405.79999999998552</v>
      </c>
    </row>
    <row r="9936" spans="1:5" x14ac:dyDescent="0.25">
      <c r="A9936" s="3">
        <v>41855.786111111112</v>
      </c>
      <c r="B9936" s="2">
        <v>30.1</v>
      </c>
      <c r="C9936" s="2">
        <v>207.2</v>
      </c>
      <c r="D9936" s="2">
        <v>0</v>
      </c>
      <c r="E9936" s="2">
        <v>405.79999999998552</v>
      </c>
    </row>
    <row r="9937" spans="1:5" x14ac:dyDescent="0.25">
      <c r="A9937" s="3">
        <v>41855.787499999999</v>
      </c>
      <c r="B9937" s="2">
        <v>30.1</v>
      </c>
      <c r="C9937" s="2">
        <v>207.2</v>
      </c>
      <c r="D9937" s="2">
        <v>0.2</v>
      </c>
      <c r="E9937" s="2">
        <v>405.9999999999855</v>
      </c>
    </row>
    <row r="9938" spans="1:5" x14ac:dyDescent="0.25">
      <c r="A9938" s="3">
        <v>41855.78802083333</v>
      </c>
      <c r="B9938" s="2">
        <v>30.1</v>
      </c>
      <c r="C9938" s="2">
        <v>207.4</v>
      </c>
      <c r="D9938" s="2">
        <v>0</v>
      </c>
      <c r="E9938" s="2">
        <v>405.9999999999855</v>
      </c>
    </row>
    <row r="9939" spans="1:5" x14ac:dyDescent="0.25">
      <c r="A9939" s="3">
        <v>41855.792534722219</v>
      </c>
      <c r="B9939" s="2">
        <v>30</v>
      </c>
      <c r="C9939" s="2">
        <v>207.4</v>
      </c>
      <c r="D9939" s="2">
        <v>0.2</v>
      </c>
      <c r="E9939" s="2">
        <v>406.19999999998549</v>
      </c>
    </row>
    <row r="9940" spans="1:5" x14ac:dyDescent="0.25">
      <c r="A9940" s="3">
        <v>41855.868692129632</v>
      </c>
      <c r="B9940" s="2">
        <v>28.4</v>
      </c>
      <c r="C9940" s="2">
        <v>207.2</v>
      </c>
      <c r="D9940" s="2">
        <v>0</v>
      </c>
      <c r="E9940" s="2">
        <v>406.19999999998549</v>
      </c>
    </row>
    <row r="9941" spans="1:5" x14ac:dyDescent="0.25">
      <c r="A9941" s="3">
        <v>41855.908275462964</v>
      </c>
      <c r="B9941" s="2">
        <v>27.6</v>
      </c>
      <c r="C9941" s="2">
        <v>207.2</v>
      </c>
      <c r="D9941" s="2">
        <v>0.2</v>
      </c>
      <c r="E9941" s="2">
        <v>406.39999999998548</v>
      </c>
    </row>
    <row r="9942" spans="1:5" x14ac:dyDescent="0.25">
      <c r="A9942" s="3">
        <v>41855.908391203702</v>
      </c>
      <c r="B9942" s="2">
        <v>27.6</v>
      </c>
      <c r="C9942" s="2">
        <v>207.4</v>
      </c>
      <c r="D9942" s="2">
        <v>0</v>
      </c>
      <c r="E9942" s="2">
        <v>406.39999999998548</v>
      </c>
    </row>
    <row r="9943" spans="1:5" x14ac:dyDescent="0.25">
      <c r="A9943" s="3">
        <v>41855.939872685187</v>
      </c>
      <c r="B9943" s="2">
        <v>27</v>
      </c>
      <c r="C9943" s="2">
        <v>207.2</v>
      </c>
      <c r="D9943" s="2">
        <v>0</v>
      </c>
      <c r="E9943" s="2">
        <v>406.39999999998548</v>
      </c>
    </row>
    <row r="9944" spans="1:5" x14ac:dyDescent="0.25">
      <c r="A9944" s="3">
        <v>41856.043807870374</v>
      </c>
      <c r="B9944" s="2">
        <v>25.4</v>
      </c>
      <c r="C9944" s="2">
        <v>207.2</v>
      </c>
      <c r="D9944" s="2">
        <v>0.2</v>
      </c>
      <c r="E9944" s="2">
        <v>406.59999999998547</v>
      </c>
    </row>
    <row r="9945" spans="1:5" x14ac:dyDescent="0.25">
      <c r="A9945" s="3">
        <v>41856.04409722222</v>
      </c>
      <c r="B9945" s="2">
        <v>25.4</v>
      </c>
      <c r="C9945" s="2">
        <v>207.2</v>
      </c>
      <c r="D9945" s="2">
        <v>0.2</v>
      </c>
      <c r="E9945" s="2">
        <v>406.79999999998546</v>
      </c>
    </row>
    <row r="9946" spans="1:5" x14ac:dyDescent="0.25">
      <c r="A9946" s="3">
        <v>41856.044502314813</v>
      </c>
      <c r="B9946" s="2">
        <v>25.4</v>
      </c>
      <c r="C9946" s="2">
        <v>207.4</v>
      </c>
      <c r="D9946" s="2">
        <v>0.2</v>
      </c>
      <c r="E9946" s="2">
        <v>406.99999999998545</v>
      </c>
    </row>
    <row r="9947" spans="1:5" x14ac:dyDescent="0.25">
      <c r="A9947" s="3">
        <v>41856.044965277775</v>
      </c>
      <c r="B9947" s="2">
        <v>25.4</v>
      </c>
      <c r="C9947" s="2">
        <v>207.4</v>
      </c>
      <c r="D9947" s="2">
        <v>0.2</v>
      </c>
      <c r="E9947" s="2">
        <v>407.19999999998544</v>
      </c>
    </row>
    <row r="9948" spans="1:5" x14ac:dyDescent="0.25">
      <c r="A9948" s="3">
        <v>41856.04519675926</v>
      </c>
      <c r="B9948" s="2">
        <v>25.3</v>
      </c>
      <c r="C9948" s="2">
        <v>207.6</v>
      </c>
      <c r="D9948" s="2">
        <v>0</v>
      </c>
      <c r="E9948" s="2">
        <v>407.19999999998544</v>
      </c>
    </row>
    <row r="9949" spans="1:5" x14ac:dyDescent="0.25">
      <c r="A9949" s="3">
        <v>41856.045370370368</v>
      </c>
      <c r="B9949" s="2">
        <v>25.3</v>
      </c>
      <c r="C9949" s="2">
        <v>207.6</v>
      </c>
      <c r="D9949" s="2">
        <v>0.2</v>
      </c>
      <c r="E9949" s="2">
        <v>407.39999999998543</v>
      </c>
    </row>
    <row r="9950" spans="1:5" x14ac:dyDescent="0.25">
      <c r="A9950" s="3">
        <v>41856.045717592591</v>
      </c>
      <c r="B9950" s="2">
        <v>25.3</v>
      </c>
      <c r="C9950" s="2">
        <v>207.6</v>
      </c>
      <c r="D9950" s="2">
        <v>0.2</v>
      </c>
      <c r="E9950" s="2">
        <v>407.59999999998541</v>
      </c>
    </row>
    <row r="9951" spans="1:5" x14ac:dyDescent="0.25">
      <c r="A9951" s="3">
        <v>41856.045775462961</v>
      </c>
      <c r="B9951" s="2">
        <v>25.3</v>
      </c>
      <c r="C9951" s="2">
        <v>207.8</v>
      </c>
      <c r="D9951" s="2">
        <v>0</v>
      </c>
      <c r="E9951" s="2">
        <v>407.59999999998541</v>
      </c>
    </row>
    <row r="9952" spans="1:5" x14ac:dyDescent="0.25">
      <c r="A9952" s="3">
        <v>41856.046122685184</v>
      </c>
      <c r="B9952" s="2">
        <v>25.3</v>
      </c>
      <c r="C9952" s="2">
        <v>207.8</v>
      </c>
      <c r="D9952" s="2">
        <v>0.2</v>
      </c>
      <c r="E9952" s="2">
        <v>407.7999999999854</v>
      </c>
    </row>
    <row r="9953" spans="1:5" x14ac:dyDescent="0.25">
      <c r="A9953" s="3">
        <v>41856.046180555553</v>
      </c>
      <c r="B9953" s="2">
        <v>25.3</v>
      </c>
      <c r="C9953" s="2">
        <v>208</v>
      </c>
      <c r="D9953" s="2">
        <v>0</v>
      </c>
      <c r="E9953" s="2">
        <v>407.7999999999854</v>
      </c>
    </row>
    <row r="9954" spans="1:5" x14ac:dyDescent="0.25">
      <c r="A9954" s="3">
        <v>41856.046412037038</v>
      </c>
      <c r="B9954" s="2">
        <v>25.2</v>
      </c>
      <c r="C9954" s="2">
        <v>208.2</v>
      </c>
      <c r="D9954" s="2">
        <v>0.2</v>
      </c>
      <c r="E9954" s="2">
        <v>407.99999999998539</v>
      </c>
    </row>
    <row r="9955" spans="1:5" x14ac:dyDescent="0.25">
      <c r="A9955" s="3">
        <v>41856.046585648146</v>
      </c>
      <c r="B9955" s="2">
        <v>25.2</v>
      </c>
      <c r="C9955" s="2">
        <v>208.2</v>
      </c>
      <c r="D9955" s="2">
        <v>0.2</v>
      </c>
      <c r="E9955" s="2">
        <v>408.19999999998538</v>
      </c>
    </row>
    <row r="9956" spans="1:5" x14ac:dyDescent="0.25">
      <c r="A9956" s="3">
        <v>41856.046643518515</v>
      </c>
      <c r="B9956" s="2">
        <v>25.2</v>
      </c>
      <c r="C9956" s="2">
        <v>208.4</v>
      </c>
      <c r="D9956" s="2">
        <v>0</v>
      </c>
      <c r="E9956" s="2">
        <v>408.19999999998538</v>
      </c>
    </row>
    <row r="9957" spans="1:5" x14ac:dyDescent="0.25">
      <c r="A9957" s="3">
        <v>41856.046759259261</v>
      </c>
      <c r="B9957" s="2">
        <v>25.2</v>
      </c>
      <c r="C9957" s="2">
        <v>208.4</v>
      </c>
      <c r="D9957" s="2">
        <v>0.2</v>
      </c>
      <c r="E9957" s="2">
        <v>408.39999999998537</v>
      </c>
    </row>
    <row r="9958" spans="1:5" x14ac:dyDescent="0.25">
      <c r="A9958" s="3">
        <v>41856.046875</v>
      </c>
      <c r="B9958" s="2">
        <v>25.2</v>
      </c>
      <c r="C9958" s="2">
        <v>208.6</v>
      </c>
      <c r="D9958" s="2">
        <v>0</v>
      </c>
      <c r="E9958" s="2">
        <v>408.39999999998537</v>
      </c>
    </row>
    <row r="9959" spans="1:5" x14ac:dyDescent="0.25">
      <c r="A9959" s="3">
        <v>41856.046932870369</v>
      </c>
      <c r="B9959" s="2">
        <v>25.2</v>
      </c>
      <c r="C9959" s="2">
        <v>208.6</v>
      </c>
      <c r="D9959" s="2">
        <v>0.2</v>
      </c>
      <c r="E9959" s="2">
        <v>408.59999999998536</v>
      </c>
    </row>
    <row r="9960" spans="1:5" x14ac:dyDescent="0.25">
      <c r="A9960" s="3">
        <v>41856.047106481485</v>
      </c>
      <c r="B9960" s="2">
        <v>25.2</v>
      </c>
      <c r="C9960" s="2">
        <v>208.8</v>
      </c>
      <c r="D9960" s="2">
        <v>0.2</v>
      </c>
      <c r="E9960" s="2">
        <v>408.79999999998535</v>
      </c>
    </row>
    <row r="9961" spans="1:5" x14ac:dyDescent="0.25">
      <c r="A9961" s="3">
        <v>41856.047222222223</v>
      </c>
      <c r="B9961" s="2">
        <v>25.2</v>
      </c>
      <c r="C9961" s="2">
        <v>208.8</v>
      </c>
      <c r="D9961" s="2">
        <v>0.2</v>
      </c>
      <c r="E9961" s="2">
        <v>408.99999999998533</v>
      </c>
    </row>
    <row r="9962" spans="1:5" x14ac:dyDescent="0.25">
      <c r="A9962" s="3">
        <v>41856.047337962962</v>
      </c>
      <c r="B9962" s="2">
        <v>25.2</v>
      </c>
      <c r="C9962" s="2">
        <v>209</v>
      </c>
      <c r="D9962" s="2">
        <v>0.2</v>
      </c>
      <c r="E9962" s="2">
        <v>409.19999999998532</v>
      </c>
    </row>
    <row r="9963" spans="1:5" x14ac:dyDescent="0.25">
      <c r="A9963" s="3">
        <v>41856.047453703701</v>
      </c>
      <c r="B9963" s="2">
        <v>25.2</v>
      </c>
      <c r="C9963" s="2">
        <v>209</v>
      </c>
      <c r="D9963" s="2">
        <v>0.2</v>
      </c>
      <c r="E9963" s="2">
        <v>409.39999999998531</v>
      </c>
    </row>
    <row r="9964" spans="1:5" x14ac:dyDescent="0.25">
      <c r="A9964" s="3">
        <v>41856.047511574077</v>
      </c>
      <c r="B9964" s="2">
        <v>25.2</v>
      </c>
      <c r="C9964" s="2">
        <v>209.2</v>
      </c>
      <c r="D9964" s="2">
        <v>0</v>
      </c>
      <c r="E9964" s="2">
        <v>409.39999999998531</v>
      </c>
    </row>
    <row r="9965" spans="1:5" x14ac:dyDescent="0.25">
      <c r="A9965" s="3">
        <v>41856.047569444447</v>
      </c>
      <c r="B9965" s="2">
        <v>25.2</v>
      </c>
      <c r="C9965" s="2">
        <v>209.2</v>
      </c>
      <c r="D9965" s="2">
        <v>0.2</v>
      </c>
      <c r="E9965" s="2">
        <v>409.5999999999853</v>
      </c>
    </row>
    <row r="9966" spans="1:5" x14ac:dyDescent="0.25">
      <c r="A9966" s="3">
        <v>41856.047627314816</v>
      </c>
      <c r="B9966" s="2">
        <v>25.2</v>
      </c>
      <c r="C9966" s="2">
        <v>209.4</v>
      </c>
      <c r="D9966" s="2">
        <v>0</v>
      </c>
      <c r="E9966" s="2">
        <v>409.5999999999853</v>
      </c>
    </row>
    <row r="9967" spans="1:5" x14ac:dyDescent="0.25">
      <c r="A9967" s="3">
        <v>41856.047685185185</v>
      </c>
      <c r="B9967" s="2">
        <v>25.2</v>
      </c>
      <c r="C9967" s="2">
        <v>209.4</v>
      </c>
      <c r="D9967" s="2">
        <v>0.2</v>
      </c>
      <c r="E9967" s="2">
        <v>409.79999999998529</v>
      </c>
    </row>
    <row r="9968" spans="1:5" x14ac:dyDescent="0.25">
      <c r="A9968" s="3">
        <v>41856.047743055555</v>
      </c>
      <c r="B9968" s="2">
        <v>25.1</v>
      </c>
      <c r="C9968" s="2">
        <v>209.6</v>
      </c>
      <c r="D9968" s="2">
        <v>0.2</v>
      </c>
      <c r="E9968" s="2">
        <v>409.99999999998528</v>
      </c>
    </row>
    <row r="9969" spans="1:5" x14ac:dyDescent="0.25">
      <c r="A9969" s="3">
        <v>41856.047858796293</v>
      </c>
      <c r="B9969" s="2">
        <v>25.1</v>
      </c>
      <c r="C9969" s="2">
        <v>209.8</v>
      </c>
      <c r="D9969" s="2">
        <v>0.2</v>
      </c>
      <c r="E9969" s="2">
        <v>410.19999999998527</v>
      </c>
    </row>
    <row r="9970" spans="1:5" x14ac:dyDescent="0.25">
      <c r="A9970" s="3">
        <v>41856.047974537039</v>
      </c>
      <c r="B9970" s="2">
        <v>25.1</v>
      </c>
      <c r="C9970" s="2">
        <v>210</v>
      </c>
      <c r="D9970" s="2">
        <v>0.2</v>
      </c>
      <c r="E9970" s="2">
        <v>410.39999999998525</v>
      </c>
    </row>
    <row r="9971" spans="1:5" x14ac:dyDescent="0.25">
      <c r="A9971" s="3">
        <v>41856.048090277778</v>
      </c>
      <c r="B9971" s="2">
        <v>25.1</v>
      </c>
      <c r="C9971" s="2">
        <v>210.2</v>
      </c>
      <c r="D9971" s="2">
        <v>0.2</v>
      </c>
      <c r="E9971" s="2">
        <v>410.59999999998524</v>
      </c>
    </row>
    <row r="9972" spans="1:5" x14ac:dyDescent="0.25">
      <c r="A9972" s="3">
        <v>41856.048206018517</v>
      </c>
      <c r="B9972" s="2">
        <v>25</v>
      </c>
      <c r="C9972" s="2">
        <v>210.4</v>
      </c>
      <c r="D9972" s="2">
        <v>0.2</v>
      </c>
      <c r="E9972" s="2">
        <v>410.79999999998523</v>
      </c>
    </row>
    <row r="9973" spans="1:5" x14ac:dyDescent="0.25">
      <c r="A9973" s="3">
        <v>41856.048263888886</v>
      </c>
      <c r="B9973" s="2">
        <v>25</v>
      </c>
      <c r="C9973" s="2">
        <v>210.4</v>
      </c>
      <c r="D9973" s="2">
        <v>0.2</v>
      </c>
      <c r="E9973" s="2">
        <v>410.99999999998522</v>
      </c>
    </row>
    <row r="9974" spans="1:5" x14ac:dyDescent="0.25">
      <c r="A9974" s="3">
        <v>41856.048321759263</v>
      </c>
      <c r="B9974" s="2">
        <v>25</v>
      </c>
      <c r="C9974" s="2">
        <v>210.6</v>
      </c>
      <c r="D9974" s="2">
        <v>0</v>
      </c>
      <c r="E9974" s="2">
        <v>410.99999999998522</v>
      </c>
    </row>
    <row r="9975" spans="1:5" x14ac:dyDescent="0.25">
      <c r="A9975" s="3">
        <v>41856.048379629632</v>
      </c>
      <c r="B9975" s="2">
        <v>25</v>
      </c>
      <c r="C9975" s="2">
        <v>210.6</v>
      </c>
      <c r="D9975" s="2">
        <v>0.2</v>
      </c>
      <c r="E9975" s="2">
        <v>411.19999999998521</v>
      </c>
    </row>
    <row r="9976" spans="1:5" x14ac:dyDescent="0.25">
      <c r="A9976" s="3">
        <v>41856.048437500001</v>
      </c>
      <c r="B9976" s="2">
        <v>25</v>
      </c>
      <c r="C9976" s="2">
        <v>210.8</v>
      </c>
      <c r="D9976" s="2">
        <v>0</v>
      </c>
      <c r="E9976" s="2">
        <v>411.19999999998521</v>
      </c>
    </row>
    <row r="9977" spans="1:5" x14ac:dyDescent="0.25">
      <c r="A9977" s="3">
        <v>41856.048495370371</v>
      </c>
      <c r="B9977" s="2">
        <v>25</v>
      </c>
      <c r="C9977" s="2">
        <v>210.8</v>
      </c>
      <c r="D9977" s="2">
        <v>0.2</v>
      </c>
      <c r="E9977" s="2">
        <v>411.3999999999852</v>
      </c>
    </row>
    <row r="9978" spans="1:5" x14ac:dyDescent="0.25">
      <c r="A9978" s="3">
        <v>41856.04855324074</v>
      </c>
      <c r="B9978" s="2">
        <v>25</v>
      </c>
      <c r="C9978" s="2">
        <v>211</v>
      </c>
      <c r="D9978" s="2">
        <v>0.2</v>
      </c>
      <c r="E9978" s="2">
        <v>411.59999999998519</v>
      </c>
    </row>
    <row r="9979" spans="1:5" x14ac:dyDescent="0.25">
      <c r="A9979" s="3">
        <v>41856.048668981479</v>
      </c>
      <c r="B9979" s="2">
        <v>25</v>
      </c>
      <c r="C9979" s="2">
        <v>211.2</v>
      </c>
      <c r="D9979" s="2">
        <v>0.2</v>
      </c>
      <c r="E9979" s="2">
        <v>411.79999999998518</v>
      </c>
    </row>
    <row r="9980" spans="1:5" x14ac:dyDescent="0.25">
      <c r="A9980" s="3">
        <v>41856.048784722225</v>
      </c>
      <c r="B9980" s="2">
        <v>25</v>
      </c>
      <c r="C9980" s="2">
        <v>211.6</v>
      </c>
      <c r="D9980" s="2">
        <v>0.2</v>
      </c>
      <c r="E9980" s="2">
        <v>411.99999999998516</v>
      </c>
    </row>
    <row r="9981" spans="1:5" x14ac:dyDescent="0.25">
      <c r="A9981" s="3">
        <v>41856.048842592594</v>
      </c>
      <c r="B9981" s="2">
        <v>25</v>
      </c>
      <c r="C9981" s="2">
        <v>211.6</v>
      </c>
      <c r="D9981" s="2">
        <v>0.2</v>
      </c>
      <c r="E9981" s="2">
        <v>412.19999999998515</v>
      </c>
    </row>
    <row r="9982" spans="1:5" x14ac:dyDescent="0.25">
      <c r="A9982" s="3">
        <v>41856.048900462964</v>
      </c>
      <c r="B9982" s="2">
        <v>25</v>
      </c>
      <c r="C9982" s="2">
        <v>211.8</v>
      </c>
      <c r="D9982" s="2">
        <v>0</v>
      </c>
      <c r="E9982" s="2">
        <v>412.19999999998515</v>
      </c>
    </row>
    <row r="9983" spans="1:5" x14ac:dyDescent="0.25">
      <c r="A9983" s="3">
        <v>41856.048958333333</v>
      </c>
      <c r="B9983" s="2">
        <v>25</v>
      </c>
      <c r="C9983" s="2">
        <v>212</v>
      </c>
      <c r="D9983" s="2">
        <v>0.2</v>
      </c>
      <c r="E9983" s="2">
        <v>412.39999999998514</v>
      </c>
    </row>
    <row r="9984" spans="1:5" x14ac:dyDescent="0.25">
      <c r="A9984" s="3">
        <v>41856.049016203702</v>
      </c>
      <c r="B9984" s="2">
        <v>25</v>
      </c>
      <c r="C9984" s="2">
        <v>212.2</v>
      </c>
      <c r="D9984" s="2">
        <v>0</v>
      </c>
      <c r="E9984" s="2">
        <v>412.39999999998514</v>
      </c>
    </row>
    <row r="9985" spans="1:5" x14ac:dyDescent="0.25">
      <c r="A9985" s="3">
        <v>41856.049074074072</v>
      </c>
      <c r="B9985" s="2">
        <v>25</v>
      </c>
      <c r="C9985" s="2">
        <v>212.4</v>
      </c>
      <c r="D9985" s="2">
        <v>0.2</v>
      </c>
      <c r="E9985" s="2">
        <v>412.59999999998513</v>
      </c>
    </row>
    <row r="9986" spans="1:5" x14ac:dyDescent="0.25">
      <c r="A9986" s="3">
        <v>41856.049131944441</v>
      </c>
      <c r="B9986" s="2">
        <v>25</v>
      </c>
      <c r="C9986" s="2">
        <v>212.6</v>
      </c>
      <c r="D9986" s="2">
        <v>0</v>
      </c>
      <c r="E9986" s="2">
        <v>412.59999999998513</v>
      </c>
    </row>
    <row r="9987" spans="1:5" x14ac:dyDescent="0.25">
      <c r="A9987" s="3">
        <v>41856.049189814818</v>
      </c>
      <c r="B9987" s="2">
        <v>24.9</v>
      </c>
      <c r="C9987" s="2">
        <v>212.6</v>
      </c>
      <c r="D9987" s="2">
        <v>0.2</v>
      </c>
      <c r="E9987" s="2">
        <v>412.79999999998512</v>
      </c>
    </row>
    <row r="9988" spans="1:5" x14ac:dyDescent="0.25">
      <c r="A9988" s="3">
        <v>41856.049247685187</v>
      </c>
      <c r="B9988" s="2">
        <v>25</v>
      </c>
      <c r="C9988" s="2">
        <v>212.8</v>
      </c>
      <c r="D9988" s="2">
        <v>0</v>
      </c>
      <c r="E9988" s="2">
        <v>412.79999999998512</v>
      </c>
    </row>
    <row r="9989" spans="1:5" x14ac:dyDescent="0.25">
      <c r="A9989" s="3">
        <v>41856.049363425926</v>
      </c>
      <c r="B9989" s="2">
        <v>25</v>
      </c>
      <c r="C9989" s="2">
        <v>213</v>
      </c>
      <c r="D9989" s="2">
        <v>0.2</v>
      </c>
      <c r="E9989" s="2">
        <v>412.99999999998511</v>
      </c>
    </row>
    <row r="9990" spans="1:5" x14ac:dyDescent="0.25">
      <c r="A9990" s="3">
        <v>41856.049479166664</v>
      </c>
      <c r="B9990" s="2">
        <v>25</v>
      </c>
      <c r="C9990" s="2">
        <v>213.2</v>
      </c>
      <c r="D9990" s="2">
        <v>0</v>
      </c>
      <c r="E9990" s="2">
        <v>412.99999999998511</v>
      </c>
    </row>
    <row r="9991" spans="1:5" x14ac:dyDescent="0.25">
      <c r="A9991" s="3">
        <v>41856.04959490741</v>
      </c>
      <c r="B9991" s="2">
        <v>25</v>
      </c>
      <c r="C9991" s="2">
        <v>213.4</v>
      </c>
      <c r="D9991" s="2">
        <v>0.2</v>
      </c>
      <c r="E9991" s="2">
        <v>413.1999999999851</v>
      </c>
    </row>
    <row r="9992" spans="1:5" x14ac:dyDescent="0.25">
      <c r="A9992" s="3">
        <v>41856.049710648149</v>
      </c>
      <c r="B9992" s="2">
        <v>24.9</v>
      </c>
      <c r="C9992" s="2">
        <v>213.6</v>
      </c>
      <c r="D9992" s="2">
        <v>0</v>
      </c>
      <c r="E9992" s="2">
        <v>413.1999999999851</v>
      </c>
    </row>
    <row r="9993" spans="1:5" x14ac:dyDescent="0.25">
      <c r="A9993" s="3">
        <v>41856.049768518518</v>
      </c>
      <c r="B9993" s="2">
        <v>24.9</v>
      </c>
      <c r="C9993" s="2">
        <v>213.6</v>
      </c>
      <c r="D9993" s="2">
        <v>0.2</v>
      </c>
      <c r="E9993" s="2">
        <v>413.39999999998508</v>
      </c>
    </row>
    <row r="9994" spans="1:5" x14ac:dyDescent="0.25">
      <c r="A9994" s="3">
        <v>41856.049942129626</v>
      </c>
      <c r="B9994" s="2">
        <v>25</v>
      </c>
      <c r="C9994" s="2">
        <v>213.8</v>
      </c>
      <c r="D9994" s="2">
        <v>0</v>
      </c>
      <c r="E9994" s="2">
        <v>413.39999999998508</v>
      </c>
    </row>
    <row r="9995" spans="1:5" x14ac:dyDescent="0.25">
      <c r="A9995" s="3">
        <v>41856.050000000003</v>
      </c>
      <c r="B9995" s="2">
        <v>25</v>
      </c>
      <c r="C9995" s="2">
        <v>213.8</v>
      </c>
      <c r="D9995" s="2">
        <v>0.2</v>
      </c>
      <c r="E9995" s="2">
        <v>413.59999999998507</v>
      </c>
    </row>
    <row r="9996" spans="1:5" x14ac:dyDescent="0.25">
      <c r="A9996" s="3">
        <v>41856.050115740742</v>
      </c>
      <c r="B9996" s="2">
        <v>24.9</v>
      </c>
      <c r="C9996" s="2">
        <v>214</v>
      </c>
      <c r="D9996" s="2">
        <v>0</v>
      </c>
      <c r="E9996" s="2">
        <v>413.59999999998507</v>
      </c>
    </row>
    <row r="9997" spans="1:5" x14ac:dyDescent="0.25">
      <c r="A9997" s="3">
        <v>41856.050173611111</v>
      </c>
      <c r="B9997" s="2">
        <v>24.9</v>
      </c>
      <c r="C9997" s="2">
        <v>214</v>
      </c>
      <c r="D9997" s="2">
        <v>0.2</v>
      </c>
      <c r="E9997" s="2">
        <v>413.79999999998506</v>
      </c>
    </row>
    <row r="9998" spans="1:5" x14ac:dyDescent="0.25">
      <c r="A9998" s="3">
        <v>41856.050347222219</v>
      </c>
      <c r="B9998" s="2">
        <v>24.9</v>
      </c>
      <c r="C9998" s="2">
        <v>214.2</v>
      </c>
      <c r="D9998" s="2">
        <v>0</v>
      </c>
      <c r="E9998" s="2">
        <v>413.79999999998506</v>
      </c>
    </row>
    <row r="9999" spans="1:5" x14ac:dyDescent="0.25">
      <c r="A9999" s="3">
        <v>41856.050405092596</v>
      </c>
      <c r="B9999" s="2">
        <v>24.9</v>
      </c>
      <c r="C9999" s="2">
        <v>214.2</v>
      </c>
      <c r="D9999" s="2">
        <v>0.2</v>
      </c>
      <c r="E9999" s="2">
        <v>413.99999999998505</v>
      </c>
    </row>
    <row r="10000" spans="1:5" x14ac:dyDescent="0.25">
      <c r="A10000" s="3">
        <v>41856.050520833334</v>
      </c>
      <c r="B10000" s="2">
        <v>24.9</v>
      </c>
      <c r="C10000" s="2">
        <v>214.4</v>
      </c>
      <c r="D10000" s="2">
        <v>0</v>
      </c>
      <c r="E10000" s="2">
        <v>413.99999999998505</v>
      </c>
    </row>
    <row r="10001" spans="1:5" x14ac:dyDescent="0.25">
      <c r="A10001" s="3">
        <v>41856.050578703704</v>
      </c>
      <c r="B10001" s="2">
        <v>24.9</v>
      </c>
      <c r="C10001" s="2">
        <v>214.4</v>
      </c>
      <c r="D10001" s="2">
        <v>0.2</v>
      </c>
      <c r="E10001" s="2">
        <v>414.19999999998504</v>
      </c>
    </row>
    <row r="10002" spans="1:5" x14ac:dyDescent="0.25">
      <c r="A10002" s="3">
        <v>41856.050752314812</v>
      </c>
      <c r="B10002" s="2">
        <v>24.9</v>
      </c>
      <c r="C10002" s="2">
        <v>214.6</v>
      </c>
      <c r="D10002" s="2">
        <v>0</v>
      </c>
      <c r="E10002" s="2">
        <v>414.19999999998504</v>
      </c>
    </row>
    <row r="10003" spans="1:5" x14ac:dyDescent="0.25">
      <c r="A10003" s="3">
        <v>41856.050868055558</v>
      </c>
      <c r="B10003" s="2">
        <v>24.8</v>
      </c>
      <c r="C10003" s="2">
        <v>214.6</v>
      </c>
      <c r="D10003" s="2">
        <v>0.2</v>
      </c>
      <c r="E10003" s="2">
        <v>414.39999999998503</v>
      </c>
    </row>
    <row r="10004" spans="1:5" x14ac:dyDescent="0.25">
      <c r="A10004" s="3">
        <v>41856.050925925927</v>
      </c>
      <c r="B10004" s="2">
        <v>24.8</v>
      </c>
      <c r="C10004" s="2">
        <v>214.8</v>
      </c>
      <c r="D10004" s="2">
        <v>0</v>
      </c>
      <c r="E10004" s="2">
        <v>414.39999999998503</v>
      </c>
    </row>
    <row r="10005" spans="1:5" x14ac:dyDescent="0.25">
      <c r="A10005" s="3">
        <v>41856.051041666666</v>
      </c>
      <c r="B10005" s="2">
        <v>24.8</v>
      </c>
      <c r="C10005" s="2">
        <v>214.8</v>
      </c>
      <c r="D10005" s="2">
        <v>0.2</v>
      </c>
      <c r="E10005" s="2">
        <v>414.59999999998502</v>
      </c>
    </row>
    <row r="10006" spans="1:5" x14ac:dyDescent="0.25">
      <c r="A10006" s="3">
        <v>41856.051157407404</v>
      </c>
      <c r="B10006" s="2">
        <v>24.9</v>
      </c>
      <c r="C10006" s="2">
        <v>215</v>
      </c>
      <c r="D10006" s="2">
        <v>0</v>
      </c>
      <c r="E10006" s="2">
        <v>414.59999999998502</v>
      </c>
    </row>
    <row r="10007" spans="1:5" x14ac:dyDescent="0.25">
      <c r="A10007" s="3">
        <v>41856.051215277781</v>
      </c>
      <c r="B10007" s="2">
        <v>24.8</v>
      </c>
      <c r="C10007" s="2">
        <v>215</v>
      </c>
      <c r="D10007" s="2">
        <v>0.2</v>
      </c>
      <c r="E10007" s="2">
        <v>414.799999999985</v>
      </c>
    </row>
    <row r="10008" spans="1:5" x14ac:dyDescent="0.25">
      <c r="A10008" s="3">
        <v>41856.05133101852</v>
      </c>
      <c r="B10008" s="2">
        <v>24.8</v>
      </c>
      <c r="C10008" s="2">
        <v>215.2</v>
      </c>
      <c r="D10008" s="2">
        <v>0</v>
      </c>
      <c r="E10008" s="2">
        <v>414.799999999985</v>
      </c>
    </row>
    <row r="10009" spans="1:5" x14ac:dyDescent="0.25">
      <c r="A10009" s="3">
        <v>41856.051446759258</v>
      </c>
      <c r="B10009" s="2">
        <v>24.8</v>
      </c>
      <c r="C10009" s="2">
        <v>215.2</v>
      </c>
      <c r="D10009" s="2">
        <v>0.2</v>
      </c>
      <c r="E10009" s="2">
        <v>414.99999999998499</v>
      </c>
    </row>
    <row r="10010" spans="1:5" x14ac:dyDescent="0.25">
      <c r="A10010" s="3">
        <v>41856.051562499997</v>
      </c>
      <c r="B10010" s="2">
        <v>24.8</v>
      </c>
      <c r="C10010" s="2">
        <v>215.4</v>
      </c>
      <c r="D10010" s="2">
        <v>0</v>
      </c>
      <c r="E10010" s="2">
        <v>414.99999999998499</v>
      </c>
    </row>
    <row r="10011" spans="1:5" x14ac:dyDescent="0.25">
      <c r="A10011" s="3">
        <v>41856.051793981482</v>
      </c>
      <c r="B10011" s="2">
        <v>24.8</v>
      </c>
      <c r="C10011" s="2">
        <v>215.4</v>
      </c>
      <c r="D10011" s="2">
        <v>0.2</v>
      </c>
      <c r="E10011" s="2">
        <v>415.19999999998498</v>
      </c>
    </row>
    <row r="10012" spans="1:5" x14ac:dyDescent="0.25">
      <c r="A10012" s="3">
        <v>41856.051851851851</v>
      </c>
      <c r="B10012" s="2">
        <v>24.8</v>
      </c>
      <c r="C10012" s="2">
        <v>215.6</v>
      </c>
      <c r="D10012" s="2">
        <v>0</v>
      </c>
      <c r="E10012" s="2">
        <v>415.19999999998498</v>
      </c>
    </row>
    <row r="10013" spans="1:5" x14ac:dyDescent="0.25">
      <c r="A10013" s="3">
        <v>41856.052025462966</v>
      </c>
      <c r="B10013" s="2">
        <v>24.9</v>
      </c>
      <c r="C10013" s="2">
        <v>215.6</v>
      </c>
      <c r="D10013" s="2">
        <v>0.2</v>
      </c>
      <c r="E10013" s="2">
        <v>415.39999999998497</v>
      </c>
    </row>
    <row r="10014" spans="1:5" x14ac:dyDescent="0.25">
      <c r="A10014" s="3">
        <v>41856.052083333336</v>
      </c>
      <c r="B10014" s="2">
        <v>24.8</v>
      </c>
      <c r="C10014" s="2">
        <v>215.8</v>
      </c>
      <c r="D10014" s="2">
        <v>0</v>
      </c>
      <c r="E10014" s="2">
        <v>415.39999999998497</v>
      </c>
    </row>
    <row r="10015" spans="1:5" x14ac:dyDescent="0.25">
      <c r="A10015" s="3">
        <v>41856.052199074074</v>
      </c>
      <c r="B10015" s="2">
        <v>24.8</v>
      </c>
      <c r="C10015" s="2">
        <v>215.8</v>
      </c>
      <c r="D10015" s="2">
        <v>0.2</v>
      </c>
      <c r="E10015" s="2">
        <v>415.59999999998496</v>
      </c>
    </row>
    <row r="10016" spans="1:5" x14ac:dyDescent="0.25">
      <c r="A10016" s="3">
        <v>41856.052314814813</v>
      </c>
      <c r="B10016" s="2">
        <v>24.8</v>
      </c>
      <c r="C10016" s="2">
        <v>216</v>
      </c>
      <c r="D10016" s="2">
        <v>0</v>
      </c>
      <c r="E10016" s="2">
        <v>415.59999999998496</v>
      </c>
    </row>
    <row r="10017" spans="1:5" x14ac:dyDescent="0.25">
      <c r="A10017" s="3">
        <v>41856.052372685182</v>
      </c>
      <c r="B10017" s="2">
        <v>24.8</v>
      </c>
      <c r="C10017" s="2">
        <v>216</v>
      </c>
      <c r="D10017" s="2">
        <v>0.2</v>
      </c>
      <c r="E10017" s="2">
        <v>415.79999999998495</v>
      </c>
    </row>
    <row r="10018" spans="1:5" x14ac:dyDescent="0.25">
      <c r="A10018" s="3">
        <v>41856.052488425928</v>
      </c>
      <c r="B10018" s="2">
        <v>24.8</v>
      </c>
      <c r="C10018" s="2">
        <v>216.2</v>
      </c>
      <c r="D10018" s="2">
        <v>0</v>
      </c>
      <c r="E10018" s="2">
        <v>415.79999999998495</v>
      </c>
    </row>
    <row r="10019" spans="1:5" x14ac:dyDescent="0.25">
      <c r="A10019" s="3">
        <v>41856.052604166667</v>
      </c>
      <c r="B10019" s="2">
        <v>24.8</v>
      </c>
      <c r="C10019" s="2">
        <v>216.2</v>
      </c>
      <c r="D10019" s="2">
        <v>0.2</v>
      </c>
      <c r="E10019" s="2">
        <v>415.99999999998494</v>
      </c>
    </row>
    <row r="10020" spans="1:5" x14ac:dyDescent="0.25">
      <c r="A10020" s="3">
        <v>41856.052719907406</v>
      </c>
      <c r="B10020" s="2">
        <v>24.8</v>
      </c>
      <c r="C10020" s="2">
        <v>216.4</v>
      </c>
      <c r="D10020" s="2">
        <v>0</v>
      </c>
      <c r="E10020" s="2">
        <v>415.99999999998494</v>
      </c>
    </row>
    <row r="10021" spans="1:5" x14ac:dyDescent="0.25">
      <c r="A10021" s="3">
        <v>41856.052835648145</v>
      </c>
      <c r="B10021" s="2">
        <v>24.7</v>
      </c>
      <c r="C10021" s="2">
        <v>216.4</v>
      </c>
      <c r="D10021" s="2">
        <v>0.2</v>
      </c>
      <c r="E10021" s="2">
        <v>416.19999999998493</v>
      </c>
    </row>
    <row r="10022" spans="1:5" x14ac:dyDescent="0.25">
      <c r="A10022" s="3">
        <v>41856.052951388891</v>
      </c>
      <c r="B10022" s="2">
        <v>24.7</v>
      </c>
      <c r="C10022" s="2">
        <v>216.6</v>
      </c>
      <c r="D10022" s="2">
        <v>0</v>
      </c>
      <c r="E10022" s="2">
        <v>416.19999999998493</v>
      </c>
    </row>
    <row r="10023" spans="1:5" x14ac:dyDescent="0.25">
      <c r="A10023" s="3">
        <v>41856.053067129629</v>
      </c>
      <c r="B10023" s="2">
        <v>24.8</v>
      </c>
      <c r="C10023" s="2">
        <v>216.6</v>
      </c>
      <c r="D10023" s="2">
        <v>0.2</v>
      </c>
      <c r="E10023" s="2">
        <v>416.39999999998491</v>
      </c>
    </row>
    <row r="10024" spans="1:5" x14ac:dyDescent="0.25">
      <c r="A10024" s="3">
        <v>41856.053240740737</v>
      </c>
      <c r="B10024" s="2">
        <v>24.7</v>
      </c>
      <c r="C10024" s="2">
        <v>216.8</v>
      </c>
      <c r="D10024" s="2">
        <v>0</v>
      </c>
      <c r="E10024" s="2">
        <v>416.39999999998491</v>
      </c>
    </row>
    <row r="10025" spans="1:5" x14ac:dyDescent="0.25">
      <c r="A10025" s="3">
        <v>41856.053298611114</v>
      </c>
      <c r="B10025" s="2">
        <v>24.7</v>
      </c>
      <c r="C10025" s="2">
        <v>216.8</v>
      </c>
      <c r="D10025" s="2">
        <v>0.2</v>
      </c>
      <c r="E10025" s="2">
        <v>416.5999999999849</v>
      </c>
    </row>
    <row r="10026" spans="1:5" x14ac:dyDescent="0.25">
      <c r="A10026" s="3">
        <v>41856.053530092591</v>
      </c>
      <c r="B10026" s="2">
        <v>24.7</v>
      </c>
      <c r="C10026" s="2">
        <v>217</v>
      </c>
      <c r="D10026" s="2">
        <v>0</v>
      </c>
      <c r="E10026" s="2">
        <v>416.5999999999849</v>
      </c>
    </row>
    <row r="10027" spans="1:5" x14ac:dyDescent="0.25">
      <c r="A10027" s="3">
        <v>41856.053587962961</v>
      </c>
      <c r="B10027" s="2">
        <v>24.8</v>
      </c>
      <c r="C10027" s="2">
        <v>217</v>
      </c>
      <c r="D10027" s="2">
        <v>0.2</v>
      </c>
      <c r="E10027" s="2">
        <v>416.79999999998489</v>
      </c>
    </row>
    <row r="10028" spans="1:5" x14ac:dyDescent="0.25">
      <c r="A10028" s="3">
        <v>41856.053819444445</v>
      </c>
      <c r="B10028" s="2">
        <v>24.7</v>
      </c>
      <c r="C10028" s="2">
        <v>217.2</v>
      </c>
      <c r="D10028" s="2">
        <v>0</v>
      </c>
      <c r="E10028" s="2">
        <v>416.79999999998489</v>
      </c>
    </row>
    <row r="10029" spans="1:5" x14ac:dyDescent="0.25">
      <c r="A10029" s="3">
        <v>41856.053935185184</v>
      </c>
      <c r="B10029" s="2">
        <v>24.7</v>
      </c>
      <c r="C10029" s="2">
        <v>217.2</v>
      </c>
      <c r="D10029" s="2">
        <v>0.2</v>
      </c>
      <c r="E10029" s="2">
        <v>416.99999999998488</v>
      </c>
    </row>
    <row r="10030" spans="1:5" x14ac:dyDescent="0.25">
      <c r="A10030" s="3">
        <v>41856.054108796299</v>
      </c>
      <c r="B10030" s="2">
        <v>24.7</v>
      </c>
      <c r="C10030" s="2">
        <v>217.4</v>
      </c>
      <c r="D10030" s="2">
        <v>0</v>
      </c>
      <c r="E10030" s="2">
        <v>416.99999999998488</v>
      </c>
    </row>
    <row r="10031" spans="1:5" x14ac:dyDescent="0.25">
      <c r="A10031" s="3">
        <v>41856.054456018515</v>
      </c>
      <c r="B10031" s="2">
        <v>24.7</v>
      </c>
      <c r="C10031" s="2">
        <v>217.4</v>
      </c>
      <c r="D10031" s="2">
        <v>0.2</v>
      </c>
      <c r="E10031" s="2">
        <v>417.19999999998487</v>
      </c>
    </row>
    <row r="10032" spans="1:5" x14ac:dyDescent="0.25">
      <c r="A10032" s="3">
        <v>41856.054513888892</v>
      </c>
      <c r="B10032" s="2">
        <v>24.7</v>
      </c>
      <c r="C10032" s="2">
        <v>217.6</v>
      </c>
      <c r="D10032" s="2">
        <v>0</v>
      </c>
      <c r="E10032" s="2">
        <v>417.19999999998487</v>
      </c>
    </row>
    <row r="10033" spans="1:5" x14ac:dyDescent="0.25">
      <c r="A10033" s="3">
        <v>41856.055034722223</v>
      </c>
      <c r="B10033" s="2">
        <v>24.7</v>
      </c>
      <c r="C10033" s="2">
        <v>217.8</v>
      </c>
      <c r="D10033" s="2">
        <v>0.2</v>
      </c>
      <c r="E10033" s="2">
        <v>417.39999999998486</v>
      </c>
    </row>
    <row r="10034" spans="1:5" x14ac:dyDescent="0.25">
      <c r="A10034" s="3">
        <v>41856.055671296293</v>
      </c>
      <c r="B10034" s="2">
        <v>24.7</v>
      </c>
      <c r="C10034" s="2">
        <v>218</v>
      </c>
      <c r="D10034" s="2">
        <v>0.2</v>
      </c>
      <c r="E10034" s="2">
        <v>417.59999999998485</v>
      </c>
    </row>
    <row r="10035" spans="1:5" x14ac:dyDescent="0.25">
      <c r="A10035" s="3">
        <v>41856.056423611109</v>
      </c>
      <c r="B10035" s="2">
        <v>24.7</v>
      </c>
      <c r="C10035" s="2">
        <v>218</v>
      </c>
      <c r="D10035" s="2">
        <v>0.2</v>
      </c>
      <c r="E10035" s="2">
        <v>417.79999999998483</v>
      </c>
    </row>
    <row r="10036" spans="1:5" x14ac:dyDescent="0.25">
      <c r="A10036" s="3">
        <v>41856.056539351855</v>
      </c>
      <c r="B10036" s="2">
        <v>24.7</v>
      </c>
      <c r="C10036" s="2">
        <v>218.2</v>
      </c>
      <c r="D10036" s="2">
        <v>0</v>
      </c>
      <c r="E10036" s="2">
        <v>417.79999999998483</v>
      </c>
    </row>
    <row r="10037" spans="1:5" x14ac:dyDescent="0.25">
      <c r="A10037" s="3">
        <v>41856.057233796295</v>
      </c>
      <c r="B10037" s="2">
        <v>24.7</v>
      </c>
      <c r="C10037" s="2">
        <v>218.2</v>
      </c>
      <c r="D10037" s="2">
        <v>0.2</v>
      </c>
      <c r="E10037" s="2">
        <v>417.99999999998482</v>
      </c>
    </row>
    <row r="10038" spans="1:5" x14ac:dyDescent="0.25">
      <c r="A10038" s="3">
        <v>41856.057523148149</v>
      </c>
      <c r="B10038" s="2">
        <v>24.6</v>
      </c>
      <c r="C10038" s="2">
        <v>218.4</v>
      </c>
      <c r="D10038" s="2">
        <v>0</v>
      </c>
      <c r="E10038" s="2">
        <v>417.99999999998482</v>
      </c>
    </row>
    <row r="10039" spans="1:5" x14ac:dyDescent="0.25">
      <c r="A10039" s="3">
        <v>41856.05810185185</v>
      </c>
      <c r="B10039" s="2">
        <v>24.6</v>
      </c>
      <c r="C10039" s="2">
        <v>218.4</v>
      </c>
      <c r="D10039" s="2">
        <v>0.2</v>
      </c>
      <c r="E10039" s="2">
        <v>418.19999999998481</v>
      </c>
    </row>
    <row r="10040" spans="1:5" x14ac:dyDescent="0.25">
      <c r="A10040" s="3">
        <v>41856.058564814812</v>
      </c>
      <c r="B10040" s="2">
        <v>24.6</v>
      </c>
      <c r="C10040" s="2">
        <v>218.6</v>
      </c>
      <c r="D10040" s="2">
        <v>0</v>
      </c>
      <c r="E10040" s="2">
        <v>418.19999999998481</v>
      </c>
    </row>
    <row r="10041" spans="1:5" x14ac:dyDescent="0.25">
      <c r="A10041" s="3">
        <v>41856.058969907404</v>
      </c>
      <c r="B10041" s="2">
        <v>24.6</v>
      </c>
      <c r="C10041" s="2">
        <v>218.6</v>
      </c>
      <c r="D10041" s="2">
        <v>0.2</v>
      </c>
      <c r="E10041" s="2">
        <v>418.3999999999848</v>
      </c>
    </row>
    <row r="10042" spans="1:5" x14ac:dyDescent="0.25">
      <c r="A10042" s="3">
        <v>41856.059490740743</v>
      </c>
      <c r="B10042" s="2">
        <v>24.6</v>
      </c>
      <c r="C10042" s="2">
        <v>218.8</v>
      </c>
      <c r="D10042" s="2">
        <v>0</v>
      </c>
      <c r="E10042" s="2">
        <v>418.3999999999848</v>
      </c>
    </row>
    <row r="10043" spans="1:5" x14ac:dyDescent="0.25">
      <c r="A10043" s="3">
        <v>41856.05978009259</v>
      </c>
      <c r="B10043" s="2">
        <v>24.6</v>
      </c>
      <c r="C10043" s="2">
        <v>218.8</v>
      </c>
      <c r="D10043" s="2">
        <v>0.2</v>
      </c>
      <c r="E10043" s="2">
        <v>418.59999999998479</v>
      </c>
    </row>
    <row r="10044" spans="1:5" x14ac:dyDescent="0.25">
      <c r="A10044" s="3">
        <v>41856.060532407406</v>
      </c>
      <c r="B10044" s="2">
        <v>24.6</v>
      </c>
      <c r="C10044" s="2">
        <v>219</v>
      </c>
      <c r="D10044" s="2">
        <v>0</v>
      </c>
      <c r="E10044" s="2">
        <v>418.59999999998479</v>
      </c>
    </row>
    <row r="10045" spans="1:5" x14ac:dyDescent="0.25">
      <c r="A10045" s="3">
        <v>41856.060995370368</v>
      </c>
      <c r="B10045" s="2">
        <v>24.6</v>
      </c>
      <c r="C10045" s="2">
        <v>219</v>
      </c>
      <c r="D10045" s="2">
        <v>0.2</v>
      </c>
      <c r="E10045" s="2">
        <v>418.79999999998478</v>
      </c>
    </row>
    <row r="10046" spans="1:5" x14ac:dyDescent="0.25">
      <c r="A10046" s="3">
        <v>41856.061747685184</v>
      </c>
      <c r="B10046" s="2">
        <v>24.6</v>
      </c>
      <c r="C10046" s="2">
        <v>219.2</v>
      </c>
      <c r="D10046" s="2">
        <v>0</v>
      </c>
      <c r="E10046" s="2">
        <v>418.79999999998478</v>
      </c>
    </row>
    <row r="10047" spans="1:5" x14ac:dyDescent="0.25">
      <c r="A10047" s="3">
        <v>41856.062384259261</v>
      </c>
      <c r="B10047" s="2">
        <v>24.5</v>
      </c>
      <c r="C10047" s="2">
        <v>219.2</v>
      </c>
      <c r="D10047" s="2">
        <v>0.2</v>
      </c>
      <c r="E10047" s="2">
        <v>418.99999999998477</v>
      </c>
    </row>
    <row r="10048" spans="1:5" x14ac:dyDescent="0.25">
      <c r="A10048" s="3">
        <v>41856.063368055555</v>
      </c>
      <c r="B10048" s="2">
        <v>24.5</v>
      </c>
      <c r="C10048" s="2">
        <v>219.4</v>
      </c>
      <c r="D10048" s="2">
        <v>0</v>
      </c>
      <c r="E10048" s="2">
        <v>418.99999999998477</v>
      </c>
    </row>
    <row r="10049" spans="1:5" x14ac:dyDescent="0.25">
      <c r="A10049" s="3">
        <v>41856.063773148147</v>
      </c>
      <c r="B10049" s="2">
        <v>24.5</v>
      </c>
      <c r="C10049" s="2">
        <v>219.4</v>
      </c>
      <c r="D10049" s="2">
        <v>0.2</v>
      </c>
      <c r="E10049" s="2">
        <v>419.19999999998475</v>
      </c>
    </row>
    <row r="10050" spans="1:5" x14ac:dyDescent="0.25">
      <c r="A10050" s="3">
        <v>41856.064814814818</v>
      </c>
      <c r="B10050" s="2">
        <v>24.5</v>
      </c>
      <c r="C10050" s="2">
        <v>219.6</v>
      </c>
      <c r="D10050" s="2">
        <v>0</v>
      </c>
      <c r="E10050" s="2">
        <v>419.19999999998475</v>
      </c>
    </row>
    <row r="10051" spans="1:5" x14ac:dyDescent="0.25">
      <c r="A10051" s="3">
        <v>41856.065046296295</v>
      </c>
      <c r="B10051" s="2">
        <v>24.5</v>
      </c>
      <c r="C10051" s="2">
        <v>219.6</v>
      </c>
      <c r="D10051" s="2">
        <v>0.2</v>
      </c>
      <c r="E10051" s="2">
        <v>419.39999999998474</v>
      </c>
    </row>
    <row r="10052" spans="1:5" x14ac:dyDescent="0.25">
      <c r="A10052" s="3">
        <v>41856.066666666666</v>
      </c>
      <c r="B10052" s="2">
        <v>24.4</v>
      </c>
      <c r="C10052" s="2">
        <v>219.8</v>
      </c>
      <c r="D10052" s="2">
        <v>0</v>
      </c>
      <c r="E10052" s="2">
        <v>419.39999999998474</v>
      </c>
    </row>
    <row r="10053" spans="1:5" x14ac:dyDescent="0.25">
      <c r="A10053" s="3">
        <v>41856.06689814815</v>
      </c>
      <c r="B10053" s="2">
        <v>24.4</v>
      </c>
      <c r="C10053" s="2">
        <v>219.8</v>
      </c>
      <c r="D10053" s="2">
        <v>0.2</v>
      </c>
      <c r="E10053" s="2">
        <v>419.59999999998473</v>
      </c>
    </row>
    <row r="10054" spans="1:5" x14ac:dyDescent="0.25">
      <c r="A10054" s="3">
        <v>41856.074479166666</v>
      </c>
      <c r="B10054" s="2">
        <v>24.3</v>
      </c>
      <c r="C10054" s="2">
        <v>219.8</v>
      </c>
      <c r="D10054" s="2">
        <v>0.2</v>
      </c>
      <c r="E10054" s="2">
        <v>419.79999999998472</v>
      </c>
    </row>
    <row r="10055" spans="1:5" x14ac:dyDescent="0.25">
      <c r="A10055" s="3">
        <v>41856.075231481482</v>
      </c>
      <c r="B10055" s="2">
        <v>24.3</v>
      </c>
      <c r="C10055" s="2">
        <v>220</v>
      </c>
      <c r="D10055" s="2">
        <v>0</v>
      </c>
      <c r="E10055" s="2">
        <v>419.79999999998472</v>
      </c>
    </row>
    <row r="10056" spans="1:5" x14ac:dyDescent="0.25">
      <c r="A10056" s="3">
        <v>41856.081076388888</v>
      </c>
      <c r="B10056" s="2">
        <v>24.1</v>
      </c>
      <c r="C10056" s="2">
        <v>220.2</v>
      </c>
      <c r="D10056" s="2">
        <v>0</v>
      </c>
      <c r="E10056" s="2">
        <v>419.79999999998472</v>
      </c>
    </row>
    <row r="10057" spans="1:5" x14ac:dyDescent="0.25">
      <c r="A10057" s="3">
        <v>41856.081944444442</v>
      </c>
      <c r="B10057" s="2">
        <v>24.1</v>
      </c>
      <c r="C10057" s="2">
        <v>220.2</v>
      </c>
      <c r="D10057" s="2">
        <v>0.2</v>
      </c>
      <c r="E10057" s="2">
        <v>419.99999999998471</v>
      </c>
    </row>
    <row r="10058" spans="1:5" x14ac:dyDescent="0.25">
      <c r="A10058" s="3">
        <v>41856.084548611114</v>
      </c>
      <c r="B10058" s="2">
        <v>24</v>
      </c>
      <c r="C10058" s="2">
        <v>220.2</v>
      </c>
      <c r="D10058" s="2">
        <v>0.2</v>
      </c>
      <c r="E10058" s="2">
        <v>420.1999999999847</v>
      </c>
    </row>
    <row r="10059" spans="1:5" x14ac:dyDescent="0.25">
      <c r="A10059" s="3">
        <v>41856.084837962961</v>
      </c>
      <c r="B10059" s="2">
        <v>24</v>
      </c>
      <c r="C10059" s="2">
        <v>220.4</v>
      </c>
      <c r="D10059" s="2">
        <v>0</v>
      </c>
      <c r="E10059" s="2">
        <v>420.1999999999847</v>
      </c>
    </row>
    <row r="10060" spans="1:5" x14ac:dyDescent="0.25">
      <c r="A10060" s="3">
        <v>41856.085879629631</v>
      </c>
      <c r="B10060" s="2">
        <v>24</v>
      </c>
      <c r="C10060" s="2">
        <v>220.4</v>
      </c>
      <c r="D10060" s="2">
        <v>0.2</v>
      </c>
      <c r="E10060" s="2">
        <v>420.39999999998469</v>
      </c>
    </row>
    <row r="10061" spans="1:5" x14ac:dyDescent="0.25">
      <c r="A10061" s="3">
        <v>41856.086168981485</v>
      </c>
      <c r="B10061" s="2">
        <v>24</v>
      </c>
      <c r="C10061" s="2">
        <v>220.6</v>
      </c>
      <c r="D10061" s="2">
        <v>0</v>
      </c>
      <c r="E10061" s="2">
        <v>420.39999999998469</v>
      </c>
    </row>
    <row r="10062" spans="1:5" x14ac:dyDescent="0.25">
      <c r="A10062" s="3">
        <v>41856.086921296293</v>
      </c>
      <c r="B10062" s="2">
        <v>23.9</v>
      </c>
      <c r="C10062" s="2">
        <v>220.6</v>
      </c>
      <c r="D10062" s="2">
        <v>0.2</v>
      </c>
      <c r="E10062" s="2">
        <v>420.59999999998468</v>
      </c>
    </row>
    <row r="10063" spans="1:5" x14ac:dyDescent="0.25">
      <c r="A10063" s="3">
        <v>41856.087210648147</v>
      </c>
      <c r="B10063" s="2">
        <v>23.9</v>
      </c>
      <c r="C10063" s="2">
        <v>220.8</v>
      </c>
      <c r="D10063" s="2">
        <v>0</v>
      </c>
      <c r="E10063" s="2">
        <v>420.59999999998468</v>
      </c>
    </row>
    <row r="10064" spans="1:5" x14ac:dyDescent="0.25">
      <c r="A10064" s="3">
        <v>41856.08761574074</v>
      </c>
      <c r="B10064" s="2">
        <v>23.9</v>
      </c>
      <c r="C10064" s="2">
        <v>220.8</v>
      </c>
      <c r="D10064" s="2">
        <v>0.2</v>
      </c>
      <c r="E10064" s="2">
        <v>420.79999999998466</v>
      </c>
    </row>
    <row r="10065" spans="1:5" x14ac:dyDescent="0.25">
      <c r="A10065" s="3">
        <v>41856.087847222225</v>
      </c>
      <c r="B10065" s="2">
        <v>23.8</v>
      </c>
      <c r="C10065" s="2">
        <v>221</v>
      </c>
      <c r="D10065" s="2">
        <v>0</v>
      </c>
      <c r="E10065" s="2">
        <v>420.79999999998466</v>
      </c>
    </row>
    <row r="10066" spans="1:5" x14ac:dyDescent="0.25">
      <c r="A10066" s="3">
        <v>41856.087905092594</v>
      </c>
      <c r="B10066" s="2">
        <v>23.8</v>
      </c>
      <c r="C10066" s="2">
        <v>221</v>
      </c>
      <c r="D10066" s="2">
        <v>0.2</v>
      </c>
      <c r="E10066" s="2">
        <v>420.99999999998465</v>
      </c>
    </row>
    <row r="10067" spans="1:5" x14ac:dyDescent="0.25">
      <c r="A10067" s="3">
        <v>41856.088194444441</v>
      </c>
      <c r="B10067" s="2">
        <v>23.8</v>
      </c>
      <c r="C10067" s="2">
        <v>221.2</v>
      </c>
      <c r="D10067" s="2">
        <v>0.2</v>
      </c>
      <c r="E10067" s="2">
        <v>421.19999999998464</v>
      </c>
    </row>
    <row r="10068" spans="1:5" x14ac:dyDescent="0.25">
      <c r="A10068" s="3">
        <v>41856.088773148149</v>
      </c>
      <c r="B10068" s="2">
        <v>23.8</v>
      </c>
      <c r="C10068" s="2">
        <v>221.2</v>
      </c>
      <c r="D10068" s="2">
        <v>0.2</v>
      </c>
      <c r="E10068" s="2">
        <v>421.39999999998463</v>
      </c>
    </row>
    <row r="10069" spans="1:5" x14ac:dyDescent="0.25">
      <c r="A10069" s="3">
        <v>41856.088946759257</v>
      </c>
      <c r="B10069" s="2">
        <v>23.8</v>
      </c>
      <c r="C10069" s="2">
        <v>221.4</v>
      </c>
      <c r="D10069" s="2">
        <v>0</v>
      </c>
      <c r="E10069" s="2">
        <v>421.39999999998463</v>
      </c>
    </row>
    <row r="10070" spans="1:5" x14ac:dyDescent="0.25">
      <c r="A10070" s="3">
        <v>41856.089236111111</v>
      </c>
      <c r="B10070" s="2">
        <v>23.8</v>
      </c>
      <c r="C10070" s="2">
        <v>221.4</v>
      </c>
      <c r="D10070" s="2">
        <v>0.2</v>
      </c>
      <c r="E10070" s="2">
        <v>421.59999999998462</v>
      </c>
    </row>
    <row r="10071" spans="1:5" x14ac:dyDescent="0.25">
      <c r="A10071" s="3">
        <v>41856.089409722219</v>
      </c>
      <c r="B10071" s="2">
        <v>23.8</v>
      </c>
      <c r="C10071" s="2">
        <v>221.6</v>
      </c>
      <c r="D10071" s="2">
        <v>0</v>
      </c>
      <c r="E10071" s="2">
        <v>421.59999999998462</v>
      </c>
    </row>
    <row r="10072" spans="1:5" x14ac:dyDescent="0.25">
      <c r="A10072" s="3">
        <v>41856.089525462965</v>
      </c>
      <c r="B10072" s="2">
        <v>23.8</v>
      </c>
      <c r="C10072" s="2">
        <v>221.6</v>
      </c>
      <c r="D10072" s="2">
        <v>0.2</v>
      </c>
      <c r="E10072" s="2">
        <v>421.79999999998461</v>
      </c>
    </row>
    <row r="10073" spans="1:5" x14ac:dyDescent="0.25">
      <c r="A10073" s="3">
        <v>41856.089641203704</v>
      </c>
      <c r="B10073" s="2">
        <v>23.8</v>
      </c>
      <c r="C10073" s="2">
        <v>221.8</v>
      </c>
      <c r="D10073" s="2">
        <v>0</v>
      </c>
      <c r="E10073" s="2">
        <v>421.79999999998461</v>
      </c>
    </row>
    <row r="10074" spans="1:5" x14ac:dyDescent="0.25">
      <c r="A10074" s="3">
        <v>41856.089699074073</v>
      </c>
      <c r="B10074" s="2">
        <v>23.7</v>
      </c>
      <c r="C10074" s="2">
        <v>221.8</v>
      </c>
      <c r="D10074" s="2">
        <v>0.2</v>
      </c>
      <c r="E10074" s="2">
        <v>421.9999999999846</v>
      </c>
    </row>
    <row r="10075" spans="1:5" x14ac:dyDescent="0.25">
      <c r="A10075" s="3">
        <v>41856.089930555558</v>
      </c>
      <c r="B10075" s="2">
        <v>23.7</v>
      </c>
      <c r="C10075" s="2">
        <v>222</v>
      </c>
      <c r="D10075" s="2">
        <v>0.2</v>
      </c>
      <c r="E10075" s="2">
        <v>422.19999999998458</v>
      </c>
    </row>
    <row r="10076" spans="1:5" x14ac:dyDescent="0.25">
      <c r="A10076" s="3">
        <v>41856.090104166666</v>
      </c>
      <c r="B10076" s="2">
        <v>23.8</v>
      </c>
      <c r="C10076" s="2">
        <v>222</v>
      </c>
      <c r="D10076" s="2">
        <v>0.2</v>
      </c>
      <c r="E10076" s="2">
        <v>422.39999999998457</v>
      </c>
    </row>
    <row r="10077" spans="1:5" x14ac:dyDescent="0.25">
      <c r="A10077" s="3">
        <v>41856.090219907404</v>
      </c>
      <c r="B10077" s="2">
        <v>23.8</v>
      </c>
      <c r="C10077" s="2">
        <v>222.2</v>
      </c>
      <c r="D10077" s="2">
        <v>0</v>
      </c>
      <c r="E10077" s="2">
        <v>422.39999999998457</v>
      </c>
    </row>
    <row r="10078" spans="1:5" x14ac:dyDescent="0.25">
      <c r="A10078" s="3">
        <v>41856.090277777781</v>
      </c>
      <c r="B10078" s="2">
        <v>23.8</v>
      </c>
      <c r="C10078" s="2">
        <v>222.2</v>
      </c>
      <c r="D10078" s="2">
        <v>0.2</v>
      </c>
      <c r="E10078" s="2">
        <v>422.59999999998456</v>
      </c>
    </row>
    <row r="10079" spans="1:5" x14ac:dyDescent="0.25">
      <c r="A10079" s="3">
        <v>41856.090451388889</v>
      </c>
      <c r="B10079" s="2">
        <v>23.8</v>
      </c>
      <c r="C10079" s="2">
        <v>222.2</v>
      </c>
      <c r="D10079" s="2">
        <v>0.2</v>
      </c>
      <c r="E10079" s="2">
        <v>422.79999999998455</v>
      </c>
    </row>
    <row r="10080" spans="1:5" x14ac:dyDescent="0.25">
      <c r="A10080" s="3">
        <v>41856.090509259258</v>
      </c>
      <c r="B10080" s="2">
        <v>23.8</v>
      </c>
      <c r="C10080" s="2">
        <v>222.4</v>
      </c>
      <c r="D10080" s="2">
        <v>0</v>
      </c>
      <c r="E10080" s="2">
        <v>422.79999999998455</v>
      </c>
    </row>
    <row r="10081" spans="1:5" x14ac:dyDescent="0.25">
      <c r="A10081" s="3">
        <v>41856.090682870374</v>
      </c>
      <c r="B10081" s="2">
        <v>23.7</v>
      </c>
      <c r="C10081" s="2">
        <v>222.4</v>
      </c>
      <c r="D10081" s="2">
        <v>0.2</v>
      </c>
      <c r="E10081" s="2">
        <v>422.99999999998454</v>
      </c>
    </row>
    <row r="10082" spans="1:5" x14ac:dyDescent="0.25">
      <c r="A10082" s="3">
        <v>41856.090740740743</v>
      </c>
      <c r="B10082" s="2">
        <v>23.7</v>
      </c>
      <c r="C10082" s="2">
        <v>222.6</v>
      </c>
      <c r="D10082" s="2">
        <v>0</v>
      </c>
      <c r="E10082" s="2">
        <v>422.99999999998454</v>
      </c>
    </row>
    <row r="10083" spans="1:5" x14ac:dyDescent="0.25">
      <c r="A10083" s="3">
        <v>41856.09097222222</v>
      </c>
      <c r="B10083" s="2">
        <v>23.6</v>
      </c>
      <c r="C10083" s="2">
        <v>222.8</v>
      </c>
      <c r="D10083" s="2">
        <v>0.2</v>
      </c>
      <c r="E10083" s="2">
        <v>423.19999999998453</v>
      </c>
    </row>
    <row r="10084" spans="1:5" x14ac:dyDescent="0.25">
      <c r="A10084" s="3">
        <v>41856.091435185182</v>
      </c>
      <c r="B10084" s="2">
        <v>23.6</v>
      </c>
      <c r="C10084" s="2">
        <v>222.8</v>
      </c>
      <c r="D10084" s="2">
        <v>0.2</v>
      </c>
      <c r="E10084" s="2">
        <v>423.39999999998452</v>
      </c>
    </row>
    <row r="10085" spans="1:5" x14ac:dyDescent="0.25">
      <c r="A10085" s="3">
        <v>41856.091493055559</v>
      </c>
      <c r="B10085" s="2">
        <v>23.6</v>
      </c>
      <c r="C10085" s="2">
        <v>223</v>
      </c>
      <c r="D10085" s="2">
        <v>0</v>
      </c>
      <c r="E10085" s="2">
        <v>423.39999999998452</v>
      </c>
    </row>
    <row r="10086" spans="1:5" x14ac:dyDescent="0.25">
      <c r="A10086" s="3">
        <v>41856.09207175926</v>
      </c>
      <c r="B10086" s="2">
        <v>23.6</v>
      </c>
      <c r="C10086" s="2">
        <v>223.2</v>
      </c>
      <c r="D10086" s="2">
        <v>0</v>
      </c>
      <c r="E10086" s="2">
        <v>423.39999999998452</v>
      </c>
    </row>
    <row r="10087" spans="1:5" x14ac:dyDescent="0.25">
      <c r="A10087" s="3">
        <v>41856.092129629629</v>
      </c>
      <c r="B10087" s="2">
        <v>23.6</v>
      </c>
      <c r="C10087" s="2">
        <v>223.2</v>
      </c>
      <c r="D10087" s="2">
        <v>0.2</v>
      </c>
      <c r="E10087" s="2">
        <v>423.5999999999845</v>
      </c>
    </row>
    <row r="10088" spans="1:5" x14ac:dyDescent="0.25">
      <c r="A10088" s="3">
        <v>41856.093171296299</v>
      </c>
      <c r="B10088" s="2">
        <v>23.6</v>
      </c>
      <c r="C10088" s="2">
        <v>223.4</v>
      </c>
      <c r="D10088" s="2">
        <v>0</v>
      </c>
      <c r="E10088" s="2">
        <v>423.5999999999845</v>
      </c>
    </row>
    <row r="10089" spans="1:5" x14ac:dyDescent="0.25">
      <c r="A10089" s="3">
        <v>41856.093287037038</v>
      </c>
      <c r="B10089" s="2">
        <v>23.6</v>
      </c>
      <c r="C10089" s="2">
        <v>223.4</v>
      </c>
      <c r="D10089" s="2">
        <v>0.2</v>
      </c>
      <c r="E10089" s="2">
        <v>423.79999999998449</v>
      </c>
    </row>
    <row r="10090" spans="1:5" x14ac:dyDescent="0.25">
      <c r="A10090" s="3">
        <v>41856.094328703701</v>
      </c>
      <c r="B10090" s="2">
        <v>23.6</v>
      </c>
      <c r="C10090" s="2">
        <v>223.6</v>
      </c>
      <c r="D10090" s="2">
        <v>0.2</v>
      </c>
      <c r="E10090" s="2">
        <v>423.99999999998448</v>
      </c>
    </row>
    <row r="10091" spans="1:5" x14ac:dyDescent="0.25">
      <c r="A10091" s="3">
        <v>41856.095312500001</v>
      </c>
      <c r="B10091" s="2">
        <v>23.5</v>
      </c>
      <c r="C10091" s="2">
        <v>223.6</v>
      </c>
      <c r="D10091" s="2">
        <v>0.2</v>
      </c>
      <c r="E10091" s="2">
        <v>424.19999999998447</v>
      </c>
    </row>
    <row r="10092" spans="1:5" x14ac:dyDescent="0.25">
      <c r="A10092" s="3">
        <v>41856.095370370371</v>
      </c>
      <c r="B10092" s="2">
        <v>23.5</v>
      </c>
      <c r="C10092" s="2">
        <v>223.8</v>
      </c>
      <c r="D10092" s="2">
        <v>0</v>
      </c>
      <c r="E10092" s="2">
        <v>424.19999999998447</v>
      </c>
    </row>
    <row r="10093" spans="1:5" x14ac:dyDescent="0.25">
      <c r="A10093" s="3">
        <v>41856.095775462964</v>
      </c>
      <c r="B10093" s="2">
        <v>23.5</v>
      </c>
      <c r="C10093" s="2">
        <v>223.8</v>
      </c>
      <c r="D10093" s="2">
        <v>0.2</v>
      </c>
      <c r="E10093" s="2">
        <v>424.39999999998446</v>
      </c>
    </row>
    <row r="10094" spans="1:5" x14ac:dyDescent="0.25">
      <c r="A10094" s="3">
        <v>41856.096180555556</v>
      </c>
      <c r="B10094" s="2">
        <v>23.4</v>
      </c>
      <c r="C10094" s="2">
        <v>224</v>
      </c>
      <c r="D10094" s="2">
        <v>0</v>
      </c>
      <c r="E10094" s="2">
        <v>424.39999999998446</v>
      </c>
    </row>
    <row r="10095" spans="1:5" x14ac:dyDescent="0.25">
      <c r="A10095" s="3">
        <v>41856.09646990741</v>
      </c>
      <c r="B10095" s="2">
        <v>23.5</v>
      </c>
      <c r="C10095" s="2">
        <v>224</v>
      </c>
      <c r="D10095" s="2">
        <v>0.2</v>
      </c>
      <c r="E10095" s="2">
        <v>424.59999999998445</v>
      </c>
    </row>
    <row r="10096" spans="1:5" x14ac:dyDescent="0.25">
      <c r="A10096" s="3">
        <v>41856.096990740742</v>
      </c>
      <c r="B10096" s="2">
        <v>23.4</v>
      </c>
      <c r="C10096" s="2">
        <v>224.2</v>
      </c>
      <c r="D10096" s="2">
        <v>0</v>
      </c>
      <c r="E10096" s="2">
        <v>424.59999999998445</v>
      </c>
    </row>
    <row r="10097" spans="1:5" x14ac:dyDescent="0.25">
      <c r="A10097" s="3">
        <v>41856.097453703704</v>
      </c>
      <c r="B10097" s="2">
        <v>23.3</v>
      </c>
      <c r="C10097" s="2">
        <v>224.2</v>
      </c>
      <c r="D10097" s="2">
        <v>0.2</v>
      </c>
      <c r="E10097" s="2">
        <v>424.79999999998444</v>
      </c>
    </row>
    <row r="10098" spans="1:5" x14ac:dyDescent="0.25">
      <c r="A10098" s="3">
        <v>41856.097858796296</v>
      </c>
      <c r="B10098" s="2">
        <v>23.3</v>
      </c>
      <c r="C10098" s="2">
        <v>224.4</v>
      </c>
      <c r="D10098" s="2">
        <v>0.2</v>
      </c>
      <c r="E10098" s="2">
        <v>424.99999999998442</v>
      </c>
    </row>
    <row r="10099" spans="1:5" x14ac:dyDescent="0.25">
      <c r="A10099" s="3">
        <v>41856.09814814815</v>
      </c>
      <c r="B10099" s="2">
        <v>23.3</v>
      </c>
      <c r="C10099" s="2">
        <v>224.4</v>
      </c>
      <c r="D10099" s="2">
        <v>0.2</v>
      </c>
      <c r="E10099" s="2">
        <v>425.19999999998441</v>
      </c>
    </row>
    <row r="10100" spans="1:5" x14ac:dyDescent="0.25">
      <c r="A10100" s="3">
        <v>41856.09820601852</v>
      </c>
      <c r="B10100" s="2">
        <v>23.3</v>
      </c>
      <c r="C10100" s="2">
        <v>224.4</v>
      </c>
      <c r="D10100" s="2">
        <v>0.2</v>
      </c>
      <c r="E10100" s="2">
        <v>425.3999999999844</v>
      </c>
    </row>
    <row r="10101" spans="1:5" x14ac:dyDescent="0.25">
      <c r="A10101" s="3">
        <v>41856.098263888889</v>
      </c>
      <c r="B10101" s="2">
        <v>23.3</v>
      </c>
      <c r="C10101" s="2">
        <v>224.6</v>
      </c>
      <c r="D10101" s="2">
        <v>0</v>
      </c>
      <c r="E10101" s="2">
        <v>425.3999999999844</v>
      </c>
    </row>
    <row r="10102" spans="1:5" x14ac:dyDescent="0.25">
      <c r="A10102" s="3">
        <v>41856.098321759258</v>
      </c>
      <c r="B10102" s="2">
        <v>23.3</v>
      </c>
      <c r="C10102" s="2">
        <v>224.6</v>
      </c>
      <c r="D10102" s="2">
        <v>0.2</v>
      </c>
      <c r="E10102" s="2">
        <v>425.59999999998439</v>
      </c>
    </row>
    <row r="10103" spans="1:5" x14ac:dyDescent="0.25">
      <c r="A10103" s="3">
        <v>41856.098437499997</v>
      </c>
      <c r="B10103" s="2">
        <v>23.3</v>
      </c>
      <c r="C10103" s="2">
        <v>224.8</v>
      </c>
      <c r="D10103" s="2">
        <v>0.2</v>
      </c>
      <c r="E10103" s="2">
        <v>425.79999999998438</v>
      </c>
    </row>
    <row r="10104" spans="1:5" x14ac:dyDescent="0.25">
      <c r="A10104" s="3">
        <v>41856.098553240743</v>
      </c>
      <c r="B10104" s="2">
        <v>23.3</v>
      </c>
      <c r="C10104" s="2">
        <v>224.8</v>
      </c>
      <c r="D10104" s="2">
        <v>0.2</v>
      </c>
      <c r="E10104" s="2">
        <v>425.99999999998437</v>
      </c>
    </row>
    <row r="10105" spans="1:5" x14ac:dyDescent="0.25">
      <c r="A10105" s="3">
        <v>41856.098668981482</v>
      </c>
      <c r="B10105" s="2">
        <v>23.3</v>
      </c>
      <c r="C10105" s="2">
        <v>225</v>
      </c>
      <c r="D10105" s="2">
        <v>0</v>
      </c>
      <c r="E10105" s="2">
        <v>425.99999999998437</v>
      </c>
    </row>
    <row r="10106" spans="1:5" x14ac:dyDescent="0.25">
      <c r="A10106" s="3">
        <v>41856.098726851851</v>
      </c>
      <c r="B10106" s="2">
        <v>23.3</v>
      </c>
      <c r="C10106" s="2">
        <v>225</v>
      </c>
      <c r="D10106" s="2">
        <v>0.2</v>
      </c>
      <c r="E10106" s="2">
        <v>426.19999999998436</v>
      </c>
    </row>
    <row r="10107" spans="1:5" x14ac:dyDescent="0.25">
      <c r="A10107" s="3">
        <v>41856.09878472222</v>
      </c>
      <c r="B10107" s="2">
        <v>23.3</v>
      </c>
      <c r="C10107" s="2">
        <v>225.2</v>
      </c>
      <c r="D10107" s="2">
        <v>0</v>
      </c>
      <c r="E10107" s="2">
        <v>426.19999999998436</v>
      </c>
    </row>
    <row r="10108" spans="1:5" x14ac:dyDescent="0.25">
      <c r="A10108" s="3">
        <v>41856.098900462966</v>
      </c>
      <c r="B10108" s="2">
        <v>23.3</v>
      </c>
      <c r="C10108" s="2">
        <v>225.4</v>
      </c>
      <c r="D10108" s="2">
        <v>0</v>
      </c>
      <c r="E10108" s="2">
        <v>426.19999999998436</v>
      </c>
    </row>
    <row r="10109" spans="1:5" x14ac:dyDescent="0.25">
      <c r="A10109" s="3">
        <v>41856.098958333336</v>
      </c>
      <c r="B10109" s="2">
        <v>23.3</v>
      </c>
      <c r="C10109" s="2">
        <v>225.4</v>
      </c>
      <c r="D10109" s="2">
        <v>0.2</v>
      </c>
      <c r="E10109" s="2">
        <v>426.39999999998435</v>
      </c>
    </row>
    <row r="10110" spans="1:5" x14ac:dyDescent="0.25">
      <c r="A10110" s="3">
        <v>41856.099074074074</v>
      </c>
      <c r="B10110" s="2">
        <v>23.2</v>
      </c>
      <c r="C10110" s="2">
        <v>225.4</v>
      </c>
      <c r="D10110" s="2">
        <v>0.2</v>
      </c>
      <c r="E10110" s="2">
        <v>426.59999999998433</v>
      </c>
    </row>
    <row r="10111" spans="1:5" x14ac:dyDescent="0.25">
      <c r="A10111" s="3">
        <v>41856.099247685182</v>
      </c>
      <c r="B10111" s="2">
        <v>23.2</v>
      </c>
      <c r="C10111" s="2">
        <v>225.6</v>
      </c>
      <c r="D10111" s="2">
        <v>0.2</v>
      </c>
      <c r="E10111" s="2">
        <v>426.79999999998432</v>
      </c>
    </row>
    <row r="10112" spans="1:5" x14ac:dyDescent="0.25">
      <c r="A10112" s="3">
        <v>41856.099363425928</v>
      </c>
      <c r="B10112" s="2">
        <v>23.2</v>
      </c>
      <c r="C10112" s="2">
        <v>225.8</v>
      </c>
      <c r="D10112" s="2">
        <v>0.2</v>
      </c>
      <c r="E10112" s="2">
        <v>426.99999999998431</v>
      </c>
    </row>
    <row r="10113" spans="1:5" x14ac:dyDescent="0.25">
      <c r="A10113" s="3">
        <v>41856.099421296298</v>
      </c>
      <c r="B10113" s="2">
        <v>23.2</v>
      </c>
      <c r="C10113" s="2">
        <v>225.8</v>
      </c>
      <c r="D10113" s="2">
        <v>0.2</v>
      </c>
      <c r="E10113" s="2">
        <v>427.1999999999843</v>
      </c>
    </row>
    <row r="10114" spans="1:5" x14ac:dyDescent="0.25">
      <c r="A10114" s="3">
        <v>41856.099479166667</v>
      </c>
      <c r="B10114" s="2">
        <v>23.1</v>
      </c>
      <c r="C10114" s="2">
        <v>226</v>
      </c>
      <c r="D10114" s="2">
        <v>0</v>
      </c>
      <c r="E10114" s="2">
        <v>427.1999999999843</v>
      </c>
    </row>
    <row r="10115" spans="1:5" x14ac:dyDescent="0.25">
      <c r="A10115" s="3">
        <v>41856.099537037036</v>
      </c>
      <c r="B10115" s="2">
        <v>23.1</v>
      </c>
      <c r="C10115" s="2">
        <v>226</v>
      </c>
      <c r="D10115" s="2">
        <v>0.2</v>
      </c>
      <c r="E10115" s="2">
        <v>427.39999999998429</v>
      </c>
    </row>
    <row r="10116" spans="1:5" x14ac:dyDescent="0.25">
      <c r="A10116" s="3">
        <v>41856.099594907406</v>
      </c>
      <c r="B10116" s="2">
        <v>23.1</v>
      </c>
      <c r="C10116" s="2">
        <v>226.2</v>
      </c>
      <c r="D10116" s="2">
        <v>0</v>
      </c>
      <c r="E10116" s="2">
        <v>427.39999999998429</v>
      </c>
    </row>
    <row r="10117" spans="1:5" x14ac:dyDescent="0.25">
      <c r="A10117" s="3">
        <v>41856.099652777775</v>
      </c>
      <c r="B10117" s="2">
        <v>23.1</v>
      </c>
      <c r="C10117" s="2">
        <v>226.2</v>
      </c>
      <c r="D10117" s="2">
        <v>0.2</v>
      </c>
      <c r="E10117" s="2">
        <v>427.59999999998428</v>
      </c>
    </row>
    <row r="10118" spans="1:5" x14ac:dyDescent="0.25">
      <c r="A10118" s="3">
        <v>41856.099710648145</v>
      </c>
      <c r="B10118" s="2">
        <v>23.1</v>
      </c>
      <c r="C10118" s="2">
        <v>226.2</v>
      </c>
      <c r="D10118" s="2">
        <v>0.2</v>
      </c>
      <c r="E10118" s="2">
        <v>427.79999999998427</v>
      </c>
    </row>
    <row r="10119" spans="1:5" x14ac:dyDescent="0.25">
      <c r="A10119" s="3">
        <v>41856.099768518521</v>
      </c>
      <c r="B10119" s="2">
        <v>23.1</v>
      </c>
      <c r="C10119" s="2">
        <v>226.4</v>
      </c>
      <c r="D10119" s="2">
        <v>0</v>
      </c>
      <c r="E10119" s="2">
        <v>427.79999999998427</v>
      </c>
    </row>
    <row r="10120" spans="1:5" x14ac:dyDescent="0.25">
      <c r="A10120" s="3">
        <v>41856.099826388891</v>
      </c>
      <c r="B10120" s="2">
        <v>23</v>
      </c>
      <c r="C10120" s="2">
        <v>226.4</v>
      </c>
      <c r="D10120" s="2">
        <v>0.2</v>
      </c>
      <c r="E10120" s="2">
        <v>427.99999999998425</v>
      </c>
    </row>
    <row r="10121" spans="1:5" x14ac:dyDescent="0.25">
      <c r="A10121" s="3">
        <v>41856.09988425926</v>
      </c>
      <c r="B10121" s="2">
        <v>23.1</v>
      </c>
      <c r="C10121" s="2">
        <v>226.6</v>
      </c>
      <c r="D10121" s="2">
        <v>0</v>
      </c>
      <c r="E10121" s="2">
        <v>427.99999999998425</v>
      </c>
    </row>
    <row r="10122" spans="1:5" x14ac:dyDescent="0.25">
      <c r="A10122" s="3">
        <v>41856.099942129629</v>
      </c>
      <c r="B10122" s="2">
        <v>23.1</v>
      </c>
      <c r="C10122" s="2">
        <v>226.8</v>
      </c>
      <c r="D10122" s="2">
        <v>0.2</v>
      </c>
      <c r="E10122" s="2">
        <v>428.19999999998424</v>
      </c>
    </row>
    <row r="10123" spans="1:5" x14ac:dyDescent="0.25">
      <c r="A10123" s="3">
        <v>41856.100057870368</v>
      </c>
      <c r="B10123" s="2">
        <v>23.1</v>
      </c>
      <c r="C10123" s="2">
        <v>227</v>
      </c>
      <c r="D10123" s="2">
        <v>0.2</v>
      </c>
      <c r="E10123" s="2">
        <v>428.39999999998423</v>
      </c>
    </row>
    <row r="10124" spans="1:5" x14ac:dyDescent="0.25">
      <c r="A10124" s="3">
        <v>41856.100115740737</v>
      </c>
      <c r="B10124" s="2">
        <v>23.1</v>
      </c>
      <c r="C10124" s="2">
        <v>227.2</v>
      </c>
      <c r="D10124" s="2">
        <v>0</v>
      </c>
      <c r="E10124" s="2">
        <v>428.39999999998423</v>
      </c>
    </row>
    <row r="10125" spans="1:5" x14ac:dyDescent="0.25">
      <c r="A10125" s="3">
        <v>41856.100173611114</v>
      </c>
      <c r="B10125" s="2">
        <v>23.1</v>
      </c>
      <c r="C10125" s="2">
        <v>227.4</v>
      </c>
      <c r="D10125" s="2">
        <v>0.2</v>
      </c>
      <c r="E10125" s="2">
        <v>428.59999999998422</v>
      </c>
    </row>
    <row r="10126" spans="1:5" x14ac:dyDescent="0.25">
      <c r="A10126" s="3">
        <v>41856.100289351853</v>
      </c>
      <c r="B10126" s="2">
        <v>23.1</v>
      </c>
      <c r="C10126" s="2">
        <v>227.6</v>
      </c>
      <c r="D10126" s="2">
        <v>0.2</v>
      </c>
      <c r="E10126" s="2">
        <v>428.79999999998421</v>
      </c>
    </row>
    <row r="10127" spans="1:5" x14ac:dyDescent="0.25">
      <c r="A10127" s="3">
        <v>41856.100347222222</v>
      </c>
      <c r="B10127" s="2">
        <v>23</v>
      </c>
      <c r="C10127" s="2">
        <v>227.6</v>
      </c>
      <c r="D10127" s="2">
        <v>0.2</v>
      </c>
      <c r="E10127" s="2">
        <v>428.9999999999842</v>
      </c>
    </row>
    <row r="10128" spans="1:5" x14ac:dyDescent="0.25">
      <c r="A10128" s="3">
        <v>41856.100462962961</v>
      </c>
      <c r="B10128" s="2">
        <v>23</v>
      </c>
      <c r="C10128" s="2">
        <v>227.6</v>
      </c>
      <c r="D10128" s="2">
        <v>0.2</v>
      </c>
      <c r="E10128" s="2">
        <v>429.19999999998419</v>
      </c>
    </row>
    <row r="10129" spans="1:5" x14ac:dyDescent="0.25">
      <c r="A10129" s="3">
        <v>41856.100578703707</v>
      </c>
      <c r="B10129" s="2">
        <v>23</v>
      </c>
      <c r="C10129" s="2">
        <v>227.8</v>
      </c>
      <c r="D10129" s="2">
        <v>0.2</v>
      </c>
      <c r="E10129" s="2">
        <v>429.39999999998417</v>
      </c>
    </row>
    <row r="10130" spans="1:5" x14ac:dyDescent="0.25">
      <c r="A10130" s="3">
        <v>41856.100636574076</v>
      </c>
      <c r="B10130" s="2">
        <v>23</v>
      </c>
      <c r="C10130" s="2">
        <v>228</v>
      </c>
      <c r="D10130" s="2">
        <v>0</v>
      </c>
      <c r="E10130" s="2">
        <v>429.39999999998417</v>
      </c>
    </row>
    <row r="10131" spans="1:5" x14ac:dyDescent="0.25">
      <c r="A10131" s="3">
        <v>41856.100694444445</v>
      </c>
      <c r="B10131" s="2">
        <v>23</v>
      </c>
      <c r="C10131" s="2">
        <v>228</v>
      </c>
      <c r="D10131" s="2">
        <v>0.2</v>
      </c>
      <c r="E10131" s="2">
        <v>429.59999999998416</v>
      </c>
    </row>
    <row r="10132" spans="1:5" x14ac:dyDescent="0.25">
      <c r="A10132" s="3">
        <v>41856.100752314815</v>
      </c>
      <c r="B10132" s="2">
        <v>23</v>
      </c>
      <c r="C10132" s="2">
        <v>228.2</v>
      </c>
      <c r="D10132" s="2">
        <v>0</v>
      </c>
      <c r="E10132" s="2">
        <v>429.59999999998416</v>
      </c>
    </row>
    <row r="10133" spans="1:5" x14ac:dyDescent="0.25">
      <c r="A10133" s="3">
        <v>41856.100810185184</v>
      </c>
      <c r="B10133" s="2">
        <v>23</v>
      </c>
      <c r="C10133" s="2">
        <v>228.2</v>
      </c>
      <c r="D10133" s="2">
        <v>0.2</v>
      </c>
      <c r="E10133" s="2">
        <v>429.79999999998415</v>
      </c>
    </row>
    <row r="10134" spans="1:5" x14ac:dyDescent="0.25">
      <c r="A10134" s="3">
        <v>41856.100868055553</v>
      </c>
      <c r="B10134" s="2">
        <v>23</v>
      </c>
      <c r="C10134" s="2">
        <v>228.4</v>
      </c>
      <c r="D10134" s="2">
        <v>0</v>
      </c>
      <c r="E10134" s="2">
        <v>429.79999999998415</v>
      </c>
    </row>
    <row r="10135" spans="1:5" x14ac:dyDescent="0.25">
      <c r="A10135" s="3">
        <v>41856.100925925923</v>
      </c>
      <c r="B10135" s="2">
        <v>23</v>
      </c>
      <c r="C10135" s="2">
        <v>228.6</v>
      </c>
      <c r="D10135" s="2">
        <v>0.2</v>
      </c>
      <c r="E10135" s="2">
        <v>429.99999999998414</v>
      </c>
    </row>
    <row r="10136" spans="1:5" x14ac:dyDescent="0.25">
      <c r="A10136" s="3">
        <v>41856.101041666669</v>
      </c>
      <c r="B10136" s="2">
        <v>22.9</v>
      </c>
      <c r="C10136" s="2">
        <v>228.6</v>
      </c>
      <c r="D10136" s="2">
        <v>0.2</v>
      </c>
      <c r="E10136" s="2">
        <v>430.19999999998413</v>
      </c>
    </row>
    <row r="10137" spans="1:5" x14ac:dyDescent="0.25">
      <c r="A10137" s="3">
        <v>41856.101099537038</v>
      </c>
      <c r="B10137" s="2">
        <v>22.9</v>
      </c>
      <c r="C10137" s="2">
        <v>228.8</v>
      </c>
      <c r="D10137" s="2">
        <v>0.2</v>
      </c>
      <c r="E10137" s="2">
        <v>430.39999999998412</v>
      </c>
    </row>
    <row r="10138" spans="1:5" x14ac:dyDescent="0.25">
      <c r="A10138" s="3">
        <v>41856.101157407407</v>
      </c>
      <c r="B10138" s="2">
        <v>22.9</v>
      </c>
      <c r="C10138" s="2">
        <v>228.8</v>
      </c>
      <c r="D10138" s="2">
        <v>0.2</v>
      </c>
      <c r="E10138" s="2">
        <v>430.59999999998411</v>
      </c>
    </row>
    <row r="10139" spans="1:5" x14ac:dyDescent="0.25">
      <c r="A10139" s="3">
        <v>41856.101215277777</v>
      </c>
      <c r="B10139" s="2">
        <v>22.9</v>
      </c>
      <c r="C10139" s="2">
        <v>229</v>
      </c>
      <c r="D10139" s="2">
        <v>0</v>
      </c>
      <c r="E10139" s="2">
        <v>430.59999999998411</v>
      </c>
    </row>
    <row r="10140" spans="1:5" x14ac:dyDescent="0.25">
      <c r="A10140" s="3">
        <v>41856.101273148146</v>
      </c>
      <c r="B10140" s="2">
        <v>22.9</v>
      </c>
      <c r="C10140" s="2">
        <v>229.2</v>
      </c>
      <c r="D10140" s="2">
        <v>0.2</v>
      </c>
      <c r="E10140" s="2">
        <v>430.7999999999841</v>
      </c>
    </row>
    <row r="10141" spans="1:5" x14ac:dyDescent="0.25">
      <c r="A10141" s="3">
        <v>41856.101331018515</v>
      </c>
      <c r="B10141" s="2">
        <v>22.8</v>
      </c>
      <c r="C10141" s="2">
        <v>229.2</v>
      </c>
      <c r="D10141" s="2">
        <v>0.2</v>
      </c>
      <c r="E10141" s="2">
        <v>430.99999999998408</v>
      </c>
    </row>
    <row r="10142" spans="1:5" x14ac:dyDescent="0.25">
      <c r="A10142" s="3">
        <v>41856.101388888892</v>
      </c>
      <c r="B10142" s="2">
        <v>22.8</v>
      </c>
      <c r="C10142" s="2">
        <v>229.4</v>
      </c>
      <c r="D10142" s="2">
        <v>0</v>
      </c>
      <c r="E10142" s="2">
        <v>430.99999999998408</v>
      </c>
    </row>
    <row r="10143" spans="1:5" x14ac:dyDescent="0.25">
      <c r="A10143" s="3">
        <v>41856.101446759261</v>
      </c>
      <c r="B10143" s="2">
        <v>22.8</v>
      </c>
      <c r="C10143" s="2">
        <v>229.6</v>
      </c>
      <c r="D10143" s="2">
        <v>0.2</v>
      </c>
      <c r="E10143" s="2">
        <v>431.19999999998407</v>
      </c>
    </row>
    <row r="10144" spans="1:5" x14ac:dyDescent="0.25">
      <c r="A10144" s="3">
        <v>41856.1015625</v>
      </c>
      <c r="B10144" s="2">
        <v>22.9</v>
      </c>
      <c r="C10144" s="2">
        <v>229.8</v>
      </c>
      <c r="D10144" s="2">
        <v>0.2</v>
      </c>
      <c r="E10144" s="2">
        <v>431.39999999998406</v>
      </c>
    </row>
    <row r="10145" spans="1:5" x14ac:dyDescent="0.25">
      <c r="A10145" s="3">
        <v>41856.101620370369</v>
      </c>
      <c r="B10145" s="2">
        <v>22.8</v>
      </c>
      <c r="C10145" s="2">
        <v>229.8</v>
      </c>
      <c r="D10145" s="2">
        <v>0.2</v>
      </c>
      <c r="E10145" s="2">
        <v>431.59999999998405</v>
      </c>
    </row>
    <row r="10146" spans="1:5" x14ac:dyDescent="0.25">
      <c r="A10146" s="3">
        <v>41856.101678240739</v>
      </c>
      <c r="B10146" s="2">
        <v>22.8</v>
      </c>
      <c r="C10146" s="2">
        <v>229.8</v>
      </c>
      <c r="D10146" s="2">
        <v>0.2</v>
      </c>
      <c r="E10146" s="2">
        <v>431.79999999998404</v>
      </c>
    </row>
    <row r="10147" spans="1:5" x14ac:dyDescent="0.25">
      <c r="A10147" s="3">
        <v>41856.101736111108</v>
      </c>
      <c r="B10147" s="2">
        <v>22.8</v>
      </c>
      <c r="C10147" s="2">
        <v>230</v>
      </c>
      <c r="D10147" s="2">
        <v>0</v>
      </c>
      <c r="E10147" s="2">
        <v>431.79999999998404</v>
      </c>
    </row>
    <row r="10148" spans="1:5" x14ac:dyDescent="0.25">
      <c r="A10148" s="3">
        <v>41856.101793981485</v>
      </c>
      <c r="B10148" s="2">
        <v>22.8</v>
      </c>
      <c r="C10148" s="2">
        <v>230.2</v>
      </c>
      <c r="D10148" s="2">
        <v>0.2</v>
      </c>
      <c r="E10148" s="2">
        <v>431.99999999998403</v>
      </c>
    </row>
    <row r="10149" spans="1:5" x14ac:dyDescent="0.25">
      <c r="A10149" s="3">
        <v>41856.101851851854</v>
      </c>
      <c r="B10149" s="2">
        <v>22.8</v>
      </c>
      <c r="C10149" s="2">
        <v>230.2</v>
      </c>
      <c r="D10149" s="2">
        <v>0.2</v>
      </c>
      <c r="E10149" s="2">
        <v>432.19999999998402</v>
      </c>
    </row>
    <row r="10150" spans="1:5" x14ac:dyDescent="0.25">
      <c r="A10150" s="3">
        <v>41856.101909722223</v>
      </c>
      <c r="B10150" s="2">
        <v>22.8</v>
      </c>
      <c r="C10150" s="2">
        <v>230.4</v>
      </c>
      <c r="D10150" s="2">
        <v>0.2</v>
      </c>
      <c r="E10150" s="2">
        <v>432.399999999984</v>
      </c>
    </row>
    <row r="10151" spans="1:5" x14ac:dyDescent="0.25">
      <c r="A10151" s="3">
        <v>41856.101967592593</v>
      </c>
      <c r="B10151" s="2">
        <v>22.8</v>
      </c>
      <c r="C10151" s="2">
        <v>230.6</v>
      </c>
      <c r="D10151" s="2">
        <v>0</v>
      </c>
      <c r="E10151" s="2">
        <v>432.399999999984</v>
      </c>
    </row>
    <row r="10152" spans="1:5" x14ac:dyDescent="0.25">
      <c r="A10152" s="3">
        <v>41856.102025462962</v>
      </c>
      <c r="B10152" s="2">
        <v>22.7</v>
      </c>
      <c r="C10152" s="2">
        <v>230.6</v>
      </c>
      <c r="D10152" s="2">
        <v>0.4</v>
      </c>
      <c r="E10152" s="2">
        <v>432.79999999998398</v>
      </c>
    </row>
    <row r="10153" spans="1:5" x14ac:dyDescent="0.25">
      <c r="A10153" s="3">
        <v>41856.102083333331</v>
      </c>
      <c r="B10153" s="2">
        <v>22.7</v>
      </c>
      <c r="C10153" s="2">
        <v>230.8</v>
      </c>
      <c r="D10153" s="2">
        <v>0.2</v>
      </c>
      <c r="E10153" s="2">
        <v>432.99999999998397</v>
      </c>
    </row>
    <row r="10154" spans="1:5" x14ac:dyDescent="0.25">
      <c r="A10154" s="3">
        <v>41856.102199074077</v>
      </c>
      <c r="B10154" s="2">
        <v>22.8</v>
      </c>
      <c r="C10154" s="2">
        <v>231</v>
      </c>
      <c r="D10154" s="2">
        <v>0.2</v>
      </c>
      <c r="E10154" s="2">
        <v>433.19999999998396</v>
      </c>
    </row>
    <row r="10155" spans="1:5" x14ac:dyDescent="0.25">
      <c r="A10155" s="3">
        <v>41856.102256944447</v>
      </c>
      <c r="B10155" s="2">
        <v>22.8</v>
      </c>
      <c r="C10155" s="2">
        <v>231</v>
      </c>
      <c r="D10155" s="2">
        <v>0.2</v>
      </c>
      <c r="E10155" s="2">
        <v>433.39999999998395</v>
      </c>
    </row>
    <row r="10156" spans="1:5" x14ac:dyDescent="0.25">
      <c r="A10156" s="3">
        <v>41856.102314814816</v>
      </c>
      <c r="B10156" s="2">
        <v>22.8</v>
      </c>
      <c r="C10156" s="2">
        <v>231.2</v>
      </c>
      <c r="D10156" s="2">
        <v>0</v>
      </c>
      <c r="E10156" s="2">
        <v>433.39999999998395</v>
      </c>
    </row>
    <row r="10157" spans="1:5" x14ac:dyDescent="0.25">
      <c r="A10157" s="3">
        <v>41856.102372685185</v>
      </c>
      <c r="B10157" s="2">
        <v>22.8</v>
      </c>
      <c r="C10157" s="2">
        <v>231.4</v>
      </c>
      <c r="D10157" s="2">
        <v>0.2</v>
      </c>
      <c r="E10157" s="2">
        <v>433.59999999998394</v>
      </c>
    </row>
    <row r="10158" spans="1:5" x14ac:dyDescent="0.25">
      <c r="A10158" s="3">
        <v>41856.102488425924</v>
      </c>
      <c r="B10158" s="2">
        <v>22.7</v>
      </c>
      <c r="C10158" s="2">
        <v>231.6</v>
      </c>
      <c r="D10158" s="2">
        <v>0.2</v>
      </c>
      <c r="E10158" s="2">
        <v>433.79999999998392</v>
      </c>
    </row>
    <row r="10159" spans="1:5" x14ac:dyDescent="0.25">
      <c r="A10159" s="3">
        <v>41856.10260416667</v>
      </c>
      <c r="B10159" s="2">
        <v>22.7</v>
      </c>
      <c r="C10159" s="2">
        <v>231.8</v>
      </c>
      <c r="D10159" s="2">
        <v>0.2</v>
      </c>
      <c r="E10159" s="2">
        <v>433.99999999998391</v>
      </c>
    </row>
    <row r="10160" spans="1:5" x14ac:dyDescent="0.25">
      <c r="A10160" s="3">
        <v>41856.102719907409</v>
      </c>
      <c r="B10160" s="2">
        <v>22.7</v>
      </c>
      <c r="C10160" s="2">
        <v>232</v>
      </c>
      <c r="D10160" s="2">
        <v>0</v>
      </c>
      <c r="E10160" s="2">
        <v>433.99999999998391</v>
      </c>
    </row>
    <row r="10161" spans="1:5" x14ac:dyDescent="0.25">
      <c r="A10161" s="3">
        <v>41856.102777777778</v>
      </c>
      <c r="B10161" s="2">
        <v>22.6</v>
      </c>
      <c r="C10161" s="2">
        <v>232</v>
      </c>
      <c r="D10161" s="2">
        <v>0.2</v>
      </c>
      <c r="E10161" s="2">
        <v>434.1999999999839</v>
      </c>
    </row>
    <row r="10162" spans="1:5" x14ac:dyDescent="0.25">
      <c r="A10162" s="3">
        <v>41856.102835648147</v>
      </c>
      <c r="B10162" s="2">
        <v>22.6</v>
      </c>
      <c r="C10162" s="2">
        <v>232.2</v>
      </c>
      <c r="D10162" s="2">
        <v>0.2</v>
      </c>
      <c r="E10162" s="2">
        <v>434.39999999998389</v>
      </c>
    </row>
    <row r="10163" spans="1:5" x14ac:dyDescent="0.25">
      <c r="A10163" s="3">
        <v>41856.102951388886</v>
      </c>
      <c r="B10163" s="2">
        <v>22.7</v>
      </c>
      <c r="C10163" s="2">
        <v>232.4</v>
      </c>
      <c r="D10163" s="2">
        <v>0</v>
      </c>
      <c r="E10163" s="2">
        <v>434.39999999998389</v>
      </c>
    </row>
    <row r="10164" spans="1:5" x14ac:dyDescent="0.25">
      <c r="A10164" s="3">
        <v>41856.103009259263</v>
      </c>
      <c r="B10164" s="2">
        <v>22.7</v>
      </c>
      <c r="C10164" s="2">
        <v>232.4</v>
      </c>
      <c r="D10164" s="2">
        <v>0.2</v>
      </c>
      <c r="E10164" s="2">
        <v>434.59999999998388</v>
      </c>
    </row>
    <row r="10165" spans="1:5" x14ac:dyDescent="0.25">
      <c r="A10165" s="3">
        <v>41856.103067129632</v>
      </c>
      <c r="B10165" s="2">
        <v>22.7</v>
      </c>
      <c r="C10165" s="2">
        <v>232.6</v>
      </c>
      <c r="D10165" s="2">
        <v>0</v>
      </c>
      <c r="E10165" s="2">
        <v>434.59999999998388</v>
      </c>
    </row>
    <row r="10166" spans="1:5" x14ac:dyDescent="0.25">
      <c r="A10166" s="3">
        <v>41856.103182870371</v>
      </c>
      <c r="B10166" s="2">
        <v>22.7</v>
      </c>
      <c r="C10166" s="2">
        <v>232.6</v>
      </c>
      <c r="D10166" s="2">
        <v>0.2</v>
      </c>
      <c r="E10166" s="2">
        <v>434.79999999998387</v>
      </c>
    </row>
    <row r="10167" spans="1:5" x14ac:dyDescent="0.25">
      <c r="A10167" s="3">
        <v>41856.10324074074</v>
      </c>
      <c r="B10167" s="2">
        <v>22.7</v>
      </c>
      <c r="C10167" s="2">
        <v>232.8</v>
      </c>
      <c r="D10167" s="2">
        <v>0</v>
      </c>
      <c r="E10167" s="2">
        <v>434.79999999998387</v>
      </c>
    </row>
    <row r="10168" spans="1:5" x14ac:dyDescent="0.25">
      <c r="A10168" s="3">
        <v>41856.103414351855</v>
      </c>
      <c r="B10168" s="2">
        <v>22.7</v>
      </c>
      <c r="C10168" s="2">
        <v>233</v>
      </c>
      <c r="D10168" s="2">
        <v>0</v>
      </c>
      <c r="E10168" s="2">
        <v>434.79999999998387</v>
      </c>
    </row>
    <row r="10169" spans="1:5" x14ac:dyDescent="0.25">
      <c r="A10169" s="3">
        <v>41856.103472222225</v>
      </c>
      <c r="B10169" s="2">
        <v>22.7</v>
      </c>
      <c r="C10169" s="2">
        <v>233</v>
      </c>
      <c r="D10169" s="2">
        <v>0.2</v>
      </c>
      <c r="E10169" s="2">
        <v>434.99999999998386</v>
      </c>
    </row>
    <row r="10170" spans="1:5" x14ac:dyDescent="0.25">
      <c r="A10170" s="3">
        <v>41856.103645833333</v>
      </c>
      <c r="B10170" s="2">
        <v>22.7</v>
      </c>
      <c r="C10170" s="2">
        <v>233.2</v>
      </c>
      <c r="D10170" s="2">
        <v>0</v>
      </c>
      <c r="E10170" s="2">
        <v>434.99999999998386</v>
      </c>
    </row>
    <row r="10171" spans="1:5" x14ac:dyDescent="0.25">
      <c r="A10171" s="3">
        <v>41856.103761574072</v>
      </c>
      <c r="B10171" s="2">
        <v>22.7</v>
      </c>
      <c r="C10171" s="2">
        <v>233.2</v>
      </c>
      <c r="D10171" s="2">
        <v>0.2</v>
      </c>
      <c r="E10171" s="2">
        <v>435.19999999998385</v>
      </c>
    </row>
    <row r="10172" spans="1:5" x14ac:dyDescent="0.25">
      <c r="A10172" s="3">
        <v>41856.103877314818</v>
      </c>
      <c r="B10172" s="2">
        <v>22.7</v>
      </c>
      <c r="C10172" s="2">
        <v>233.4</v>
      </c>
      <c r="D10172" s="2">
        <v>0</v>
      </c>
      <c r="E10172" s="2">
        <v>435.19999999998385</v>
      </c>
    </row>
    <row r="10173" spans="1:5" x14ac:dyDescent="0.25">
      <c r="A10173" s="3">
        <v>41856.103993055556</v>
      </c>
      <c r="B10173" s="2">
        <v>22.6</v>
      </c>
      <c r="C10173" s="2">
        <v>233.4</v>
      </c>
      <c r="D10173" s="2">
        <v>0.2</v>
      </c>
      <c r="E10173" s="2">
        <v>435.39999999998383</v>
      </c>
    </row>
    <row r="10174" spans="1:5" x14ac:dyDescent="0.25">
      <c r="A10174" s="3">
        <v>41856.104224537034</v>
      </c>
      <c r="B10174" s="2">
        <v>22.7</v>
      </c>
      <c r="C10174" s="2">
        <v>233.6</v>
      </c>
      <c r="D10174" s="2">
        <v>0</v>
      </c>
      <c r="E10174" s="2">
        <v>435.39999999998383</v>
      </c>
    </row>
    <row r="10175" spans="1:5" x14ac:dyDescent="0.25">
      <c r="A10175" s="3">
        <v>41856.10428240741</v>
      </c>
      <c r="B10175" s="2">
        <v>22.7</v>
      </c>
      <c r="C10175" s="2">
        <v>233.6</v>
      </c>
      <c r="D10175" s="2">
        <v>0.2</v>
      </c>
      <c r="E10175" s="2">
        <v>435.59999999998382</v>
      </c>
    </row>
    <row r="10176" spans="1:5" x14ac:dyDescent="0.25">
      <c r="A10176" s="3">
        <v>41856.104456018518</v>
      </c>
      <c r="B10176" s="2">
        <v>22.6</v>
      </c>
      <c r="C10176" s="2">
        <v>233.8</v>
      </c>
      <c r="D10176" s="2">
        <v>0.2</v>
      </c>
      <c r="E10176" s="2">
        <v>435.79999999998381</v>
      </c>
    </row>
    <row r="10177" spans="1:5" x14ac:dyDescent="0.25">
      <c r="A10177" s="3">
        <v>41856.104571759257</v>
      </c>
      <c r="B10177" s="2">
        <v>22.5</v>
      </c>
      <c r="C10177" s="2">
        <v>233.8</v>
      </c>
      <c r="D10177" s="2">
        <v>0.2</v>
      </c>
      <c r="E10177" s="2">
        <v>435.9999999999838</v>
      </c>
    </row>
    <row r="10178" spans="1:5" x14ac:dyDescent="0.25">
      <c r="A10178" s="3">
        <v>41856.104629629626</v>
      </c>
      <c r="B10178" s="2">
        <v>22.5</v>
      </c>
      <c r="C10178" s="2">
        <v>234</v>
      </c>
      <c r="D10178" s="2">
        <v>0</v>
      </c>
      <c r="E10178" s="2">
        <v>435.9999999999838</v>
      </c>
    </row>
    <row r="10179" spans="1:5" x14ac:dyDescent="0.25">
      <c r="A10179" s="3">
        <v>41856.104745370372</v>
      </c>
      <c r="B10179" s="2">
        <v>22.5</v>
      </c>
      <c r="C10179" s="2">
        <v>234</v>
      </c>
      <c r="D10179" s="2">
        <v>0.2</v>
      </c>
      <c r="E10179" s="2">
        <v>436.19999999998379</v>
      </c>
    </row>
    <row r="10180" spans="1:5" x14ac:dyDescent="0.25">
      <c r="A10180" s="3">
        <v>41856.104861111111</v>
      </c>
      <c r="B10180" s="2">
        <v>22.5</v>
      </c>
      <c r="C10180" s="2">
        <v>234.2</v>
      </c>
      <c r="D10180" s="2">
        <v>0</v>
      </c>
      <c r="E10180" s="2">
        <v>436.19999999998379</v>
      </c>
    </row>
    <row r="10181" spans="1:5" x14ac:dyDescent="0.25">
      <c r="A10181" s="3">
        <v>41856.10497685185</v>
      </c>
      <c r="B10181" s="2">
        <v>22.5</v>
      </c>
      <c r="C10181" s="2">
        <v>234.2</v>
      </c>
      <c r="D10181" s="2">
        <v>0.2</v>
      </c>
      <c r="E10181" s="2">
        <v>436.39999999998378</v>
      </c>
    </row>
    <row r="10182" spans="1:5" x14ac:dyDescent="0.25">
      <c r="A10182" s="3">
        <v>41856.105034722219</v>
      </c>
      <c r="B10182" s="2">
        <v>22.5</v>
      </c>
      <c r="C10182" s="2">
        <v>234.4</v>
      </c>
      <c r="D10182" s="2">
        <v>0</v>
      </c>
      <c r="E10182" s="2">
        <v>436.39999999998378</v>
      </c>
    </row>
    <row r="10183" spans="1:5" x14ac:dyDescent="0.25">
      <c r="A10183" s="3">
        <v>41856.105266203704</v>
      </c>
      <c r="B10183" s="2">
        <v>22.4</v>
      </c>
      <c r="C10183" s="2">
        <v>234.4</v>
      </c>
      <c r="D10183" s="2">
        <v>0.2</v>
      </c>
      <c r="E10183" s="2">
        <v>436.59999999998377</v>
      </c>
    </row>
    <row r="10184" spans="1:5" x14ac:dyDescent="0.25">
      <c r="A10184" s="3">
        <v>41856.105324074073</v>
      </c>
      <c r="B10184" s="2">
        <v>22.4</v>
      </c>
      <c r="C10184" s="2">
        <v>234.6</v>
      </c>
      <c r="D10184" s="2">
        <v>0</v>
      </c>
      <c r="E10184" s="2">
        <v>436.59999999998377</v>
      </c>
    </row>
    <row r="10185" spans="1:5" x14ac:dyDescent="0.25">
      <c r="A10185" s="3">
        <v>41856.105613425927</v>
      </c>
      <c r="B10185" s="2">
        <v>22.4</v>
      </c>
      <c r="C10185" s="2">
        <v>234.6</v>
      </c>
      <c r="D10185" s="2">
        <v>0.2</v>
      </c>
      <c r="E10185" s="2">
        <v>436.79999999998375</v>
      </c>
    </row>
    <row r="10186" spans="1:5" x14ac:dyDescent="0.25">
      <c r="A10186" s="3">
        <v>41856.105671296296</v>
      </c>
      <c r="B10186" s="2">
        <v>22.4</v>
      </c>
      <c r="C10186" s="2">
        <v>234.8</v>
      </c>
      <c r="D10186" s="2">
        <v>0</v>
      </c>
      <c r="E10186" s="2">
        <v>436.79999999998375</v>
      </c>
    </row>
    <row r="10187" spans="1:5" x14ac:dyDescent="0.25">
      <c r="A10187" s="3">
        <v>41856.10601851852</v>
      </c>
      <c r="B10187" s="2">
        <v>22.4</v>
      </c>
      <c r="C10187" s="2">
        <v>234.8</v>
      </c>
      <c r="D10187" s="2">
        <v>0.2</v>
      </c>
      <c r="E10187" s="2">
        <v>436.99999999998374</v>
      </c>
    </row>
    <row r="10188" spans="1:5" x14ac:dyDescent="0.25">
      <c r="A10188" s="3">
        <v>41856.106134259258</v>
      </c>
      <c r="B10188" s="2">
        <v>22.4</v>
      </c>
      <c r="C10188" s="2">
        <v>235</v>
      </c>
      <c r="D10188" s="2">
        <v>0</v>
      </c>
      <c r="E10188" s="2">
        <v>436.99999999998374</v>
      </c>
    </row>
    <row r="10189" spans="1:5" x14ac:dyDescent="0.25">
      <c r="A10189" s="3">
        <v>41856.106539351851</v>
      </c>
      <c r="B10189" s="2">
        <v>22.4</v>
      </c>
      <c r="C10189" s="2">
        <v>235</v>
      </c>
      <c r="D10189" s="2">
        <v>0.2</v>
      </c>
      <c r="E10189" s="2">
        <v>437.19999999998373</v>
      </c>
    </row>
    <row r="10190" spans="1:5" x14ac:dyDescent="0.25">
      <c r="A10190" s="3">
        <v>41856.106828703705</v>
      </c>
      <c r="B10190" s="2">
        <v>22.4</v>
      </c>
      <c r="C10190" s="2">
        <v>235.2</v>
      </c>
      <c r="D10190" s="2">
        <v>0</v>
      </c>
      <c r="E10190" s="2">
        <v>437.19999999998373</v>
      </c>
    </row>
    <row r="10191" spans="1:5" x14ac:dyDescent="0.25">
      <c r="A10191" s="3">
        <v>41856.107291666667</v>
      </c>
      <c r="B10191" s="2">
        <v>22.4</v>
      </c>
      <c r="C10191" s="2">
        <v>235.2</v>
      </c>
      <c r="D10191" s="2">
        <v>0.2</v>
      </c>
      <c r="E10191" s="2">
        <v>437.39999999998372</v>
      </c>
    </row>
    <row r="10192" spans="1:5" x14ac:dyDescent="0.25">
      <c r="A10192" s="3">
        <v>41856.10769675926</v>
      </c>
      <c r="B10192" s="2">
        <v>22.4</v>
      </c>
      <c r="C10192" s="2">
        <v>235.4</v>
      </c>
      <c r="D10192" s="2">
        <v>0</v>
      </c>
      <c r="E10192" s="2">
        <v>437.39999999998372</v>
      </c>
    </row>
    <row r="10193" spans="1:5" x14ac:dyDescent="0.25">
      <c r="A10193" s="3">
        <v>41856.108043981483</v>
      </c>
      <c r="B10193" s="2">
        <v>22.4</v>
      </c>
      <c r="C10193" s="2">
        <v>235.4</v>
      </c>
      <c r="D10193" s="2">
        <v>0.2</v>
      </c>
      <c r="E10193" s="2">
        <v>437.59999999998371</v>
      </c>
    </row>
    <row r="10194" spans="1:5" x14ac:dyDescent="0.25">
      <c r="A10194" s="3">
        <v>41856.108217592591</v>
      </c>
      <c r="B10194" s="2">
        <v>22.3</v>
      </c>
      <c r="C10194" s="2">
        <v>235.6</v>
      </c>
      <c r="D10194" s="2">
        <v>0</v>
      </c>
      <c r="E10194" s="2">
        <v>437.59999999998371</v>
      </c>
    </row>
    <row r="10195" spans="1:5" x14ac:dyDescent="0.25">
      <c r="A10195" s="3">
        <v>41856.108275462961</v>
      </c>
      <c r="B10195" s="2">
        <v>22.3</v>
      </c>
      <c r="C10195" s="2">
        <v>235.6</v>
      </c>
      <c r="D10195" s="2">
        <v>0.2</v>
      </c>
      <c r="E10195" s="2">
        <v>437.7999999999837</v>
      </c>
    </row>
    <row r="10196" spans="1:5" x14ac:dyDescent="0.25">
      <c r="A10196" s="3">
        <v>41856.108796296299</v>
      </c>
      <c r="B10196" s="2">
        <v>22.3</v>
      </c>
      <c r="C10196" s="2">
        <v>235.8</v>
      </c>
      <c r="D10196" s="2">
        <v>0.2</v>
      </c>
      <c r="E10196" s="2">
        <v>437.99999999998369</v>
      </c>
    </row>
    <row r="10197" spans="1:5" x14ac:dyDescent="0.25">
      <c r="A10197" s="3">
        <v>41856.109085648146</v>
      </c>
      <c r="B10197" s="2">
        <v>22.3</v>
      </c>
      <c r="C10197" s="2">
        <v>235.8</v>
      </c>
      <c r="D10197" s="2">
        <v>0.2</v>
      </c>
      <c r="E10197" s="2">
        <v>438.19999999998367</v>
      </c>
    </row>
    <row r="10198" spans="1:5" x14ac:dyDescent="0.25">
      <c r="A10198" s="3">
        <v>41856.109259259261</v>
      </c>
      <c r="B10198" s="2">
        <v>22.2</v>
      </c>
      <c r="C10198" s="2">
        <v>236</v>
      </c>
      <c r="D10198" s="2">
        <v>0</v>
      </c>
      <c r="E10198" s="2">
        <v>438.19999999998367</v>
      </c>
    </row>
    <row r="10199" spans="1:5" x14ac:dyDescent="0.25">
      <c r="A10199" s="3">
        <v>41856.109375</v>
      </c>
      <c r="B10199" s="2">
        <v>22.2</v>
      </c>
      <c r="C10199" s="2">
        <v>236</v>
      </c>
      <c r="D10199" s="2">
        <v>0.2</v>
      </c>
      <c r="E10199" s="2">
        <v>438.39999999998366</v>
      </c>
    </row>
    <row r="10200" spans="1:5" x14ac:dyDescent="0.25">
      <c r="A10200" s="3">
        <v>41856.109664351854</v>
      </c>
      <c r="B10200" s="2">
        <v>22.2</v>
      </c>
      <c r="C10200" s="2">
        <v>236.2</v>
      </c>
      <c r="D10200" s="2">
        <v>0.2</v>
      </c>
      <c r="E10200" s="2">
        <v>438.59999999998365</v>
      </c>
    </row>
    <row r="10201" spans="1:5" x14ac:dyDescent="0.25">
      <c r="A10201" s="3">
        <v>41856.110243055555</v>
      </c>
      <c r="B10201" s="2">
        <v>22.2</v>
      </c>
      <c r="C10201" s="2">
        <v>236.4</v>
      </c>
      <c r="D10201" s="2">
        <v>0</v>
      </c>
      <c r="E10201" s="2">
        <v>438.59999999998365</v>
      </c>
    </row>
    <row r="10202" spans="1:5" x14ac:dyDescent="0.25">
      <c r="A10202" s="3">
        <v>41856.11041666667</v>
      </c>
      <c r="B10202" s="2">
        <v>22.2</v>
      </c>
      <c r="C10202" s="2">
        <v>236.4</v>
      </c>
      <c r="D10202" s="2">
        <v>0.2</v>
      </c>
      <c r="E10202" s="2">
        <v>438.79999999998364</v>
      </c>
    </row>
    <row r="10203" spans="1:5" x14ac:dyDescent="0.25">
      <c r="A10203" s="3">
        <v>41856.110995370371</v>
      </c>
      <c r="B10203" s="2">
        <v>22.2</v>
      </c>
      <c r="C10203" s="2">
        <v>236.4</v>
      </c>
      <c r="D10203" s="2">
        <v>0.2</v>
      </c>
      <c r="E10203" s="2">
        <v>438.99999999998363</v>
      </c>
    </row>
    <row r="10204" spans="1:5" x14ac:dyDescent="0.25">
      <c r="A10204" s="3">
        <v>41856.11105324074</v>
      </c>
      <c r="B10204" s="2">
        <v>22.2</v>
      </c>
      <c r="C10204" s="2">
        <v>236.6</v>
      </c>
      <c r="D10204" s="2">
        <v>0</v>
      </c>
      <c r="E10204" s="2">
        <v>438.99999999998363</v>
      </c>
    </row>
    <row r="10205" spans="1:5" x14ac:dyDescent="0.25">
      <c r="A10205" s="3">
        <v>41856.111631944441</v>
      </c>
      <c r="B10205" s="2">
        <v>22.2</v>
      </c>
      <c r="C10205" s="2">
        <v>236.8</v>
      </c>
      <c r="D10205" s="2">
        <v>0</v>
      </c>
      <c r="E10205" s="2">
        <v>438.99999999998363</v>
      </c>
    </row>
    <row r="10206" spans="1:5" x14ac:dyDescent="0.25">
      <c r="A10206" s="3">
        <v>41856.111805555556</v>
      </c>
      <c r="B10206" s="2">
        <v>22.1</v>
      </c>
      <c r="C10206" s="2">
        <v>236.8</v>
      </c>
      <c r="D10206" s="2">
        <v>0.2</v>
      </c>
      <c r="E10206" s="2">
        <v>439.19999999998362</v>
      </c>
    </row>
    <row r="10207" spans="1:5" x14ac:dyDescent="0.25">
      <c r="A10207" s="3">
        <v>41856.112326388888</v>
      </c>
      <c r="B10207" s="2">
        <v>22.2</v>
      </c>
      <c r="C10207" s="2">
        <v>237</v>
      </c>
      <c r="D10207" s="2">
        <v>0</v>
      </c>
      <c r="E10207" s="2">
        <v>439.19999999998362</v>
      </c>
    </row>
    <row r="10208" spans="1:5" x14ac:dyDescent="0.25">
      <c r="A10208" s="3">
        <v>41856.112673611111</v>
      </c>
      <c r="B10208" s="2">
        <v>22.1</v>
      </c>
      <c r="C10208" s="2">
        <v>237</v>
      </c>
      <c r="D10208" s="2">
        <v>0.2</v>
      </c>
      <c r="E10208" s="2">
        <v>439.39999999998361</v>
      </c>
    </row>
    <row r="10209" spans="1:5" x14ac:dyDescent="0.25">
      <c r="A10209" s="3">
        <v>41856.112962962965</v>
      </c>
      <c r="B10209" s="2">
        <v>22.1</v>
      </c>
      <c r="C10209" s="2">
        <v>237.2</v>
      </c>
      <c r="D10209" s="2">
        <v>0</v>
      </c>
      <c r="E10209" s="2">
        <v>439.39999999998361</v>
      </c>
    </row>
    <row r="10210" spans="1:5" x14ac:dyDescent="0.25">
      <c r="A10210" s="3">
        <v>41856.113368055558</v>
      </c>
      <c r="B10210" s="2">
        <v>22.1</v>
      </c>
      <c r="C10210" s="2">
        <v>237.2</v>
      </c>
      <c r="D10210" s="2">
        <v>0.2</v>
      </c>
      <c r="E10210" s="2">
        <v>439.59999999998359</v>
      </c>
    </row>
    <row r="10211" spans="1:5" x14ac:dyDescent="0.25">
      <c r="A10211" s="3">
        <v>41856.113425925927</v>
      </c>
      <c r="B10211" s="2">
        <v>22.1</v>
      </c>
      <c r="C10211" s="2">
        <v>237.4</v>
      </c>
      <c r="D10211" s="2">
        <v>0</v>
      </c>
      <c r="E10211" s="2">
        <v>439.59999999998359</v>
      </c>
    </row>
    <row r="10212" spans="1:5" x14ac:dyDescent="0.25">
      <c r="A10212" s="3">
        <v>41856.114293981482</v>
      </c>
      <c r="B10212" s="2">
        <v>22.1</v>
      </c>
      <c r="C10212" s="2">
        <v>237.4</v>
      </c>
      <c r="D10212" s="2">
        <v>0.2</v>
      </c>
      <c r="E10212" s="2">
        <v>439.79999999998358</v>
      </c>
    </row>
    <row r="10213" spans="1:5" x14ac:dyDescent="0.25">
      <c r="A10213" s="3">
        <v>41856.114351851851</v>
      </c>
      <c r="B10213" s="2">
        <v>22.1</v>
      </c>
      <c r="C10213" s="2">
        <v>237.6</v>
      </c>
      <c r="D10213" s="2">
        <v>0</v>
      </c>
      <c r="E10213" s="2">
        <v>439.79999999998358</v>
      </c>
    </row>
    <row r="10214" spans="1:5" x14ac:dyDescent="0.25">
      <c r="A10214" s="3">
        <v>41856.115682870368</v>
      </c>
      <c r="B10214" s="2">
        <v>22.1</v>
      </c>
      <c r="C10214" s="2">
        <v>237.6</v>
      </c>
      <c r="D10214" s="2">
        <v>0.2</v>
      </c>
      <c r="E10214" s="2">
        <v>439.99999999998357</v>
      </c>
    </row>
    <row r="10215" spans="1:5" x14ac:dyDescent="0.25">
      <c r="A10215" s="3">
        <v>41856.116319444445</v>
      </c>
      <c r="B10215" s="2">
        <v>22.1</v>
      </c>
      <c r="C10215" s="2">
        <v>237.8</v>
      </c>
      <c r="D10215" s="2">
        <v>0</v>
      </c>
      <c r="E10215" s="2">
        <v>439.99999999998357</v>
      </c>
    </row>
    <row r="10216" spans="1:5" x14ac:dyDescent="0.25">
      <c r="A10216" s="3">
        <v>41856.116898148146</v>
      </c>
      <c r="B10216" s="2">
        <v>22</v>
      </c>
      <c r="C10216" s="2">
        <v>237.8</v>
      </c>
      <c r="D10216" s="2">
        <v>0.2</v>
      </c>
      <c r="E10216" s="2">
        <v>440.19999999998356</v>
      </c>
    </row>
    <row r="10217" spans="1:5" x14ac:dyDescent="0.25">
      <c r="A10217" s="3">
        <v>41856.117824074077</v>
      </c>
      <c r="B10217" s="2">
        <v>21.9</v>
      </c>
      <c r="C10217" s="2">
        <v>238</v>
      </c>
      <c r="D10217" s="2">
        <v>0</v>
      </c>
      <c r="E10217" s="2">
        <v>440.19999999998356</v>
      </c>
    </row>
    <row r="10218" spans="1:5" x14ac:dyDescent="0.25">
      <c r="A10218" s="3">
        <v>41856.118923611109</v>
      </c>
      <c r="B10218" s="2">
        <v>21.9</v>
      </c>
      <c r="C10218" s="2">
        <v>238</v>
      </c>
      <c r="D10218" s="2">
        <v>0.2</v>
      </c>
      <c r="E10218" s="2">
        <v>440.39999999998355</v>
      </c>
    </row>
    <row r="10219" spans="1:5" x14ac:dyDescent="0.25">
      <c r="A10219" s="3">
        <v>41856.119212962964</v>
      </c>
      <c r="B10219" s="2">
        <v>21.9</v>
      </c>
      <c r="C10219" s="2">
        <v>238.2</v>
      </c>
      <c r="D10219" s="2">
        <v>0</v>
      </c>
      <c r="E10219" s="2">
        <v>440.39999999998355</v>
      </c>
    </row>
    <row r="10220" spans="1:5" x14ac:dyDescent="0.25">
      <c r="A10220" s="3">
        <v>41856.119560185187</v>
      </c>
      <c r="B10220" s="2">
        <v>21.9</v>
      </c>
      <c r="C10220" s="2">
        <v>238.4</v>
      </c>
      <c r="D10220" s="2">
        <v>0</v>
      </c>
      <c r="E10220" s="2">
        <v>440.39999999998355</v>
      </c>
    </row>
    <row r="10221" spans="1:5" x14ac:dyDescent="0.25">
      <c r="A10221" s="3">
        <v>41856.119675925926</v>
      </c>
      <c r="B10221" s="2">
        <v>21.9</v>
      </c>
      <c r="C10221" s="2">
        <v>238.2</v>
      </c>
      <c r="D10221" s="2">
        <v>0</v>
      </c>
      <c r="E10221" s="2">
        <v>440.39999999998355</v>
      </c>
    </row>
    <row r="10222" spans="1:5" x14ac:dyDescent="0.25">
      <c r="A10222" s="3">
        <v>41856.120833333334</v>
      </c>
      <c r="B10222" s="2">
        <v>21.8</v>
      </c>
      <c r="C10222" s="2">
        <v>238.2</v>
      </c>
      <c r="D10222" s="2">
        <v>0.2</v>
      </c>
      <c r="E10222" s="2">
        <v>440.59999999998354</v>
      </c>
    </row>
    <row r="10223" spans="1:5" x14ac:dyDescent="0.25">
      <c r="A10223" s="3">
        <v>41856.121064814812</v>
      </c>
      <c r="B10223" s="2">
        <v>21.8</v>
      </c>
      <c r="C10223" s="2">
        <v>238.4</v>
      </c>
      <c r="D10223" s="2">
        <v>0</v>
      </c>
      <c r="E10223" s="2">
        <v>440.59999999998354</v>
      </c>
    </row>
    <row r="10224" spans="1:5" x14ac:dyDescent="0.25">
      <c r="A10224" s="3">
        <v>41856.121354166666</v>
      </c>
      <c r="B10224" s="2">
        <v>21.8</v>
      </c>
      <c r="C10224" s="2">
        <v>238.2</v>
      </c>
      <c r="D10224" s="2">
        <v>0</v>
      </c>
      <c r="E10224" s="2">
        <v>440.59999999998354</v>
      </c>
    </row>
    <row r="10225" spans="1:5" x14ac:dyDescent="0.25">
      <c r="A10225" s="3">
        <v>41856.121759259258</v>
      </c>
      <c r="B10225" s="2">
        <v>21.8</v>
      </c>
      <c r="C10225" s="2">
        <v>238.4</v>
      </c>
      <c r="D10225" s="2">
        <v>0</v>
      </c>
      <c r="E10225" s="2">
        <v>440.59999999998354</v>
      </c>
    </row>
    <row r="10226" spans="1:5" x14ac:dyDescent="0.25">
      <c r="A10226" s="3">
        <v>41856.122627314813</v>
      </c>
      <c r="B10226" s="2">
        <v>21.8</v>
      </c>
      <c r="C10226" s="2">
        <v>238.4</v>
      </c>
      <c r="D10226" s="2">
        <v>0.2</v>
      </c>
      <c r="E10226" s="2">
        <v>440.79999999998353</v>
      </c>
    </row>
    <row r="10227" spans="1:5" x14ac:dyDescent="0.25">
      <c r="A10227" s="3">
        <v>41856.123553240737</v>
      </c>
      <c r="B10227" s="2">
        <v>21.8</v>
      </c>
      <c r="C10227" s="2">
        <v>238.6</v>
      </c>
      <c r="D10227" s="2">
        <v>0</v>
      </c>
      <c r="E10227" s="2">
        <v>440.79999999998353</v>
      </c>
    </row>
    <row r="10228" spans="1:5" x14ac:dyDescent="0.25">
      <c r="A10228" s="3">
        <v>41856.123784722222</v>
      </c>
      <c r="B10228" s="2">
        <v>21.8</v>
      </c>
      <c r="C10228" s="2">
        <v>238.6</v>
      </c>
      <c r="D10228" s="2">
        <v>0.2</v>
      </c>
      <c r="E10228" s="2">
        <v>440.99999999998352</v>
      </c>
    </row>
    <row r="10229" spans="1:5" x14ac:dyDescent="0.25">
      <c r="A10229" s="3">
        <v>41856.124594907407</v>
      </c>
      <c r="B10229" s="2">
        <v>21.7</v>
      </c>
      <c r="C10229" s="2">
        <v>238.6</v>
      </c>
      <c r="D10229" s="2">
        <v>0.2</v>
      </c>
      <c r="E10229" s="2">
        <v>441.1999999999835</v>
      </c>
    </row>
    <row r="10230" spans="1:5" x14ac:dyDescent="0.25">
      <c r="A10230" s="3">
        <v>41856.124710648146</v>
      </c>
      <c r="B10230" s="2">
        <v>21.8</v>
      </c>
      <c r="C10230" s="2">
        <v>238.8</v>
      </c>
      <c r="D10230" s="2">
        <v>0</v>
      </c>
      <c r="E10230" s="2">
        <v>441.1999999999835</v>
      </c>
    </row>
    <row r="10231" spans="1:5" x14ac:dyDescent="0.25">
      <c r="A10231" s="3">
        <v>41856.125</v>
      </c>
      <c r="B10231" s="2">
        <v>21.8</v>
      </c>
      <c r="C10231" s="2">
        <v>238.8</v>
      </c>
      <c r="D10231" s="2">
        <v>0.2</v>
      </c>
      <c r="E10231" s="2">
        <v>441.39999999998349</v>
      </c>
    </row>
    <row r="10232" spans="1:5" x14ac:dyDescent="0.25">
      <c r="A10232" s="3">
        <v>41856.125231481485</v>
      </c>
      <c r="B10232" s="2">
        <v>21.8</v>
      </c>
      <c r="C10232" s="2">
        <v>239</v>
      </c>
      <c r="D10232" s="2">
        <v>0</v>
      </c>
      <c r="E10232" s="2">
        <v>441.39999999998349</v>
      </c>
    </row>
    <row r="10233" spans="1:5" x14ac:dyDescent="0.25">
      <c r="A10233" s="3">
        <v>41856.125462962962</v>
      </c>
      <c r="B10233" s="2">
        <v>21.7</v>
      </c>
      <c r="C10233" s="2">
        <v>239</v>
      </c>
      <c r="D10233" s="2">
        <v>0.2</v>
      </c>
      <c r="E10233" s="2">
        <v>441.59999999998348</v>
      </c>
    </row>
    <row r="10234" spans="1:5" x14ac:dyDescent="0.25">
      <c r="A10234" s="3">
        <v>41856.125925925924</v>
      </c>
      <c r="B10234" s="2">
        <v>21.7</v>
      </c>
      <c r="C10234" s="2">
        <v>239.2</v>
      </c>
      <c r="D10234" s="2">
        <v>0</v>
      </c>
      <c r="E10234" s="2">
        <v>441.59999999998348</v>
      </c>
    </row>
    <row r="10235" spans="1:5" x14ac:dyDescent="0.25">
      <c r="A10235" s="3">
        <v>41856.12604166667</v>
      </c>
      <c r="B10235" s="2">
        <v>21.7</v>
      </c>
      <c r="C10235" s="2">
        <v>239.2</v>
      </c>
      <c r="D10235" s="2">
        <v>0.2</v>
      </c>
      <c r="E10235" s="2">
        <v>441.79999999998347</v>
      </c>
    </row>
    <row r="10236" spans="1:5" x14ac:dyDescent="0.25">
      <c r="A10236" s="3">
        <v>41856.126331018517</v>
      </c>
      <c r="B10236" s="2">
        <v>21.7</v>
      </c>
      <c r="C10236" s="2">
        <v>239.4</v>
      </c>
      <c r="D10236" s="2">
        <v>0</v>
      </c>
      <c r="E10236" s="2">
        <v>441.79999999998347</v>
      </c>
    </row>
    <row r="10237" spans="1:5" x14ac:dyDescent="0.25">
      <c r="A10237" s="3">
        <v>41856.126793981479</v>
      </c>
      <c r="B10237" s="2">
        <v>21.7</v>
      </c>
      <c r="C10237" s="2">
        <v>239.4</v>
      </c>
      <c r="D10237" s="2">
        <v>0.2</v>
      </c>
      <c r="E10237" s="2">
        <v>441.99999999998346</v>
      </c>
    </row>
    <row r="10238" spans="1:5" x14ac:dyDescent="0.25">
      <c r="A10238" s="3">
        <v>41856.127488425926</v>
      </c>
      <c r="B10238" s="2">
        <v>21.6</v>
      </c>
      <c r="C10238" s="2">
        <v>239.4</v>
      </c>
      <c r="D10238" s="2">
        <v>0.2</v>
      </c>
      <c r="E10238" s="2">
        <v>442.19999999998345</v>
      </c>
    </row>
    <row r="10239" spans="1:5" x14ac:dyDescent="0.25">
      <c r="A10239" s="3">
        <v>41856.127604166664</v>
      </c>
      <c r="B10239" s="2">
        <v>21.6</v>
      </c>
      <c r="C10239" s="2">
        <v>239.6</v>
      </c>
      <c r="D10239" s="2">
        <v>0</v>
      </c>
      <c r="E10239" s="2">
        <v>442.19999999998345</v>
      </c>
    </row>
    <row r="10240" spans="1:5" x14ac:dyDescent="0.25">
      <c r="A10240" s="3">
        <v>41856.128182870372</v>
      </c>
      <c r="B10240" s="2">
        <v>21.6</v>
      </c>
      <c r="C10240" s="2">
        <v>239.6</v>
      </c>
      <c r="D10240" s="2">
        <v>0.2</v>
      </c>
      <c r="E10240" s="2">
        <v>442.39999999998344</v>
      </c>
    </row>
    <row r="10241" spans="1:5" x14ac:dyDescent="0.25">
      <c r="A10241" s="3">
        <v>41856.128761574073</v>
      </c>
      <c r="B10241" s="2">
        <v>21.6</v>
      </c>
      <c r="C10241" s="2">
        <v>239.8</v>
      </c>
      <c r="D10241" s="2">
        <v>0</v>
      </c>
      <c r="E10241" s="2">
        <v>442.39999999998344</v>
      </c>
    </row>
    <row r="10242" spans="1:5" x14ac:dyDescent="0.25">
      <c r="A10242" s="3">
        <v>41856.128819444442</v>
      </c>
      <c r="B10242" s="2">
        <v>21.6</v>
      </c>
      <c r="C10242" s="2">
        <v>239.8</v>
      </c>
      <c r="D10242" s="2">
        <v>0.2</v>
      </c>
      <c r="E10242" s="2">
        <v>442.59999999998342</v>
      </c>
    </row>
    <row r="10243" spans="1:5" x14ac:dyDescent="0.25">
      <c r="A10243" s="3">
        <v>41856.129629629628</v>
      </c>
      <c r="B10243" s="2">
        <v>21.6</v>
      </c>
      <c r="C10243" s="2">
        <v>239.8</v>
      </c>
      <c r="D10243" s="2">
        <v>0.2</v>
      </c>
      <c r="E10243" s="2">
        <v>442.79999999998341</v>
      </c>
    </row>
    <row r="10244" spans="1:5" x14ac:dyDescent="0.25">
      <c r="A10244" s="3">
        <v>41856.129745370374</v>
      </c>
      <c r="B10244" s="2">
        <v>21.6</v>
      </c>
      <c r="C10244" s="2">
        <v>240</v>
      </c>
      <c r="D10244" s="2">
        <v>0</v>
      </c>
      <c r="E10244" s="2">
        <v>442.79999999998341</v>
      </c>
    </row>
    <row r="10245" spans="1:5" x14ac:dyDescent="0.25">
      <c r="A10245" s="3">
        <v>41856.130208333336</v>
      </c>
      <c r="B10245" s="2">
        <v>21.6</v>
      </c>
      <c r="C10245" s="2">
        <v>240</v>
      </c>
      <c r="D10245" s="2">
        <v>0.2</v>
      </c>
      <c r="E10245" s="2">
        <v>442.9999999999834</v>
      </c>
    </row>
    <row r="10246" spans="1:5" x14ac:dyDescent="0.25">
      <c r="A10246" s="3">
        <v>41856.130613425928</v>
      </c>
      <c r="B10246" s="2">
        <v>21.5</v>
      </c>
      <c r="C10246" s="2">
        <v>240</v>
      </c>
      <c r="D10246" s="2">
        <v>0.2</v>
      </c>
      <c r="E10246" s="2">
        <v>443.19999999998339</v>
      </c>
    </row>
    <row r="10247" spans="1:5" x14ac:dyDescent="0.25">
      <c r="A10247" s="3">
        <v>41856.130960648145</v>
      </c>
      <c r="B10247" s="2">
        <v>21.5</v>
      </c>
      <c r="C10247" s="2">
        <v>240</v>
      </c>
      <c r="D10247" s="2">
        <v>0.2</v>
      </c>
      <c r="E10247" s="2">
        <v>443.39999999998338</v>
      </c>
    </row>
    <row r="10248" spans="1:5" x14ac:dyDescent="0.25">
      <c r="A10248" s="3">
        <v>41856.131365740737</v>
      </c>
      <c r="B10248" s="2">
        <v>21.5</v>
      </c>
      <c r="C10248" s="2">
        <v>240</v>
      </c>
      <c r="D10248" s="2">
        <v>0.2</v>
      </c>
      <c r="E10248" s="2">
        <v>443.59999999998337</v>
      </c>
    </row>
    <row r="10249" spans="1:5" x14ac:dyDescent="0.25">
      <c r="A10249" s="3">
        <v>41856.13177083333</v>
      </c>
      <c r="B10249" s="2">
        <v>21.5</v>
      </c>
      <c r="C10249" s="2">
        <v>240.2</v>
      </c>
      <c r="D10249" s="2">
        <v>0</v>
      </c>
      <c r="E10249" s="2">
        <v>443.59999999998337</v>
      </c>
    </row>
    <row r="10250" spans="1:5" x14ac:dyDescent="0.25">
      <c r="A10250" s="3">
        <v>41856.131828703707</v>
      </c>
      <c r="B10250" s="2">
        <v>21.5</v>
      </c>
      <c r="C10250" s="2">
        <v>240.2</v>
      </c>
      <c r="D10250" s="2">
        <v>0.2</v>
      </c>
      <c r="E10250" s="2">
        <v>443.79999999998336</v>
      </c>
    </row>
    <row r="10251" spans="1:5" x14ac:dyDescent="0.25">
      <c r="A10251" s="3">
        <v>41856.132291666669</v>
      </c>
      <c r="B10251" s="2">
        <v>21.5</v>
      </c>
      <c r="C10251" s="2">
        <v>240.2</v>
      </c>
      <c r="D10251" s="2">
        <v>0.2</v>
      </c>
      <c r="E10251" s="2">
        <v>443.99999999998334</v>
      </c>
    </row>
    <row r="10252" spans="1:5" x14ac:dyDescent="0.25">
      <c r="A10252" s="3">
        <v>41856.133043981485</v>
      </c>
      <c r="B10252" s="2">
        <v>21.5</v>
      </c>
      <c r="C10252" s="2">
        <v>240.2</v>
      </c>
      <c r="D10252" s="2">
        <v>0.2</v>
      </c>
      <c r="E10252" s="2">
        <v>444.19999999998333</v>
      </c>
    </row>
    <row r="10253" spans="1:5" x14ac:dyDescent="0.25">
      <c r="A10253" s="3">
        <v>41856.133564814816</v>
      </c>
      <c r="B10253" s="2">
        <v>21.4</v>
      </c>
      <c r="C10253" s="2">
        <v>240.4</v>
      </c>
      <c r="D10253" s="2">
        <v>0</v>
      </c>
      <c r="E10253" s="2">
        <v>444.19999999998333</v>
      </c>
    </row>
    <row r="10254" spans="1:5" x14ac:dyDescent="0.25">
      <c r="A10254" s="3">
        <v>41856.133796296293</v>
      </c>
      <c r="B10254" s="2">
        <v>21.4</v>
      </c>
      <c r="C10254" s="2">
        <v>240.4</v>
      </c>
      <c r="D10254" s="2">
        <v>0.2</v>
      </c>
      <c r="E10254" s="2">
        <v>444.39999999998332</v>
      </c>
    </row>
    <row r="10255" spans="1:5" x14ac:dyDescent="0.25">
      <c r="A10255" s="3">
        <v>41856.134259259263</v>
      </c>
      <c r="B10255" s="2">
        <v>21.4</v>
      </c>
      <c r="C10255" s="2">
        <v>240.4</v>
      </c>
      <c r="D10255" s="2">
        <v>0.2</v>
      </c>
      <c r="E10255" s="2">
        <v>444.59999999998331</v>
      </c>
    </row>
    <row r="10256" spans="1:5" x14ac:dyDescent="0.25">
      <c r="A10256" s="3">
        <v>41856.134606481479</v>
      </c>
      <c r="B10256" s="2">
        <v>21.4</v>
      </c>
      <c r="C10256" s="2">
        <v>240.4</v>
      </c>
      <c r="D10256" s="2">
        <v>0.2</v>
      </c>
      <c r="E10256" s="2">
        <v>444.7999999999833</v>
      </c>
    </row>
    <row r="10257" spans="1:5" x14ac:dyDescent="0.25">
      <c r="A10257" s="3">
        <v>41856.134895833333</v>
      </c>
      <c r="B10257" s="2">
        <v>21.4</v>
      </c>
      <c r="C10257" s="2">
        <v>240.4</v>
      </c>
      <c r="D10257" s="2">
        <v>0.2</v>
      </c>
      <c r="E10257" s="2">
        <v>444.99999999998329</v>
      </c>
    </row>
    <row r="10258" spans="1:5" x14ac:dyDescent="0.25">
      <c r="A10258" s="3">
        <v>41856.135185185187</v>
      </c>
      <c r="B10258" s="2">
        <v>21.4</v>
      </c>
      <c r="C10258" s="2">
        <v>240.6</v>
      </c>
      <c r="D10258" s="2">
        <v>0.2</v>
      </c>
      <c r="E10258" s="2">
        <v>445.19999999998328</v>
      </c>
    </row>
    <row r="10259" spans="1:5" x14ac:dyDescent="0.25">
      <c r="A10259" s="3">
        <v>41856.135474537034</v>
      </c>
      <c r="B10259" s="2">
        <v>21.4</v>
      </c>
      <c r="C10259" s="2">
        <v>240.6</v>
      </c>
      <c r="D10259" s="2">
        <v>0.2</v>
      </c>
      <c r="E10259" s="2">
        <v>445.39999999998327</v>
      </c>
    </row>
    <row r="10260" spans="1:5" x14ac:dyDescent="0.25">
      <c r="A10260" s="3">
        <v>41856.135821759257</v>
      </c>
      <c r="B10260" s="2">
        <v>21.3</v>
      </c>
      <c r="C10260" s="2">
        <v>240.6</v>
      </c>
      <c r="D10260" s="2">
        <v>0.2</v>
      </c>
      <c r="E10260" s="2">
        <v>445.59999999998325</v>
      </c>
    </row>
    <row r="10261" spans="1:5" x14ac:dyDescent="0.25">
      <c r="A10261" s="3">
        <v>41856.13616898148</v>
      </c>
      <c r="B10261" s="2">
        <v>21.4</v>
      </c>
      <c r="C10261" s="2">
        <v>240.6</v>
      </c>
      <c r="D10261" s="2">
        <v>0.2</v>
      </c>
      <c r="E10261" s="2">
        <v>445.79999999998324</v>
      </c>
    </row>
    <row r="10262" spans="1:5" x14ac:dyDescent="0.25">
      <c r="A10262" s="3">
        <v>41856.136631944442</v>
      </c>
      <c r="B10262" s="2">
        <v>21.3</v>
      </c>
      <c r="C10262" s="2">
        <v>240.6</v>
      </c>
      <c r="D10262" s="2">
        <v>0.2</v>
      </c>
      <c r="E10262" s="2">
        <v>445.99999999998323</v>
      </c>
    </row>
    <row r="10263" spans="1:5" x14ac:dyDescent="0.25">
      <c r="A10263" s="3">
        <v>41856.137037037035</v>
      </c>
      <c r="B10263" s="2">
        <v>21.3</v>
      </c>
      <c r="C10263" s="2">
        <v>240.6</v>
      </c>
      <c r="D10263" s="2">
        <v>0.2</v>
      </c>
      <c r="E10263" s="2">
        <v>446.19999999998322</v>
      </c>
    </row>
    <row r="10264" spans="1:5" x14ac:dyDescent="0.25">
      <c r="A10264" s="3">
        <v>41856.137442129628</v>
      </c>
      <c r="B10264" s="2">
        <v>21.3</v>
      </c>
      <c r="C10264" s="2">
        <v>240.6</v>
      </c>
      <c r="D10264" s="2">
        <v>0.2</v>
      </c>
      <c r="E10264" s="2">
        <v>446.39999999998321</v>
      </c>
    </row>
    <row r="10265" spans="1:5" x14ac:dyDescent="0.25">
      <c r="A10265" s="3">
        <v>41856.137789351851</v>
      </c>
      <c r="B10265" s="2">
        <v>21.3</v>
      </c>
      <c r="C10265" s="2">
        <v>240.6</v>
      </c>
      <c r="D10265" s="2">
        <v>0.2</v>
      </c>
      <c r="E10265" s="2">
        <v>446.5999999999832</v>
      </c>
    </row>
    <row r="10266" spans="1:5" x14ac:dyDescent="0.25">
      <c r="A10266" s="3">
        <v>41856.138078703705</v>
      </c>
      <c r="B10266" s="2">
        <v>21.3</v>
      </c>
      <c r="C10266" s="2">
        <v>240.6</v>
      </c>
      <c r="D10266" s="2">
        <v>0.2</v>
      </c>
      <c r="E10266" s="2">
        <v>446.79999999998319</v>
      </c>
    </row>
    <row r="10267" spans="1:5" x14ac:dyDescent="0.25">
      <c r="A10267" s="3">
        <v>41856.138194444444</v>
      </c>
      <c r="B10267" s="2">
        <v>21.3</v>
      </c>
      <c r="C10267" s="2">
        <v>240.8</v>
      </c>
      <c r="D10267" s="2">
        <v>0</v>
      </c>
      <c r="E10267" s="2">
        <v>446.79999999998319</v>
      </c>
    </row>
    <row r="10268" spans="1:5" x14ac:dyDescent="0.25">
      <c r="A10268" s="3">
        <v>41856.138425925928</v>
      </c>
      <c r="B10268" s="2">
        <v>21.3</v>
      </c>
      <c r="C10268" s="2">
        <v>240.6</v>
      </c>
      <c r="D10268" s="2">
        <v>0.2</v>
      </c>
      <c r="E10268" s="2">
        <v>446.99999999998317</v>
      </c>
    </row>
    <row r="10269" spans="1:5" x14ac:dyDescent="0.25">
      <c r="A10269" s="3">
        <v>41856.138657407406</v>
      </c>
      <c r="B10269" s="2">
        <v>21.3</v>
      </c>
      <c r="C10269" s="2">
        <v>240.6</v>
      </c>
      <c r="D10269" s="2">
        <v>0.2</v>
      </c>
      <c r="E10269" s="2">
        <v>447.19999999998316</v>
      </c>
    </row>
    <row r="10270" spans="1:5" x14ac:dyDescent="0.25">
      <c r="A10270" s="3">
        <v>41856.13894675926</v>
      </c>
      <c r="B10270" s="2">
        <v>21.3</v>
      </c>
      <c r="C10270" s="2">
        <v>240.6</v>
      </c>
      <c r="D10270" s="2">
        <v>0.2</v>
      </c>
      <c r="E10270" s="2">
        <v>447.39999999998315</v>
      </c>
    </row>
    <row r="10271" spans="1:5" x14ac:dyDescent="0.25">
      <c r="A10271" s="3">
        <v>41856.139062499999</v>
      </c>
      <c r="B10271" s="2">
        <v>21.3</v>
      </c>
      <c r="C10271" s="2">
        <v>240.8</v>
      </c>
      <c r="D10271" s="2">
        <v>0</v>
      </c>
      <c r="E10271" s="2">
        <v>447.39999999998315</v>
      </c>
    </row>
    <row r="10272" spans="1:5" x14ac:dyDescent="0.25">
      <c r="A10272" s="3">
        <v>41856.139236111114</v>
      </c>
      <c r="B10272" s="2">
        <v>21.3</v>
      </c>
      <c r="C10272" s="2">
        <v>240.8</v>
      </c>
      <c r="D10272" s="2">
        <v>0.2</v>
      </c>
      <c r="E10272" s="2">
        <v>447.59999999998314</v>
      </c>
    </row>
    <row r="10273" spans="1:5" x14ac:dyDescent="0.25">
      <c r="A10273" s="3">
        <v>41856.139699074076</v>
      </c>
      <c r="B10273" s="2">
        <v>21.2</v>
      </c>
      <c r="C10273" s="2">
        <v>240.8</v>
      </c>
      <c r="D10273" s="2">
        <v>0.2</v>
      </c>
      <c r="E10273" s="2">
        <v>447.79999999998313</v>
      </c>
    </row>
    <row r="10274" spans="1:5" x14ac:dyDescent="0.25">
      <c r="A10274" s="3">
        <v>41856.140219907407</v>
      </c>
      <c r="B10274" s="2">
        <v>21.2</v>
      </c>
      <c r="C10274" s="2">
        <v>240.8</v>
      </c>
      <c r="D10274" s="2">
        <v>0.2</v>
      </c>
      <c r="E10274" s="2">
        <v>447.99999999998312</v>
      </c>
    </row>
    <row r="10275" spans="1:5" x14ac:dyDescent="0.25">
      <c r="A10275" s="3">
        <v>41856.140509259261</v>
      </c>
      <c r="B10275" s="2">
        <v>21.2</v>
      </c>
      <c r="C10275" s="2">
        <v>241</v>
      </c>
      <c r="D10275" s="2">
        <v>0</v>
      </c>
      <c r="E10275" s="2">
        <v>447.99999999998312</v>
      </c>
    </row>
    <row r="10276" spans="1:5" x14ac:dyDescent="0.25">
      <c r="A10276" s="3">
        <v>41856.140798611108</v>
      </c>
      <c r="B10276" s="2">
        <v>21.2</v>
      </c>
      <c r="C10276" s="2">
        <v>241</v>
      </c>
      <c r="D10276" s="2">
        <v>0.2</v>
      </c>
      <c r="E10276" s="2">
        <v>448.19999999998311</v>
      </c>
    </row>
    <row r="10277" spans="1:5" x14ac:dyDescent="0.25">
      <c r="A10277" s="3">
        <v>41856.141319444447</v>
      </c>
      <c r="B10277" s="2">
        <v>21.1</v>
      </c>
      <c r="C10277" s="2">
        <v>241</v>
      </c>
      <c r="D10277" s="2">
        <v>0.2</v>
      </c>
      <c r="E10277" s="2">
        <v>448.39999999998309</v>
      </c>
    </row>
    <row r="10278" spans="1:5" x14ac:dyDescent="0.25">
      <c r="A10278" s="3">
        <v>41856.142071759263</v>
      </c>
      <c r="B10278" s="2">
        <v>21.2</v>
      </c>
      <c r="C10278" s="2">
        <v>241</v>
      </c>
      <c r="D10278" s="2">
        <v>0.2</v>
      </c>
      <c r="E10278" s="2">
        <v>448.59999999998308</v>
      </c>
    </row>
    <row r="10279" spans="1:5" x14ac:dyDescent="0.25">
      <c r="A10279" s="3">
        <v>41856.142187500001</v>
      </c>
      <c r="B10279" s="2">
        <v>21.2</v>
      </c>
      <c r="C10279" s="2">
        <v>241.2</v>
      </c>
      <c r="D10279" s="2">
        <v>0</v>
      </c>
      <c r="E10279" s="2">
        <v>448.59999999998308</v>
      </c>
    </row>
    <row r="10280" spans="1:5" x14ac:dyDescent="0.25">
      <c r="A10280" s="3">
        <v>41856.143171296295</v>
      </c>
      <c r="B10280" s="2">
        <v>21.1</v>
      </c>
      <c r="C10280" s="2">
        <v>241.2</v>
      </c>
      <c r="D10280" s="2">
        <v>0.2</v>
      </c>
      <c r="E10280" s="2">
        <v>448.79999999998307</v>
      </c>
    </row>
    <row r="10281" spans="1:5" x14ac:dyDescent="0.25">
      <c r="A10281" s="3">
        <v>41856.14403935185</v>
      </c>
      <c r="B10281" s="2">
        <v>21.1</v>
      </c>
      <c r="C10281" s="2">
        <v>241.2</v>
      </c>
      <c r="D10281" s="2">
        <v>0.2</v>
      </c>
      <c r="E10281" s="2">
        <v>448.99999999998306</v>
      </c>
    </row>
    <row r="10282" spans="1:5" x14ac:dyDescent="0.25">
      <c r="A10282" s="3">
        <v>41856.144907407404</v>
      </c>
      <c r="B10282" s="2">
        <v>21.1</v>
      </c>
      <c r="C10282" s="2">
        <v>241.2</v>
      </c>
      <c r="D10282" s="2">
        <v>0.2</v>
      </c>
      <c r="E10282" s="2">
        <v>449.19999999998305</v>
      </c>
    </row>
    <row r="10283" spans="1:5" x14ac:dyDescent="0.25">
      <c r="A10283" s="3">
        <v>41856.145543981482</v>
      </c>
      <c r="B10283" s="2">
        <v>21.1</v>
      </c>
      <c r="C10283" s="2">
        <v>241.4</v>
      </c>
      <c r="D10283" s="2">
        <v>0</v>
      </c>
      <c r="E10283" s="2">
        <v>449.19999999998305</v>
      </c>
    </row>
    <row r="10284" spans="1:5" x14ac:dyDescent="0.25">
      <c r="A10284" s="3">
        <v>41856.145949074074</v>
      </c>
      <c r="B10284" s="2">
        <v>21</v>
      </c>
      <c r="C10284" s="2">
        <v>241.4</v>
      </c>
      <c r="D10284" s="2">
        <v>0.2</v>
      </c>
      <c r="E10284" s="2">
        <v>449.39999999998304</v>
      </c>
    </row>
    <row r="10285" spans="1:5" x14ac:dyDescent="0.25">
      <c r="A10285" s="3">
        <v>41856.146874999999</v>
      </c>
      <c r="B10285" s="2">
        <v>21</v>
      </c>
      <c r="C10285" s="2">
        <v>241.4</v>
      </c>
      <c r="D10285" s="2">
        <v>0.2</v>
      </c>
      <c r="E10285" s="2">
        <v>449.59999999998303</v>
      </c>
    </row>
    <row r="10286" spans="1:5" x14ac:dyDescent="0.25">
      <c r="A10286" s="3">
        <v>41856.147511574076</v>
      </c>
      <c r="B10286" s="2">
        <v>21</v>
      </c>
      <c r="C10286" s="2">
        <v>241.4</v>
      </c>
      <c r="D10286" s="2">
        <v>0.2</v>
      </c>
      <c r="E10286" s="2">
        <v>449.79999999998302</v>
      </c>
    </row>
    <row r="10287" spans="1:5" x14ac:dyDescent="0.25">
      <c r="A10287" s="3">
        <v>41856.1484375</v>
      </c>
      <c r="B10287" s="2">
        <v>20.9</v>
      </c>
      <c r="C10287" s="2">
        <v>241.4</v>
      </c>
      <c r="D10287" s="2">
        <v>0.2</v>
      </c>
      <c r="E10287" s="2">
        <v>449.999999999983</v>
      </c>
    </row>
    <row r="10288" spans="1:5" x14ac:dyDescent="0.25">
      <c r="A10288" s="3">
        <v>41856.152141203704</v>
      </c>
      <c r="B10288" s="2">
        <v>20.9</v>
      </c>
      <c r="C10288" s="2">
        <v>241.4</v>
      </c>
      <c r="D10288" s="2">
        <v>0.2</v>
      </c>
      <c r="E10288" s="2">
        <v>450.19999999998299</v>
      </c>
    </row>
    <row r="10289" spans="1:5" x14ac:dyDescent="0.25">
      <c r="A10289" s="3">
        <v>41856.154629629629</v>
      </c>
      <c r="B10289" s="2">
        <v>20.8</v>
      </c>
      <c r="C10289" s="2">
        <v>241.2</v>
      </c>
      <c r="D10289" s="2">
        <v>0</v>
      </c>
      <c r="E10289" s="2">
        <v>450.19999999998299</v>
      </c>
    </row>
    <row r="10290" spans="1:5" x14ac:dyDescent="0.25">
      <c r="A10290" s="3">
        <v>41856.161168981482</v>
      </c>
      <c r="B10290" s="2">
        <v>20.8</v>
      </c>
      <c r="C10290" s="2">
        <v>241.2</v>
      </c>
      <c r="D10290" s="2">
        <v>0.2</v>
      </c>
      <c r="E10290" s="2">
        <v>450.39999999998298</v>
      </c>
    </row>
    <row r="10291" spans="1:5" x14ac:dyDescent="0.25">
      <c r="A10291" s="3">
        <v>41856.163136574076</v>
      </c>
      <c r="B10291" s="2">
        <v>20.7</v>
      </c>
      <c r="C10291" s="2">
        <v>241</v>
      </c>
      <c r="D10291" s="2">
        <v>0</v>
      </c>
      <c r="E10291" s="2">
        <v>450.39999999998298</v>
      </c>
    </row>
    <row r="10292" spans="1:5" x14ac:dyDescent="0.25">
      <c r="A10292" s="3">
        <v>41856.168055555558</v>
      </c>
      <c r="B10292" s="2">
        <v>20.7</v>
      </c>
      <c r="C10292" s="2">
        <v>241</v>
      </c>
      <c r="D10292" s="2">
        <v>0.2</v>
      </c>
      <c r="E10292" s="2">
        <v>450.59999999998297</v>
      </c>
    </row>
    <row r="10293" spans="1:5" x14ac:dyDescent="0.25">
      <c r="A10293" s="3">
        <v>41856.172048611108</v>
      </c>
      <c r="B10293" s="2">
        <v>20.6</v>
      </c>
      <c r="C10293" s="2">
        <v>241</v>
      </c>
      <c r="D10293" s="2">
        <v>0.2</v>
      </c>
      <c r="E10293" s="2">
        <v>450.79999999998296</v>
      </c>
    </row>
    <row r="10294" spans="1:5" x14ac:dyDescent="0.25">
      <c r="A10294" s="3">
        <v>41856.175925925927</v>
      </c>
      <c r="B10294" s="2">
        <v>20.6</v>
      </c>
      <c r="C10294" s="2">
        <v>241</v>
      </c>
      <c r="D10294" s="2">
        <v>0.2</v>
      </c>
      <c r="E10294" s="2">
        <v>450.99999999998295</v>
      </c>
    </row>
    <row r="10295" spans="1:5" x14ac:dyDescent="0.25">
      <c r="A10295" s="3">
        <v>41856.180092592593</v>
      </c>
      <c r="B10295" s="2">
        <v>20.5</v>
      </c>
      <c r="C10295" s="2">
        <v>241</v>
      </c>
      <c r="D10295" s="2">
        <v>0.2</v>
      </c>
      <c r="E10295" s="2">
        <v>451.19999999998294</v>
      </c>
    </row>
    <row r="10296" spans="1:5" x14ac:dyDescent="0.25">
      <c r="A10296" s="3">
        <v>41856.183217592596</v>
      </c>
      <c r="B10296" s="2">
        <v>20.5</v>
      </c>
      <c r="C10296" s="2">
        <v>241</v>
      </c>
      <c r="D10296" s="2">
        <v>0.2</v>
      </c>
      <c r="E10296" s="2">
        <v>451.39999999998292</v>
      </c>
    </row>
    <row r="10297" spans="1:5" x14ac:dyDescent="0.25">
      <c r="A10297" s="3">
        <v>41856.188425925924</v>
      </c>
      <c r="B10297" s="2">
        <v>20.399999999999999</v>
      </c>
      <c r="C10297" s="2">
        <v>241</v>
      </c>
      <c r="D10297" s="2">
        <v>0.2</v>
      </c>
      <c r="E10297" s="2">
        <v>451.59999999998291</v>
      </c>
    </row>
    <row r="10298" spans="1:5" x14ac:dyDescent="0.25">
      <c r="A10298" s="3">
        <v>41856.197164351855</v>
      </c>
      <c r="B10298" s="2">
        <v>20.3</v>
      </c>
      <c r="C10298" s="2">
        <v>240.8</v>
      </c>
      <c r="D10298" s="2">
        <v>0</v>
      </c>
      <c r="E10298" s="2">
        <v>451.59999999998291</v>
      </c>
    </row>
    <row r="10299" spans="1:5" x14ac:dyDescent="0.25">
      <c r="A10299" s="3">
        <v>41856.199594907404</v>
      </c>
      <c r="B10299" s="2">
        <v>20.3</v>
      </c>
      <c r="C10299" s="2">
        <v>240.8</v>
      </c>
      <c r="D10299" s="2">
        <v>0.2</v>
      </c>
      <c r="E10299" s="2">
        <v>451.7999999999829</v>
      </c>
    </row>
    <row r="10300" spans="1:5" x14ac:dyDescent="0.25">
      <c r="A10300" s="3">
        <v>41856.212384259263</v>
      </c>
      <c r="B10300" s="2">
        <v>20.2</v>
      </c>
      <c r="C10300" s="2">
        <v>240.8</v>
      </c>
      <c r="D10300" s="2">
        <v>0.2</v>
      </c>
      <c r="E10300" s="2">
        <v>451.99999999998289</v>
      </c>
    </row>
    <row r="10301" spans="1:5" x14ac:dyDescent="0.25">
      <c r="A10301" s="3">
        <v>41856.21979166667</v>
      </c>
      <c r="B10301" s="2">
        <v>20.100000000000001</v>
      </c>
      <c r="C10301" s="2">
        <v>240.6</v>
      </c>
      <c r="D10301" s="2">
        <v>0</v>
      </c>
      <c r="E10301" s="2">
        <v>451.99999999998289</v>
      </c>
    </row>
    <row r="10302" spans="1:5" x14ac:dyDescent="0.25">
      <c r="A10302" s="3">
        <v>41856.224305555559</v>
      </c>
      <c r="B10302" s="2">
        <v>20.100000000000001</v>
      </c>
      <c r="C10302" s="2">
        <v>240.8</v>
      </c>
      <c r="D10302" s="2">
        <v>0</v>
      </c>
      <c r="E10302" s="2">
        <v>451.99999999998289</v>
      </c>
    </row>
    <row r="10303" spans="1:5" x14ac:dyDescent="0.25">
      <c r="A10303" s="3">
        <v>41856.224421296298</v>
      </c>
      <c r="B10303" s="2">
        <v>20.100000000000001</v>
      </c>
      <c r="C10303" s="2">
        <v>240.8</v>
      </c>
      <c r="D10303" s="2">
        <v>0.2</v>
      </c>
      <c r="E10303" s="2">
        <v>452.19999999998288</v>
      </c>
    </row>
    <row r="10304" spans="1:5" x14ac:dyDescent="0.25">
      <c r="A10304" s="3">
        <v>41856.229803240742</v>
      </c>
      <c r="B10304" s="2">
        <v>20.100000000000001</v>
      </c>
      <c r="C10304" s="2">
        <v>240.8</v>
      </c>
      <c r="D10304" s="2">
        <v>0.2</v>
      </c>
      <c r="E10304" s="2">
        <v>452.39999999998287</v>
      </c>
    </row>
    <row r="10305" spans="1:5" x14ac:dyDescent="0.25">
      <c r="A10305" s="3">
        <v>41856.239699074074</v>
      </c>
      <c r="B10305" s="2">
        <v>20</v>
      </c>
      <c r="C10305" s="2">
        <v>240.8</v>
      </c>
      <c r="D10305" s="2">
        <v>0.2</v>
      </c>
      <c r="E10305" s="2">
        <v>452.59999999998286</v>
      </c>
    </row>
    <row r="10306" spans="1:5" x14ac:dyDescent="0.25">
      <c r="A10306" s="3">
        <v>41856.247395833336</v>
      </c>
      <c r="B10306" s="2">
        <v>19.899999999999999</v>
      </c>
      <c r="C10306" s="2">
        <v>240.8</v>
      </c>
      <c r="D10306" s="2">
        <v>0.2</v>
      </c>
      <c r="E10306" s="2">
        <v>452.79999999998284</v>
      </c>
    </row>
    <row r="10307" spans="1:5" x14ac:dyDescent="0.25">
      <c r="A10307" s="3">
        <v>41856.256018518521</v>
      </c>
      <c r="B10307" s="2">
        <v>19.8</v>
      </c>
      <c r="C10307" s="2">
        <v>240.8</v>
      </c>
      <c r="D10307" s="2">
        <v>0.2</v>
      </c>
      <c r="E10307" s="2">
        <v>452.99999999998283</v>
      </c>
    </row>
    <row r="10308" spans="1:5" x14ac:dyDescent="0.25">
      <c r="A10308" s="3">
        <v>41856.258738425924</v>
      </c>
      <c r="B10308" s="2">
        <v>19.8</v>
      </c>
      <c r="C10308" s="2">
        <v>240.8</v>
      </c>
      <c r="D10308" s="2">
        <v>0.2</v>
      </c>
      <c r="E10308" s="2">
        <v>453.19999999998282</v>
      </c>
    </row>
    <row r="10309" spans="1:5" x14ac:dyDescent="0.25">
      <c r="A10309" s="3">
        <v>41856.259780092594</v>
      </c>
      <c r="B10309" s="2">
        <v>19.8</v>
      </c>
      <c r="C10309" s="2">
        <v>241</v>
      </c>
      <c r="D10309" s="2">
        <v>0</v>
      </c>
      <c r="E10309" s="2">
        <v>453.19999999998282</v>
      </c>
    </row>
    <row r="10310" spans="1:5" x14ac:dyDescent="0.25">
      <c r="A10310" s="3">
        <v>41856.260995370372</v>
      </c>
      <c r="B10310" s="2">
        <v>19.8</v>
      </c>
      <c r="C10310" s="2">
        <v>241</v>
      </c>
      <c r="D10310" s="2">
        <v>0.2</v>
      </c>
      <c r="E10310" s="2">
        <v>453.39999999998281</v>
      </c>
    </row>
    <row r="10311" spans="1:5" x14ac:dyDescent="0.25">
      <c r="A10311" s="3">
        <v>41856.262731481482</v>
      </c>
      <c r="B10311" s="2">
        <v>19.8</v>
      </c>
      <c r="C10311" s="2">
        <v>241</v>
      </c>
      <c r="D10311" s="2">
        <v>0.2</v>
      </c>
      <c r="E10311" s="2">
        <v>453.5999999999828</v>
      </c>
    </row>
    <row r="10312" spans="1:5" x14ac:dyDescent="0.25">
      <c r="A10312" s="3">
        <v>41856.264293981483</v>
      </c>
      <c r="B10312" s="2">
        <v>19.8</v>
      </c>
      <c r="C10312" s="2">
        <v>241.2</v>
      </c>
      <c r="D10312" s="2">
        <v>0</v>
      </c>
      <c r="E10312" s="2">
        <v>453.5999999999828</v>
      </c>
    </row>
    <row r="10313" spans="1:5" x14ac:dyDescent="0.25">
      <c r="A10313" s="3">
        <v>41856.26458333333</v>
      </c>
      <c r="B10313" s="2">
        <v>19.8</v>
      </c>
      <c r="C10313" s="2">
        <v>241.2</v>
      </c>
      <c r="D10313" s="2">
        <v>0.2</v>
      </c>
      <c r="E10313" s="2">
        <v>453.79999999998279</v>
      </c>
    </row>
    <row r="10314" spans="1:5" x14ac:dyDescent="0.25">
      <c r="A10314" s="3">
        <v>41856.266608796293</v>
      </c>
      <c r="B10314" s="2">
        <v>19.8</v>
      </c>
      <c r="C10314" s="2">
        <v>241.2</v>
      </c>
      <c r="D10314" s="2">
        <v>0.2</v>
      </c>
      <c r="E10314" s="2">
        <v>453.99999999998278</v>
      </c>
    </row>
    <row r="10315" spans="1:5" x14ac:dyDescent="0.25">
      <c r="A10315" s="3">
        <v>41856.270196759258</v>
      </c>
      <c r="B10315" s="2">
        <v>19.7</v>
      </c>
      <c r="C10315" s="2">
        <v>241.2</v>
      </c>
      <c r="D10315" s="2">
        <v>0.2</v>
      </c>
      <c r="E10315" s="2">
        <v>454.19999999998277</v>
      </c>
    </row>
    <row r="10316" spans="1:5" x14ac:dyDescent="0.25">
      <c r="A10316" s="3">
        <v>41856.275057870371</v>
      </c>
      <c r="B10316" s="2">
        <v>19.7</v>
      </c>
      <c r="C10316" s="2">
        <v>241</v>
      </c>
      <c r="D10316" s="2">
        <v>0</v>
      </c>
      <c r="E10316" s="2">
        <v>454.19999999998277</v>
      </c>
    </row>
    <row r="10317" spans="1:5" x14ac:dyDescent="0.25">
      <c r="A10317" s="3">
        <v>41856.285127314812</v>
      </c>
      <c r="B10317" s="2">
        <v>19.600000000000001</v>
      </c>
      <c r="C10317" s="2">
        <v>240.8</v>
      </c>
      <c r="D10317" s="2">
        <v>0</v>
      </c>
      <c r="E10317" s="2">
        <v>454.19999999998277</v>
      </c>
    </row>
    <row r="10318" spans="1:5" x14ac:dyDescent="0.25">
      <c r="A10318" s="3">
        <v>41856.293923611112</v>
      </c>
      <c r="B10318" s="2">
        <v>19.5</v>
      </c>
      <c r="C10318" s="2">
        <v>240.6</v>
      </c>
      <c r="D10318" s="2">
        <v>0</v>
      </c>
      <c r="E10318" s="2">
        <v>454.19999999998277</v>
      </c>
    </row>
    <row r="10319" spans="1:5" x14ac:dyDescent="0.25">
      <c r="A10319" s="3">
        <v>41856.303298611114</v>
      </c>
      <c r="B10319" s="2">
        <v>19.5</v>
      </c>
      <c r="C10319" s="2">
        <v>240.4</v>
      </c>
      <c r="D10319" s="2">
        <v>0</v>
      </c>
      <c r="E10319" s="2">
        <v>454.19999999998277</v>
      </c>
    </row>
    <row r="10320" spans="1:5" x14ac:dyDescent="0.25">
      <c r="A10320" s="3">
        <v>41856.312442129631</v>
      </c>
      <c r="B10320" s="2">
        <v>19.5</v>
      </c>
      <c r="C10320" s="2">
        <v>240.4</v>
      </c>
      <c r="D10320" s="2">
        <v>0.2</v>
      </c>
      <c r="E10320" s="2">
        <v>454.39999999998275</v>
      </c>
    </row>
    <row r="10321" spans="1:5" x14ac:dyDescent="0.25">
      <c r="A10321" s="3">
        <v>41856.318923611114</v>
      </c>
      <c r="B10321" s="2">
        <v>19.5</v>
      </c>
      <c r="C10321" s="2">
        <v>240.4</v>
      </c>
      <c r="D10321" s="2">
        <v>0.2</v>
      </c>
      <c r="E10321" s="2">
        <v>454.59999999998274</v>
      </c>
    </row>
    <row r="10322" spans="1:5" x14ac:dyDescent="0.25">
      <c r="A10322" s="3">
        <v>41856.335300925923</v>
      </c>
      <c r="B10322" s="2">
        <v>19.399999999999999</v>
      </c>
      <c r="C10322" s="2">
        <v>240.2</v>
      </c>
      <c r="D10322" s="2">
        <v>0</v>
      </c>
      <c r="E10322" s="2">
        <v>454.59999999998274</v>
      </c>
    </row>
    <row r="10323" spans="1:5" x14ac:dyDescent="0.25">
      <c r="A10323" s="3">
        <v>41856.345370370371</v>
      </c>
      <c r="B10323" s="2">
        <v>19.399999999999999</v>
      </c>
      <c r="C10323" s="2">
        <v>240</v>
      </c>
      <c r="D10323" s="2">
        <v>0</v>
      </c>
      <c r="E10323" s="2">
        <v>454.59999999998274</v>
      </c>
    </row>
    <row r="10324" spans="1:5" x14ac:dyDescent="0.25">
      <c r="A10324" s="3">
        <v>41856.35769675926</v>
      </c>
      <c r="B10324" s="2">
        <v>19.5</v>
      </c>
      <c r="C10324" s="2">
        <v>239.8</v>
      </c>
      <c r="D10324" s="2">
        <v>0</v>
      </c>
      <c r="E10324" s="2">
        <v>454.59999999998274</v>
      </c>
    </row>
    <row r="10325" spans="1:5" x14ac:dyDescent="0.25">
      <c r="A10325" s="3">
        <v>41856.364641203705</v>
      </c>
      <c r="B10325" s="2">
        <v>19.600000000000001</v>
      </c>
      <c r="C10325" s="2">
        <v>239.6</v>
      </c>
      <c r="D10325" s="2">
        <v>0</v>
      </c>
      <c r="E10325" s="2">
        <v>454.59999999998274</v>
      </c>
    </row>
    <row r="10326" spans="1:5" x14ac:dyDescent="0.25">
      <c r="A10326" s="3">
        <v>41856.383796296293</v>
      </c>
      <c r="B10326" s="2">
        <v>20.100000000000001</v>
      </c>
      <c r="C10326" s="2">
        <v>239.4</v>
      </c>
      <c r="D10326" s="2">
        <v>0</v>
      </c>
      <c r="E10326" s="2">
        <v>454.59999999998274</v>
      </c>
    </row>
    <row r="10327" spans="1:5" x14ac:dyDescent="0.25">
      <c r="A10327" s="3">
        <v>41856.411631944444</v>
      </c>
      <c r="B10327" s="2">
        <v>20.6</v>
      </c>
      <c r="C10327" s="2">
        <v>239.2</v>
      </c>
      <c r="D10327" s="2">
        <v>0</v>
      </c>
      <c r="E10327" s="2">
        <v>454.59999999998274</v>
      </c>
    </row>
    <row r="10328" spans="1:5" x14ac:dyDescent="0.25">
      <c r="A10328" s="3">
        <v>41856.429976851854</v>
      </c>
      <c r="B10328" s="2">
        <v>20.8</v>
      </c>
      <c r="C10328" s="2">
        <v>239</v>
      </c>
      <c r="D10328" s="2">
        <v>0</v>
      </c>
      <c r="E10328" s="2">
        <v>454.59999999998274</v>
      </c>
    </row>
    <row r="10329" spans="1:5" x14ac:dyDescent="0.25">
      <c r="A10329" s="3">
        <v>41856.449652777781</v>
      </c>
      <c r="B10329" s="2">
        <v>21</v>
      </c>
      <c r="C10329" s="2">
        <v>238.8</v>
      </c>
      <c r="D10329" s="2">
        <v>0</v>
      </c>
      <c r="E10329" s="2">
        <v>454.59999999998274</v>
      </c>
    </row>
    <row r="10330" spans="1:5" x14ac:dyDescent="0.25">
      <c r="A10330" s="3">
        <v>41856.459490740737</v>
      </c>
      <c r="B10330" s="2">
        <v>21.3</v>
      </c>
      <c r="C10330" s="2">
        <v>238.6</v>
      </c>
      <c r="D10330" s="2">
        <v>0</v>
      </c>
      <c r="E10330" s="2">
        <v>454.59999999998274</v>
      </c>
    </row>
    <row r="10331" spans="1:5" x14ac:dyDescent="0.25">
      <c r="A10331" s="3">
        <v>41856.488541666666</v>
      </c>
      <c r="B10331" s="2">
        <v>21.7</v>
      </c>
      <c r="C10331" s="2">
        <v>238.4</v>
      </c>
      <c r="D10331" s="2">
        <v>0</v>
      </c>
      <c r="E10331" s="2">
        <v>454.59999999998274</v>
      </c>
    </row>
    <row r="10332" spans="1:5" x14ac:dyDescent="0.25">
      <c r="A10332" s="3">
        <v>41856.50277777778</v>
      </c>
      <c r="B10332" s="2">
        <v>22.1</v>
      </c>
      <c r="C10332" s="2">
        <v>238.2</v>
      </c>
      <c r="D10332" s="2">
        <v>0</v>
      </c>
      <c r="E10332" s="2">
        <v>454.59999999998274</v>
      </c>
    </row>
    <row r="10333" spans="1:5" x14ac:dyDescent="0.25">
      <c r="A10333" s="3">
        <v>41856.537499999999</v>
      </c>
      <c r="B10333" s="2">
        <v>23</v>
      </c>
      <c r="C10333" s="2">
        <v>238</v>
      </c>
      <c r="D10333" s="2">
        <v>0</v>
      </c>
      <c r="E10333" s="2">
        <v>454.59999999998274</v>
      </c>
    </row>
    <row r="10334" spans="1:5" x14ac:dyDescent="0.25">
      <c r="A10334" s="3">
        <v>41856.566840277781</v>
      </c>
      <c r="B10334" s="2">
        <v>23.4</v>
      </c>
      <c r="C10334" s="2">
        <v>237.8</v>
      </c>
      <c r="D10334" s="2">
        <v>0</v>
      </c>
      <c r="E10334" s="2">
        <v>454.59999999998274</v>
      </c>
    </row>
    <row r="10335" spans="1:5" x14ac:dyDescent="0.25">
      <c r="A10335" s="3">
        <v>41856.594618055555</v>
      </c>
      <c r="B10335" s="2">
        <v>23.8</v>
      </c>
      <c r="C10335" s="2">
        <v>237.6</v>
      </c>
      <c r="D10335" s="2">
        <v>0</v>
      </c>
      <c r="E10335" s="2">
        <v>454.59999999998274</v>
      </c>
    </row>
    <row r="10336" spans="1:5" x14ac:dyDescent="0.25">
      <c r="A10336" s="3">
        <v>41856.640972222223</v>
      </c>
      <c r="B10336" s="2">
        <v>24.5</v>
      </c>
      <c r="C10336" s="2">
        <v>237.4</v>
      </c>
      <c r="D10336" s="2">
        <v>0</v>
      </c>
      <c r="E10336" s="2">
        <v>454.59999999998274</v>
      </c>
    </row>
    <row r="10337" spans="1:5" x14ac:dyDescent="0.25">
      <c r="A10337" s="3">
        <v>41856.684027777781</v>
      </c>
      <c r="B10337" s="2">
        <v>24.9</v>
      </c>
      <c r="C10337" s="2">
        <v>237.2</v>
      </c>
      <c r="D10337" s="2">
        <v>0</v>
      </c>
      <c r="E10337" s="2">
        <v>454.59999999998274</v>
      </c>
    </row>
    <row r="10338" spans="1:5" x14ac:dyDescent="0.25">
      <c r="A10338" s="3">
        <v>41856.706307870372</v>
      </c>
      <c r="B10338" s="2">
        <v>25</v>
      </c>
      <c r="C10338" s="2">
        <v>237</v>
      </c>
      <c r="D10338" s="2">
        <v>0</v>
      </c>
      <c r="E10338" s="2">
        <v>454.59999999998274</v>
      </c>
    </row>
    <row r="10339" spans="1:5" x14ac:dyDescent="0.25">
      <c r="A10339" s="3">
        <v>41856.706423611111</v>
      </c>
      <c r="B10339" s="2">
        <v>25</v>
      </c>
      <c r="C10339" s="2">
        <v>237.2</v>
      </c>
      <c r="D10339" s="2">
        <v>0</v>
      </c>
      <c r="E10339" s="2">
        <v>454.59999999998274</v>
      </c>
    </row>
    <row r="10340" spans="1:5" x14ac:dyDescent="0.25">
      <c r="A10340" s="3">
        <v>41856.707002314812</v>
      </c>
      <c r="B10340" s="2">
        <v>25</v>
      </c>
      <c r="C10340" s="2">
        <v>237</v>
      </c>
      <c r="D10340" s="2">
        <v>0</v>
      </c>
      <c r="E10340" s="2">
        <v>454.59999999998274</v>
      </c>
    </row>
    <row r="10341" spans="1:5" x14ac:dyDescent="0.25">
      <c r="A10341" s="3">
        <v>41856.727662037039</v>
      </c>
      <c r="B10341" s="2">
        <v>25.1</v>
      </c>
      <c r="C10341" s="2">
        <v>236.8</v>
      </c>
      <c r="D10341" s="2">
        <v>0</v>
      </c>
      <c r="E10341" s="2">
        <v>454.59999999998274</v>
      </c>
    </row>
    <row r="10342" spans="1:5" x14ac:dyDescent="0.25">
      <c r="A10342" s="3">
        <v>41856.740393518521</v>
      </c>
      <c r="B10342" s="2">
        <v>25</v>
      </c>
      <c r="C10342" s="2">
        <v>237</v>
      </c>
      <c r="D10342" s="2">
        <v>0</v>
      </c>
      <c r="E10342" s="2">
        <v>454.59999999998274</v>
      </c>
    </row>
    <row r="10343" spans="1:5" x14ac:dyDescent="0.25">
      <c r="A10343" s="3">
        <v>41856.740624999999</v>
      </c>
      <c r="B10343" s="2">
        <v>25</v>
      </c>
      <c r="C10343" s="2">
        <v>236.8</v>
      </c>
      <c r="D10343" s="2">
        <v>0</v>
      </c>
      <c r="E10343" s="2">
        <v>454.59999999998274</v>
      </c>
    </row>
    <row r="10344" spans="1:5" x14ac:dyDescent="0.25">
      <c r="A10344" s="3">
        <v>41856.740682870368</v>
      </c>
      <c r="B10344" s="2">
        <v>25</v>
      </c>
      <c r="C10344" s="2">
        <v>237</v>
      </c>
      <c r="D10344" s="2">
        <v>0</v>
      </c>
      <c r="E10344" s="2">
        <v>454.59999999998274</v>
      </c>
    </row>
    <row r="10345" spans="1:5" x14ac:dyDescent="0.25">
      <c r="A10345" s="3">
        <v>41856.741377314815</v>
      </c>
      <c r="B10345" s="2">
        <v>25</v>
      </c>
      <c r="C10345" s="2">
        <v>236.8</v>
      </c>
      <c r="D10345" s="2">
        <v>0</v>
      </c>
      <c r="E10345" s="2">
        <v>454.59999999998274</v>
      </c>
    </row>
    <row r="10346" spans="1:5" x14ac:dyDescent="0.25">
      <c r="A10346" s="3">
        <v>41856.746990740743</v>
      </c>
      <c r="B10346" s="2">
        <v>24.8</v>
      </c>
      <c r="C10346" s="2">
        <v>237</v>
      </c>
      <c r="D10346" s="2">
        <v>0</v>
      </c>
      <c r="E10346" s="2">
        <v>454.59999999998274</v>
      </c>
    </row>
    <row r="10347" spans="1:5" x14ac:dyDescent="0.25">
      <c r="A10347" s="3">
        <v>41856.747048611112</v>
      </c>
      <c r="B10347" s="2">
        <v>24.8</v>
      </c>
      <c r="C10347" s="2">
        <v>236.8</v>
      </c>
      <c r="D10347" s="2">
        <v>0</v>
      </c>
      <c r="E10347" s="2">
        <v>454.59999999998274</v>
      </c>
    </row>
    <row r="10348" spans="1:5" x14ac:dyDescent="0.25">
      <c r="A10348" s="3">
        <v>41856.749421296299</v>
      </c>
      <c r="B10348" s="2">
        <v>24.7</v>
      </c>
      <c r="C10348" s="2">
        <v>236.6</v>
      </c>
      <c r="D10348" s="2">
        <v>0</v>
      </c>
      <c r="E10348" s="2">
        <v>454.59999999998274</v>
      </c>
    </row>
    <row r="10349" spans="1:5" x14ac:dyDescent="0.25">
      <c r="A10349" s="3">
        <v>41856.750983796293</v>
      </c>
      <c r="B10349" s="2">
        <v>24.7</v>
      </c>
      <c r="C10349" s="2">
        <v>236.8</v>
      </c>
      <c r="D10349" s="2">
        <v>0</v>
      </c>
      <c r="E10349" s="2">
        <v>454.59999999998274</v>
      </c>
    </row>
    <row r="10350" spans="1:5" x14ac:dyDescent="0.25">
      <c r="A10350" s="3">
        <v>41856.751157407409</v>
      </c>
      <c r="B10350" s="2">
        <v>24.7</v>
      </c>
      <c r="C10350" s="2">
        <v>236.6</v>
      </c>
      <c r="D10350" s="2">
        <v>0</v>
      </c>
      <c r="E10350" s="2">
        <v>454.59999999998274</v>
      </c>
    </row>
    <row r="10351" spans="1:5" x14ac:dyDescent="0.25">
      <c r="A10351" s="3">
        <v>41856.752893518518</v>
      </c>
      <c r="B10351" s="2">
        <v>24.6</v>
      </c>
      <c r="C10351" s="2">
        <v>236.8</v>
      </c>
      <c r="D10351" s="2">
        <v>0</v>
      </c>
      <c r="E10351" s="2">
        <v>454.59999999998274</v>
      </c>
    </row>
    <row r="10352" spans="1:5" x14ac:dyDescent="0.25">
      <c r="A10352" s="3">
        <v>41856.753009259257</v>
      </c>
      <c r="B10352" s="2">
        <v>24.6</v>
      </c>
      <c r="C10352" s="2">
        <v>236.6</v>
      </c>
      <c r="D10352" s="2">
        <v>0</v>
      </c>
      <c r="E10352" s="2">
        <v>454.59999999998274</v>
      </c>
    </row>
    <row r="10353" spans="1:5" x14ac:dyDescent="0.25">
      <c r="A10353" s="3">
        <v>41856.76059027778</v>
      </c>
      <c r="B10353" s="2">
        <v>24.4</v>
      </c>
      <c r="C10353" s="2">
        <v>236.4</v>
      </c>
      <c r="D10353" s="2">
        <v>0</v>
      </c>
      <c r="E10353" s="2">
        <v>454.59999999998274</v>
      </c>
    </row>
    <row r="10354" spans="1:5" x14ac:dyDescent="0.25">
      <c r="A10354" s="3">
        <v>41856.766261574077</v>
      </c>
      <c r="B10354" s="2">
        <v>24.3</v>
      </c>
      <c r="C10354" s="2">
        <v>236.6</v>
      </c>
      <c r="D10354" s="2">
        <v>0</v>
      </c>
      <c r="E10354" s="2">
        <v>454.59999999998274</v>
      </c>
    </row>
    <row r="10355" spans="1:5" x14ac:dyDescent="0.25">
      <c r="A10355" s="3">
        <v>41856.766319444447</v>
      </c>
      <c r="B10355" s="2">
        <v>24.3</v>
      </c>
      <c r="C10355" s="2">
        <v>236.6</v>
      </c>
      <c r="D10355" s="2">
        <v>0.2</v>
      </c>
      <c r="E10355" s="2">
        <v>454.79999999998273</v>
      </c>
    </row>
    <row r="10356" spans="1:5" x14ac:dyDescent="0.25">
      <c r="A10356" s="3">
        <v>41856.767766203702</v>
      </c>
      <c r="B10356" s="2">
        <v>24.3</v>
      </c>
      <c r="C10356" s="2">
        <v>236.6</v>
      </c>
      <c r="D10356" s="2">
        <v>0.2</v>
      </c>
      <c r="E10356" s="2">
        <v>454.99999999998272</v>
      </c>
    </row>
    <row r="10357" spans="1:5" x14ac:dyDescent="0.25">
      <c r="A10357" s="3">
        <v>41856.768460648149</v>
      </c>
      <c r="B10357" s="2">
        <v>24.2</v>
      </c>
      <c r="C10357" s="2">
        <v>236.8</v>
      </c>
      <c r="D10357" s="2">
        <v>0</v>
      </c>
      <c r="E10357" s="2">
        <v>454.99999999998272</v>
      </c>
    </row>
    <row r="10358" spans="1:5" x14ac:dyDescent="0.25">
      <c r="A10358" s="3">
        <v>41856.768518518518</v>
      </c>
      <c r="B10358" s="2">
        <v>24.2</v>
      </c>
      <c r="C10358" s="2">
        <v>236.8</v>
      </c>
      <c r="D10358" s="2">
        <v>0.2</v>
      </c>
      <c r="E10358" s="2">
        <v>455.19999999998271</v>
      </c>
    </row>
    <row r="10359" spans="1:5" x14ac:dyDescent="0.25">
      <c r="A10359" s="3">
        <v>41856.769618055558</v>
      </c>
      <c r="B10359" s="2">
        <v>24.2</v>
      </c>
      <c r="C10359" s="2">
        <v>236.8</v>
      </c>
      <c r="D10359" s="2">
        <v>0.2</v>
      </c>
      <c r="E10359" s="2">
        <v>455.3999999999827</v>
      </c>
    </row>
    <row r="10360" spans="1:5" x14ac:dyDescent="0.25">
      <c r="A10360" s="3">
        <v>41856.769733796296</v>
      </c>
      <c r="B10360" s="2">
        <v>24.1</v>
      </c>
      <c r="C10360" s="2">
        <v>237</v>
      </c>
      <c r="D10360" s="2">
        <v>0</v>
      </c>
      <c r="E10360" s="2">
        <v>455.3999999999827</v>
      </c>
    </row>
    <row r="10361" spans="1:5" x14ac:dyDescent="0.25">
      <c r="A10361" s="3">
        <v>41856.771701388891</v>
      </c>
      <c r="B10361" s="2">
        <v>24.1</v>
      </c>
      <c r="C10361" s="2">
        <v>237</v>
      </c>
      <c r="D10361" s="2">
        <v>0.2</v>
      </c>
      <c r="E10361" s="2">
        <v>455.59999999998269</v>
      </c>
    </row>
    <row r="10362" spans="1:5" x14ac:dyDescent="0.25">
      <c r="A10362" s="3">
        <v>41856.772106481483</v>
      </c>
      <c r="B10362" s="2">
        <v>24.1</v>
      </c>
      <c r="C10362" s="2">
        <v>237.2</v>
      </c>
      <c r="D10362" s="2">
        <v>0</v>
      </c>
      <c r="E10362" s="2">
        <v>455.59999999998269</v>
      </c>
    </row>
    <row r="10363" spans="1:5" x14ac:dyDescent="0.25">
      <c r="A10363" s="3">
        <v>41856.773206018515</v>
      </c>
      <c r="B10363" s="2">
        <v>24.1</v>
      </c>
      <c r="C10363" s="2">
        <v>237.2</v>
      </c>
      <c r="D10363" s="2">
        <v>0.2</v>
      </c>
      <c r="E10363" s="2">
        <v>455.79999999998267</v>
      </c>
    </row>
    <row r="10364" spans="1:5" x14ac:dyDescent="0.25">
      <c r="A10364" s="3">
        <v>41856.773495370369</v>
      </c>
      <c r="B10364" s="2">
        <v>24.1</v>
      </c>
      <c r="C10364" s="2">
        <v>237.4</v>
      </c>
      <c r="D10364" s="2">
        <v>0</v>
      </c>
      <c r="E10364" s="2">
        <v>455.79999999998267</v>
      </c>
    </row>
    <row r="10365" spans="1:5" x14ac:dyDescent="0.25">
      <c r="A10365" s="3">
        <v>41856.775578703702</v>
      </c>
      <c r="B10365" s="2">
        <v>24</v>
      </c>
      <c r="C10365" s="2">
        <v>237.4</v>
      </c>
      <c r="D10365" s="2">
        <v>0.2</v>
      </c>
      <c r="E10365" s="2">
        <v>455.99999999998266</v>
      </c>
    </row>
    <row r="10366" spans="1:5" x14ac:dyDescent="0.25">
      <c r="A10366" s="3">
        <v>41856.777951388889</v>
      </c>
      <c r="B10366" s="2">
        <v>24</v>
      </c>
      <c r="C10366" s="2">
        <v>237.6</v>
      </c>
      <c r="D10366" s="2">
        <v>0</v>
      </c>
      <c r="E10366" s="2">
        <v>455.99999999998266</v>
      </c>
    </row>
    <row r="10367" spans="1:5" x14ac:dyDescent="0.25">
      <c r="A10367" s="3">
        <v>41856.778298611112</v>
      </c>
      <c r="B10367" s="2">
        <v>24</v>
      </c>
      <c r="C10367" s="2">
        <v>237.6</v>
      </c>
      <c r="D10367" s="2">
        <v>0.2</v>
      </c>
      <c r="E10367" s="2">
        <v>456.19999999998265</v>
      </c>
    </row>
    <row r="10368" spans="1:5" x14ac:dyDescent="0.25">
      <c r="A10368" s="3">
        <v>41856.780092592591</v>
      </c>
      <c r="B10368" s="2">
        <v>23.9</v>
      </c>
      <c r="C10368" s="2">
        <v>237.6</v>
      </c>
      <c r="D10368" s="2">
        <v>0.2</v>
      </c>
      <c r="E10368" s="2">
        <v>456.39999999998264</v>
      </c>
    </row>
    <row r="10369" spans="1:5" x14ac:dyDescent="0.25">
      <c r="A10369" s="3">
        <v>41856.781770833331</v>
      </c>
      <c r="B10369" s="2">
        <v>23.8</v>
      </c>
      <c r="C10369" s="2">
        <v>237.8</v>
      </c>
      <c r="D10369" s="2">
        <v>0</v>
      </c>
      <c r="E10369" s="2">
        <v>456.39999999998264</v>
      </c>
    </row>
    <row r="10370" spans="1:5" x14ac:dyDescent="0.25">
      <c r="A10370" s="3">
        <v>41856.795891203707</v>
      </c>
      <c r="B10370" s="2">
        <v>23.6</v>
      </c>
      <c r="C10370" s="2">
        <v>237.8</v>
      </c>
      <c r="D10370" s="2">
        <v>0.2</v>
      </c>
      <c r="E10370" s="2">
        <v>456.59999999998263</v>
      </c>
    </row>
    <row r="10371" spans="1:5" x14ac:dyDescent="0.25">
      <c r="A10371" s="3">
        <v>41856.812789351854</v>
      </c>
      <c r="B10371" s="2">
        <v>23.3</v>
      </c>
      <c r="C10371" s="2">
        <v>237.8</v>
      </c>
      <c r="D10371" s="2">
        <v>0.2</v>
      </c>
      <c r="E10371" s="2">
        <v>456.79999999998262</v>
      </c>
    </row>
    <row r="10372" spans="1:5" x14ac:dyDescent="0.25">
      <c r="A10372" s="3">
        <v>41856.817881944444</v>
      </c>
      <c r="B10372" s="2">
        <v>23.2</v>
      </c>
      <c r="C10372" s="2">
        <v>237.8</v>
      </c>
      <c r="D10372" s="2">
        <v>0.2</v>
      </c>
      <c r="E10372" s="2">
        <v>456.99999999998261</v>
      </c>
    </row>
    <row r="10373" spans="1:5" x14ac:dyDescent="0.25">
      <c r="A10373" s="3">
        <v>41856.819907407407</v>
      </c>
      <c r="B10373" s="2">
        <v>23.2</v>
      </c>
      <c r="C10373" s="2">
        <v>238</v>
      </c>
      <c r="D10373" s="2">
        <v>0</v>
      </c>
      <c r="E10373" s="2">
        <v>456.99999999998261</v>
      </c>
    </row>
    <row r="10374" spans="1:5" x14ac:dyDescent="0.25">
      <c r="A10374" s="3">
        <v>41856.829224537039</v>
      </c>
      <c r="B10374" s="2">
        <v>23.1</v>
      </c>
      <c r="C10374" s="2">
        <v>238</v>
      </c>
      <c r="D10374" s="2">
        <v>0.2</v>
      </c>
      <c r="E10374" s="2">
        <v>457.19999999998259</v>
      </c>
    </row>
    <row r="10375" spans="1:5" x14ac:dyDescent="0.25">
      <c r="A10375" s="3">
        <v>41856.837152777778</v>
      </c>
      <c r="B10375" s="2">
        <v>23</v>
      </c>
      <c r="C10375" s="2">
        <v>238.2</v>
      </c>
      <c r="D10375" s="2">
        <v>0</v>
      </c>
      <c r="E10375" s="2">
        <v>457.19999999998259</v>
      </c>
    </row>
    <row r="10376" spans="1:5" x14ac:dyDescent="0.25">
      <c r="A10376" s="3">
        <v>41856.837905092594</v>
      </c>
      <c r="B10376" s="2">
        <v>23</v>
      </c>
      <c r="C10376" s="2">
        <v>238.2</v>
      </c>
      <c r="D10376" s="2">
        <v>0.2</v>
      </c>
      <c r="E10376" s="2">
        <v>457.39999999998258</v>
      </c>
    </row>
    <row r="10377" spans="1:5" x14ac:dyDescent="0.25">
      <c r="A10377" s="3">
        <v>41856.848668981482</v>
      </c>
      <c r="B10377" s="2">
        <v>22.8</v>
      </c>
      <c r="C10377" s="2">
        <v>238.2</v>
      </c>
      <c r="D10377" s="2">
        <v>0.2</v>
      </c>
      <c r="E10377" s="2">
        <v>457.59999999998257</v>
      </c>
    </row>
    <row r="10378" spans="1:5" x14ac:dyDescent="0.25">
      <c r="A10378" s="3">
        <v>41856.870081018518</v>
      </c>
      <c r="B10378" s="2">
        <v>22.5</v>
      </c>
      <c r="C10378" s="2">
        <v>238.2</v>
      </c>
      <c r="D10378" s="2">
        <v>0.2</v>
      </c>
      <c r="E10378" s="2">
        <v>457.79999999998256</v>
      </c>
    </row>
    <row r="10379" spans="1:5" x14ac:dyDescent="0.25">
      <c r="A10379" s="3">
        <v>41856.978182870371</v>
      </c>
      <c r="B10379" s="2">
        <v>21.4</v>
      </c>
      <c r="C10379" s="2">
        <v>238</v>
      </c>
      <c r="D10379" s="2">
        <v>0</v>
      </c>
      <c r="E10379" s="2">
        <v>457.79999999998256</v>
      </c>
    </row>
    <row r="10380" spans="1:5" x14ac:dyDescent="0.25">
      <c r="A10380" s="3">
        <v>41857.049189814818</v>
      </c>
      <c r="B10380" s="2">
        <v>20.7</v>
      </c>
      <c r="C10380" s="2">
        <v>237.8</v>
      </c>
      <c r="D10380" s="2">
        <v>0</v>
      </c>
      <c r="E10380" s="2">
        <v>457.79999999998256</v>
      </c>
    </row>
    <row r="10381" spans="1:5" x14ac:dyDescent="0.25">
      <c r="A10381" s="3">
        <v>41857.114699074074</v>
      </c>
      <c r="B10381" s="2">
        <v>20.3</v>
      </c>
      <c r="C10381" s="2">
        <v>237.6</v>
      </c>
      <c r="D10381" s="2">
        <v>0</v>
      </c>
      <c r="E10381" s="2">
        <v>457.79999999998256</v>
      </c>
    </row>
    <row r="10382" spans="1:5" x14ac:dyDescent="0.25">
      <c r="A10382" s="3">
        <v>41857.20416666667</v>
      </c>
      <c r="B10382" s="2">
        <v>19.7</v>
      </c>
      <c r="C10382" s="2">
        <v>237.4</v>
      </c>
      <c r="D10382" s="2">
        <v>0</v>
      </c>
      <c r="E10382" s="2">
        <v>457.79999999998256</v>
      </c>
    </row>
    <row r="10383" spans="1:5" x14ac:dyDescent="0.25">
      <c r="A10383" s="3">
        <v>41857.258449074077</v>
      </c>
      <c r="B10383" s="2">
        <v>19.3</v>
      </c>
      <c r="C10383" s="2">
        <v>237.2</v>
      </c>
      <c r="D10383" s="2">
        <v>0</v>
      </c>
      <c r="E10383" s="2">
        <v>457.79999999998256</v>
      </c>
    </row>
    <row r="10384" spans="1:5" x14ac:dyDescent="0.25">
      <c r="A10384" s="3">
        <v>41857.29855324074</v>
      </c>
      <c r="B10384" s="2">
        <v>19.100000000000001</v>
      </c>
      <c r="C10384" s="2">
        <v>237</v>
      </c>
      <c r="D10384" s="2">
        <v>0</v>
      </c>
      <c r="E10384" s="2">
        <v>457.79999999998256</v>
      </c>
    </row>
    <row r="10385" spans="1:5" x14ac:dyDescent="0.25">
      <c r="A10385" s="3">
        <v>41857.332696759258</v>
      </c>
      <c r="B10385" s="2">
        <v>18.899999999999999</v>
      </c>
      <c r="C10385" s="2">
        <v>236.8</v>
      </c>
      <c r="D10385" s="2">
        <v>0</v>
      </c>
      <c r="E10385" s="2">
        <v>457.79999999998256</v>
      </c>
    </row>
    <row r="10386" spans="1:5" x14ac:dyDescent="0.25">
      <c r="A10386" s="3">
        <v>41857.368634259263</v>
      </c>
      <c r="B10386" s="2">
        <v>18.899999999999999</v>
      </c>
      <c r="C10386" s="2">
        <v>236.6</v>
      </c>
      <c r="D10386" s="2">
        <v>0</v>
      </c>
      <c r="E10386" s="2">
        <v>457.79999999998256</v>
      </c>
    </row>
    <row r="10387" spans="1:5" x14ac:dyDescent="0.25">
      <c r="A10387" s="3">
        <v>41857.386400462965</v>
      </c>
      <c r="B10387" s="2">
        <v>19.100000000000001</v>
      </c>
      <c r="C10387" s="2">
        <v>236.4</v>
      </c>
      <c r="D10387" s="2">
        <v>0</v>
      </c>
      <c r="E10387" s="2">
        <v>457.79999999998256</v>
      </c>
    </row>
    <row r="10388" spans="1:5" x14ac:dyDescent="0.25">
      <c r="A10388" s="3">
        <v>41857.510995370372</v>
      </c>
      <c r="B10388" s="2">
        <v>23.6</v>
      </c>
      <c r="C10388" s="2">
        <v>236.2</v>
      </c>
      <c r="D10388" s="2">
        <v>0</v>
      </c>
      <c r="E10388" s="2">
        <v>457.79999999998256</v>
      </c>
    </row>
    <row r="10389" spans="1:5" x14ac:dyDescent="0.25">
      <c r="A10389" s="3">
        <v>41857.511111111111</v>
      </c>
      <c r="B10389" s="2">
        <v>23.6</v>
      </c>
      <c r="C10389" s="2">
        <v>236.4</v>
      </c>
      <c r="D10389" s="2">
        <v>0</v>
      </c>
      <c r="E10389" s="2">
        <v>457.79999999998256</v>
      </c>
    </row>
    <row r="10390" spans="1:5" x14ac:dyDescent="0.25">
      <c r="A10390" s="3">
        <v>41857.511400462965</v>
      </c>
      <c r="B10390" s="2">
        <v>23.6</v>
      </c>
      <c r="C10390" s="2">
        <v>236.2</v>
      </c>
      <c r="D10390" s="2">
        <v>0</v>
      </c>
      <c r="E10390" s="2">
        <v>457.79999999998256</v>
      </c>
    </row>
    <row r="10391" spans="1:5" x14ac:dyDescent="0.25">
      <c r="A10391" s="3">
        <v>41857.511516203704</v>
      </c>
      <c r="B10391" s="2">
        <v>23.6</v>
      </c>
      <c r="C10391" s="2">
        <v>236.4</v>
      </c>
      <c r="D10391" s="2">
        <v>0</v>
      </c>
      <c r="E10391" s="2">
        <v>457.79999999998256</v>
      </c>
    </row>
    <row r="10392" spans="1:5" x14ac:dyDescent="0.25">
      <c r="A10392" s="3">
        <v>41857.513252314813</v>
      </c>
      <c r="B10392" s="2">
        <v>23.6</v>
      </c>
      <c r="C10392" s="2">
        <v>236.2</v>
      </c>
      <c r="D10392" s="2">
        <v>0</v>
      </c>
      <c r="E10392" s="2">
        <v>457.79999999998256</v>
      </c>
    </row>
    <row r="10393" spans="1:5" x14ac:dyDescent="0.25">
      <c r="A10393" s="3">
        <v>41857.513368055559</v>
      </c>
      <c r="B10393" s="2">
        <v>23.6</v>
      </c>
      <c r="C10393" s="2">
        <v>236.4</v>
      </c>
      <c r="D10393" s="2">
        <v>0</v>
      </c>
      <c r="E10393" s="2">
        <v>457.79999999998256</v>
      </c>
    </row>
    <row r="10394" spans="1:5" x14ac:dyDescent="0.25">
      <c r="A10394" s="3">
        <v>41857.51394675926</v>
      </c>
      <c r="B10394" s="2">
        <v>23.7</v>
      </c>
      <c r="C10394" s="2">
        <v>236.2</v>
      </c>
      <c r="D10394" s="2">
        <v>0</v>
      </c>
      <c r="E10394" s="2">
        <v>457.79999999998256</v>
      </c>
    </row>
    <row r="10395" spans="1:5" x14ac:dyDescent="0.25">
      <c r="A10395" s="3">
        <v>41857.514062499999</v>
      </c>
      <c r="B10395" s="2">
        <v>23.7</v>
      </c>
      <c r="C10395" s="2">
        <v>236.4</v>
      </c>
      <c r="D10395" s="2">
        <v>0</v>
      </c>
      <c r="E10395" s="2">
        <v>457.79999999998256</v>
      </c>
    </row>
    <row r="10396" spans="1:5" x14ac:dyDescent="0.25">
      <c r="A10396" s="3">
        <v>41857.515625</v>
      </c>
      <c r="B10396" s="2">
        <v>23.9</v>
      </c>
      <c r="C10396" s="2">
        <v>236.2</v>
      </c>
      <c r="D10396" s="2">
        <v>0</v>
      </c>
      <c r="E10396" s="2">
        <v>457.79999999998256</v>
      </c>
    </row>
    <row r="10397" spans="1:5" x14ac:dyDescent="0.25">
      <c r="A10397" s="3">
        <v>41857.517071759263</v>
      </c>
      <c r="B10397" s="2">
        <v>24</v>
      </c>
      <c r="C10397" s="2">
        <v>236.4</v>
      </c>
      <c r="D10397" s="2">
        <v>0</v>
      </c>
      <c r="E10397" s="2">
        <v>457.79999999998256</v>
      </c>
    </row>
    <row r="10398" spans="1:5" x14ac:dyDescent="0.25">
      <c r="A10398" s="3">
        <v>41857.517245370371</v>
      </c>
      <c r="B10398" s="2">
        <v>24</v>
      </c>
      <c r="C10398" s="2">
        <v>236.2</v>
      </c>
      <c r="D10398" s="2">
        <v>0</v>
      </c>
      <c r="E10398" s="2">
        <v>457.79999999998256</v>
      </c>
    </row>
    <row r="10399" spans="1:5" x14ac:dyDescent="0.25">
      <c r="A10399" s="3">
        <v>41857.517476851855</v>
      </c>
      <c r="B10399" s="2">
        <v>24</v>
      </c>
      <c r="C10399" s="2">
        <v>236.4</v>
      </c>
      <c r="D10399" s="2">
        <v>0</v>
      </c>
      <c r="E10399" s="2">
        <v>457.79999999998256</v>
      </c>
    </row>
    <row r="10400" spans="1:5" x14ac:dyDescent="0.25">
      <c r="A10400" s="3">
        <v>41857.517592592594</v>
      </c>
      <c r="B10400" s="2">
        <v>24</v>
      </c>
      <c r="C10400" s="2">
        <v>236.2</v>
      </c>
      <c r="D10400" s="2">
        <v>0</v>
      </c>
      <c r="E10400" s="2">
        <v>457.79999999998256</v>
      </c>
    </row>
    <row r="10401" spans="1:5" x14ac:dyDescent="0.25">
      <c r="A10401" s="3">
        <v>41857.518518518518</v>
      </c>
      <c r="B10401" s="2">
        <v>24</v>
      </c>
      <c r="C10401" s="2">
        <v>236.4</v>
      </c>
      <c r="D10401" s="2">
        <v>0</v>
      </c>
      <c r="E10401" s="2">
        <v>457.79999999998256</v>
      </c>
    </row>
    <row r="10402" spans="1:5" x14ac:dyDescent="0.25">
      <c r="A10402" s="3">
        <v>41857.518923611111</v>
      </c>
      <c r="B10402" s="2">
        <v>24.1</v>
      </c>
      <c r="C10402" s="2">
        <v>236.2</v>
      </c>
      <c r="D10402" s="2">
        <v>0</v>
      </c>
      <c r="E10402" s="2">
        <v>457.79999999998256</v>
      </c>
    </row>
    <row r="10403" spans="1:5" x14ac:dyDescent="0.25">
      <c r="A10403" s="3">
        <v>41857.521990740737</v>
      </c>
      <c r="B10403" s="2">
        <v>24.2</v>
      </c>
      <c r="C10403" s="2">
        <v>236.4</v>
      </c>
      <c r="D10403" s="2">
        <v>0</v>
      </c>
      <c r="E10403" s="2">
        <v>457.79999999998256</v>
      </c>
    </row>
    <row r="10404" spans="1:5" x14ac:dyDescent="0.25">
      <c r="A10404" s="3">
        <v>41857.522164351853</v>
      </c>
      <c r="B10404" s="2">
        <v>24.2</v>
      </c>
      <c r="C10404" s="2">
        <v>236.2</v>
      </c>
      <c r="D10404" s="2">
        <v>0</v>
      </c>
      <c r="E10404" s="2">
        <v>457.79999999998256</v>
      </c>
    </row>
    <row r="10405" spans="1:5" x14ac:dyDescent="0.25">
      <c r="A10405" s="3">
        <v>41857.592592592591</v>
      </c>
      <c r="B10405" s="2">
        <v>28</v>
      </c>
      <c r="C10405" s="2">
        <v>236</v>
      </c>
      <c r="D10405" s="2">
        <v>0</v>
      </c>
      <c r="E10405" s="2">
        <v>457.79999999998256</v>
      </c>
    </row>
    <row r="10406" spans="1:5" x14ac:dyDescent="0.25">
      <c r="A10406" s="3">
        <v>41857.593287037038</v>
      </c>
      <c r="B10406" s="2">
        <v>28</v>
      </c>
      <c r="C10406" s="2">
        <v>236.2</v>
      </c>
      <c r="D10406" s="2">
        <v>0</v>
      </c>
      <c r="E10406" s="2">
        <v>457.79999999998256</v>
      </c>
    </row>
    <row r="10407" spans="1:5" x14ac:dyDescent="0.25">
      <c r="A10407" s="3">
        <v>41857.593460648146</v>
      </c>
      <c r="B10407" s="2">
        <v>28</v>
      </c>
      <c r="C10407" s="2">
        <v>236</v>
      </c>
      <c r="D10407" s="2">
        <v>0</v>
      </c>
      <c r="E10407" s="2">
        <v>457.79999999998256</v>
      </c>
    </row>
    <row r="10408" spans="1:5" x14ac:dyDescent="0.25">
      <c r="A10408" s="3">
        <v>41857.594386574077</v>
      </c>
      <c r="B10408" s="2">
        <v>28</v>
      </c>
      <c r="C10408" s="2">
        <v>236.2</v>
      </c>
      <c r="D10408" s="2">
        <v>0</v>
      </c>
      <c r="E10408" s="2">
        <v>457.79999999998256</v>
      </c>
    </row>
    <row r="10409" spans="1:5" x14ac:dyDescent="0.25">
      <c r="A10409" s="3">
        <v>41857.594618055555</v>
      </c>
      <c r="B10409" s="2">
        <v>28</v>
      </c>
      <c r="C10409" s="2">
        <v>236</v>
      </c>
      <c r="D10409" s="2">
        <v>0</v>
      </c>
      <c r="E10409" s="2">
        <v>457.79999999998256</v>
      </c>
    </row>
    <row r="10410" spans="1:5" x14ac:dyDescent="0.25">
      <c r="A10410" s="3">
        <v>41857.606134259258</v>
      </c>
      <c r="B10410" s="2">
        <v>28.4</v>
      </c>
      <c r="C10410" s="2">
        <v>236.2</v>
      </c>
      <c r="D10410" s="2">
        <v>0</v>
      </c>
      <c r="E10410" s="2">
        <v>457.79999999998256</v>
      </c>
    </row>
    <row r="10411" spans="1:5" x14ac:dyDescent="0.25">
      <c r="A10411" s="3">
        <v>41857.606365740743</v>
      </c>
      <c r="B10411" s="2">
        <v>28.4</v>
      </c>
      <c r="C10411" s="2">
        <v>236</v>
      </c>
      <c r="D10411" s="2">
        <v>0</v>
      </c>
      <c r="E10411" s="2">
        <v>457.79999999998256</v>
      </c>
    </row>
    <row r="10412" spans="1:5" x14ac:dyDescent="0.25">
      <c r="A10412" s="3">
        <v>41857.643287037034</v>
      </c>
      <c r="B10412" s="2">
        <v>29.5</v>
      </c>
      <c r="C10412" s="2">
        <v>235.8</v>
      </c>
      <c r="D10412" s="2">
        <v>0</v>
      </c>
      <c r="E10412" s="2">
        <v>457.79999999998256</v>
      </c>
    </row>
    <row r="10413" spans="1:5" x14ac:dyDescent="0.25">
      <c r="A10413" s="3">
        <v>41857.648090277777</v>
      </c>
      <c r="B10413" s="2">
        <v>29.6</v>
      </c>
      <c r="C10413" s="2">
        <v>236</v>
      </c>
      <c r="D10413" s="2">
        <v>0</v>
      </c>
      <c r="E10413" s="2">
        <v>457.79999999998256</v>
      </c>
    </row>
    <row r="10414" spans="1:5" x14ac:dyDescent="0.25">
      <c r="A10414" s="3">
        <v>41857.648495370369</v>
      </c>
      <c r="B10414" s="2">
        <v>29.6</v>
      </c>
      <c r="C10414" s="2">
        <v>235.8</v>
      </c>
      <c r="D10414" s="2">
        <v>0</v>
      </c>
      <c r="E10414" s="2">
        <v>457.79999999998256</v>
      </c>
    </row>
    <row r="10415" spans="1:5" x14ac:dyDescent="0.25">
      <c r="A10415" s="3">
        <v>41857.648784722223</v>
      </c>
      <c r="B10415" s="2">
        <v>29.6</v>
      </c>
      <c r="C10415" s="2">
        <v>236</v>
      </c>
      <c r="D10415" s="2">
        <v>0</v>
      </c>
      <c r="E10415" s="2">
        <v>457.79999999998256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0515"/>
  <sheetViews>
    <sheetView tabSelected="1" topLeftCell="A24614" workbookViewId="0">
      <selection activeCell="A24627" sqref="A24627:C40515"/>
    </sheetView>
  </sheetViews>
  <sheetFormatPr defaultRowHeight="15" x14ac:dyDescent="0.25"/>
  <cols>
    <col min="1" max="1" width="19.140625" customWidth="1"/>
    <col min="2" max="2" width="17" style="5" customWidth="1"/>
    <col min="3" max="3" width="16.140625" customWidth="1"/>
    <col min="9" max="9" width="19.140625" customWidth="1"/>
  </cols>
  <sheetData>
    <row r="1" spans="1:9" x14ac:dyDescent="0.25">
      <c r="A1" s="2" t="s">
        <v>24783</v>
      </c>
      <c r="B1" s="6" t="s">
        <v>24782</v>
      </c>
      <c r="C1" s="6" t="s">
        <v>24784</v>
      </c>
    </row>
    <row r="2" spans="1:9" x14ac:dyDescent="0.25">
      <c r="A2" s="3">
        <v>41643.577361111114</v>
      </c>
      <c r="B2" s="6">
        <v>16.649999999999999</v>
      </c>
      <c r="C2" s="7">
        <f>B2/1000</f>
        <v>1.6649999999999998E-2</v>
      </c>
      <c r="I2" s="1"/>
    </row>
    <row r="3" spans="1:9" x14ac:dyDescent="0.25">
      <c r="A3" s="3">
        <v>41643.577800925923</v>
      </c>
      <c r="B3" s="6">
        <v>33.299999999999997</v>
      </c>
      <c r="C3" s="7">
        <f t="shared" ref="C3:C66" si="0">B3/1000</f>
        <v>3.3299999999999996E-2</v>
      </c>
      <c r="I3" s="1"/>
    </row>
    <row r="4" spans="1:9" x14ac:dyDescent="0.25">
      <c r="A4" s="3">
        <v>41643.579502314817</v>
      </c>
      <c r="B4" s="6">
        <v>49.949999999999996</v>
      </c>
      <c r="C4" s="7">
        <f t="shared" si="0"/>
        <v>4.9949999999999994E-2</v>
      </c>
      <c r="I4" s="1"/>
    </row>
    <row r="5" spans="1:9" x14ac:dyDescent="0.25">
      <c r="A5" s="3">
        <v>41643.579710648148</v>
      </c>
      <c r="B5" s="6">
        <v>66.599999999999994</v>
      </c>
      <c r="C5" s="7">
        <f t="shared" si="0"/>
        <v>6.6599999999999993E-2</v>
      </c>
      <c r="I5" s="1"/>
    </row>
    <row r="6" spans="1:9" x14ac:dyDescent="0.25">
      <c r="A6" s="3">
        <v>41643.580763888887</v>
      </c>
      <c r="B6" s="6">
        <v>83.25</v>
      </c>
      <c r="C6" s="7">
        <f t="shared" si="0"/>
        <v>8.3250000000000005E-2</v>
      </c>
      <c r="I6" s="1"/>
    </row>
    <row r="7" spans="1:9" x14ac:dyDescent="0.25">
      <c r="A7" s="3">
        <v>41643.580891203703</v>
      </c>
      <c r="B7" s="6">
        <v>99.899999999999991</v>
      </c>
      <c r="C7" s="7">
        <f t="shared" si="0"/>
        <v>9.9899999999999989E-2</v>
      </c>
      <c r="I7" s="1"/>
    </row>
    <row r="8" spans="1:9" x14ac:dyDescent="0.25">
      <c r="A8" s="3">
        <v>41643.585069444445</v>
      </c>
      <c r="B8" s="6">
        <v>116.54999999999998</v>
      </c>
      <c r="C8" s="7">
        <f t="shared" si="0"/>
        <v>0.11654999999999999</v>
      </c>
      <c r="I8" s="1"/>
    </row>
    <row r="9" spans="1:9" x14ac:dyDescent="0.25">
      <c r="A9" s="3">
        <v>41643.585266203707</v>
      </c>
      <c r="B9" s="6">
        <v>133.19999999999999</v>
      </c>
      <c r="C9" s="7">
        <f t="shared" si="0"/>
        <v>0.13319999999999999</v>
      </c>
      <c r="I9" s="1"/>
    </row>
    <row r="10" spans="1:9" x14ac:dyDescent="0.25">
      <c r="A10" s="3">
        <v>41643.589050925926</v>
      </c>
      <c r="B10" s="6">
        <v>149.85</v>
      </c>
      <c r="C10" s="7">
        <f t="shared" si="0"/>
        <v>0.14984999999999998</v>
      </c>
      <c r="I10" s="1"/>
    </row>
    <row r="11" spans="1:9" x14ac:dyDescent="0.25">
      <c r="A11" s="3">
        <v>41643.589780092596</v>
      </c>
      <c r="B11" s="6">
        <v>166.5</v>
      </c>
      <c r="C11" s="7">
        <f t="shared" si="0"/>
        <v>0.16650000000000001</v>
      </c>
      <c r="I11" s="1"/>
    </row>
    <row r="12" spans="1:9" x14ac:dyDescent="0.25">
      <c r="A12" s="3">
        <v>41643.591724537036</v>
      </c>
      <c r="B12" s="6">
        <v>183.14999999999998</v>
      </c>
      <c r="C12" s="7">
        <f t="shared" si="0"/>
        <v>0.18314999999999998</v>
      </c>
      <c r="I12" s="1"/>
    </row>
    <row r="13" spans="1:9" x14ac:dyDescent="0.25">
      <c r="A13" s="3">
        <v>41643.592233796298</v>
      </c>
      <c r="B13" s="6">
        <v>199.79999999999998</v>
      </c>
      <c r="C13" s="7">
        <f t="shared" si="0"/>
        <v>0.19979999999999998</v>
      </c>
      <c r="I13" s="1"/>
    </row>
    <row r="14" spans="1:9" x14ac:dyDescent="0.25">
      <c r="A14" s="3">
        <v>41643.593148148146</v>
      </c>
      <c r="B14" s="6">
        <v>216.45</v>
      </c>
      <c r="C14" s="7">
        <f t="shared" si="0"/>
        <v>0.21644999999999998</v>
      </c>
      <c r="I14" s="1"/>
    </row>
    <row r="15" spans="1:9" x14ac:dyDescent="0.25">
      <c r="A15" s="3">
        <v>41643.593310185184</v>
      </c>
      <c r="B15" s="6">
        <v>233.09999999999997</v>
      </c>
      <c r="C15" s="7">
        <f t="shared" si="0"/>
        <v>0.23309999999999997</v>
      </c>
      <c r="I15" s="1"/>
    </row>
    <row r="16" spans="1:9" x14ac:dyDescent="0.25">
      <c r="A16" s="3">
        <v>41643.595671296294</v>
      </c>
      <c r="B16" s="6">
        <v>249.74999999999997</v>
      </c>
      <c r="C16" s="7">
        <f t="shared" si="0"/>
        <v>0.24974999999999997</v>
      </c>
      <c r="I16" s="1"/>
    </row>
    <row r="17" spans="1:9" x14ac:dyDescent="0.25">
      <c r="A17" s="3">
        <v>41643.59579861111</v>
      </c>
      <c r="B17" s="6">
        <v>266.39999999999998</v>
      </c>
      <c r="C17" s="7">
        <f t="shared" si="0"/>
        <v>0.26639999999999997</v>
      </c>
      <c r="I17" s="1"/>
    </row>
    <row r="18" spans="1:9" x14ac:dyDescent="0.25">
      <c r="A18" s="3">
        <v>41643.60261574074</v>
      </c>
      <c r="B18" s="6">
        <v>283.04999999999995</v>
      </c>
      <c r="C18" s="7">
        <f t="shared" si="0"/>
        <v>0.28304999999999997</v>
      </c>
      <c r="I18" s="1"/>
    </row>
    <row r="19" spans="1:9" x14ac:dyDescent="0.25">
      <c r="A19" s="3">
        <v>41643.602789351855</v>
      </c>
      <c r="B19" s="6">
        <v>299.7</v>
      </c>
      <c r="C19" s="7">
        <f t="shared" si="0"/>
        <v>0.29969999999999997</v>
      </c>
      <c r="I19" s="1"/>
    </row>
    <row r="20" spans="1:9" x14ac:dyDescent="0.25">
      <c r="A20" s="3">
        <v>41643.606550925928</v>
      </c>
      <c r="B20" s="6">
        <v>316.34999999999997</v>
      </c>
      <c r="C20" s="7">
        <f t="shared" si="0"/>
        <v>0.31634999999999996</v>
      </c>
      <c r="I20" s="1"/>
    </row>
    <row r="21" spans="1:9" x14ac:dyDescent="0.25">
      <c r="A21" s="3">
        <v>41643.606805555559</v>
      </c>
      <c r="B21" s="6">
        <v>333</v>
      </c>
      <c r="C21" s="7">
        <f t="shared" si="0"/>
        <v>0.33300000000000002</v>
      </c>
      <c r="I21" s="1"/>
    </row>
    <row r="22" spans="1:9" x14ac:dyDescent="0.25">
      <c r="A22" s="3">
        <v>41643.60900462963</v>
      </c>
      <c r="B22" s="6">
        <v>349.65</v>
      </c>
      <c r="C22" s="7">
        <f t="shared" si="0"/>
        <v>0.34964999999999996</v>
      </c>
      <c r="I22" s="1"/>
    </row>
    <row r="23" spans="1:9" x14ac:dyDescent="0.25">
      <c r="A23" s="3">
        <v>41643.611111111109</v>
      </c>
      <c r="B23" s="6">
        <v>366.29999999999995</v>
      </c>
      <c r="C23" s="7">
        <f t="shared" si="0"/>
        <v>0.36629999999999996</v>
      </c>
      <c r="I23" s="1"/>
    </row>
    <row r="24" spans="1:9" x14ac:dyDescent="0.25">
      <c r="A24" s="3">
        <v>41643.616284722222</v>
      </c>
      <c r="B24" s="6">
        <v>382.95</v>
      </c>
      <c r="C24" s="7">
        <f t="shared" si="0"/>
        <v>0.38295000000000001</v>
      </c>
      <c r="I24" s="1"/>
    </row>
    <row r="25" spans="1:9" x14ac:dyDescent="0.25">
      <c r="A25" s="3">
        <v>41643.617083333331</v>
      </c>
      <c r="B25" s="6">
        <v>399.59999999999997</v>
      </c>
      <c r="C25" s="7">
        <f t="shared" si="0"/>
        <v>0.39959999999999996</v>
      </c>
      <c r="I25" s="1"/>
    </row>
    <row r="26" spans="1:9" x14ac:dyDescent="0.25">
      <c r="A26" s="3">
        <v>41643.620682870373</v>
      </c>
      <c r="B26" s="6">
        <v>416.24999999999994</v>
      </c>
      <c r="C26" s="7">
        <f t="shared" si="0"/>
        <v>0.41624999999999995</v>
      </c>
      <c r="I26" s="1"/>
    </row>
    <row r="27" spans="1:9" x14ac:dyDescent="0.25">
      <c r="A27" s="3">
        <v>41643.621932870374</v>
      </c>
      <c r="B27" s="6">
        <v>432.9</v>
      </c>
      <c r="C27" s="7">
        <f t="shared" si="0"/>
        <v>0.43289999999999995</v>
      </c>
      <c r="I27" s="1"/>
    </row>
    <row r="28" spans="1:9" x14ac:dyDescent="0.25">
      <c r="A28" s="3">
        <v>41643.625636574077</v>
      </c>
      <c r="B28" s="6">
        <v>449.54999999999995</v>
      </c>
      <c r="C28" s="7">
        <f t="shared" si="0"/>
        <v>0.44954999999999995</v>
      </c>
      <c r="I28" s="1"/>
    </row>
    <row r="29" spans="1:9" x14ac:dyDescent="0.25">
      <c r="A29" s="3">
        <v>41643.625821759262</v>
      </c>
      <c r="B29" s="6">
        <v>466.19999999999993</v>
      </c>
      <c r="C29" s="7">
        <f t="shared" si="0"/>
        <v>0.46619999999999995</v>
      </c>
      <c r="I29" s="1"/>
    </row>
    <row r="30" spans="1:9" x14ac:dyDescent="0.25">
      <c r="A30" s="3">
        <v>41643.627638888887</v>
      </c>
      <c r="B30" s="6">
        <v>482.84999999999997</v>
      </c>
      <c r="C30" s="7">
        <f t="shared" si="0"/>
        <v>0.48284999999999995</v>
      </c>
      <c r="I30" s="1"/>
    </row>
    <row r="31" spans="1:9" x14ac:dyDescent="0.25">
      <c r="A31" s="3">
        <v>41643.627986111111</v>
      </c>
      <c r="B31" s="6">
        <v>499.49999999999994</v>
      </c>
      <c r="C31" s="7">
        <f t="shared" si="0"/>
        <v>0.49949999999999994</v>
      </c>
      <c r="I31" s="1"/>
    </row>
    <row r="32" spans="1:9" x14ac:dyDescent="0.25">
      <c r="A32" s="3">
        <v>41643.629872685182</v>
      </c>
      <c r="B32" s="6">
        <v>516.15</v>
      </c>
      <c r="C32" s="7">
        <f t="shared" si="0"/>
        <v>0.51615</v>
      </c>
      <c r="I32" s="1"/>
    </row>
    <row r="33" spans="1:9" x14ac:dyDescent="0.25">
      <c r="A33" s="3">
        <v>41643.63003472222</v>
      </c>
      <c r="B33" s="6">
        <v>532.79999999999995</v>
      </c>
      <c r="C33" s="7">
        <f t="shared" si="0"/>
        <v>0.53279999999999994</v>
      </c>
      <c r="I33" s="1"/>
    </row>
    <row r="34" spans="1:9" x14ac:dyDescent="0.25">
      <c r="A34" s="3">
        <v>41643.631967592592</v>
      </c>
      <c r="B34" s="6">
        <v>549.44999999999993</v>
      </c>
      <c r="C34" s="7">
        <f t="shared" si="0"/>
        <v>0.54944999999999988</v>
      </c>
      <c r="I34" s="1"/>
    </row>
    <row r="35" spans="1:9" x14ac:dyDescent="0.25">
      <c r="A35" s="3">
        <v>41643.632118055553</v>
      </c>
      <c r="B35" s="6">
        <v>566.09999999999991</v>
      </c>
      <c r="C35" s="7">
        <f t="shared" si="0"/>
        <v>0.56609999999999994</v>
      </c>
      <c r="I35" s="1"/>
    </row>
    <row r="36" spans="1:9" x14ac:dyDescent="0.25">
      <c r="A36" s="3">
        <v>41643.634513888886</v>
      </c>
      <c r="B36" s="6">
        <v>582.75</v>
      </c>
      <c r="C36" s="7">
        <f t="shared" si="0"/>
        <v>0.58274999999999999</v>
      </c>
      <c r="I36" s="1"/>
    </row>
    <row r="37" spans="1:9" x14ac:dyDescent="0.25">
      <c r="A37" s="3">
        <v>41643.634618055556</v>
      </c>
      <c r="B37" s="6">
        <v>599.4</v>
      </c>
      <c r="C37" s="7">
        <f t="shared" si="0"/>
        <v>0.59939999999999993</v>
      </c>
      <c r="I37" s="1"/>
    </row>
    <row r="38" spans="1:9" x14ac:dyDescent="0.25">
      <c r="A38" s="3">
        <v>41643.63521990741</v>
      </c>
      <c r="B38" s="6">
        <v>616.04999999999995</v>
      </c>
      <c r="C38" s="7">
        <f t="shared" si="0"/>
        <v>0.61604999999999999</v>
      </c>
      <c r="I38" s="1"/>
    </row>
    <row r="39" spans="1:9" x14ac:dyDescent="0.25">
      <c r="A39" s="3">
        <v>41643.635300925926</v>
      </c>
      <c r="B39" s="6">
        <v>632.69999999999993</v>
      </c>
      <c r="C39" s="7">
        <f t="shared" si="0"/>
        <v>0.63269999999999993</v>
      </c>
      <c r="I39" s="1"/>
    </row>
    <row r="40" spans="1:9" x14ac:dyDescent="0.25">
      <c r="A40" s="3">
        <v>41643.635717592595</v>
      </c>
      <c r="B40" s="6">
        <v>649.34999999999991</v>
      </c>
      <c r="C40" s="7">
        <f t="shared" si="0"/>
        <v>0.64934999999999987</v>
      </c>
      <c r="I40" s="1"/>
    </row>
    <row r="41" spans="1:9" x14ac:dyDescent="0.25">
      <c r="A41" s="3">
        <v>41643.635763888888</v>
      </c>
      <c r="B41" s="6">
        <v>666</v>
      </c>
      <c r="C41" s="7">
        <f t="shared" si="0"/>
        <v>0.66600000000000004</v>
      </c>
      <c r="I41" s="1"/>
    </row>
    <row r="42" spans="1:9" x14ac:dyDescent="0.25">
      <c r="A42" s="3">
        <v>41643.638541666667</v>
      </c>
      <c r="B42" s="6">
        <v>682.65</v>
      </c>
      <c r="C42" s="7">
        <f t="shared" si="0"/>
        <v>0.68264999999999998</v>
      </c>
      <c r="I42" s="1"/>
    </row>
    <row r="43" spans="1:9" x14ac:dyDescent="0.25">
      <c r="A43" s="3">
        <v>41643.638657407406</v>
      </c>
      <c r="B43" s="6">
        <v>699.3</v>
      </c>
      <c r="C43" s="7">
        <f t="shared" si="0"/>
        <v>0.69929999999999992</v>
      </c>
      <c r="I43" s="1"/>
    </row>
    <row r="44" spans="1:9" x14ac:dyDescent="0.25">
      <c r="A44" s="3">
        <v>41643.639791666668</v>
      </c>
      <c r="B44" s="6">
        <v>715.94999999999993</v>
      </c>
      <c r="C44" s="7">
        <f t="shared" si="0"/>
        <v>0.71594999999999998</v>
      </c>
      <c r="I44" s="1"/>
    </row>
    <row r="45" spans="1:9" x14ac:dyDescent="0.25">
      <c r="A45" s="3">
        <v>41643.639965277776</v>
      </c>
      <c r="B45" s="6">
        <v>732.59999999999991</v>
      </c>
      <c r="C45" s="7">
        <f t="shared" si="0"/>
        <v>0.73259999999999992</v>
      </c>
      <c r="I45" s="1"/>
    </row>
    <row r="46" spans="1:9" x14ac:dyDescent="0.25">
      <c r="A46" s="3">
        <v>41643.644386574073</v>
      </c>
      <c r="B46" s="6">
        <v>749.24999999999989</v>
      </c>
      <c r="C46" s="7">
        <f t="shared" si="0"/>
        <v>0.74924999999999986</v>
      </c>
      <c r="I46" s="1"/>
    </row>
    <row r="47" spans="1:9" x14ac:dyDescent="0.25">
      <c r="A47" s="3">
        <v>41643.64466435185</v>
      </c>
      <c r="B47" s="6">
        <v>765.9</v>
      </c>
      <c r="C47" s="7">
        <f t="shared" si="0"/>
        <v>0.76590000000000003</v>
      </c>
      <c r="I47" s="1"/>
    </row>
    <row r="48" spans="1:9" x14ac:dyDescent="0.25">
      <c r="A48" s="3">
        <v>41643.648194444446</v>
      </c>
      <c r="B48" s="6">
        <v>782.55</v>
      </c>
      <c r="C48" s="7">
        <f t="shared" si="0"/>
        <v>0.78254999999999997</v>
      </c>
      <c r="I48" s="1"/>
    </row>
    <row r="49" spans="1:9" x14ac:dyDescent="0.25">
      <c r="A49" s="3">
        <v>41643.6484837963</v>
      </c>
      <c r="B49" s="6">
        <v>799.19999999999993</v>
      </c>
      <c r="C49" s="7">
        <f t="shared" si="0"/>
        <v>0.79919999999999991</v>
      </c>
      <c r="I49" s="1"/>
    </row>
    <row r="50" spans="1:9" x14ac:dyDescent="0.25">
      <c r="A50" s="3">
        <v>41643.651122685187</v>
      </c>
      <c r="B50" s="6">
        <v>815.84999999999991</v>
      </c>
      <c r="C50" s="7">
        <f t="shared" si="0"/>
        <v>0.81584999999999996</v>
      </c>
      <c r="I50" s="1"/>
    </row>
    <row r="51" spans="1:9" x14ac:dyDescent="0.25">
      <c r="A51" s="3">
        <v>41643.651493055557</v>
      </c>
      <c r="B51" s="6">
        <v>832.49999999999989</v>
      </c>
      <c r="C51" s="7">
        <f t="shared" si="0"/>
        <v>0.83249999999999991</v>
      </c>
      <c r="I51" s="1"/>
    </row>
    <row r="52" spans="1:9" x14ac:dyDescent="0.25">
      <c r="A52" s="3">
        <v>41643.660555555558</v>
      </c>
      <c r="B52" s="6">
        <v>849.15</v>
      </c>
      <c r="C52" s="7">
        <f t="shared" si="0"/>
        <v>0.84914999999999996</v>
      </c>
      <c r="I52" s="1"/>
    </row>
    <row r="53" spans="1:9" x14ac:dyDescent="0.25">
      <c r="A53" s="3">
        <v>41643.660879629628</v>
      </c>
      <c r="B53" s="6">
        <v>865.8</v>
      </c>
      <c r="C53" s="7">
        <f t="shared" si="0"/>
        <v>0.8657999999999999</v>
      </c>
      <c r="I53" s="1"/>
    </row>
    <row r="54" spans="1:9" x14ac:dyDescent="0.25">
      <c r="A54" s="3">
        <v>41643.665173611109</v>
      </c>
      <c r="B54" s="6">
        <v>882.44999999999993</v>
      </c>
      <c r="C54" s="7">
        <f t="shared" si="0"/>
        <v>0.88244999999999996</v>
      </c>
      <c r="I54" s="1"/>
    </row>
    <row r="55" spans="1:9" x14ac:dyDescent="0.25">
      <c r="A55" s="3">
        <v>41643.665300925924</v>
      </c>
      <c r="B55" s="6">
        <v>899.09999999999991</v>
      </c>
      <c r="C55" s="7">
        <f t="shared" si="0"/>
        <v>0.8990999999999999</v>
      </c>
      <c r="I55" s="1"/>
    </row>
    <row r="56" spans="1:9" x14ac:dyDescent="0.25">
      <c r="A56" s="3">
        <v>41643.669293981482</v>
      </c>
      <c r="B56" s="6">
        <v>915.74999999999989</v>
      </c>
      <c r="C56" s="7">
        <f t="shared" si="0"/>
        <v>0.91574999999999984</v>
      </c>
      <c r="I56" s="1"/>
    </row>
    <row r="57" spans="1:9" x14ac:dyDescent="0.25">
      <c r="A57" s="3">
        <v>41643.66982638889</v>
      </c>
      <c r="B57" s="6">
        <v>932.39999999999986</v>
      </c>
      <c r="C57" s="7">
        <f t="shared" si="0"/>
        <v>0.9323999999999999</v>
      </c>
      <c r="I57" s="1"/>
    </row>
    <row r="58" spans="1:9" x14ac:dyDescent="0.25">
      <c r="A58" s="3">
        <v>41643.672766203701</v>
      </c>
      <c r="B58" s="6">
        <v>949.05</v>
      </c>
      <c r="C58" s="7">
        <f t="shared" si="0"/>
        <v>0.94904999999999995</v>
      </c>
      <c r="I58" s="1"/>
    </row>
    <row r="59" spans="1:9" x14ac:dyDescent="0.25">
      <c r="A59" s="3">
        <v>41643.672858796293</v>
      </c>
      <c r="B59" s="6">
        <v>965.69999999999993</v>
      </c>
      <c r="C59" s="7">
        <f t="shared" si="0"/>
        <v>0.96569999999999989</v>
      </c>
      <c r="I59" s="1"/>
    </row>
    <row r="60" spans="1:9" x14ac:dyDescent="0.25">
      <c r="A60" s="3">
        <v>41643.675057870372</v>
      </c>
      <c r="B60" s="6">
        <v>982.34999999999991</v>
      </c>
      <c r="C60" s="7">
        <f t="shared" si="0"/>
        <v>0.98234999999999995</v>
      </c>
      <c r="I60" s="1"/>
    </row>
    <row r="61" spans="1:9" x14ac:dyDescent="0.25">
      <c r="A61" s="3">
        <v>41643.67527777778</v>
      </c>
      <c r="B61" s="6">
        <v>998.99999999999989</v>
      </c>
      <c r="C61" s="7">
        <f t="shared" si="0"/>
        <v>0.99899999999999989</v>
      </c>
      <c r="I61" s="1"/>
    </row>
    <row r="62" spans="1:9" x14ac:dyDescent="0.25">
      <c r="A62" s="3">
        <v>41643.677835648145</v>
      </c>
      <c r="B62" s="6">
        <v>1015.6499999999999</v>
      </c>
      <c r="C62" s="7">
        <f t="shared" si="0"/>
        <v>1.0156499999999999</v>
      </c>
      <c r="I62" s="1"/>
    </row>
    <row r="63" spans="1:9" x14ac:dyDescent="0.25">
      <c r="A63" s="3">
        <v>41643.677986111114</v>
      </c>
      <c r="B63" s="6">
        <v>1032.3</v>
      </c>
      <c r="C63" s="7">
        <f t="shared" si="0"/>
        <v>1.0323</v>
      </c>
      <c r="I63" s="1"/>
    </row>
    <row r="64" spans="1:9" x14ac:dyDescent="0.25">
      <c r="A64" s="3">
        <v>41643.680185185185</v>
      </c>
      <c r="B64" s="6">
        <v>1048.9499999999998</v>
      </c>
      <c r="C64" s="7">
        <f t="shared" si="0"/>
        <v>1.0489499999999998</v>
      </c>
      <c r="I64" s="1"/>
    </row>
    <row r="65" spans="1:9" x14ac:dyDescent="0.25">
      <c r="A65" s="3">
        <v>41643.680567129632</v>
      </c>
      <c r="B65" s="6">
        <v>1065.5999999999999</v>
      </c>
      <c r="C65" s="7">
        <f t="shared" si="0"/>
        <v>1.0655999999999999</v>
      </c>
      <c r="I65" s="1"/>
    </row>
    <row r="66" spans="1:9" x14ac:dyDescent="0.25">
      <c r="A66" s="3">
        <v>41643.682708333334</v>
      </c>
      <c r="B66" s="6">
        <v>1082.25</v>
      </c>
      <c r="C66" s="7">
        <f t="shared" si="0"/>
        <v>1.0822499999999999</v>
      </c>
      <c r="I66" s="1"/>
    </row>
    <row r="67" spans="1:9" x14ac:dyDescent="0.25">
      <c r="A67" s="3">
        <v>41643.682835648149</v>
      </c>
      <c r="B67" s="6">
        <v>1098.8999999999999</v>
      </c>
      <c r="C67" s="7">
        <f t="shared" ref="C67:C130" si="1">B67/1000</f>
        <v>1.0988999999999998</v>
      </c>
      <c r="I67" s="1"/>
    </row>
    <row r="68" spans="1:9" x14ac:dyDescent="0.25">
      <c r="A68" s="3">
        <v>41643.684189814812</v>
      </c>
      <c r="B68" s="6">
        <v>1115.55</v>
      </c>
      <c r="C68" s="7">
        <f t="shared" si="1"/>
        <v>1.11555</v>
      </c>
      <c r="I68" s="1"/>
    </row>
    <row r="69" spans="1:9" x14ac:dyDescent="0.25">
      <c r="A69" s="3">
        <v>41643.684386574074</v>
      </c>
      <c r="B69" s="6">
        <v>1132.1999999999998</v>
      </c>
      <c r="C69" s="7">
        <f t="shared" si="1"/>
        <v>1.1321999999999999</v>
      </c>
      <c r="I69" s="1"/>
    </row>
    <row r="70" spans="1:9" x14ac:dyDescent="0.25">
      <c r="A70" s="3">
        <v>41643.686377314814</v>
      </c>
      <c r="B70" s="6">
        <v>1148.8499999999999</v>
      </c>
      <c r="C70" s="7">
        <f t="shared" si="1"/>
        <v>1.1488499999999999</v>
      </c>
      <c r="I70" s="1"/>
    </row>
    <row r="71" spans="1:9" x14ac:dyDescent="0.25">
      <c r="A71" s="3">
        <v>41643.686516203707</v>
      </c>
      <c r="B71" s="6">
        <v>1165.5</v>
      </c>
      <c r="C71" s="7">
        <f t="shared" si="1"/>
        <v>1.1655</v>
      </c>
      <c r="I71" s="1"/>
    </row>
    <row r="72" spans="1:9" x14ac:dyDescent="0.25">
      <c r="A72" s="3">
        <v>41643.687476851854</v>
      </c>
      <c r="B72" s="6">
        <v>1182.1499999999999</v>
      </c>
      <c r="C72" s="7">
        <f t="shared" si="1"/>
        <v>1.1821499999999998</v>
      </c>
      <c r="I72" s="1"/>
    </row>
    <row r="73" spans="1:9" x14ac:dyDescent="0.25">
      <c r="A73" s="3">
        <v>41643.6875462963</v>
      </c>
      <c r="B73" s="6">
        <v>1198.8</v>
      </c>
      <c r="C73" s="7">
        <f t="shared" si="1"/>
        <v>1.1987999999999999</v>
      </c>
      <c r="I73" s="1"/>
    </row>
    <row r="74" spans="1:9" x14ac:dyDescent="0.25">
      <c r="A74" s="3">
        <v>41643.691145833334</v>
      </c>
      <c r="B74" s="6">
        <v>1215.4499999999998</v>
      </c>
      <c r="C74" s="7">
        <f t="shared" si="1"/>
        <v>1.2154499999999999</v>
      </c>
      <c r="I74" s="1"/>
    </row>
    <row r="75" spans="1:9" x14ac:dyDescent="0.25">
      <c r="A75" s="3">
        <v>41643.69127314815</v>
      </c>
      <c r="B75" s="6">
        <v>1232.0999999999999</v>
      </c>
      <c r="C75" s="7">
        <f t="shared" si="1"/>
        <v>1.2321</v>
      </c>
      <c r="I75" s="1"/>
    </row>
    <row r="76" spans="1:9" x14ac:dyDescent="0.25">
      <c r="A76" s="3">
        <v>41643.694027777776</v>
      </c>
      <c r="B76" s="6">
        <v>1248.75</v>
      </c>
      <c r="C76" s="7">
        <f t="shared" si="1"/>
        <v>1.24875</v>
      </c>
      <c r="I76" s="1"/>
    </row>
    <row r="77" spans="1:9" x14ac:dyDescent="0.25">
      <c r="A77" s="3">
        <v>41643.694166666668</v>
      </c>
      <c r="B77" s="6">
        <v>1265.3999999999999</v>
      </c>
      <c r="C77" s="7">
        <f t="shared" si="1"/>
        <v>1.2653999999999999</v>
      </c>
      <c r="I77" s="1"/>
    </row>
    <row r="78" spans="1:9" x14ac:dyDescent="0.25">
      <c r="A78" s="3">
        <v>41643.695925925924</v>
      </c>
      <c r="B78" s="6">
        <v>1282.05</v>
      </c>
      <c r="C78" s="7">
        <f t="shared" si="1"/>
        <v>1.2820499999999999</v>
      </c>
      <c r="I78" s="1"/>
    </row>
    <row r="79" spans="1:9" x14ac:dyDescent="0.25">
      <c r="A79" s="3">
        <v>41643.696064814816</v>
      </c>
      <c r="B79" s="6">
        <v>1298.6999999999998</v>
      </c>
      <c r="C79" s="7">
        <f t="shared" si="1"/>
        <v>1.2986999999999997</v>
      </c>
      <c r="I79" s="1"/>
    </row>
    <row r="80" spans="1:9" x14ac:dyDescent="0.25">
      <c r="A80" s="3">
        <v>41643.697280092594</v>
      </c>
      <c r="B80" s="6">
        <v>1315.35</v>
      </c>
      <c r="C80" s="7">
        <f t="shared" si="1"/>
        <v>1.31535</v>
      </c>
      <c r="I80" s="1"/>
    </row>
    <row r="81" spans="1:9" x14ac:dyDescent="0.25">
      <c r="A81" s="3">
        <v>41643.697326388887</v>
      </c>
      <c r="B81" s="6">
        <v>1332</v>
      </c>
      <c r="C81" s="7">
        <f t="shared" si="1"/>
        <v>1.3320000000000001</v>
      </c>
      <c r="I81" s="1"/>
    </row>
    <row r="82" spans="1:9" x14ac:dyDescent="0.25">
      <c r="A82" s="3">
        <v>41643.698275462964</v>
      </c>
      <c r="B82" s="6">
        <v>1348.6499999999999</v>
      </c>
      <c r="C82" s="7">
        <f t="shared" si="1"/>
        <v>1.3486499999999999</v>
      </c>
      <c r="I82" s="1"/>
    </row>
    <row r="83" spans="1:9" x14ac:dyDescent="0.25">
      <c r="A83" s="3">
        <v>41643.698657407411</v>
      </c>
      <c r="B83" s="6">
        <v>1365.3</v>
      </c>
      <c r="C83" s="7">
        <f t="shared" si="1"/>
        <v>1.3653</v>
      </c>
      <c r="I83" s="1"/>
    </row>
    <row r="84" spans="1:9" x14ac:dyDescent="0.25">
      <c r="A84" s="3">
        <v>41643.699814814812</v>
      </c>
      <c r="B84" s="6">
        <v>1381.9499999999998</v>
      </c>
      <c r="C84" s="7">
        <f t="shared" si="1"/>
        <v>1.3819499999999998</v>
      </c>
      <c r="I84" s="1"/>
    </row>
    <row r="85" spans="1:9" x14ac:dyDescent="0.25">
      <c r="A85" s="3">
        <v>41643.699907407405</v>
      </c>
      <c r="B85" s="6">
        <v>1398.6</v>
      </c>
      <c r="C85" s="7">
        <f t="shared" si="1"/>
        <v>1.3985999999999998</v>
      </c>
      <c r="I85" s="1"/>
    </row>
    <row r="86" spans="1:9" x14ac:dyDescent="0.25">
      <c r="A86" s="3">
        <v>41643.700636574074</v>
      </c>
      <c r="B86" s="6">
        <v>1415.2499999999998</v>
      </c>
      <c r="C86" s="7">
        <f t="shared" si="1"/>
        <v>1.4152499999999997</v>
      </c>
      <c r="I86" s="1"/>
    </row>
    <row r="87" spans="1:9" x14ac:dyDescent="0.25">
      <c r="A87" s="3">
        <v>41643.700787037036</v>
      </c>
      <c r="B87" s="6">
        <v>1431.8999999999999</v>
      </c>
      <c r="C87" s="7">
        <f t="shared" si="1"/>
        <v>1.4319</v>
      </c>
      <c r="I87" s="1"/>
    </row>
    <row r="88" spans="1:9" x14ac:dyDescent="0.25">
      <c r="A88" s="3">
        <v>41643.702175925922</v>
      </c>
      <c r="B88" s="6">
        <v>1448.55</v>
      </c>
      <c r="C88" s="7">
        <f t="shared" si="1"/>
        <v>1.44855</v>
      </c>
      <c r="I88" s="1"/>
    </row>
    <row r="89" spans="1:9" x14ac:dyDescent="0.25">
      <c r="A89" s="3">
        <v>41643.702523148146</v>
      </c>
      <c r="B89" s="6">
        <v>1465.1999999999998</v>
      </c>
      <c r="C89" s="7">
        <f t="shared" si="1"/>
        <v>1.4651999999999998</v>
      </c>
      <c r="I89" s="1"/>
    </row>
    <row r="90" spans="1:9" x14ac:dyDescent="0.25">
      <c r="A90" s="3">
        <v>41643.704641203702</v>
      </c>
      <c r="B90" s="6">
        <v>1481.85</v>
      </c>
      <c r="C90" s="7">
        <f t="shared" si="1"/>
        <v>1.4818499999999999</v>
      </c>
      <c r="I90" s="1"/>
    </row>
    <row r="91" spans="1:9" x14ac:dyDescent="0.25">
      <c r="A91" s="3">
        <v>41643.704733796294</v>
      </c>
      <c r="B91" s="6">
        <v>1498.4999999999998</v>
      </c>
      <c r="C91" s="7">
        <f t="shared" si="1"/>
        <v>1.4984999999999997</v>
      </c>
      <c r="I91" s="1"/>
    </row>
    <row r="92" spans="1:9" x14ac:dyDescent="0.25">
      <c r="A92" s="3">
        <v>41643.706261574072</v>
      </c>
      <c r="B92" s="6">
        <v>1515.1499999999999</v>
      </c>
      <c r="C92" s="7">
        <f t="shared" si="1"/>
        <v>1.5151499999999998</v>
      </c>
      <c r="I92" s="1"/>
    </row>
    <row r="93" spans="1:9" x14ac:dyDescent="0.25">
      <c r="A93" s="3">
        <v>41643.706342592595</v>
      </c>
      <c r="B93" s="6">
        <v>1531.8</v>
      </c>
      <c r="C93" s="7">
        <f t="shared" si="1"/>
        <v>1.5318000000000001</v>
      </c>
      <c r="I93" s="1"/>
    </row>
    <row r="94" spans="1:9" x14ac:dyDescent="0.25">
      <c r="A94" s="3">
        <v>41643.707395833335</v>
      </c>
      <c r="B94" s="6">
        <v>1548.4499999999998</v>
      </c>
      <c r="C94" s="7">
        <f t="shared" si="1"/>
        <v>1.5484499999999999</v>
      </c>
      <c r="I94" s="1"/>
    </row>
    <row r="95" spans="1:9" x14ac:dyDescent="0.25">
      <c r="A95" s="3">
        <v>41643.707488425927</v>
      </c>
      <c r="B95" s="6">
        <v>1565.1</v>
      </c>
      <c r="C95" s="7">
        <f t="shared" si="1"/>
        <v>1.5650999999999999</v>
      </c>
      <c r="I95" s="1"/>
    </row>
    <row r="96" spans="1:9" x14ac:dyDescent="0.25">
      <c r="A96" s="3">
        <v>41643.70888888889</v>
      </c>
      <c r="B96" s="6">
        <v>1581.7499999999998</v>
      </c>
      <c r="C96" s="7">
        <f t="shared" si="1"/>
        <v>1.5817499999999998</v>
      </c>
      <c r="I96" s="1"/>
    </row>
    <row r="97" spans="1:9" x14ac:dyDescent="0.25">
      <c r="A97" s="3">
        <v>41643.709027777775</v>
      </c>
      <c r="B97" s="6">
        <v>1598.3999999999999</v>
      </c>
      <c r="C97" s="7">
        <f t="shared" si="1"/>
        <v>1.5983999999999998</v>
      </c>
      <c r="I97" s="1"/>
    </row>
    <row r="98" spans="1:9" x14ac:dyDescent="0.25">
      <c r="A98" s="3">
        <v>41643.709791666668</v>
      </c>
      <c r="B98" s="6">
        <v>1615.05</v>
      </c>
      <c r="C98" s="7">
        <f t="shared" si="1"/>
        <v>1.6150499999999999</v>
      </c>
      <c r="I98" s="1"/>
    </row>
    <row r="99" spans="1:9" x14ac:dyDescent="0.25">
      <c r="A99" s="3">
        <v>41643.70989583333</v>
      </c>
      <c r="B99" s="6">
        <v>1631.6999999999998</v>
      </c>
      <c r="C99" s="7">
        <f t="shared" si="1"/>
        <v>1.6316999999999999</v>
      </c>
      <c r="I99" s="1"/>
    </row>
    <row r="100" spans="1:9" x14ac:dyDescent="0.25">
      <c r="A100" s="3">
        <v>41643.711354166669</v>
      </c>
      <c r="B100" s="6">
        <v>1648.35</v>
      </c>
      <c r="C100" s="7">
        <f t="shared" si="1"/>
        <v>1.64835</v>
      </c>
      <c r="I100" s="1"/>
    </row>
    <row r="101" spans="1:9" x14ac:dyDescent="0.25">
      <c r="A101" s="3">
        <v>41643.711446759262</v>
      </c>
      <c r="B101" s="6">
        <v>1664.9999999999998</v>
      </c>
      <c r="C101" s="7">
        <f t="shared" si="1"/>
        <v>1.6649999999999998</v>
      </c>
      <c r="I101" s="1"/>
    </row>
    <row r="102" spans="1:9" x14ac:dyDescent="0.25">
      <c r="A102" s="3">
        <v>41643.712500000001</v>
      </c>
      <c r="B102" s="6">
        <v>1681.6499999999999</v>
      </c>
      <c r="C102" s="7">
        <f t="shared" si="1"/>
        <v>1.6816499999999999</v>
      </c>
      <c r="I102" s="1"/>
    </row>
    <row r="103" spans="1:9" x14ac:dyDescent="0.25">
      <c r="A103" s="3">
        <v>41643.713125000002</v>
      </c>
      <c r="B103" s="6">
        <v>1698.3</v>
      </c>
      <c r="C103" s="7">
        <f t="shared" si="1"/>
        <v>1.6982999999999999</v>
      </c>
      <c r="I103" s="1"/>
    </row>
    <row r="104" spans="1:9" x14ac:dyDescent="0.25">
      <c r="A104" s="3">
        <v>41643.716122685182</v>
      </c>
      <c r="B104" s="6">
        <v>1714.9499999999998</v>
      </c>
      <c r="C104" s="7">
        <f t="shared" si="1"/>
        <v>1.7149499999999998</v>
      </c>
      <c r="I104" s="1"/>
    </row>
    <row r="105" spans="1:9" x14ac:dyDescent="0.25">
      <c r="A105" s="3">
        <v>41643.716412037036</v>
      </c>
      <c r="B105" s="6">
        <v>1731.6</v>
      </c>
      <c r="C105" s="7">
        <f t="shared" si="1"/>
        <v>1.7315999999999998</v>
      </c>
      <c r="I105" s="1"/>
    </row>
    <row r="106" spans="1:9" x14ac:dyDescent="0.25">
      <c r="A106" s="3">
        <v>41643.717141203706</v>
      </c>
      <c r="B106" s="6">
        <v>1748.2499999999998</v>
      </c>
      <c r="C106" s="7">
        <f t="shared" si="1"/>
        <v>1.7482499999999999</v>
      </c>
      <c r="I106" s="1"/>
    </row>
    <row r="107" spans="1:9" x14ac:dyDescent="0.25">
      <c r="A107" s="3">
        <v>41643.717222222222</v>
      </c>
      <c r="B107" s="6">
        <v>1764.8999999999999</v>
      </c>
      <c r="C107" s="7">
        <f t="shared" si="1"/>
        <v>1.7648999999999999</v>
      </c>
      <c r="I107" s="1"/>
    </row>
    <row r="108" spans="1:9" x14ac:dyDescent="0.25">
      <c r="A108" s="3">
        <v>41643.717777777776</v>
      </c>
      <c r="B108" s="6">
        <v>1781.55</v>
      </c>
      <c r="C108" s="7">
        <f t="shared" si="1"/>
        <v>1.78155</v>
      </c>
      <c r="I108" s="1"/>
    </row>
    <row r="109" spans="1:9" x14ac:dyDescent="0.25">
      <c r="A109" s="3">
        <v>41643.717847222222</v>
      </c>
      <c r="B109" s="6">
        <v>1798.1999999999998</v>
      </c>
      <c r="C109" s="7">
        <f t="shared" si="1"/>
        <v>1.7981999999999998</v>
      </c>
      <c r="I109" s="1"/>
    </row>
    <row r="110" spans="1:9" x14ac:dyDescent="0.25">
      <c r="A110" s="3">
        <v>41643.719409722224</v>
      </c>
      <c r="B110" s="6">
        <v>1814.85</v>
      </c>
      <c r="C110" s="7">
        <f t="shared" si="1"/>
        <v>1.8148499999999999</v>
      </c>
      <c r="I110" s="1"/>
    </row>
    <row r="111" spans="1:9" x14ac:dyDescent="0.25">
      <c r="A111" s="3">
        <v>41643.719722222224</v>
      </c>
      <c r="B111" s="6">
        <v>1831.4999999999998</v>
      </c>
      <c r="C111" s="7">
        <f t="shared" si="1"/>
        <v>1.8314999999999997</v>
      </c>
      <c r="I111" s="1"/>
    </row>
    <row r="112" spans="1:9" x14ac:dyDescent="0.25">
      <c r="A112" s="3">
        <v>41643.721655092595</v>
      </c>
      <c r="B112" s="6">
        <v>1848.1499999999999</v>
      </c>
      <c r="C112" s="7">
        <f t="shared" si="1"/>
        <v>1.84815</v>
      </c>
      <c r="I112" s="1"/>
    </row>
    <row r="113" spans="1:9" x14ac:dyDescent="0.25">
      <c r="A113" s="3">
        <v>41643.721770833334</v>
      </c>
      <c r="B113" s="6">
        <v>1864.7999999999997</v>
      </c>
      <c r="C113" s="7">
        <f t="shared" si="1"/>
        <v>1.8647999999999998</v>
      </c>
      <c r="I113" s="1"/>
    </row>
    <row r="114" spans="1:9" x14ac:dyDescent="0.25">
      <c r="A114" s="3">
        <v>41643.72451388889</v>
      </c>
      <c r="B114" s="6">
        <v>1881.4499999999998</v>
      </c>
      <c r="C114" s="7">
        <f t="shared" si="1"/>
        <v>1.8814499999999998</v>
      </c>
      <c r="I114" s="1"/>
    </row>
    <row r="115" spans="1:9" x14ac:dyDescent="0.25">
      <c r="A115" s="3">
        <v>41643.724699074075</v>
      </c>
      <c r="B115" s="6">
        <v>1898.1</v>
      </c>
      <c r="C115" s="7">
        <f t="shared" si="1"/>
        <v>1.8980999999999999</v>
      </c>
      <c r="I115" s="1"/>
    </row>
    <row r="116" spans="1:9" x14ac:dyDescent="0.25">
      <c r="A116" s="3">
        <v>41643.726898148147</v>
      </c>
      <c r="B116" s="6">
        <v>1914.7499999999998</v>
      </c>
      <c r="C116" s="7">
        <f t="shared" si="1"/>
        <v>1.9147499999999997</v>
      </c>
      <c r="I116" s="1"/>
    </row>
    <row r="117" spans="1:9" x14ac:dyDescent="0.25">
      <c r="A117" s="3">
        <v>41643.727002314816</v>
      </c>
      <c r="B117" s="6">
        <v>1931.3999999999999</v>
      </c>
      <c r="C117" s="7">
        <f t="shared" si="1"/>
        <v>1.9313999999999998</v>
      </c>
      <c r="I117" s="1"/>
    </row>
    <row r="118" spans="1:9" x14ac:dyDescent="0.25">
      <c r="A118" s="3">
        <v>41643.728182870371</v>
      </c>
      <c r="B118" s="6">
        <v>1948.0499999999997</v>
      </c>
      <c r="C118" s="7">
        <f t="shared" si="1"/>
        <v>1.9480499999999998</v>
      </c>
      <c r="I118" s="1"/>
    </row>
    <row r="119" spans="1:9" x14ac:dyDescent="0.25">
      <c r="A119" s="3">
        <v>41643.728298611109</v>
      </c>
      <c r="B119" s="6">
        <v>1964.6999999999998</v>
      </c>
      <c r="C119" s="7">
        <f t="shared" si="1"/>
        <v>1.9646999999999999</v>
      </c>
      <c r="I119" s="1"/>
    </row>
    <row r="120" spans="1:9" x14ac:dyDescent="0.25">
      <c r="A120" s="3">
        <v>41643.729305555556</v>
      </c>
      <c r="B120" s="6">
        <v>1981.35</v>
      </c>
      <c r="C120" s="7">
        <f t="shared" si="1"/>
        <v>1.9813499999999999</v>
      </c>
      <c r="I120" s="1"/>
    </row>
    <row r="121" spans="1:9" x14ac:dyDescent="0.25">
      <c r="A121" s="3">
        <v>41643.729432870372</v>
      </c>
      <c r="B121" s="6">
        <v>1997.9999999999998</v>
      </c>
      <c r="C121" s="7">
        <f t="shared" si="1"/>
        <v>1.9979999999999998</v>
      </c>
      <c r="I121" s="1"/>
    </row>
    <row r="122" spans="1:9" x14ac:dyDescent="0.25">
      <c r="A122" s="3">
        <v>41643.731481481482</v>
      </c>
      <c r="B122" s="6">
        <v>2014.6499999999999</v>
      </c>
      <c r="C122" s="7">
        <f t="shared" si="1"/>
        <v>2.0146500000000001</v>
      </c>
      <c r="I122" s="1"/>
    </row>
    <row r="123" spans="1:9" x14ac:dyDescent="0.25">
      <c r="A123" s="3">
        <v>41643.733043981483</v>
      </c>
      <c r="B123" s="6">
        <v>2031.2999999999997</v>
      </c>
      <c r="C123" s="7">
        <f t="shared" si="1"/>
        <v>2.0312999999999999</v>
      </c>
      <c r="I123" s="1"/>
    </row>
    <row r="124" spans="1:9" x14ac:dyDescent="0.25">
      <c r="A124" s="3">
        <v>41643.734560185185</v>
      </c>
      <c r="B124" s="6">
        <v>2047.9499999999998</v>
      </c>
      <c r="C124" s="7">
        <f t="shared" si="1"/>
        <v>2.0479499999999997</v>
      </c>
      <c r="I124" s="1"/>
    </row>
    <row r="125" spans="1:9" x14ac:dyDescent="0.25">
      <c r="A125" s="3">
        <v>41643.734606481485</v>
      </c>
      <c r="B125" s="6">
        <v>2064.6</v>
      </c>
      <c r="C125" s="7">
        <f t="shared" si="1"/>
        <v>2.0646</v>
      </c>
      <c r="I125" s="1"/>
    </row>
    <row r="126" spans="1:9" x14ac:dyDescent="0.25">
      <c r="A126" s="3">
        <v>41643.736944444441</v>
      </c>
      <c r="B126" s="6">
        <v>2081.25</v>
      </c>
      <c r="C126" s="7">
        <f t="shared" si="1"/>
        <v>2.0812499999999998</v>
      </c>
      <c r="I126" s="1"/>
    </row>
    <row r="127" spans="1:9" x14ac:dyDescent="0.25">
      <c r="A127" s="3">
        <v>41643.73709490741</v>
      </c>
      <c r="B127" s="6">
        <v>2097.8999999999996</v>
      </c>
      <c r="C127" s="7">
        <f t="shared" si="1"/>
        <v>2.0978999999999997</v>
      </c>
      <c r="I127" s="1"/>
    </row>
    <row r="128" spans="1:9" x14ac:dyDescent="0.25">
      <c r="A128" s="3">
        <v>41643.739189814813</v>
      </c>
      <c r="B128" s="6">
        <v>2114.5499999999997</v>
      </c>
      <c r="C128" s="7">
        <f t="shared" si="1"/>
        <v>2.1145499999999999</v>
      </c>
      <c r="I128" s="1"/>
    </row>
    <row r="129" spans="1:9" x14ac:dyDescent="0.25">
      <c r="A129" s="3">
        <v>41643.739317129628</v>
      </c>
      <c r="B129" s="6">
        <v>2131.1999999999998</v>
      </c>
      <c r="C129" s="7">
        <f t="shared" si="1"/>
        <v>2.1311999999999998</v>
      </c>
      <c r="I129" s="1"/>
    </row>
    <row r="130" spans="1:9" x14ac:dyDescent="0.25">
      <c r="A130" s="3">
        <v>41643.741516203707</v>
      </c>
      <c r="B130" s="6">
        <v>2147.85</v>
      </c>
      <c r="C130" s="7">
        <f t="shared" si="1"/>
        <v>2.14785</v>
      </c>
      <c r="I130" s="1"/>
    </row>
    <row r="131" spans="1:9" x14ac:dyDescent="0.25">
      <c r="A131" s="3">
        <v>41643.742083333331</v>
      </c>
      <c r="B131" s="6">
        <v>2164.5</v>
      </c>
      <c r="C131" s="7">
        <f t="shared" ref="C131:C194" si="2">B131/1000</f>
        <v>2.1644999999999999</v>
      </c>
      <c r="I131" s="1"/>
    </row>
    <row r="132" spans="1:9" x14ac:dyDescent="0.25">
      <c r="A132" s="3">
        <v>41643.744340277779</v>
      </c>
      <c r="B132" s="6">
        <v>2181.1499999999996</v>
      </c>
      <c r="C132" s="7">
        <f t="shared" si="2"/>
        <v>2.1811499999999997</v>
      </c>
      <c r="I132" s="1"/>
    </row>
    <row r="133" spans="1:9" x14ac:dyDescent="0.25">
      <c r="A133" s="3">
        <v>41643.744675925926</v>
      </c>
      <c r="B133" s="6">
        <v>2197.7999999999997</v>
      </c>
      <c r="C133" s="7">
        <f t="shared" si="2"/>
        <v>2.1977999999999995</v>
      </c>
      <c r="I133" s="1"/>
    </row>
    <row r="134" spans="1:9" x14ac:dyDescent="0.25">
      <c r="A134" s="3">
        <v>41643.749502314815</v>
      </c>
      <c r="B134" s="6">
        <v>2214.4499999999998</v>
      </c>
      <c r="C134" s="7">
        <f t="shared" si="2"/>
        <v>2.2144499999999998</v>
      </c>
      <c r="I134" s="1"/>
    </row>
    <row r="135" spans="1:9" x14ac:dyDescent="0.25">
      <c r="A135" s="3">
        <v>41643.750011574077</v>
      </c>
      <c r="B135" s="6">
        <v>2231.1</v>
      </c>
      <c r="C135" s="7">
        <f t="shared" si="2"/>
        <v>2.2311000000000001</v>
      </c>
      <c r="I135" s="1"/>
    </row>
    <row r="136" spans="1:9" x14ac:dyDescent="0.25">
      <c r="A136" s="3">
        <v>41643.751840277779</v>
      </c>
      <c r="B136" s="6">
        <v>2247.75</v>
      </c>
      <c r="C136" s="7">
        <f t="shared" si="2"/>
        <v>2.2477499999999999</v>
      </c>
      <c r="I136" s="1"/>
    </row>
    <row r="137" spans="1:9" x14ac:dyDescent="0.25">
      <c r="A137" s="3">
        <v>41643.753032407411</v>
      </c>
      <c r="B137" s="6">
        <v>2264.3999999999996</v>
      </c>
      <c r="C137" s="7">
        <f t="shared" si="2"/>
        <v>2.2643999999999997</v>
      </c>
      <c r="I137" s="1"/>
    </row>
    <row r="138" spans="1:9" x14ac:dyDescent="0.25">
      <c r="A138" s="3">
        <v>41643.757048611114</v>
      </c>
      <c r="B138" s="6">
        <v>2281.0499999999997</v>
      </c>
      <c r="C138" s="7">
        <f t="shared" si="2"/>
        <v>2.2810499999999996</v>
      </c>
      <c r="I138" s="1"/>
    </row>
    <row r="139" spans="1:9" x14ac:dyDescent="0.25">
      <c r="A139" s="3">
        <v>41643.757337962961</v>
      </c>
      <c r="B139" s="6">
        <v>2297.6999999999998</v>
      </c>
      <c r="C139" s="7">
        <f t="shared" si="2"/>
        <v>2.2976999999999999</v>
      </c>
      <c r="I139" s="1"/>
    </row>
    <row r="140" spans="1:9" x14ac:dyDescent="0.25">
      <c r="A140" s="3">
        <v>41643.758217592593</v>
      </c>
      <c r="B140" s="6">
        <v>2314.35</v>
      </c>
      <c r="C140" s="7">
        <f t="shared" si="2"/>
        <v>2.3143500000000001</v>
      </c>
      <c r="I140" s="1"/>
    </row>
    <row r="141" spans="1:9" x14ac:dyDescent="0.25">
      <c r="A141" s="3">
        <v>41643.758391203701</v>
      </c>
      <c r="B141" s="6">
        <v>2331</v>
      </c>
      <c r="C141" s="7">
        <f t="shared" si="2"/>
        <v>2.331</v>
      </c>
      <c r="I141" s="1"/>
    </row>
    <row r="142" spans="1:9" x14ac:dyDescent="0.25">
      <c r="A142" s="3">
        <v>41643.759293981479</v>
      </c>
      <c r="B142" s="6">
        <v>2347.6499999999996</v>
      </c>
      <c r="C142" s="7">
        <f t="shared" si="2"/>
        <v>2.3476499999999998</v>
      </c>
      <c r="I142" s="1"/>
    </row>
    <row r="143" spans="1:9" x14ac:dyDescent="0.25">
      <c r="A143" s="3">
        <v>41643.759409722225</v>
      </c>
      <c r="B143" s="6">
        <v>2364.2999999999997</v>
      </c>
      <c r="C143" s="7">
        <f t="shared" si="2"/>
        <v>2.3642999999999996</v>
      </c>
      <c r="I143" s="1"/>
    </row>
    <row r="144" spans="1:9" x14ac:dyDescent="0.25">
      <c r="A144" s="3">
        <v>41643.764155092591</v>
      </c>
      <c r="B144" s="6">
        <v>2380.9499999999998</v>
      </c>
      <c r="C144" s="7">
        <f t="shared" si="2"/>
        <v>2.3809499999999999</v>
      </c>
      <c r="I144" s="1"/>
    </row>
    <row r="145" spans="1:9" x14ac:dyDescent="0.25">
      <c r="A145" s="3">
        <v>41643.764479166668</v>
      </c>
      <c r="B145" s="6">
        <v>2397.6</v>
      </c>
      <c r="C145" s="7">
        <f t="shared" si="2"/>
        <v>2.3975999999999997</v>
      </c>
      <c r="I145" s="1"/>
    </row>
    <row r="146" spans="1:9" x14ac:dyDescent="0.25">
      <c r="A146" s="3">
        <v>41643.765972222223</v>
      </c>
      <c r="B146" s="6">
        <v>2414.25</v>
      </c>
      <c r="C146" s="7">
        <f t="shared" si="2"/>
        <v>2.41425</v>
      </c>
      <c r="I146" s="1"/>
    </row>
    <row r="147" spans="1:9" x14ac:dyDescent="0.25">
      <c r="A147" s="3">
        <v>41643.766099537039</v>
      </c>
      <c r="B147" s="6">
        <v>2430.8999999999996</v>
      </c>
      <c r="C147" s="7">
        <f t="shared" si="2"/>
        <v>2.4308999999999998</v>
      </c>
      <c r="I147" s="1"/>
    </row>
    <row r="148" spans="1:9" x14ac:dyDescent="0.25">
      <c r="A148" s="3">
        <v>41643.76766203704</v>
      </c>
      <c r="B148" s="6">
        <v>2447.5499999999997</v>
      </c>
      <c r="C148" s="7">
        <f t="shared" si="2"/>
        <v>2.4475499999999997</v>
      </c>
      <c r="I148" s="1"/>
    </row>
    <row r="149" spans="1:9" x14ac:dyDescent="0.25">
      <c r="A149" s="3">
        <v>41643.767893518518</v>
      </c>
      <c r="B149" s="6">
        <v>2464.1999999999998</v>
      </c>
      <c r="C149" s="7">
        <f t="shared" si="2"/>
        <v>2.4641999999999999</v>
      </c>
      <c r="I149" s="1"/>
    </row>
    <row r="150" spans="1:9" x14ac:dyDescent="0.25">
      <c r="A150" s="3">
        <v>41643.768842592595</v>
      </c>
      <c r="B150" s="6">
        <v>2480.85</v>
      </c>
      <c r="C150" s="7">
        <f t="shared" si="2"/>
        <v>2.4808499999999998</v>
      </c>
      <c r="I150" s="1"/>
    </row>
    <row r="151" spans="1:9" x14ac:dyDescent="0.25">
      <c r="A151" s="3">
        <v>41643.768923611111</v>
      </c>
      <c r="B151" s="6">
        <v>2497.5</v>
      </c>
      <c r="C151" s="7">
        <f t="shared" si="2"/>
        <v>2.4975000000000001</v>
      </c>
      <c r="I151" s="1"/>
    </row>
    <row r="152" spans="1:9" x14ac:dyDescent="0.25">
      <c r="A152" s="3">
        <v>41643.770428240743</v>
      </c>
      <c r="B152" s="6">
        <v>2514.1499999999996</v>
      </c>
      <c r="C152" s="7">
        <f t="shared" si="2"/>
        <v>2.5141499999999994</v>
      </c>
      <c r="I152" s="1"/>
    </row>
    <row r="153" spans="1:9" x14ac:dyDescent="0.25">
      <c r="A153" s="3">
        <v>41643.770532407405</v>
      </c>
      <c r="B153" s="6">
        <v>2530.7999999999997</v>
      </c>
      <c r="C153" s="7">
        <f t="shared" si="2"/>
        <v>2.5307999999999997</v>
      </c>
      <c r="I153" s="1"/>
    </row>
    <row r="154" spans="1:9" x14ac:dyDescent="0.25">
      <c r="A154" s="3">
        <v>41643.772916666669</v>
      </c>
      <c r="B154" s="6">
        <v>2547.4499999999998</v>
      </c>
      <c r="C154" s="7">
        <f t="shared" si="2"/>
        <v>2.54745</v>
      </c>
      <c r="I154" s="1"/>
    </row>
    <row r="155" spans="1:9" x14ac:dyDescent="0.25">
      <c r="A155" s="3">
        <v>41643.773101851853</v>
      </c>
      <c r="B155" s="6">
        <v>2564.1</v>
      </c>
      <c r="C155" s="7">
        <f t="shared" si="2"/>
        <v>2.5640999999999998</v>
      </c>
      <c r="I155" s="1"/>
    </row>
    <row r="156" spans="1:9" x14ac:dyDescent="0.25">
      <c r="A156" s="3">
        <v>41643.774351851855</v>
      </c>
      <c r="B156" s="6">
        <v>2580.75</v>
      </c>
      <c r="C156" s="7">
        <f t="shared" si="2"/>
        <v>2.5807500000000001</v>
      </c>
      <c r="I156" s="1"/>
    </row>
    <row r="157" spans="1:9" x14ac:dyDescent="0.25">
      <c r="A157" s="3">
        <v>41643.774583333332</v>
      </c>
      <c r="B157" s="6">
        <v>2597.3999999999996</v>
      </c>
      <c r="C157" s="7">
        <f t="shared" si="2"/>
        <v>2.5973999999999995</v>
      </c>
      <c r="I157" s="1"/>
    </row>
    <row r="158" spans="1:9" x14ac:dyDescent="0.25">
      <c r="A158" s="3">
        <v>41643.781342592592</v>
      </c>
      <c r="B158" s="6">
        <v>2614.0499999999997</v>
      </c>
      <c r="C158" s="7">
        <f t="shared" si="2"/>
        <v>2.6140499999999998</v>
      </c>
      <c r="I158" s="1"/>
    </row>
    <row r="159" spans="1:9" x14ac:dyDescent="0.25">
      <c r="A159" s="3">
        <v>41643.781435185185</v>
      </c>
      <c r="B159" s="6">
        <v>2630.7</v>
      </c>
      <c r="C159" s="7">
        <f t="shared" si="2"/>
        <v>2.6307</v>
      </c>
      <c r="I159" s="1"/>
    </row>
    <row r="160" spans="1:9" x14ac:dyDescent="0.25">
      <c r="A160" s="3">
        <v>41643.783761574072</v>
      </c>
      <c r="B160" s="6">
        <v>2647.35</v>
      </c>
      <c r="C160" s="7">
        <f t="shared" si="2"/>
        <v>2.6473499999999999</v>
      </c>
      <c r="I160" s="1"/>
    </row>
    <row r="161" spans="1:9" x14ac:dyDescent="0.25">
      <c r="A161" s="3">
        <v>41643.783831018518</v>
      </c>
      <c r="B161" s="6">
        <v>2664</v>
      </c>
      <c r="C161" s="7">
        <f t="shared" si="2"/>
        <v>2.6640000000000001</v>
      </c>
      <c r="I161" s="1"/>
    </row>
    <row r="162" spans="1:9" x14ac:dyDescent="0.25">
      <c r="A162" s="3">
        <v>41643.785173611112</v>
      </c>
      <c r="B162" s="6">
        <v>2680.6499999999996</v>
      </c>
      <c r="C162" s="7">
        <f t="shared" si="2"/>
        <v>2.6806499999999995</v>
      </c>
      <c r="I162" s="1"/>
    </row>
    <row r="163" spans="1:9" x14ac:dyDescent="0.25">
      <c r="A163" s="3">
        <v>41643.785879629628</v>
      </c>
      <c r="B163" s="6">
        <v>2697.2999999999997</v>
      </c>
      <c r="C163" s="7">
        <f t="shared" si="2"/>
        <v>2.6972999999999998</v>
      </c>
      <c r="I163" s="1"/>
    </row>
    <row r="164" spans="1:9" x14ac:dyDescent="0.25">
      <c r="A164" s="3">
        <v>41643.787719907406</v>
      </c>
      <c r="B164" s="6">
        <v>2713.95</v>
      </c>
      <c r="C164" s="7">
        <f t="shared" si="2"/>
        <v>2.7139499999999996</v>
      </c>
      <c r="I164" s="1"/>
    </row>
    <row r="165" spans="1:9" x14ac:dyDescent="0.25">
      <c r="A165" s="3">
        <v>41643.788043981483</v>
      </c>
      <c r="B165" s="6">
        <v>2730.6</v>
      </c>
      <c r="C165" s="7">
        <f t="shared" si="2"/>
        <v>2.7305999999999999</v>
      </c>
      <c r="I165" s="1"/>
    </row>
    <row r="166" spans="1:9" x14ac:dyDescent="0.25">
      <c r="A166" s="3">
        <v>41643.789131944446</v>
      </c>
      <c r="B166" s="6">
        <v>2747.2499999999995</v>
      </c>
      <c r="C166" s="7">
        <f t="shared" si="2"/>
        <v>2.7472499999999997</v>
      </c>
      <c r="I166" s="1"/>
    </row>
    <row r="167" spans="1:9" x14ac:dyDescent="0.25">
      <c r="A167" s="3">
        <v>41643.789212962962</v>
      </c>
      <c r="B167" s="6">
        <v>2763.8999999999996</v>
      </c>
      <c r="C167" s="7">
        <f t="shared" si="2"/>
        <v>2.7638999999999996</v>
      </c>
      <c r="I167" s="1"/>
    </row>
    <row r="168" spans="1:9" x14ac:dyDescent="0.25">
      <c r="A168" s="3">
        <v>41643.789722222224</v>
      </c>
      <c r="B168" s="6">
        <v>2780.5499999999997</v>
      </c>
      <c r="C168" s="7">
        <f t="shared" si="2"/>
        <v>2.7805499999999999</v>
      </c>
      <c r="I168" s="1"/>
    </row>
    <row r="169" spans="1:9" x14ac:dyDescent="0.25">
      <c r="A169" s="3">
        <v>41643.789803240739</v>
      </c>
      <c r="B169" s="6">
        <v>2797.2</v>
      </c>
      <c r="C169" s="7">
        <f t="shared" si="2"/>
        <v>2.7971999999999997</v>
      </c>
      <c r="I169" s="1"/>
    </row>
    <row r="170" spans="1:9" x14ac:dyDescent="0.25">
      <c r="A170" s="3">
        <v>41643.790613425925</v>
      </c>
      <c r="B170" s="6">
        <v>2813.85</v>
      </c>
      <c r="C170" s="7">
        <f t="shared" si="2"/>
        <v>2.81385</v>
      </c>
      <c r="I170" s="1"/>
    </row>
    <row r="171" spans="1:9" x14ac:dyDescent="0.25">
      <c r="A171" s="3">
        <v>41643.790763888886</v>
      </c>
      <c r="B171" s="6">
        <v>2830.4999999999995</v>
      </c>
      <c r="C171" s="7">
        <f t="shared" si="2"/>
        <v>2.8304999999999993</v>
      </c>
      <c r="I171" s="1"/>
    </row>
    <row r="172" spans="1:9" x14ac:dyDescent="0.25">
      <c r="A172" s="3">
        <v>41643.793310185189</v>
      </c>
      <c r="B172" s="6">
        <v>2847.1499999999996</v>
      </c>
      <c r="C172" s="7">
        <f t="shared" si="2"/>
        <v>2.8471499999999996</v>
      </c>
      <c r="I172" s="1"/>
    </row>
    <row r="173" spans="1:9" x14ac:dyDescent="0.25">
      <c r="A173" s="3">
        <v>41643.793391203704</v>
      </c>
      <c r="B173" s="6">
        <v>2863.7999999999997</v>
      </c>
      <c r="C173" s="7">
        <f t="shared" si="2"/>
        <v>2.8637999999999999</v>
      </c>
      <c r="I173" s="1"/>
    </row>
    <row r="174" spans="1:9" x14ac:dyDescent="0.25">
      <c r="A174" s="3">
        <v>41643.797719907408</v>
      </c>
      <c r="B174" s="6">
        <v>2880.45</v>
      </c>
      <c r="C174" s="7">
        <f t="shared" si="2"/>
        <v>2.8804499999999997</v>
      </c>
      <c r="I174" s="1"/>
    </row>
    <row r="175" spans="1:9" x14ac:dyDescent="0.25">
      <c r="A175" s="3">
        <v>41643.79787037037</v>
      </c>
      <c r="B175" s="6">
        <v>2897.1</v>
      </c>
      <c r="C175" s="7">
        <f t="shared" si="2"/>
        <v>2.8971</v>
      </c>
      <c r="I175" s="1"/>
    </row>
    <row r="176" spans="1:9" x14ac:dyDescent="0.25">
      <c r="A176" s="3">
        <v>41643.800081018519</v>
      </c>
      <c r="B176" s="6">
        <v>2913.7499999999995</v>
      </c>
      <c r="C176" s="7">
        <f t="shared" si="2"/>
        <v>2.9137499999999994</v>
      </c>
      <c r="I176" s="1"/>
    </row>
    <row r="177" spans="1:9" x14ac:dyDescent="0.25">
      <c r="A177" s="3">
        <v>41643.800208333334</v>
      </c>
      <c r="B177" s="6">
        <v>2930.3999999999996</v>
      </c>
      <c r="C177" s="7">
        <f t="shared" si="2"/>
        <v>2.9303999999999997</v>
      </c>
      <c r="I177" s="1"/>
    </row>
    <row r="178" spans="1:9" x14ac:dyDescent="0.25">
      <c r="A178" s="3">
        <v>41643.80097222222</v>
      </c>
      <c r="B178" s="6">
        <v>2947.0499999999997</v>
      </c>
      <c r="C178" s="7">
        <f t="shared" si="2"/>
        <v>2.9470499999999999</v>
      </c>
      <c r="I178" s="1"/>
    </row>
    <row r="179" spans="1:9" x14ac:dyDescent="0.25">
      <c r="A179" s="3">
        <v>41643.801064814812</v>
      </c>
      <c r="B179" s="6">
        <v>2963.7</v>
      </c>
      <c r="C179" s="7">
        <f t="shared" si="2"/>
        <v>2.9636999999999998</v>
      </c>
      <c r="I179" s="1"/>
    </row>
    <row r="180" spans="1:9" x14ac:dyDescent="0.25">
      <c r="A180" s="3">
        <v>41643.804108796299</v>
      </c>
      <c r="B180" s="6">
        <v>2980.35</v>
      </c>
      <c r="C180" s="7">
        <f t="shared" si="2"/>
        <v>2.9803500000000001</v>
      </c>
      <c r="I180" s="1"/>
    </row>
    <row r="181" spans="1:9" x14ac:dyDescent="0.25">
      <c r="A181" s="3">
        <v>41643.804259259261</v>
      </c>
      <c r="B181" s="6">
        <v>2996.9999999999995</v>
      </c>
      <c r="C181" s="7">
        <f t="shared" si="2"/>
        <v>2.9969999999999994</v>
      </c>
      <c r="I181" s="1"/>
    </row>
    <row r="182" spans="1:9" x14ac:dyDescent="0.25">
      <c r="A182" s="3">
        <v>41643.805636574078</v>
      </c>
      <c r="B182" s="6">
        <v>3013.6499999999996</v>
      </c>
      <c r="C182" s="7">
        <f t="shared" si="2"/>
        <v>3.0136499999999997</v>
      </c>
      <c r="I182" s="1"/>
    </row>
    <row r="183" spans="1:9" x14ac:dyDescent="0.25">
      <c r="A183" s="3">
        <v>41643.805787037039</v>
      </c>
      <c r="B183" s="6">
        <v>3030.2999999999997</v>
      </c>
      <c r="C183" s="7">
        <f t="shared" si="2"/>
        <v>3.0302999999999995</v>
      </c>
      <c r="I183" s="1"/>
    </row>
    <row r="184" spans="1:9" x14ac:dyDescent="0.25">
      <c r="A184" s="3">
        <v>41643.806631944448</v>
      </c>
      <c r="B184" s="6">
        <v>3046.95</v>
      </c>
      <c r="C184" s="7">
        <f t="shared" si="2"/>
        <v>3.0469499999999998</v>
      </c>
      <c r="I184" s="1"/>
    </row>
    <row r="185" spans="1:9" x14ac:dyDescent="0.25">
      <c r="A185" s="3">
        <v>41643.806701388887</v>
      </c>
      <c r="B185" s="6">
        <v>3063.6</v>
      </c>
      <c r="C185" s="7">
        <f t="shared" si="2"/>
        <v>3.0636000000000001</v>
      </c>
      <c r="I185" s="1"/>
    </row>
    <row r="186" spans="1:9" x14ac:dyDescent="0.25">
      <c r="A186" s="3">
        <v>41643.807615740741</v>
      </c>
      <c r="B186" s="6">
        <v>3080.2499999999995</v>
      </c>
      <c r="C186" s="7">
        <f t="shared" si="2"/>
        <v>3.0802499999999995</v>
      </c>
      <c r="I186" s="1"/>
    </row>
    <row r="187" spans="1:9" x14ac:dyDescent="0.25">
      <c r="A187" s="3">
        <v>41643.807743055557</v>
      </c>
      <c r="B187" s="6">
        <v>3096.8999999999996</v>
      </c>
      <c r="C187" s="7">
        <f t="shared" si="2"/>
        <v>3.0968999999999998</v>
      </c>
      <c r="I187" s="1"/>
    </row>
    <row r="188" spans="1:9" x14ac:dyDescent="0.25">
      <c r="A188" s="3">
        <v>41643.808506944442</v>
      </c>
      <c r="B188" s="6">
        <v>3113.5499999999997</v>
      </c>
      <c r="C188" s="7">
        <f t="shared" si="2"/>
        <v>3.1135499999999996</v>
      </c>
      <c r="I188" s="1"/>
    </row>
    <row r="189" spans="1:9" x14ac:dyDescent="0.25">
      <c r="A189" s="3">
        <v>41643.808611111112</v>
      </c>
      <c r="B189" s="6">
        <v>3130.2</v>
      </c>
      <c r="C189" s="7">
        <f t="shared" si="2"/>
        <v>3.1301999999999999</v>
      </c>
      <c r="I189" s="1"/>
    </row>
    <row r="190" spans="1:9" x14ac:dyDescent="0.25">
      <c r="A190" s="3">
        <v>41643.811064814814</v>
      </c>
      <c r="B190" s="6">
        <v>3146.85</v>
      </c>
      <c r="C190" s="7">
        <f t="shared" si="2"/>
        <v>3.1468499999999997</v>
      </c>
      <c r="I190" s="1"/>
    </row>
    <row r="191" spans="1:9" x14ac:dyDescent="0.25">
      <c r="A191" s="3">
        <v>41643.81113425926</v>
      </c>
      <c r="B191" s="6">
        <v>3163.4999999999995</v>
      </c>
      <c r="C191" s="7">
        <f t="shared" si="2"/>
        <v>3.1634999999999995</v>
      </c>
      <c r="I191" s="1"/>
    </row>
    <row r="192" spans="1:9" x14ac:dyDescent="0.25">
      <c r="A192" s="3">
        <v>41643.81212962963</v>
      </c>
      <c r="B192" s="6">
        <v>3180.1499999999996</v>
      </c>
      <c r="C192" s="7">
        <f t="shared" si="2"/>
        <v>3.1801499999999998</v>
      </c>
      <c r="I192" s="1"/>
    </row>
    <row r="193" spans="1:9" x14ac:dyDescent="0.25">
      <c r="A193" s="3">
        <v>41643.812199074076</v>
      </c>
      <c r="B193" s="6">
        <v>3196.7999999999997</v>
      </c>
      <c r="C193" s="7">
        <f t="shared" si="2"/>
        <v>3.1967999999999996</v>
      </c>
      <c r="I193" s="1"/>
    </row>
    <row r="194" spans="1:9" x14ac:dyDescent="0.25">
      <c r="A194" s="3">
        <v>41643.813055555554</v>
      </c>
      <c r="B194" s="6">
        <v>3213.45</v>
      </c>
      <c r="C194" s="7">
        <f t="shared" si="2"/>
        <v>3.2134499999999999</v>
      </c>
      <c r="I194" s="1"/>
    </row>
    <row r="195" spans="1:9" x14ac:dyDescent="0.25">
      <c r="A195" s="3">
        <v>41643.813101851854</v>
      </c>
      <c r="B195" s="6">
        <v>3230.1</v>
      </c>
      <c r="C195" s="7">
        <f t="shared" ref="C195:C258" si="3">B195/1000</f>
        <v>3.2300999999999997</v>
      </c>
      <c r="I195" s="1"/>
    </row>
    <row r="196" spans="1:9" x14ac:dyDescent="0.25">
      <c r="A196" s="3">
        <v>41643.813657407409</v>
      </c>
      <c r="B196" s="6">
        <v>3246.7499999999995</v>
      </c>
      <c r="C196" s="7">
        <f t="shared" si="3"/>
        <v>3.2467499999999996</v>
      </c>
      <c r="I196" s="1"/>
    </row>
    <row r="197" spans="1:9" x14ac:dyDescent="0.25">
      <c r="A197" s="3">
        <v>41643.813738425924</v>
      </c>
      <c r="B197" s="6">
        <v>3263.3999999999996</v>
      </c>
      <c r="C197" s="7">
        <f t="shared" si="3"/>
        <v>3.2633999999999999</v>
      </c>
      <c r="I197" s="1"/>
    </row>
    <row r="198" spans="1:9" x14ac:dyDescent="0.25">
      <c r="A198" s="3">
        <v>41643.815104166664</v>
      </c>
      <c r="B198" s="6">
        <v>3280.0499999999997</v>
      </c>
      <c r="C198" s="7">
        <f t="shared" si="3"/>
        <v>3.2800499999999997</v>
      </c>
      <c r="I198" s="1"/>
    </row>
    <row r="199" spans="1:9" x14ac:dyDescent="0.25">
      <c r="A199" s="3">
        <v>41643.815208333333</v>
      </c>
      <c r="B199" s="6">
        <v>3296.7</v>
      </c>
      <c r="C199" s="7">
        <f t="shared" si="3"/>
        <v>3.2967</v>
      </c>
      <c r="I199" s="1"/>
    </row>
    <row r="200" spans="1:9" x14ac:dyDescent="0.25">
      <c r="A200" s="3">
        <v>41643.817175925928</v>
      </c>
      <c r="B200" s="6">
        <v>3313.35</v>
      </c>
      <c r="C200" s="7">
        <f t="shared" si="3"/>
        <v>3.3133499999999998</v>
      </c>
      <c r="I200" s="1"/>
    </row>
    <row r="201" spans="1:9" x14ac:dyDescent="0.25">
      <c r="A201" s="3">
        <v>41643.817372685182</v>
      </c>
      <c r="B201" s="6">
        <v>3329.9999999999995</v>
      </c>
      <c r="C201" s="7">
        <f t="shared" si="3"/>
        <v>3.3299999999999996</v>
      </c>
      <c r="I201" s="1"/>
    </row>
    <row r="202" spans="1:9" x14ac:dyDescent="0.25">
      <c r="A202" s="3">
        <v>41643.821921296294</v>
      </c>
      <c r="B202" s="6">
        <v>3346.6499999999996</v>
      </c>
      <c r="C202" s="7">
        <f t="shared" si="3"/>
        <v>3.3466499999999995</v>
      </c>
      <c r="I202" s="1"/>
    </row>
    <row r="203" spans="1:9" x14ac:dyDescent="0.25">
      <c r="A203" s="3">
        <v>41643.82199074074</v>
      </c>
      <c r="B203" s="6">
        <v>3363.2999999999997</v>
      </c>
      <c r="C203" s="7">
        <f t="shared" si="3"/>
        <v>3.3632999999999997</v>
      </c>
      <c r="I203" s="1"/>
    </row>
    <row r="204" spans="1:9" x14ac:dyDescent="0.25">
      <c r="A204" s="3">
        <v>41643.823391203703</v>
      </c>
      <c r="B204" s="6">
        <v>3379.95</v>
      </c>
      <c r="C204" s="7">
        <f t="shared" si="3"/>
        <v>3.37995</v>
      </c>
      <c r="I204" s="1"/>
    </row>
    <row r="205" spans="1:9" x14ac:dyDescent="0.25">
      <c r="A205" s="3">
        <v>41643.823460648149</v>
      </c>
      <c r="B205" s="6">
        <v>3396.6</v>
      </c>
      <c r="C205" s="7">
        <f t="shared" si="3"/>
        <v>3.3965999999999998</v>
      </c>
      <c r="I205" s="1"/>
    </row>
    <row r="206" spans="1:9" x14ac:dyDescent="0.25">
      <c r="A206" s="3">
        <v>41643.826145833336</v>
      </c>
      <c r="B206" s="6">
        <v>3413.2499999999995</v>
      </c>
      <c r="C206" s="7">
        <f t="shared" si="3"/>
        <v>3.4132499999999997</v>
      </c>
      <c r="I206" s="1"/>
    </row>
    <row r="207" spans="1:9" x14ac:dyDescent="0.25">
      <c r="A207" s="3">
        <v>41643.826504629629</v>
      </c>
      <c r="B207" s="6">
        <v>3429.8999999999996</v>
      </c>
      <c r="C207" s="7">
        <f t="shared" si="3"/>
        <v>3.4298999999999995</v>
      </c>
      <c r="I207" s="1"/>
    </row>
    <row r="208" spans="1:9" x14ac:dyDescent="0.25">
      <c r="A208" s="3">
        <v>41643.829548611109</v>
      </c>
      <c r="B208" s="6">
        <v>3446.5499999999997</v>
      </c>
      <c r="C208" s="7">
        <f t="shared" si="3"/>
        <v>3.4465499999999998</v>
      </c>
      <c r="I208" s="1"/>
    </row>
    <row r="209" spans="1:9" x14ac:dyDescent="0.25">
      <c r="A209" s="3">
        <v>41643.829699074071</v>
      </c>
      <c r="B209" s="6">
        <v>3463.2</v>
      </c>
      <c r="C209" s="7">
        <f t="shared" si="3"/>
        <v>3.4631999999999996</v>
      </c>
      <c r="I209" s="1"/>
    </row>
    <row r="210" spans="1:9" x14ac:dyDescent="0.25">
      <c r="A210" s="3">
        <v>41643.834050925929</v>
      </c>
      <c r="B210" s="6">
        <v>3479.85</v>
      </c>
      <c r="C210" s="7">
        <f t="shared" si="3"/>
        <v>3.4798499999999999</v>
      </c>
      <c r="I210" s="1"/>
    </row>
    <row r="211" spans="1:9" x14ac:dyDescent="0.25">
      <c r="A211" s="3">
        <v>41643.834178240744</v>
      </c>
      <c r="B211" s="6">
        <v>3496.4999999999995</v>
      </c>
      <c r="C211" s="7">
        <f t="shared" si="3"/>
        <v>3.4964999999999997</v>
      </c>
      <c r="I211" s="1"/>
    </row>
    <row r="212" spans="1:9" x14ac:dyDescent="0.25">
      <c r="A212" s="3">
        <v>41643.841828703706</v>
      </c>
      <c r="B212" s="6">
        <v>3513.1499999999996</v>
      </c>
      <c r="C212" s="7">
        <f t="shared" si="3"/>
        <v>3.5131499999999996</v>
      </c>
      <c r="I212" s="1"/>
    </row>
    <row r="213" spans="1:9" x14ac:dyDescent="0.25">
      <c r="A213" s="3">
        <v>41643.843009259261</v>
      </c>
      <c r="B213" s="6">
        <v>3529.7999999999997</v>
      </c>
      <c r="C213" s="7">
        <f t="shared" si="3"/>
        <v>3.5297999999999998</v>
      </c>
      <c r="I213" s="1"/>
    </row>
    <row r="214" spans="1:9" x14ac:dyDescent="0.25">
      <c r="A214" s="3">
        <v>41643.855416666665</v>
      </c>
      <c r="B214" s="6">
        <v>3546.45</v>
      </c>
      <c r="C214" s="7">
        <f t="shared" si="3"/>
        <v>3.5464499999999997</v>
      </c>
      <c r="I214" s="1"/>
    </row>
    <row r="215" spans="1:9" x14ac:dyDescent="0.25">
      <c r="A215" s="3">
        <v>41643.855532407404</v>
      </c>
      <c r="B215" s="6">
        <v>3563.1</v>
      </c>
      <c r="C215" s="7">
        <f t="shared" si="3"/>
        <v>3.5630999999999999</v>
      </c>
      <c r="I215" s="1"/>
    </row>
    <row r="216" spans="1:9" x14ac:dyDescent="0.25">
      <c r="A216" s="3">
        <v>41643.860995370371</v>
      </c>
      <c r="B216" s="6">
        <v>3579.7499999999995</v>
      </c>
      <c r="C216" s="7">
        <f t="shared" si="3"/>
        <v>3.5797499999999998</v>
      </c>
      <c r="I216" s="1"/>
    </row>
    <row r="217" spans="1:9" x14ac:dyDescent="0.25">
      <c r="A217" s="3">
        <v>41643.861400462964</v>
      </c>
      <c r="B217" s="6">
        <v>3596.3999999999996</v>
      </c>
      <c r="C217" s="7">
        <f t="shared" si="3"/>
        <v>3.5963999999999996</v>
      </c>
      <c r="I217" s="1"/>
    </row>
    <row r="218" spans="1:9" x14ac:dyDescent="0.25">
      <c r="A218" s="3">
        <v>41643.865451388891</v>
      </c>
      <c r="B218" s="6">
        <v>3613.0499999999997</v>
      </c>
      <c r="C218" s="7">
        <f t="shared" si="3"/>
        <v>3.6130499999999999</v>
      </c>
      <c r="I218" s="1"/>
    </row>
    <row r="219" spans="1:9" x14ac:dyDescent="0.25">
      <c r="A219" s="3">
        <v>41643.865949074076</v>
      </c>
      <c r="B219" s="6">
        <v>3629.7</v>
      </c>
      <c r="C219" s="7">
        <f t="shared" si="3"/>
        <v>3.6296999999999997</v>
      </c>
      <c r="I219" s="1"/>
    </row>
    <row r="220" spans="1:9" x14ac:dyDescent="0.25">
      <c r="A220" s="3">
        <v>41643.872291666667</v>
      </c>
      <c r="B220" s="6">
        <v>3646.35</v>
      </c>
      <c r="C220" s="7">
        <f t="shared" si="3"/>
        <v>3.64635</v>
      </c>
      <c r="I220" s="1"/>
    </row>
    <row r="221" spans="1:9" x14ac:dyDescent="0.25">
      <c r="A221" s="3">
        <v>41643.873819444445</v>
      </c>
      <c r="B221" s="6">
        <v>3662.9999999999995</v>
      </c>
      <c r="C221" s="7">
        <f t="shared" si="3"/>
        <v>3.6629999999999994</v>
      </c>
      <c r="I221" s="1"/>
    </row>
    <row r="222" spans="1:9" x14ac:dyDescent="0.25">
      <c r="A222" s="3">
        <v>41643.8750462963</v>
      </c>
      <c r="B222" s="6">
        <v>3679.6499999999996</v>
      </c>
      <c r="C222" s="7">
        <f t="shared" si="3"/>
        <v>3.6796499999999996</v>
      </c>
      <c r="I222" s="1"/>
    </row>
    <row r="223" spans="1:9" x14ac:dyDescent="0.25">
      <c r="A223" s="3">
        <v>41643.875138888892</v>
      </c>
      <c r="B223" s="6">
        <v>3696.2999999999997</v>
      </c>
      <c r="C223" s="7">
        <f t="shared" si="3"/>
        <v>3.6962999999999999</v>
      </c>
      <c r="I223" s="1"/>
    </row>
    <row r="224" spans="1:9" x14ac:dyDescent="0.25">
      <c r="A224" s="3">
        <v>41643.881064814814</v>
      </c>
      <c r="B224" s="6">
        <v>3712.95</v>
      </c>
      <c r="C224" s="7">
        <f t="shared" si="3"/>
        <v>3.7129499999999998</v>
      </c>
      <c r="I224" s="1"/>
    </row>
    <row r="225" spans="1:9" x14ac:dyDescent="0.25">
      <c r="A225" s="3">
        <v>41643.88140046296</v>
      </c>
      <c r="B225" s="6">
        <v>3729.5999999999995</v>
      </c>
      <c r="C225" s="7">
        <f t="shared" si="3"/>
        <v>3.7295999999999996</v>
      </c>
      <c r="I225" s="1"/>
    </row>
    <row r="226" spans="1:9" x14ac:dyDescent="0.25">
      <c r="A226" s="3">
        <v>41643.886608796296</v>
      </c>
      <c r="B226" s="6">
        <v>3746.2499999999995</v>
      </c>
      <c r="C226" s="7">
        <f t="shared" si="3"/>
        <v>3.7462499999999994</v>
      </c>
      <c r="I226" s="1"/>
    </row>
    <row r="227" spans="1:9" x14ac:dyDescent="0.25">
      <c r="A227" s="3">
        <v>41643.887627314813</v>
      </c>
      <c r="B227" s="6">
        <v>3762.8999999999996</v>
      </c>
      <c r="C227" s="7">
        <f t="shared" si="3"/>
        <v>3.7628999999999997</v>
      </c>
      <c r="I227" s="1"/>
    </row>
    <row r="228" spans="1:9" x14ac:dyDescent="0.25">
      <c r="A228" s="3">
        <v>41643.889837962961</v>
      </c>
      <c r="B228" s="6">
        <v>3779.5499999999997</v>
      </c>
      <c r="C228" s="7">
        <f t="shared" si="3"/>
        <v>3.7795499999999995</v>
      </c>
      <c r="I228" s="1"/>
    </row>
    <row r="229" spans="1:9" x14ac:dyDescent="0.25">
      <c r="A229" s="3">
        <v>41643.889930555553</v>
      </c>
      <c r="B229" s="6">
        <v>3796.2</v>
      </c>
      <c r="C229" s="7">
        <f t="shared" si="3"/>
        <v>3.7961999999999998</v>
      </c>
      <c r="I229" s="1"/>
    </row>
    <row r="230" spans="1:9" x14ac:dyDescent="0.25">
      <c r="A230" s="3">
        <v>41643.893449074072</v>
      </c>
      <c r="B230" s="6">
        <v>3812.8499999999995</v>
      </c>
      <c r="C230" s="7">
        <f t="shared" si="3"/>
        <v>3.8128499999999996</v>
      </c>
      <c r="I230" s="1"/>
    </row>
    <row r="231" spans="1:9" x14ac:dyDescent="0.25">
      <c r="A231" s="3">
        <v>41643.893541666665</v>
      </c>
      <c r="B231" s="6">
        <v>3829.4999999999995</v>
      </c>
      <c r="C231" s="7">
        <f t="shared" si="3"/>
        <v>3.8294999999999995</v>
      </c>
      <c r="I231" s="1"/>
    </row>
    <row r="232" spans="1:9" x14ac:dyDescent="0.25">
      <c r="A232" s="3">
        <v>41643.897187499999</v>
      </c>
      <c r="B232" s="6">
        <v>3846.1499999999996</v>
      </c>
      <c r="C232" s="7">
        <f t="shared" si="3"/>
        <v>3.8461499999999997</v>
      </c>
      <c r="I232" s="1"/>
    </row>
    <row r="233" spans="1:9" x14ac:dyDescent="0.25">
      <c r="A233" s="3">
        <v>41643.897696759261</v>
      </c>
      <c r="B233" s="6">
        <v>3862.7999999999997</v>
      </c>
      <c r="C233" s="7">
        <f t="shared" si="3"/>
        <v>3.8627999999999996</v>
      </c>
      <c r="I233" s="1"/>
    </row>
    <row r="234" spans="1:9" x14ac:dyDescent="0.25">
      <c r="A234" s="3">
        <v>41643.899108796293</v>
      </c>
      <c r="B234" s="6">
        <v>3879.45</v>
      </c>
      <c r="C234" s="7">
        <f t="shared" si="3"/>
        <v>3.8794499999999998</v>
      </c>
      <c r="I234" s="1"/>
    </row>
    <row r="235" spans="1:9" x14ac:dyDescent="0.25">
      <c r="A235" s="3">
        <v>41643.899247685185</v>
      </c>
      <c r="B235" s="6">
        <v>3896.0999999999995</v>
      </c>
      <c r="C235" s="7">
        <f t="shared" si="3"/>
        <v>3.8960999999999997</v>
      </c>
      <c r="I235" s="1"/>
    </row>
    <row r="236" spans="1:9" x14ac:dyDescent="0.25">
      <c r="A236" s="3">
        <v>41643.900451388887</v>
      </c>
      <c r="B236" s="6">
        <v>3912.7499999999995</v>
      </c>
      <c r="C236" s="7">
        <f t="shared" si="3"/>
        <v>3.9127499999999995</v>
      </c>
      <c r="I236" s="1"/>
    </row>
    <row r="237" spans="1:9" x14ac:dyDescent="0.25">
      <c r="A237" s="3">
        <v>41643.90053240741</v>
      </c>
      <c r="B237" s="6">
        <v>3929.3999999999996</v>
      </c>
      <c r="C237" s="7">
        <f t="shared" si="3"/>
        <v>3.9293999999999998</v>
      </c>
      <c r="I237" s="1"/>
    </row>
    <row r="238" spans="1:9" x14ac:dyDescent="0.25">
      <c r="A238" s="3">
        <v>41643.902094907404</v>
      </c>
      <c r="B238" s="6">
        <v>3946.0499999999997</v>
      </c>
      <c r="C238" s="7">
        <f t="shared" si="3"/>
        <v>3.9460499999999996</v>
      </c>
      <c r="I238" s="1"/>
    </row>
    <row r="239" spans="1:9" x14ac:dyDescent="0.25">
      <c r="A239" s="3">
        <v>41643.90252314815</v>
      </c>
      <c r="B239" s="6">
        <v>3962.7</v>
      </c>
      <c r="C239" s="7">
        <f t="shared" si="3"/>
        <v>3.9626999999999999</v>
      </c>
      <c r="I239" s="1"/>
    </row>
    <row r="240" spans="1:9" x14ac:dyDescent="0.25">
      <c r="A240" s="3">
        <v>41643.903935185182</v>
      </c>
      <c r="B240" s="6">
        <v>3979.3499999999995</v>
      </c>
      <c r="C240" s="7">
        <f t="shared" si="3"/>
        <v>3.9793499999999993</v>
      </c>
      <c r="I240" s="1"/>
    </row>
    <row r="241" spans="1:9" x14ac:dyDescent="0.25">
      <c r="A241" s="3">
        <v>41643.904594907406</v>
      </c>
      <c r="B241" s="6">
        <v>3995.9999999999995</v>
      </c>
      <c r="C241" s="7">
        <f t="shared" si="3"/>
        <v>3.9959999999999996</v>
      </c>
      <c r="I241" s="1"/>
    </row>
    <row r="242" spans="1:9" x14ac:dyDescent="0.25">
      <c r="A242" s="3">
        <v>41643.906273148146</v>
      </c>
      <c r="B242" s="6">
        <v>4012.6499999999996</v>
      </c>
      <c r="C242" s="7">
        <f t="shared" si="3"/>
        <v>4.0126499999999998</v>
      </c>
      <c r="I242" s="1"/>
    </row>
    <row r="243" spans="1:9" x14ac:dyDescent="0.25">
      <c r="A243" s="3">
        <v>41643.906956018516</v>
      </c>
      <c r="B243" s="6">
        <v>4029.2999999999997</v>
      </c>
      <c r="C243" s="7">
        <f t="shared" si="3"/>
        <v>4.0293000000000001</v>
      </c>
      <c r="I243" s="1"/>
    </row>
    <row r="244" spans="1:9" x14ac:dyDescent="0.25">
      <c r="A244" s="3">
        <v>41643.910000000003</v>
      </c>
      <c r="B244" s="6">
        <v>4045.95</v>
      </c>
      <c r="C244" s="7">
        <f t="shared" si="3"/>
        <v>4.0459499999999995</v>
      </c>
      <c r="I244" s="1"/>
    </row>
    <row r="245" spans="1:9" x14ac:dyDescent="0.25">
      <c r="A245" s="3">
        <v>41643.910138888888</v>
      </c>
      <c r="B245" s="6">
        <v>4062.5999999999995</v>
      </c>
      <c r="C245" s="7">
        <f t="shared" si="3"/>
        <v>4.0625999999999998</v>
      </c>
      <c r="I245" s="1"/>
    </row>
    <row r="246" spans="1:9" x14ac:dyDescent="0.25">
      <c r="A246" s="3">
        <v>41643.913414351853</v>
      </c>
      <c r="B246" s="6">
        <v>4079.2499999999995</v>
      </c>
      <c r="C246" s="7">
        <f t="shared" si="3"/>
        <v>4.0792499999999992</v>
      </c>
      <c r="I246" s="1"/>
    </row>
    <row r="247" spans="1:9" x14ac:dyDescent="0.25">
      <c r="A247" s="3">
        <v>41643.913587962961</v>
      </c>
      <c r="B247" s="6">
        <v>4095.8999999999996</v>
      </c>
      <c r="C247" s="7">
        <f t="shared" si="3"/>
        <v>4.0958999999999994</v>
      </c>
      <c r="I247" s="1"/>
    </row>
    <row r="248" spans="1:9" x14ac:dyDescent="0.25">
      <c r="A248" s="3">
        <v>41643.91646990741</v>
      </c>
      <c r="B248" s="6">
        <v>4112.5499999999993</v>
      </c>
      <c r="C248" s="7">
        <f t="shared" si="3"/>
        <v>4.1125499999999997</v>
      </c>
      <c r="I248" s="1"/>
    </row>
    <row r="249" spans="1:9" x14ac:dyDescent="0.25">
      <c r="A249" s="3">
        <v>41643.917268518519</v>
      </c>
      <c r="B249" s="6">
        <v>4129.2</v>
      </c>
      <c r="C249" s="7">
        <f t="shared" si="3"/>
        <v>4.1292</v>
      </c>
      <c r="I249" s="1"/>
    </row>
    <row r="250" spans="1:9" x14ac:dyDescent="0.25">
      <c r="A250" s="3">
        <v>41643.9221412037</v>
      </c>
      <c r="B250" s="6">
        <v>4145.8499999999995</v>
      </c>
      <c r="C250" s="7">
        <f t="shared" si="3"/>
        <v>4.1458499999999994</v>
      </c>
      <c r="I250" s="1"/>
    </row>
    <row r="251" spans="1:9" x14ac:dyDescent="0.25">
      <c r="A251" s="3">
        <v>41643.922222222223</v>
      </c>
      <c r="B251" s="6">
        <v>4162.5</v>
      </c>
      <c r="C251" s="7">
        <f t="shared" si="3"/>
        <v>4.1624999999999996</v>
      </c>
      <c r="I251" s="1"/>
    </row>
    <row r="252" spans="1:9" x14ac:dyDescent="0.25">
      <c r="A252" s="3">
        <v>41643.942986111113</v>
      </c>
      <c r="B252" s="6">
        <v>4179.1499999999996</v>
      </c>
      <c r="C252" s="7">
        <f t="shared" si="3"/>
        <v>4.1791499999999999</v>
      </c>
      <c r="I252" s="1"/>
    </row>
    <row r="253" spans="1:9" x14ac:dyDescent="0.25">
      <c r="A253" s="3">
        <v>41643.957337962966</v>
      </c>
      <c r="B253" s="6">
        <v>4195.7999999999993</v>
      </c>
      <c r="C253" s="7">
        <f t="shared" si="3"/>
        <v>4.1957999999999993</v>
      </c>
      <c r="I253" s="1"/>
    </row>
    <row r="254" spans="1:9" x14ac:dyDescent="0.25">
      <c r="A254" s="3">
        <v>41674.000439814816</v>
      </c>
      <c r="B254" s="6">
        <v>4212.45</v>
      </c>
      <c r="C254" s="7">
        <f t="shared" si="3"/>
        <v>4.2124499999999996</v>
      </c>
      <c r="I254" s="1"/>
    </row>
    <row r="255" spans="1:9" x14ac:dyDescent="0.25">
      <c r="A255" s="3">
        <v>41674.005474537036</v>
      </c>
      <c r="B255" s="6">
        <v>4229.0999999999995</v>
      </c>
      <c r="C255" s="7">
        <f t="shared" si="3"/>
        <v>4.2290999999999999</v>
      </c>
      <c r="I255" s="1"/>
    </row>
    <row r="256" spans="1:9" x14ac:dyDescent="0.25">
      <c r="A256" s="3">
        <v>41674.306759259256</v>
      </c>
      <c r="B256" s="6">
        <v>4245.75</v>
      </c>
      <c r="C256" s="7">
        <f t="shared" si="3"/>
        <v>4.2457500000000001</v>
      </c>
      <c r="I256" s="1"/>
    </row>
    <row r="257" spans="1:9" x14ac:dyDescent="0.25">
      <c r="A257" s="3">
        <v>41674.307812500003</v>
      </c>
      <c r="B257" s="6">
        <v>4262.3999999999996</v>
      </c>
      <c r="C257" s="7">
        <f t="shared" si="3"/>
        <v>4.2623999999999995</v>
      </c>
      <c r="I257" s="1"/>
    </row>
    <row r="258" spans="1:9" x14ac:dyDescent="0.25">
      <c r="A258" s="3">
        <v>41674.351550925923</v>
      </c>
      <c r="B258" s="6">
        <v>4279.0499999999993</v>
      </c>
      <c r="C258" s="7">
        <f t="shared" si="3"/>
        <v>4.2790499999999989</v>
      </c>
      <c r="I258" s="1"/>
    </row>
    <row r="259" spans="1:9" x14ac:dyDescent="0.25">
      <c r="A259" s="3">
        <v>41674.353055555555</v>
      </c>
      <c r="B259" s="6">
        <v>4295.7</v>
      </c>
      <c r="C259" s="7">
        <f t="shared" ref="C259:C322" si="4">B259/1000</f>
        <v>4.2957000000000001</v>
      </c>
      <c r="I259" s="1"/>
    </row>
    <row r="260" spans="1:9" x14ac:dyDescent="0.25">
      <c r="A260" s="3">
        <v>41674.367430555554</v>
      </c>
      <c r="B260" s="6">
        <v>4312.3499999999995</v>
      </c>
      <c r="C260" s="7">
        <f t="shared" si="4"/>
        <v>4.3123499999999995</v>
      </c>
      <c r="I260" s="1"/>
    </row>
    <row r="261" spans="1:9" x14ac:dyDescent="0.25">
      <c r="A261" s="3">
        <v>41674.369016203702</v>
      </c>
      <c r="B261" s="6">
        <v>4329</v>
      </c>
      <c r="C261" s="7">
        <f t="shared" si="4"/>
        <v>4.3289999999999997</v>
      </c>
      <c r="I261" s="1"/>
    </row>
    <row r="262" spans="1:9" x14ac:dyDescent="0.25">
      <c r="A262" s="3">
        <v>41674.38422453704</v>
      </c>
      <c r="B262" s="6">
        <v>4345.6499999999996</v>
      </c>
      <c r="C262" s="7">
        <f t="shared" si="4"/>
        <v>4.34565</v>
      </c>
      <c r="I262" s="1"/>
    </row>
    <row r="263" spans="1:9" x14ac:dyDescent="0.25">
      <c r="A263" s="3">
        <v>41674.385868055557</v>
      </c>
      <c r="B263" s="6">
        <v>4362.2999999999993</v>
      </c>
      <c r="C263" s="7">
        <f t="shared" si="4"/>
        <v>4.3622999999999994</v>
      </c>
      <c r="I263" s="1"/>
    </row>
    <row r="264" spans="1:9" x14ac:dyDescent="0.25">
      <c r="A264" s="3">
        <v>41674.391585648147</v>
      </c>
      <c r="B264" s="6">
        <v>4378.95</v>
      </c>
      <c r="C264" s="7">
        <f t="shared" si="4"/>
        <v>4.3789499999999997</v>
      </c>
      <c r="I264" s="1"/>
    </row>
    <row r="265" spans="1:9" x14ac:dyDescent="0.25">
      <c r="A265" s="3">
        <v>41674.391863425924</v>
      </c>
      <c r="B265" s="6">
        <v>4395.5999999999995</v>
      </c>
      <c r="C265" s="7">
        <f t="shared" si="4"/>
        <v>4.3955999999999991</v>
      </c>
      <c r="I265" s="1"/>
    </row>
    <row r="266" spans="1:9" x14ac:dyDescent="0.25">
      <c r="A266" s="3">
        <v>41674.397418981483</v>
      </c>
      <c r="B266" s="6">
        <v>4412.25</v>
      </c>
      <c r="C266" s="7">
        <f t="shared" si="4"/>
        <v>4.4122500000000002</v>
      </c>
      <c r="I266" s="1"/>
    </row>
    <row r="267" spans="1:9" x14ac:dyDescent="0.25">
      <c r="A267" s="3">
        <v>41674.398043981484</v>
      </c>
      <c r="B267" s="6">
        <v>4428.8999999999996</v>
      </c>
      <c r="C267" s="7">
        <f t="shared" si="4"/>
        <v>4.4288999999999996</v>
      </c>
      <c r="I267" s="1"/>
    </row>
    <row r="268" spans="1:9" x14ac:dyDescent="0.25">
      <c r="A268" s="3">
        <v>41674.403599537036</v>
      </c>
      <c r="B268" s="6">
        <v>4445.5499999999993</v>
      </c>
      <c r="C268" s="7">
        <f t="shared" si="4"/>
        <v>4.445549999999999</v>
      </c>
      <c r="I268" s="1"/>
    </row>
    <row r="269" spans="1:9" x14ac:dyDescent="0.25">
      <c r="A269" s="3">
        <v>41674.403877314813</v>
      </c>
      <c r="B269" s="6">
        <v>4462.2</v>
      </c>
      <c r="C269" s="7">
        <f t="shared" si="4"/>
        <v>4.4622000000000002</v>
      </c>
      <c r="I269" s="1"/>
    </row>
    <row r="270" spans="1:9" x14ac:dyDescent="0.25">
      <c r="A270" s="3">
        <v>41674.407002314816</v>
      </c>
      <c r="B270" s="6">
        <v>4478.8499999999995</v>
      </c>
      <c r="C270" s="7">
        <f t="shared" si="4"/>
        <v>4.4788499999999996</v>
      </c>
      <c r="I270" s="1"/>
    </row>
    <row r="271" spans="1:9" x14ac:dyDescent="0.25">
      <c r="A271" s="3">
        <v>41674.407511574071</v>
      </c>
      <c r="B271" s="6">
        <v>4495.5</v>
      </c>
      <c r="C271" s="7">
        <f t="shared" si="4"/>
        <v>4.4954999999999998</v>
      </c>
      <c r="I271" s="1"/>
    </row>
    <row r="272" spans="1:9" x14ac:dyDescent="0.25">
      <c r="A272" s="3">
        <v>41674.411030092589</v>
      </c>
      <c r="B272" s="6">
        <v>4512.1499999999996</v>
      </c>
      <c r="C272" s="7">
        <f t="shared" si="4"/>
        <v>4.5121499999999992</v>
      </c>
      <c r="I272" s="1"/>
    </row>
    <row r="273" spans="1:9" x14ac:dyDescent="0.25">
      <c r="A273" s="3">
        <v>41674.411400462966</v>
      </c>
      <c r="B273" s="6">
        <v>4528.7999999999993</v>
      </c>
      <c r="C273" s="7">
        <f t="shared" si="4"/>
        <v>4.5287999999999995</v>
      </c>
      <c r="I273" s="1"/>
    </row>
    <row r="274" spans="1:9" x14ac:dyDescent="0.25">
      <c r="A274" s="3">
        <v>41674.415856481479</v>
      </c>
      <c r="B274" s="6">
        <v>4545.45</v>
      </c>
      <c r="C274" s="7">
        <f t="shared" si="4"/>
        <v>4.5454499999999998</v>
      </c>
      <c r="I274" s="1"/>
    </row>
    <row r="275" spans="1:9" x14ac:dyDescent="0.25">
      <c r="A275" s="3">
        <v>41674.41679398148</v>
      </c>
      <c r="B275" s="6">
        <v>4562.0999999999995</v>
      </c>
      <c r="C275" s="7">
        <f t="shared" si="4"/>
        <v>4.5620999999999992</v>
      </c>
      <c r="I275" s="1"/>
    </row>
    <row r="276" spans="1:9" x14ac:dyDescent="0.25">
      <c r="A276" s="3">
        <v>41674.420902777776</v>
      </c>
      <c r="B276" s="6">
        <v>4578.75</v>
      </c>
      <c r="C276" s="7">
        <f t="shared" si="4"/>
        <v>4.5787500000000003</v>
      </c>
      <c r="I276" s="1"/>
    </row>
    <row r="277" spans="1:9" x14ac:dyDescent="0.25">
      <c r="A277" s="3">
        <v>41674.422488425924</v>
      </c>
      <c r="B277" s="6">
        <v>4595.3999999999996</v>
      </c>
      <c r="C277" s="7">
        <f t="shared" si="4"/>
        <v>4.5953999999999997</v>
      </c>
      <c r="I277" s="1"/>
    </row>
    <row r="278" spans="1:9" x14ac:dyDescent="0.25">
      <c r="A278" s="3">
        <v>41674.425381944442</v>
      </c>
      <c r="B278" s="6">
        <v>4612.0499999999993</v>
      </c>
      <c r="C278" s="7">
        <f t="shared" si="4"/>
        <v>4.6120499999999991</v>
      </c>
      <c r="I278" s="1"/>
    </row>
    <row r="279" spans="1:9" x14ac:dyDescent="0.25">
      <c r="A279" s="3">
        <v>41674.425706018519</v>
      </c>
      <c r="B279" s="6">
        <v>4628.7</v>
      </c>
      <c r="C279" s="7">
        <f t="shared" si="4"/>
        <v>4.6287000000000003</v>
      </c>
      <c r="I279" s="1"/>
    </row>
    <row r="280" spans="1:9" x14ac:dyDescent="0.25">
      <c r="A280" s="3">
        <v>41674.431134259263</v>
      </c>
      <c r="B280" s="6">
        <v>4645.3499999999995</v>
      </c>
      <c r="C280" s="7">
        <f t="shared" si="4"/>
        <v>4.6453499999999996</v>
      </c>
      <c r="I280" s="1"/>
    </row>
    <row r="281" spans="1:9" x14ac:dyDescent="0.25">
      <c r="A281" s="3">
        <v>41674.431331018517</v>
      </c>
      <c r="B281" s="6">
        <v>4662</v>
      </c>
      <c r="C281" s="7">
        <f t="shared" si="4"/>
        <v>4.6619999999999999</v>
      </c>
      <c r="I281" s="1"/>
    </row>
    <row r="282" spans="1:9" x14ac:dyDescent="0.25">
      <c r="A282" s="3">
        <v>41674.433657407404</v>
      </c>
      <c r="B282" s="6">
        <v>4678.6499999999996</v>
      </c>
      <c r="C282" s="7">
        <f t="shared" si="4"/>
        <v>4.6786499999999993</v>
      </c>
      <c r="I282" s="1"/>
    </row>
    <row r="283" spans="1:9" x14ac:dyDescent="0.25">
      <c r="A283" s="3">
        <v>41674.433831018519</v>
      </c>
      <c r="B283" s="6">
        <v>4695.2999999999993</v>
      </c>
      <c r="C283" s="7">
        <f t="shared" si="4"/>
        <v>4.6952999999999996</v>
      </c>
      <c r="I283" s="1"/>
    </row>
    <row r="284" spans="1:9" x14ac:dyDescent="0.25">
      <c r="A284" s="3">
        <v>41674.436782407407</v>
      </c>
      <c r="B284" s="6">
        <v>4711.95</v>
      </c>
      <c r="C284" s="7">
        <f t="shared" si="4"/>
        <v>4.7119499999999999</v>
      </c>
      <c r="I284" s="1"/>
    </row>
    <row r="285" spans="1:9" x14ac:dyDescent="0.25">
      <c r="A285" s="3">
        <v>41674.437071759261</v>
      </c>
      <c r="B285" s="6">
        <v>4728.5999999999995</v>
      </c>
      <c r="C285" s="7">
        <f t="shared" si="4"/>
        <v>4.7285999999999992</v>
      </c>
      <c r="I285" s="1"/>
    </row>
    <row r="286" spans="1:9" x14ac:dyDescent="0.25">
      <c r="A286" s="3">
        <v>41674.438888888886</v>
      </c>
      <c r="B286" s="6">
        <v>4745.25</v>
      </c>
      <c r="C286" s="7">
        <f t="shared" si="4"/>
        <v>4.7452500000000004</v>
      </c>
      <c r="I286" s="1"/>
    </row>
    <row r="287" spans="1:9" x14ac:dyDescent="0.25">
      <c r="A287" s="3">
        <v>41674.439004629632</v>
      </c>
      <c r="B287" s="6">
        <v>4761.8999999999996</v>
      </c>
      <c r="C287" s="7">
        <f t="shared" si="4"/>
        <v>4.7618999999999998</v>
      </c>
      <c r="I287" s="1"/>
    </row>
    <row r="288" spans="1:9" x14ac:dyDescent="0.25">
      <c r="A288" s="3">
        <v>41674.440196759257</v>
      </c>
      <c r="B288" s="6">
        <v>4778.5499999999993</v>
      </c>
      <c r="C288" s="7">
        <f t="shared" si="4"/>
        <v>4.7785499999999992</v>
      </c>
      <c r="I288" s="1"/>
    </row>
    <row r="289" spans="1:9" x14ac:dyDescent="0.25">
      <c r="A289" s="3">
        <v>41674.440300925926</v>
      </c>
      <c r="B289" s="6">
        <v>4795.2</v>
      </c>
      <c r="C289" s="7">
        <f t="shared" si="4"/>
        <v>4.7951999999999995</v>
      </c>
      <c r="I289" s="1"/>
    </row>
    <row r="290" spans="1:9" x14ac:dyDescent="0.25">
      <c r="A290" s="3">
        <v>41674.442303240743</v>
      </c>
      <c r="B290" s="6">
        <v>4811.8499999999995</v>
      </c>
      <c r="C290" s="7">
        <f t="shared" si="4"/>
        <v>4.8118499999999997</v>
      </c>
      <c r="I290" s="1"/>
    </row>
    <row r="291" spans="1:9" x14ac:dyDescent="0.25">
      <c r="A291" s="3">
        <v>41674.442604166667</v>
      </c>
      <c r="B291" s="6">
        <v>4828.5</v>
      </c>
      <c r="C291" s="7">
        <f t="shared" si="4"/>
        <v>4.8285</v>
      </c>
      <c r="I291" s="1"/>
    </row>
    <row r="292" spans="1:9" x14ac:dyDescent="0.25">
      <c r="A292" s="3">
        <v>41674.444745370369</v>
      </c>
      <c r="B292" s="6">
        <v>4845.1499999999996</v>
      </c>
      <c r="C292" s="7">
        <f t="shared" si="4"/>
        <v>4.8451499999999994</v>
      </c>
      <c r="I292" s="1"/>
    </row>
    <row r="293" spans="1:9" x14ac:dyDescent="0.25">
      <c r="A293" s="3">
        <v>41674.444907407407</v>
      </c>
      <c r="B293" s="6">
        <v>4861.7999999999993</v>
      </c>
      <c r="C293" s="7">
        <f t="shared" si="4"/>
        <v>4.8617999999999997</v>
      </c>
      <c r="I293" s="1"/>
    </row>
    <row r="294" spans="1:9" x14ac:dyDescent="0.25">
      <c r="A294" s="3">
        <v>41674.446759259263</v>
      </c>
      <c r="B294" s="6">
        <v>4878.45</v>
      </c>
      <c r="C294" s="7">
        <f t="shared" si="4"/>
        <v>4.87845</v>
      </c>
      <c r="I294" s="1"/>
    </row>
    <row r="295" spans="1:9" x14ac:dyDescent="0.25">
      <c r="A295" s="3">
        <v>41674.447326388887</v>
      </c>
      <c r="B295" s="6">
        <v>4895.0999999999995</v>
      </c>
      <c r="C295" s="7">
        <f t="shared" si="4"/>
        <v>4.8950999999999993</v>
      </c>
      <c r="I295" s="1"/>
    </row>
    <row r="296" spans="1:9" x14ac:dyDescent="0.25">
      <c r="A296" s="3">
        <v>41674.451747685183</v>
      </c>
      <c r="B296" s="6">
        <v>4911.75</v>
      </c>
      <c r="C296" s="7">
        <f t="shared" si="4"/>
        <v>4.9117499999999996</v>
      </c>
      <c r="I296" s="1"/>
    </row>
    <row r="297" spans="1:9" x14ac:dyDescent="0.25">
      <c r="A297" s="3">
        <v>41674.451956018522</v>
      </c>
      <c r="B297" s="6">
        <v>4928.3999999999996</v>
      </c>
      <c r="C297" s="7">
        <f t="shared" si="4"/>
        <v>4.9283999999999999</v>
      </c>
      <c r="I297" s="1"/>
    </row>
    <row r="298" spans="1:9" x14ac:dyDescent="0.25">
      <c r="A298" s="3">
        <v>41674.455138888887</v>
      </c>
      <c r="B298" s="6">
        <v>4945.0499999999993</v>
      </c>
      <c r="C298" s="7">
        <f t="shared" si="4"/>
        <v>4.9450499999999993</v>
      </c>
      <c r="I298" s="1"/>
    </row>
    <row r="299" spans="1:9" x14ac:dyDescent="0.25">
      <c r="A299" s="3">
        <v>41674.455590277779</v>
      </c>
      <c r="B299" s="6">
        <v>4961.7</v>
      </c>
      <c r="C299" s="7">
        <f t="shared" si="4"/>
        <v>4.9616999999999996</v>
      </c>
      <c r="I299" s="1"/>
    </row>
    <row r="300" spans="1:9" x14ac:dyDescent="0.25">
      <c r="A300" s="3">
        <v>41674.457152777781</v>
      </c>
      <c r="B300" s="6">
        <v>4978.3499999999995</v>
      </c>
      <c r="C300" s="7">
        <f t="shared" si="4"/>
        <v>4.9783499999999998</v>
      </c>
      <c r="I300" s="1"/>
    </row>
    <row r="301" spans="1:9" x14ac:dyDescent="0.25">
      <c r="A301" s="3">
        <v>41674.457627314812</v>
      </c>
      <c r="B301" s="6">
        <v>4995</v>
      </c>
      <c r="C301" s="7">
        <f t="shared" si="4"/>
        <v>4.9950000000000001</v>
      </c>
      <c r="I301" s="1"/>
    </row>
    <row r="302" spans="1:9" x14ac:dyDescent="0.25">
      <c r="A302" s="3">
        <v>41674.460590277777</v>
      </c>
      <c r="B302" s="6">
        <v>5011.6499999999996</v>
      </c>
      <c r="C302" s="7">
        <f t="shared" si="4"/>
        <v>5.0116499999999995</v>
      </c>
      <c r="I302" s="1"/>
    </row>
    <row r="303" spans="1:9" x14ac:dyDescent="0.25">
      <c r="A303" s="3">
        <v>41674.460740740738</v>
      </c>
      <c r="B303" s="6">
        <v>5028.2999999999993</v>
      </c>
      <c r="C303" s="7">
        <f t="shared" si="4"/>
        <v>5.0282999999999989</v>
      </c>
      <c r="I303" s="1"/>
    </row>
    <row r="304" spans="1:9" x14ac:dyDescent="0.25">
      <c r="A304" s="3">
        <v>41674.461701388886</v>
      </c>
      <c r="B304" s="6">
        <v>5044.95</v>
      </c>
      <c r="C304" s="7">
        <f t="shared" si="4"/>
        <v>5.04495</v>
      </c>
      <c r="I304" s="1"/>
    </row>
    <row r="305" spans="1:9" x14ac:dyDescent="0.25">
      <c r="A305" s="3">
        <v>41674.461770833332</v>
      </c>
      <c r="B305" s="6">
        <v>5061.5999999999995</v>
      </c>
      <c r="C305" s="7">
        <f t="shared" si="4"/>
        <v>5.0615999999999994</v>
      </c>
      <c r="I305" s="1"/>
    </row>
    <row r="306" spans="1:9" x14ac:dyDescent="0.25">
      <c r="A306" s="3">
        <v>41674.463090277779</v>
      </c>
      <c r="B306" s="6">
        <v>5078.25</v>
      </c>
      <c r="C306" s="7">
        <f t="shared" si="4"/>
        <v>5.0782499999999997</v>
      </c>
      <c r="I306" s="1"/>
    </row>
    <row r="307" spans="1:9" x14ac:dyDescent="0.25">
      <c r="A307" s="3">
        <v>41674.463194444441</v>
      </c>
      <c r="B307" s="6">
        <v>5094.8999999999996</v>
      </c>
      <c r="C307" s="7">
        <f t="shared" si="4"/>
        <v>5.0949</v>
      </c>
      <c r="I307" s="1"/>
    </row>
    <row r="308" spans="1:9" x14ac:dyDescent="0.25">
      <c r="A308" s="3">
        <v>41674.464178240742</v>
      </c>
      <c r="B308" s="6">
        <v>5111.5499999999993</v>
      </c>
      <c r="C308" s="7">
        <f t="shared" si="4"/>
        <v>5.1115499999999994</v>
      </c>
      <c r="I308" s="1"/>
    </row>
    <row r="309" spans="1:9" x14ac:dyDescent="0.25">
      <c r="A309" s="3">
        <v>41674.464328703703</v>
      </c>
      <c r="B309" s="6">
        <v>5128.2</v>
      </c>
      <c r="C309" s="7">
        <f t="shared" si="4"/>
        <v>5.1281999999999996</v>
      </c>
      <c r="I309" s="1"/>
    </row>
    <row r="310" spans="1:9" x14ac:dyDescent="0.25">
      <c r="A310" s="3">
        <v>41674.467939814815</v>
      </c>
      <c r="B310" s="6">
        <v>5144.8499999999995</v>
      </c>
      <c r="C310" s="7">
        <f t="shared" si="4"/>
        <v>5.144849999999999</v>
      </c>
      <c r="I310" s="1"/>
    </row>
    <row r="311" spans="1:9" x14ac:dyDescent="0.25">
      <c r="A311" s="3">
        <v>41674.468356481484</v>
      </c>
      <c r="B311" s="6">
        <v>5161.5</v>
      </c>
      <c r="C311" s="7">
        <f t="shared" si="4"/>
        <v>5.1615000000000002</v>
      </c>
      <c r="I311" s="1"/>
    </row>
    <row r="312" spans="1:9" x14ac:dyDescent="0.25">
      <c r="A312" s="3">
        <v>41674.472268518519</v>
      </c>
      <c r="B312" s="6">
        <v>5178.1499999999996</v>
      </c>
      <c r="C312" s="7">
        <f t="shared" si="4"/>
        <v>5.1781499999999996</v>
      </c>
      <c r="I312" s="1"/>
    </row>
    <row r="313" spans="1:9" x14ac:dyDescent="0.25">
      <c r="A313" s="3">
        <v>41674.472372685188</v>
      </c>
      <c r="B313" s="6">
        <v>5194.7999999999993</v>
      </c>
      <c r="C313" s="7">
        <f t="shared" si="4"/>
        <v>5.194799999999999</v>
      </c>
      <c r="I313" s="1"/>
    </row>
    <row r="314" spans="1:9" x14ac:dyDescent="0.25">
      <c r="A314" s="3">
        <v>41674.47415509259</v>
      </c>
      <c r="B314" s="6">
        <v>5211.45</v>
      </c>
      <c r="C314" s="7">
        <f t="shared" si="4"/>
        <v>5.2114500000000001</v>
      </c>
      <c r="I314" s="1"/>
    </row>
    <row r="315" spans="1:9" x14ac:dyDescent="0.25">
      <c r="A315" s="3">
        <v>41674.474317129629</v>
      </c>
      <c r="B315" s="6">
        <v>5228.0999999999995</v>
      </c>
      <c r="C315" s="7">
        <f t="shared" si="4"/>
        <v>5.2280999999999995</v>
      </c>
      <c r="I315" s="1"/>
    </row>
    <row r="316" spans="1:9" x14ac:dyDescent="0.25">
      <c r="A316" s="3">
        <v>41674.476875</v>
      </c>
      <c r="B316" s="6">
        <v>5244.75</v>
      </c>
      <c r="C316" s="7">
        <f t="shared" si="4"/>
        <v>5.2447499999999998</v>
      </c>
      <c r="I316" s="1"/>
    </row>
    <row r="317" spans="1:9" x14ac:dyDescent="0.25">
      <c r="A317" s="3">
        <v>41674.477314814816</v>
      </c>
      <c r="B317" s="6">
        <v>5261.4</v>
      </c>
      <c r="C317" s="7">
        <f t="shared" si="4"/>
        <v>5.2614000000000001</v>
      </c>
      <c r="I317" s="1"/>
    </row>
    <row r="318" spans="1:9" x14ac:dyDescent="0.25">
      <c r="A318" s="3">
        <v>41674.479212962964</v>
      </c>
      <c r="B318" s="6">
        <v>5278.0499999999993</v>
      </c>
      <c r="C318" s="7">
        <f t="shared" si="4"/>
        <v>5.2780499999999995</v>
      </c>
      <c r="I318" s="1"/>
    </row>
    <row r="319" spans="1:9" x14ac:dyDescent="0.25">
      <c r="A319" s="3">
        <v>41674.479317129626</v>
      </c>
      <c r="B319" s="6">
        <v>5294.7</v>
      </c>
      <c r="C319" s="7">
        <f t="shared" si="4"/>
        <v>5.2946999999999997</v>
      </c>
      <c r="I319" s="1"/>
    </row>
    <row r="320" spans="1:9" x14ac:dyDescent="0.25">
      <c r="A320" s="3">
        <v>41674.480810185189</v>
      </c>
      <c r="B320" s="6">
        <v>5311.3499999999995</v>
      </c>
      <c r="C320" s="7">
        <f t="shared" si="4"/>
        <v>5.3113499999999991</v>
      </c>
      <c r="I320" s="1"/>
    </row>
    <row r="321" spans="1:9" x14ac:dyDescent="0.25">
      <c r="A321" s="3">
        <v>41674.48097222222</v>
      </c>
      <c r="B321" s="6">
        <v>5328</v>
      </c>
      <c r="C321" s="7">
        <f t="shared" si="4"/>
        <v>5.3280000000000003</v>
      </c>
      <c r="I321" s="1"/>
    </row>
    <row r="322" spans="1:9" x14ac:dyDescent="0.25">
      <c r="A322" s="3">
        <v>41674.483958333331</v>
      </c>
      <c r="B322" s="6">
        <v>5344.65</v>
      </c>
      <c r="C322" s="7">
        <f t="shared" si="4"/>
        <v>5.3446499999999997</v>
      </c>
      <c r="I322" s="1"/>
    </row>
    <row r="323" spans="1:9" x14ac:dyDescent="0.25">
      <c r="A323" s="3">
        <v>41674.4840625</v>
      </c>
      <c r="B323" s="6">
        <v>5361.2999999999993</v>
      </c>
      <c r="C323" s="7">
        <f t="shared" ref="C323:C386" si="5">B323/1000</f>
        <v>5.3612999999999991</v>
      </c>
      <c r="I323" s="1"/>
    </row>
    <row r="324" spans="1:9" x14ac:dyDescent="0.25">
      <c r="A324" s="3">
        <v>41674.485069444447</v>
      </c>
      <c r="B324" s="6">
        <v>5377.95</v>
      </c>
      <c r="C324" s="7">
        <f t="shared" si="5"/>
        <v>5.3779500000000002</v>
      </c>
      <c r="I324" s="1"/>
    </row>
    <row r="325" spans="1:9" x14ac:dyDescent="0.25">
      <c r="A325" s="3">
        <v>41674.485150462962</v>
      </c>
      <c r="B325" s="6">
        <v>5394.5999999999995</v>
      </c>
      <c r="C325" s="7">
        <f t="shared" si="5"/>
        <v>5.3945999999999996</v>
      </c>
      <c r="I325" s="1"/>
    </row>
    <row r="326" spans="1:9" x14ac:dyDescent="0.25">
      <c r="A326" s="3">
        <v>41674.486377314817</v>
      </c>
      <c r="B326" s="6">
        <v>5411.2499999999991</v>
      </c>
      <c r="C326" s="7">
        <f t="shared" si="5"/>
        <v>5.411249999999999</v>
      </c>
      <c r="I326" s="1"/>
    </row>
    <row r="327" spans="1:9" x14ac:dyDescent="0.25">
      <c r="A327" s="3">
        <v>41674.486481481479</v>
      </c>
      <c r="B327" s="6">
        <v>5427.9</v>
      </c>
      <c r="C327" s="7">
        <f t="shared" si="5"/>
        <v>5.4278999999999993</v>
      </c>
      <c r="I327" s="1"/>
    </row>
    <row r="328" spans="1:9" x14ac:dyDescent="0.25">
      <c r="A328" s="3">
        <v>41674.487847222219</v>
      </c>
      <c r="B328" s="6">
        <v>5444.5499999999993</v>
      </c>
      <c r="C328" s="7">
        <f t="shared" si="5"/>
        <v>5.4445499999999996</v>
      </c>
      <c r="I328" s="1"/>
    </row>
    <row r="329" spans="1:9" x14ac:dyDescent="0.25">
      <c r="A329" s="3">
        <v>41674.487939814811</v>
      </c>
      <c r="B329" s="6">
        <v>5461.2</v>
      </c>
      <c r="C329" s="7">
        <f t="shared" si="5"/>
        <v>5.4611999999999998</v>
      </c>
      <c r="I329" s="1"/>
    </row>
    <row r="330" spans="1:9" x14ac:dyDescent="0.25">
      <c r="A330" s="3">
        <v>41674.489629629628</v>
      </c>
      <c r="B330" s="6">
        <v>5477.8499999999995</v>
      </c>
      <c r="C330" s="7">
        <f t="shared" si="5"/>
        <v>5.4778499999999992</v>
      </c>
      <c r="I330" s="1"/>
    </row>
    <row r="331" spans="1:9" x14ac:dyDescent="0.25">
      <c r="A331" s="3">
        <v>41674.489756944444</v>
      </c>
      <c r="B331" s="6">
        <v>5494.4999999999991</v>
      </c>
      <c r="C331" s="7">
        <f t="shared" si="5"/>
        <v>5.4944999999999995</v>
      </c>
      <c r="I331" s="1"/>
    </row>
    <row r="332" spans="1:9" x14ac:dyDescent="0.25">
      <c r="A332" s="3">
        <v>41674.490902777776</v>
      </c>
      <c r="B332" s="6">
        <v>5511.15</v>
      </c>
      <c r="C332" s="7">
        <f t="shared" si="5"/>
        <v>5.5111499999999998</v>
      </c>
      <c r="I332" s="1"/>
    </row>
    <row r="333" spans="1:9" x14ac:dyDescent="0.25">
      <c r="A333" s="3">
        <v>41674.491122685184</v>
      </c>
      <c r="B333" s="6">
        <v>5527.7999999999993</v>
      </c>
      <c r="C333" s="7">
        <f t="shared" si="5"/>
        <v>5.5277999999999992</v>
      </c>
      <c r="I333" s="1"/>
    </row>
    <row r="334" spans="1:9" x14ac:dyDescent="0.25">
      <c r="A334" s="3">
        <v>41674.492314814815</v>
      </c>
      <c r="B334" s="6">
        <v>5544.45</v>
      </c>
      <c r="C334" s="7">
        <f t="shared" si="5"/>
        <v>5.5444499999999994</v>
      </c>
      <c r="I334" s="1"/>
    </row>
    <row r="335" spans="1:9" x14ac:dyDescent="0.25">
      <c r="A335" s="3">
        <v>41674.492465277777</v>
      </c>
      <c r="B335" s="6">
        <v>5561.0999999999995</v>
      </c>
      <c r="C335" s="7">
        <f t="shared" si="5"/>
        <v>5.5610999999999997</v>
      </c>
      <c r="I335" s="1"/>
    </row>
    <row r="336" spans="1:9" x14ac:dyDescent="0.25">
      <c r="A336" s="3">
        <v>41674.493495370371</v>
      </c>
      <c r="B336" s="6">
        <v>5577.7499999999991</v>
      </c>
      <c r="C336" s="7">
        <f t="shared" si="5"/>
        <v>5.5777499999999991</v>
      </c>
      <c r="I336" s="1"/>
    </row>
    <row r="337" spans="1:9" x14ac:dyDescent="0.25">
      <c r="A337" s="3">
        <v>41674.493645833332</v>
      </c>
      <c r="B337" s="6">
        <v>5594.4</v>
      </c>
      <c r="C337" s="7">
        <f t="shared" si="5"/>
        <v>5.5943999999999994</v>
      </c>
      <c r="I337" s="1"/>
    </row>
    <row r="338" spans="1:9" x14ac:dyDescent="0.25">
      <c r="A338" s="3">
        <v>41674.494560185187</v>
      </c>
      <c r="B338" s="6">
        <v>5611.0499999999993</v>
      </c>
      <c r="C338" s="7">
        <f t="shared" si="5"/>
        <v>5.6110499999999996</v>
      </c>
      <c r="I338" s="1"/>
    </row>
    <row r="339" spans="1:9" x14ac:dyDescent="0.25">
      <c r="A339" s="3">
        <v>41674.494606481479</v>
      </c>
      <c r="B339" s="6">
        <v>5627.7</v>
      </c>
      <c r="C339" s="7">
        <f t="shared" si="5"/>
        <v>5.6276999999999999</v>
      </c>
      <c r="I339" s="1"/>
    </row>
    <row r="340" spans="1:9" x14ac:dyDescent="0.25">
      <c r="A340" s="3">
        <v>41674.495451388888</v>
      </c>
      <c r="B340" s="6">
        <v>5644.3499999999995</v>
      </c>
      <c r="C340" s="7">
        <f t="shared" si="5"/>
        <v>5.6443499999999993</v>
      </c>
      <c r="I340" s="1"/>
    </row>
    <row r="341" spans="1:9" x14ac:dyDescent="0.25">
      <c r="A341" s="3">
        <v>41674.495625000003</v>
      </c>
      <c r="B341" s="6">
        <v>5660.9999999999991</v>
      </c>
      <c r="C341" s="7">
        <f t="shared" si="5"/>
        <v>5.6609999999999987</v>
      </c>
      <c r="I341" s="1"/>
    </row>
    <row r="342" spans="1:9" x14ac:dyDescent="0.25">
      <c r="A342" s="3">
        <v>41674.497164351851</v>
      </c>
      <c r="B342" s="6">
        <v>5677.65</v>
      </c>
      <c r="C342" s="7">
        <f t="shared" si="5"/>
        <v>5.6776499999999999</v>
      </c>
      <c r="I342" s="1"/>
    </row>
    <row r="343" spans="1:9" x14ac:dyDescent="0.25">
      <c r="A343" s="3">
        <v>41674.49726851852</v>
      </c>
      <c r="B343" s="6">
        <v>5694.2999999999993</v>
      </c>
      <c r="C343" s="7">
        <f t="shared" si="5"/>
        <v>5.6942999999999993</v>
      </c>
      <c r="I343" s="1"/>
    </row>
    <row r="344" spans="1:9" x14ac:dyDescent="0.25">
      <c r="A344" s="3">
        <v>41674.498796296299</v>
      </c>
      <c r="B344" s="6">
        <v>5710.95</v>
      </c>
      <c r="C344" s="7">
        <f t="shared" si="5"/>
        <v>5.7109499999999995</v>
      </c>
      <c r="I344" s="1"/>
    </row>
    <row r="345" spans="1:9" x14ac:dyDescent="0.25">
      <c r="A345" s="3">
        <v>41674.499074074076</v>
      </c>
      <c r="B345" s="6">
        <v>5727.5999999999995</v>
      </c>
      <c r="C345" s="7">
        <f t="shared" si="5"/>
        <v>5.7275999999999998</v>
      </c>
      <c r="I345" s="1"/>
    </row>
    <row r="346" spans="1:9" x14ac:dyDescent="0.25">
      <c r="A346" s="3">
        <v>41674.500034722223</v>
      </c>
      <c r="B346" s="6">
        <v>5744.2499999999991</v>
      </c>
      <c r="C346" s="7">
        <f t="shared" si="5"/>
        <v>5.7442499999999992</v>
      </c>
      <c r="I346" s="1"/>
    </row>
    <row r="347" spans="1:9" x14ac:dyDescent="0.25">
      <c r="A347" s="3">
        <v>41674.500127314815</v>
      </c>
      <c r="B347" s="6">
        <v>5760.9</v>
      </c>
      <c r="C347" s="7">
        <f t="shared" si="5"/>
        <v>5.7608999999999995</v>
      </c>
      <c r="I347" s="1"/>
    </row>
    <row r="348" spans="1:9" x14ac:dyDescent="0.25">
      <c r="A348" s="3">
        <v>41674.50072916667</v>
      </c>
      <c r="B348" s="6">
        <v>5777.5499999999993</v>
      </c>
      <c r="C348" s="7">
        <f t="shared" si="5"/>
        <v>5.7775499999999989</v>
      </c>
      <c r="I348" s="1"/>
    </row>
    <row r="349" spans="1:9" x14ac:dyDescent="0.25">
      <c r="A349" s="3">
        <v>41674.500821759262</v>
      </c>
      <c r="B349" s="6">
        <v>5794.2</v>
      </c>
      <c r="C349" s="7">
        <f t="shared" si="5"/>
        <v>5.7942</v>
      </c>
      <c r="I349" s="1"/>
    </row>
    <row r="350" spans="1:9" x14ac:dyDescent="0.25">
      <c r="A350" s="3">
        <v>41674.50141203704</v>
      </c>
      <c r="B350" s="6">
        <v>5810.8499999999995</v>
      </c>
      <c r="C350" s="7">
        <f t="shared" si="5"/>
        <v>5.8108499999999994</v>
      </c>
      <c r="I350" s="1"/>
    </row>
    <row r="351" spans="1:9" x14ac:dyDescent="0.25">
      <c r="A351" s="3">
        <v>41674.501562500001</v>
      </c>
      <c r="B351" s="6">
        <v>5827.4999999999991</v>
      </c>
      <c r="C351" s="7">
        <f t="shared" si="5"/>
        <v>5.8274999999999988</v>
      </c>
      <c r="I351" s="1"/>
    </row>
    <row r="352" spans="1:9" x14ac:dyDescent="0.25">
      <c r="A352" s="3">
        <v>41674.502384259256</v>
      </c>
      <c r="B352" s="6">
        <v>5844.15</v>
      </c>
      <c r="C352" s="7">
        <f t="shared" si="5"/>
        <v>5.84415</v>
      </c>
      <c r="I352" s="1"/>
    </row>
    <row r="353" spans="1:9" x14ac:dyDescent="0.25">
      <c r="A353" s="3">
        <v>41674.502465277779</v>
      </c>
      <c r="B353" s="6">
        <v>5860.7999999999993</v>
      </c>
      <c r="C353" s="7">
        <f t="shared" si="5"/>
        <v>5.8607999999999993</v>
      </c>
      <c r="I353" s="1"/>
    </row>
    <row r="354" spans="1:9" x14ac:dyDescent="0.25">
      <c r="A354" s="3">
        <v>41674.502997685187</v>
      </c>
      <c r="B354" s="6">
        <v>5877.45</v>
      </c>
      <c r="C354" s="7">
        <f t="shared" si="5"/>
        <v>5.8774499999999996</v>
      </c>
      <c r="I354" s="1"/>
    </row>
    <row r="355" spans="1:9" x14ac:dyDescent="0.25">
      <c r="A355" s="3">
        <v>41674.503055555557</v>
      </c>
      <c r="B355" s="6">
        <v>5894.0999999999995</v>
      </c>
      <c r="C355" s="7">
        <f t="shared" si="5"/>
        <v>5.8940999999999999</v>
      </c>
      <c r="I355" s="1"/>
    </row>
    <row r="356" spans="1:9" x14ac:dyDescent="0.25">
      <c r="A356" s="3">
        <v>41674.504016203704</v>
      </c>
      <c r="B356" s="6">
        <v>5910.7499999999991</v>
      </c>
      <c r="C356" s="7">
        <f t="shared" si="5"/>
        <v>5.9107499999999993</v>
      </c>
      <c r="I356" s="1"/>
    </row>
    <row r="357" spans="1:9" x14ac:dyDescent="0.25">
      <c r="A357" s="3">
        <v>41674.504074074073</v>
      </c>
      <c r="B357" s="6">
        <v>5927.4</v>
      </c>
      <c r="C357" s="7">
        <f t="shared" si="5"/>
        <v>5.9273999999999996</v>
      </c>
      <c r="I357" s="1"/>
    </row>
    <row r="358" spans="1:9" x14ac:dyDescent="0.25">
      <c r="A358" s="3">
        <v>41674.505115740743</v>
      </c>
      <c r="B358" s="6">
        <v>5944.0499999999993</v>
      </c>
      <c r="C358" s="7">
        <f t="shared" si="5"/>
        <v>5.9440499999999989</v>
      </c>
      <c r="I358" s="1"/>
    </row>
    <row r="359" spans="1:9" x14ac:dyDescent="0.25">
      <c r="A359" s="3">
        <v>41674.505289351851</v>
      </c>
      <c r="B359" s="6">
        <v>5960.7</v>
      </c>
      <c r="C359" s="7">
        <f t="shared" si="5"/>
        <v>5.9607000000000001</v>
      </c>
      <c r="I359" s="1"/>
    </row>
    <row r="360" spans="1:9" x14ac:dyDescent="0.25">
      <c r="A360" s="3">
        <v>41674.507071759261</v>
      </c>
      <c r="B360" s="6">
        <v>5977.3499999999995</v>
      </c>
      <c r="C360" s="7">
        <f t="shared" si="5"/>
        <v>5.9773499999999995</v>
      </c>
      <c r="I360" s="1"/>
    </row>
    <row r="361" spans="1:9" x14ac:dyDescent="0.25">
      <c r="A361" s="3">
        <v>41674.507222222222</v>
      </c>
      <c r="B361" s="6">
        <v>5993.9999999999991</v>
      </c>
      <c r="C361" s="7">
        <f t="shared" si="5"/>
        <v>5.9939999999999989</v>
      </c>
      <c r="I361" s="1"/>
    </row>
    <row r="362" spans="1:9" x14ac:dyDescent="0.25">
      <c r="A362" s="3">
        <v>41674.509097222224</v>
      </c>
      <c r="B362" s="6">
        <v>6010.65</v>
      </c>
      <c r="C362" s="7">
        <f t="shared" si="5"/>
        <v>6.01065</v>
      </c>
      <c r="I362" s="1"/>
    </row>
    <row r="363" spans="1:9" x14ac:dyDescent="0.25">
      <c r="A363" s="3">
        <v>41674.50949074074</v>
      </c>
      <c r="B363" s="6">
        <v>6027.2999999999993</v>
      </c>
      <c r="C363" s="7">
        <f t="shared" si="5"/>
        <v>6.0272999999999994</v>
      </c>
      <c r="I363" s="1"/>
    </row>
    <row r="364" spans="1:9" x14ac:dyDescent="0.25">
      <c r="A364" s="3">
        <v>41674.510497685187</v>
      </c>
      <c r="B364" s="6">
        <v>6043.95</v>
      </c>
      <c r="C364" s="7">
        <f t="shared" si="5"/>
        <v>6.0439499999999997</v>
      </c>
      <c r="I364" s="1"/>
    </row>
    <row r="365" spans="1:9" x14ac:dyDescent="0.25">
      <c r="A365" s="3">
        <v>41674.510648148149</v>
      </c>
      <c r="B365" s="6">
        <v>6060.5999999999995</v>
      </c>
      <c r="C365" s="7">
        <f t="shared" si="5"/>
        <v>6.0605999999999991</v>
      </c>
      <c r="I365" s="1"/>
    </row>
    <row r="366" spans="1:9" x14ac:dyDescent="0.25">
      <c r="A366" s="3">
        <v>41674.511273148149</v>
      </c>
      <c r="B366" s="6">
        <v>6077.2499999999991</v>
      </c>
      <c r="C366" s="7">
        <f t="shared" si="5"/>
        <v>6.0772499999999994</v>
      </c>
      <c r="I366" s="1"/>
    </row>
    <row r="367" spans="1:9" x14ac:dyDescent="0.25">
      <c r="A367" s="3">
        <v>41674.511307870373</v>
      </c>
      <c r="B367" s="6">
        <v>6093.9</v>
      </c>
      <c r="C367" s="7">
        <f t="shared" si="5"/>
        <v>6.0938999999999997</v>
      </c>
      <c r="I367" s="1"/>
    </row>
    <row r="368" spans="1:9" x14ac:dyDescent="0.25">
      <c r="A368" s="3">
        <v>41674.511736111112</v>
      </c>
      <c r="B368" s="6">
        <v>6110.5499999999993</v>
      </c>
      <c r="C368" s="7">
        <f t="shared" si="5"/>
        <v>6.110549999999999</v>
      </c>
      <c r="I368" s="1"/>
    </row>
    <row r="369" spans="1:9" x14ac:dyDescent="0.25">
      <c r="A369" s="3">
        <v>41674.511840277781</v>
      </c>
      <c r="B369" s="6">
        <v>6127.2</v>
      </c>
      <c r="C369" s="7">
        <f t="shared" si="5"/>
        <v>6.1272000000000002</v>
      </c>
      <c r="I369" s="1"/>
    </row>
    <row r="370" spans="1:9" x14ac:dyDescent="0.25">
      <c r="A370" s="3">
        <v>41674.514050925929</v>
      </c>
      <c r="B370" s="6">
        <v>6143.8499999999995</v>
      </c>
      <c r="C370" s="7">
        <f t="shared" si="5"/>
        <v>6.1438499999999996</v>
      </c>
      <c r="I370" s="1"/>
    </row>
    <row r="371" spans="1:9" x14ac:dyDescent="0.25">
      <c r="A371" s="3">
        <v>41674.514247685183</v>
      </c>
      <c r="B371" s="6">
        <v>6160.4999999999991</v>
      </c>
      <c r="C371" s="7">
        <f t="shared" si="5"/>
        <v>6.160499999999999</v>
      </c>
      <c r="I371" s="1"/>
    </row>
    <row r="372" spans="1:9" x14ac:dyDescent="0.25">
      <c r="A372" s="3">
        <v>41674.515023148146</v>
      </c>
      <c r="B372" s="6">
        <v>6177.15</v>
      </c>
      <c r="C372" s="7">
        <f t="shared" si="5"/>
        <v>6.1771499999999993</v>
      </c>
      <c r="I372" s="1"/>
    </row>
    <row r="373" spans="1:9" x14ac:dyDescent="0.25">
      <c r="A373" s="3">
        <v>41674.515150462961</v>
      </c>
      <c r="B373" s="6">
        <v>6193.7999999999993</v>
      </c>
      <c r="C373" s="7">
        <f t="shared" si="5"/>
        <v>6.1937999999999995</v>
      </c>
      <c r="I373" s="1"/>
    </row>
    <row r="374" spans="1:9" x14ac:dyDescent="0.25">
      <c r="A374" s="3">
        <v>41674.516134259262</v>
      </c>
      <c r="B374" s="6">
        <v>6210.45</v>
      </c>
      <c r="C374" s="7">
        <f t="shared" si="5"/>
        <v>6.2104499999999998</v>
      </c>
      <c r="I374" s="1"/>
    </row>
    <row r="375" spans="1:9" x14ac:dyDescent="0.25">
      <c r="A375" s="3">
        <v>41674.516226851854</v>
      </c>
      <c r="B375" s="6">
        <v>6227.0999999999995</v>
      </c>
      <c r="C375" s="7">
        <f t="shared" si="5"/>
        <v>6.2270999999999992</v>
      </c>
      <c r="I375" s="1"/>
    </row>
    <row r="376" spans="1:9" x14ac:dyDescent="0.25">
      <c r="A376" s="3">
        <v>41674.516701388886</v>
      </c>
      <c r="B376" s="6">
        <v>6243.7499999999991</v>
      </c>
      <c r="C376" s="7">
        <f t="shared" si="5"/>
        <v>6.2437499999999995</v>
      </c>
      <c r="I376" s="1"/>
    </row>
    <row r="377" spans="1:9" x14ac:dyDescent="0.25">
      <c r="A377" s="3">
        <v>41674.516770833332</v>
      </c>
      <c r="B377" s="6">
        <v>6260.4</v>
      </c>
      <c r="C377" s="7">
        <f t="shared" si="5"/>
        <v>6.2603999999999997</v>
      </c>
      <c r="I377" s="1"/>
    </row>
    <row r="378" spans="1:9" x14ac:dyDescent="0.25">
      <c r="A378" s="3">
        <v>41674.517800925925</v>
      </c>
      <c r="B378" s="6">
        <v>6277.0499999999993</v>
      </c>
      <c r="C378" s="7">
        <f t="shared" si="5"/>
        <v>6.2770499999999991</v>
      </c>
      <c r="I378" s="1"/>
    </row>
    <row r="379" spans="1:9" x14ac:dyDescent="0.25">
      <c r="A379" s="3">
        <v>41674.517870370371</v>
      </c>
      <c r="B379" s="6">
        <v>6293.7</v>
      </c>
      <c r="C379" s="7">
        <f t="shared" si="5"/>
        <v>6.2936999999999994</v>
      </c>
      <c r="I379" s="1"/>
    </row>
    <row r="380" spans="1:9" x14ac:dyDescent="0.25">
      <c r="A380" s="3">
        <v>41674.518796296295</v>
      </c>
      <c r="B380" s="6">
        <v>6310.3499999999995</v>
      </c>
      <c r="C380" s="7">
        <f t="shared" si="5"/>
        <v>6.3103499999999997</v>
      </c>
      <c r="I380" s="1"/>
    </row>
    <row r="381" spans="1:9" x14ac:dyDescent="0.25">
      <c r="A381" s="3">
        <v>41674.518888888888</v>
      </c>
      <c r="B381" s="6">
        <v>6326.9999999999991</v>
      </c>
      <c r="C381" s="7">
        <f t="shared" si="5"/>
        <v>6.3269999999999991</v>
      </c>
      <c r="I381" s="1"/>
    </row>
    <row r="382" spans="1:9" x14ac:dyDescent="0.25">
      <c r="A382" s="3">
        <v>41674.519976851851</v>
      </c>
      <c r="B382" s="6">
        <v>6343.65</v>
      </c>
      <c r="C382" s="7">
        <f t="shared" si="5"/>
        <v>6.3436499999999993</v>
      </c>
      <c r="I382" s="1"/>
    </row>
    <row r="383" spans="1:9" x14ac:dyDescent="0.25">
      <c r="A383" s="3">
        <v>41674.520138888889</v>
      </c>
      <c r="B383" s="6">
        <v>6360.2999999999993</v>
      </c>
      <c r="C383" s="7">
        <f t="shared" si="5"/>
        <v>6.3602999999999996</v>
      </c>
      <c r="I383" s="1"/>
    </row>
    <row r="384" spans="1:9" x14ac:dyDescent="0.25">
      <c r="A384" s="3">
        <v>41674.521423611113</v>
      </c>
      <c r="B384" s="6">
        <v>6376.95</v>
      </c>
      <c r="C384" s="7">
        <f t="shared" si="5"/>
        <v>6.3769499999999999</v>
      </c>
      <c r="I384" s="1"/>
    </row>
    <row r="385" spans="1:9" x14ac:dyDescent="0.25">
      <c r="A385" s="3">
        <v>41674.521504629629</v>
      </c>
      <c r="B385" s="6">
        <v>6393.5999999999995</v>
      </c>
      <c r="C385" s="7">
        <f t="shared" si="5"/>
        <v>6.3935999999999993</v>
      </c>
      <c r="I385" s="1"/>
    </row>
    <row r="386" spans="1:9" x14ac:dyDescent="0.25">
      <c r="A386" s="3">
        <v>41674.522280092591</v>
      </c>
      <c r="B386" s="6">
        <v>6410.2499999999991</v>
      </c>
      <c r="C386" s="7">
        <f t="shared" si="5"/>
        <v>6.4102499999999987</v>
      </c>
      <c r="I386" s="1"/>
    </row>
    <row r="387" spans="1:9" x14ac:dyDescent="0.25">
      <c r="A387" s="3">
        <v>41674.522337962961</v>
      </c>
      <c r="B387" s="6">
        <v>6426.9</v>
      </c>
      <c r="C387" s="7">
        <f t="shared" ref="C387:C450" si="6">B387/1000</f>
        <v>6.4268999999999998</v>
      </c>
      <c r="I387" s="1"/>
    </row>
    <row r="388" spans="1:9" x14ac:dyDescent="0.25">
      <c r="A388" s="3">
        <v>41674.522893518515</v>
      </c>
      <c r="B388" s="6">
        <v>6443.5499999999993</v>
      </c>
      <c r="C388" s="7">
        <f t="shared" si="6"/>
        <v>6.4435499999999992</v>
      </c>
      <c r="I388" s="1"/>
    </row>
    <row r="389" spans="1:9" x14ac:dyDescent="0.25">
      <c r="A389" s="3">
        <v>41674.522951388892</v>
      </c>
      <c r="B389" s="6">
        <v>6460.2</v>
      </c>
      <c r="C389" s="7">
        <f t="shared" si="6"/>
        <v>6.4601999999999995</v>
      </c>
      <c r="I389" s="1"/>
    </row>
    <row r="390" spans="1:9" x14ac:dyDescent="0.25">
      <c r="A390" s="3">
        <v>41674.523715277777</v>
      </c>
      <c r="B390" s="6">
        <v>6476.8499999999995</v>
      </c>
      <c r="C390" s="7">
        <f t="shared" si="6"/>
        <v>6.4768499999999998</v>
      </c>
      <c r="I390" s="1"/>
    </row>
    <row r="391" spans="1:9" x14ac:dyDescent="0.25">
      <c r="A391" s="3">
        <v>41674.523784722223</v>
      </c>
      <c r="B391" s="6">
        <v>6493.4999999999991</v>
      </c>
      <c r="C391" s="7">
        <f t="shared" si="6"/>
        <v>6.4934999999999992</v>
      </c>
      <c r="I391" s="1"/>
    </row>
    <row r="392" spans="1:9" x14ac:dyDescent="0.25">
      <c r="A392" s="3">
        <v>41674.524293981478</v>
      </c>
      <c r="B392" s="6">
        <v>6510.15</v>
      </c>
      <c r="C392" s="7">
        <f t="shared" si="6"/>
        <v>6.5101499999999994</v>
      </c>
      <c r="I392" s="1"/>
    </row>
    <row r="393" spans="1:9" x14ac:dyDescent="0.25">
      <c r="A393" s="3">
        <v>41674.524340277778</v>
      </c>
      <c r="B393" s="6">
        <v>6526.7999999999993</v>
      </c>
      <c r="C393" s="7">
        <f t="shared" si="6"/>
        <v>6.5267999999999997</v>
      </c>
      <c r="I393" s="1"/>
    </row>
    <row r="394" spans="1:9" x14ac:dyDescent="0.25">
      <c r="A394" s="3">
        <v>41674.524953703702</v>
      </c>
      <c r="B394" s="6">
        <v>6543.45</v>
      </c>
      <c r="C394" s="7">
        <f t="shared" si="6"/>
        <v>6.54345</v>
      </c>
      <c r="I394" s="1"/>
    </row>
    <row r="395" spans="1:9" x14ac:dyDescent="0.25">
      <c r="A395" s="3">
        <v>41674.525057870371</v>
      </c>
      <c r="B395" s="6">
        <v>6560.0999999999995</v>
      </c>
      <c r="C395" s="7">
        <f t="shared" si="6"/>
        <v>6.5600999999999994</v>
      </c>
      <c r="I395" s="1"/>
    </row>
    <row r="396" spans="1:9" x14ac:dyDescent="0.25">
      <c r="A396" s="3">
        <v>41674.526747685188</v>
      </c>
      <c r="B396" s="6">
        <v>6576.7499999999991</v>
      </c>
      <c r="C396" s="7">
        <f t="shared" si="6"/>
        <v>6.5767499999999988</v>
      </c>
      <c r="I396" s="1"/>
    </row>
    <row r="397" spans="1:9" x14ac:dyDescent="0.25">
      <c r="A397" s="3">
        <v>41674.526828703703</v>
      </c>
      <c r="B397" s="6">
        <v>6593.4</v>
      </c>
      <c r="C397" s="7">
        <f t="shared" si="6"/>
        <v>6.5933999999999999</v>
      </c>
      <c r="I397" s="1"/>
    </row>
    <row r="398" spans="1:9" x14ac:dyDescent="0.25">
      <c r="A398" s="3">
        <v>41674.527372685188</v>
      </c>
      <c r="B398" s="6">
        <v>6610.0499999999993</v>
      </c>
      <c r="C398" s="7">
        <f t="shared" si="6"/>
        <v>6.6100499999999993</v>
      </c>
      <c r="I398" s="1"/>
    </row>
    <row r="399" spans="1:9" x14ac:dyDescent="0.25">
      <c r="A399" s="3">
        <v>41674.527418981481</v>
      </c>
      <c r="B399" s="6">
        <v>6626.7</v>
      </c>
      <c r="C399" s="7">
        <f t="shared" si="6"/>
        <v>6.6266999999999996</v>
      </c>
      <c r="I399" s="1"/>
    </row>
    <row r="400" spans="1:9" x14ac:dyDescent="0.25">
      <c r="A400" s="3">
        <v>41674.527743055558</v>
      </c>
      <c r="B400" s="6">
        <v>6643.3499999999995</v>
      </c>
      <c r="C400" s="7">
        <f t="shared" si="6"/>
        <v>6.6433499999999999</v>
      </c>
      <c r="I400" s="1"/>
    </row>
    <row r="401" spans="1:9" x14ac:dyDescent="0.25">
      <c r="A401" s="3">
        <v>41674.527800925927</v>
      </c>
      <c r="B401" s="6">
        <v>6659.9999999999991</v>
      </c>
      <c r="C401" s="7">
        <f t="shared" si="6"/>
        <v>6.6599999999999993</v>
      </c>
      <c r="I401" s="1"/>
    </row>
    <row r="402" spans="1:9" x14ac:dyDescent="0.25">
      <c r="A402" s="3">
        <v>41674.528298611112</v>
      </c>
      <c r="B402" s="6">
        <v>6676.65</v>
      </c>
      <c r="C402" s="7">
        <f t="shared" si="6"/>
        <v>6.6766499999999995</v>
      </c>
      <c r="I402" s="1"/>
    </row>
    <row r="403" spans="1:9" x14ac:dyDescent="0.25">
      <c r="A403" s="3">
        <v>41674.528344907405</v>
      </c>
      <c r="B403" s="6">
        <v>6693.2999999999993</v>
      </c>
      <c r="C403" s="7">
        <f t="shared" si="6"/>
        <v>6.6932999999999989</v>
      </c>
      <c r="I403" s="1"/>
    </row>
    <row r="404" spans="1:9" x14ac:dyDescent="0.25">
      <c r="A404" s="3">
        <v>41674.528749999998</v>
      </c>
      <c r="B404" s="6">
        <v>6709.95</v>
      </c>
      <c r="C404" s="7">
        <f t="shared" si="6"/>
        <v>6.7099500000000001</v>
      </c>
      <c r="I404" s="1"/>
    </row>
    <row r="405" spans="1:9" x14ac:dyDescent="0.25">
      <c r="A405" s="3">
        <v>41674.528784722221</v>
      </c>
      <c r="B405" s="6">
        <v>6726.5999999999995</v>
      </c>
      <c r="C405" s="7">
        <f t="shared" si="6"/>
        <v>6.7265999999999995</v>
      </c>
      <c r="I405" s="1"/>
    </row>
    <row r="406" spans="1:9" x14ac:dyDescent="0.25">
      <c r="A406" s="3">
        <v>41674.529224537036</v>
      </c>
      <c r="B406" s="6">
        <v>6743.2499999999991</v>
      </c>
      <c r="C406" s="7">
        <f t="shared" si="6"/>
        <v>6.7432499999999989</v>
      </c>
      <c r="I406" s="1"/>
    </row>
    <row r="407" spans="1:9" x14ac:dyDescent="0.25">
      <c r="A407" s="3">
        <v>41674.529340277775</v>
      </c>
      <c r="B407" s="6">
        <v>6759.9</v>
      </c>
      <c r="C407" s="7">
        <f t="shared" si="6"/>
        <v>6.7599</v>
      </c>
      <c r="I407" s="1"/>
    </row>
    <row r="408" spans="1:9" x14ac:dyDescent="0.25">
      <c r="A408" s="3">
        <v>41674.53052083333</v>
      </c>
      <c r="B408" s="6">
        <v>6776.5499999999993</v>
      </c>
      <c r="C408" s="7">
        <f t="shared" si="6"/>
        <v>6.7765499999999994</v>
      </c>
      <c r="I408" s="1"/>
    </row>
    <row r="409" spans="1:9" x14ac:dyDescent="0.25">
      <c r="A409" s="3">
        <v>41674.530682870369</v>
      </c>
      <c r="B409" s="6">
        <v>6793.2</v>
      </c>
      <c r="C409" s="7">
        <f t="shared" si="6"/>
        <v>6.7931999999999997</v>
      </c>
      <c r="I409" s="1"/>
    </row>
    <row r="410" spans="1:9" x14ac:dyDescent="0.25">
      <c r="A410" s="3">
        <v>41674.531215277777</v>
      </c>
      <c r="B410" s="6">
        <v>6809.8499999999995</v>
      </c>
      <c r="C410" s="7">
        <f t="shared" si="6"/>
        <v>6.8098499999999991</v>
      </c>
      <c r="I410" s="1"/>
    </row>
    <row r="411" spans="1:9" x14ac:dyDescent="0.25">
      <c r="A411" s="3">
        <v>41674.531307870369</v>
      </c>
      <c r="B411" s="6">
        <v>6826.4999999999991</v>
      </c>
      <c r="C411" s="7">
        <f t="shared" si="6"/>
        <v>6.8264999999999993</v>
      </c>
      <c r="I411" s="1"/>
    </row>
    <row r="412" spans="1:9" x14ac:dyDescent="0.25">
      <c r="A412" s="3">
        <v>41674.532349537039</v>
      </c>
      <c r="B412" s="6">
        <v>6843.15</v>
      </c>
      <c r="C412" s="7">
        <f t="shared" si="6"/>
        <v>6.8431499999999996</v>
      </c>
      <c r="I412" s="1"/>
    </row>
    <row r="413" spans="1:9" x14ac:dyDescent="0.25">
      <c r="A413" s="3">
        <v>41674.532418981478</v>
      </c>
      <c r="B413" s="6">
        <v>6859.7999999999993</v>
      </c>
      <c r="C413" s="7">
        <f t="shared" si="6"/>
        <v>6.859799999999999</v>
      </c>
      <c r="I413" s="1"/>
    </row>
    <row r="414" spans="1:9" x14ac:dyDescent="0.25">
      <c r="A414" s="3">
        <v>41674.532962962963</v>
      </c>
      <c r="B414" s="6">
        <v>6876.45</v>
      </c>
      <c r="C414" s="7">
        <f t="shared" si="6"/>
        <v>6.8764500000000002</v>
      </c>
      <c r="I414" s="1"/>
    </row>
    <row r="415" spans="1:9" x14ac:dyDescent="0.25">
      <c r="A415" s="3">
        <v>41674.533009259256</v>
      </c>
      <c r="B415" s="6">
        <v>6893.0999999999995</v>
      </c>
      <c r="C415" s="7">
        <f t="shared" si="6"/>
        <v>6.8930999999999996</v>
      </c>
      <c r="I415" s="1"/>
    </row>
    <row r="416" spans="1:9" x14ac:dyDescent="0.25">
      <c r="A416" s="3">
        <v>41674.533587962964</v>
      </c>
      <c r="B416" s="6">
        <v>6909.7499999999991</v>
      </c>
      <c r="C416" s="7">
        <f t="shared" si="6"/>
        <v>6.9097499999999989</v>
      </c>
      <c r="I416" s="1"/>
    </row>
    <row r="417" spans="1:9" x14ac:dyDescent="0.25">
      <c r="A417" s="3">
        <v>41674.53365740741</v>
      </c>
      <c r="B417" s="6">
        <v>6926.4</v>
      </c>
      <c r="C417" s="7">
        <f t="shared" si="6"/>
        <v>6.9263999999999992</v>
      </c>
      <c r="I417" s="1"/>
    </row>
    <row r="418" spans="1:9" x14ac:dyDescent="0.25">
      <c r="A418" s="3">
        <v>41674.534351851849</v>
      </c>
      <c r="B418" s="6">
        <v>6943.0499999999993</v>
      </c>
      <c r="C418" s="7">
        <f t="shared" si="6"/>
        <v>6.9430499999999995</v>
      </c>
      <c r="I418" s="1"/>
    </row>
    <row r="419" spans="1:9" x14ac:dyDescent="0.25">
      <c r="A419" s="3">
        <v>41674.534444444442</v>
      </c>
      <c r="B419" s="6">
        <v>6959.7</v>
      </c>
      <c r="C419" s="7">
        <f t="shared" si="6"/>
        <v>6.9596999999999998</v>
      </c>
      <c r="I419" s="1"/>
    </row>
    <row r="420" spans="1:9" x14ac:dyDescent="0.25">
      <c r="A420" s="3">
        <v>41674.535960648151</v>
      </c>
      <c r="B420" s="6">
        <v>6976.3499999999995</v>
      </c>
      <c r="C420" s="7">
        <f t="shared" si="6"/>
        <v>6.9763499999999992</v>
      </c>
      <c r="I420" s="1"/>
    </row>
    <row r="421" spans="1:9" x14ac:dyDescent="0.25">
      <c r="A421" s="3">
        <v>41674.536087962966</v>
      </c>
      <c r="B421" s="6">
        <v>6992.9999999999991</v>
      </c>
      <c r="C421" s="7">
        <f t="shared" si="6"/>
        <v>6.9929999999999994</v>
      </c>
      <c r="I421" s="1"/>
    </row>
    <row r="422" spans="1:9" x14ac:dyDescent="0.25">
      <c r="A422" s="3">
        <v>41674.537187499998</v>
      </c>
      <c r="B422" s="6">
        <v>7009.65</v>
      </c>
      <c r="C422" s="7">
        <f t="shared" si="6"/>
        <v>7.0096499999999997</v>
      </c>
      <c r="I422" s="1"/>
    </row>
    <row r="423" spans="1:9" x14ac:dyDescent="0.25">
      <c r="A423" s="3">
        <v>41674.537303240744</v>
      </c>
      <c r="B423" s="6">
        <v>7026.2999999999993</v>
      </c>
      <c r="C423" s="7">
        <f t="shared" si="6"/>
        <v>7.0262999999999991</v>
      </c>
      <c r="I423" s="1"/>
    </row>
    <row r="424" spans="1:9" x14ac:dyDescent="0.25">
      <c r="A424" s="3">
        <v>41674.538356481484</v>
      </c>
      <c r="B424" s="6">
        <v>7042.95</v>
      </c>
      <c r="C424" s="7">
        <f t="shared" si="6"/>
        <v>7.0429499999999994</v>
      </c>
      <c r="I424" s="1"/>
    </row>
    <row r="425" spans="1:9" x14ac:dyDescent="0.25">
      <c r="A425" s="3">
        <v>41674.538506944446</v>
      </c>
      <c r="B425" s="6">
        <v>7059.5999999999995</v>
      </c>
      <c r="C425" s="7">
        <f t="shared" si="6"/>
        <v>7.0595999999999997</v>
      </c>
      <c r="I425" s="1"/>
    </row>
    <row r="426" spans="1:9" x14ac:dyDescent="0.25">
      <c r="A426" s="3">
        <v>41674.539722222224</v>
      </c>
      <c r="B426" s="6">
        <v>7076.2499999999991</v>
      </c>
      <c r="C426" s="7">
        <f t="shared" si="6"/>
        <v>7.076249999999999</v>
      </c>
      <c r="I426" s="1"/>
    </row>
    <row r="427" spans="1:9" x14ac:dyDescent="0.25">
      <c r="A427" s="3">
        <v>41674.539861111109</v>
      </c>
      <c r="B427" s="6">
        <v>7092.9</v>
      </c>
      <c r="C427" s="7">
        <f t="shared" si="6"/>
        <v>7.0928999999999993</v>
      </c>
      <c r="I427" s="1"/>
    </row>
    <row r="428" spans="1:9" x14ac:dyDescent="0.25">
      <c r="A428" s="3">
        <v>41674.540775462963</v>
      </c>
      <c r="B428" s="6">
        <v>7109.5499999999993</v>
      </c>
      <c r="C428" s="7">
        <f t="shared" si="6"/>
        <v>7.1095499999999996</v>
      </c>
      <c r="I428" s="1"/>
    </row>
    <row r="429" spans="1:9" x14ac:dyDescent="0.25">
      <c r="A429" s="3">
        <v>41674.540868055556</v>
      </c>
      <c r="B429" s="6">
        <v>7126.2</v>
      </c>
      <c r="C429" s="7">
        <f t="shared" si="6"/>
        <v>7.1261999999999999</v>
      </c>
      <c r="I429" s="1"/>
    </row>
    <row r="430" spans="1:9" x14ac:dyDescent="0.25">
      <c r="A430" s="3">
        <v>41674.541435185187</v>
      </c>
      <c r="B430" s="6">
        <v>7142.8499999999995</v>
      </c>
      <c r="C430" s="7">
        <f t="shared" si="6"/>
        <v>7.1428499999999993</v>
      </c>
      <c r="I430" s="1"/>
    </row>
    <row r="431" spans="1:9" x14ac:dyDescent="0.25">
      <c r="A431" s="3">
        <v>41674.541493055556</v>
      </c>
      <c r="B431" s="6">
        <v>7159.4999999999991</v>
      </c>
      <c r="C431" s="7">
        <f t="shared" si="6"/>
        <v>7.1594999999999995</v>
      </c>
      <c r="I431" s="1"/>
    </row>
    <row r="432" spans="1:9" x14ac:dyDescent="0.25">
      <c r="A432" s="3">
        <v>41674.542372685188</v>
      </c>
      <c r="B432" s="6">
        <v>7176.15</v>
      </c>
      <c r="C432" s="7">
        <f t="shared" si="6"/>
        <v>7.1761499999999998</v>
      </c>
      <c r="I432" s="1"/>
    </row>
    <row r="433" spans="1:9" x14ac:dyDescent="0.25">
      <c r="A433" s="3">
        <v>41674.542442129627</v>
      </c>
      <c r="B433" s="6">
        <v>7192.7999999999993</v>
      </c>
      <c r="C433" s="7">
        <f t="shared" si="6"/>
        <v>7.1927999999999992</v>
      </c>
      <c r="I433" s="1"/>
    </row>
    <row r="434" spans="1:9" x14ac:dyDescent="0.25">
      <c r="A434" s="3">
        <v>41674.543449074074</v>
      </c>
      <c r="B434" s="6">
        <v>7209.45</v>
      </c>
      <c r="C434" s="7">
        <f t="shared" si="6"/>
        <v>7.2094499999999995</v>
      </c>
      <c r="I434" s="1"/>
    </row>
    <row r="435" spans="1:9" x14ac:dyDescent="0.25">
      <c r="A435" s="3">
        <v>41674.543553240743</v>
      </c>
      <c r="B435" s="6">
        <v>7226.0999999999995</v>
      </c>
      <c r="C435" s="7">
        <f t="shared" si="6"/>
        <v>7.2260999999999997</v>
      </c>
      <c r="I435" s="1"/>
    </row>
    <row r="436" spans="1:9" x14ac:dyDescent="0.25">
      <c r="A436" s="3">
        <v>41674.544247685182</v>
      </c>
      <c r="B436" s="6">
        <v>7242.7499999999991</v>
      </c>
      <c r="C436" s="7">
        <f t="shared" si="6"/>
        <v>7.2427499999999991</v>
      </c>
      <c r="I436" s="1"/>
    </row>
    <row r="437" spans="1:9" x14ac:dyDescent="0.25">
      <c r="A437" s="3">
        <v>41674.544409722221</v>
      </c>
      <c r="B437" s="6">
        <v>7259.4</v>
      </c>
      <c r="C437" s="7">
        <f t="shared" si="6"/>
        <v>7.2593999999999994</v>
      </c>
      <c r="I437" s="1"/>
    </row>
    <row r="438" spans="1:9" x14ac:dyDescent="0.25">
      <c r="A438" s="3">
        <v>41674.545787037037</v>
      </c>
      <c r="B438" s="6">
        <v>7276.0499999999993</v>
      </c>
      <c r="C438" s="7">
        <f t="shared" si="6"/>
        <v>7.2760499999999997</v>
      </c>
      <c r="I438" s="1"/>
    </row>
    <row r="439" spans="1:9" x14ac:dyDescent="0.25">
      <c r="A439" s="3">
        <v>41674.545891203707</v>
      </c>
      <c r="B439" s="6">
        <v>7292.7</v>
      </c>
      <c r="C439" s="7">
        <f t="shared" si="6"/>
        <v>7.2927</v>
      </c>
      <c r="I439" s="1"/>
    </row>
    <row r="440" spans="1:9" x14ac:dyDescent="0.25">
      <c r="A440" s="3">
        <v>41674.546701388892</v>
      </c>
      <c r="B440" s="6">
        <v>7309.3499999999995</v>
      </c>
      <c r="C440" s="7">
        <f t="shared" si="6"/>
        <v>7.3093499999999993</v>
      </c>
      <c r="I440" s="1"/>
    </row>
    <row r="441" spans="1:9" x14ac:dyDescent="0.25">
      <c r="A441" s="3">
        <v>41674.546782407408</v>
      </c>
      <c r="B441" s="6">
        <v>7325.9999999999991</v>
      </c>
      <c r="C441" s="7">
        <f t="shared" si="6"/>
        <v>7.3259999999999987</v>
      </c>
      <c r="I441" s="1"/>
    </row>
    <row r="442" spans="1:9" x14ac:dyDescent="0.25">
      <c r="A442" s="3">
        <v>41674.547662037039</v>
      </c>
      <c r="B442" s="6">
        <v>7342.65</v>
      </c>
      <c r="C442" s="7">
        <f t="shared" si="6"/>
        <v>7.3426499999999999</v>
      </c>
      <c r="I442" s="1"/>
    </row>
    <row r="443" spans="1:9" x14ac:dyDescent="0.25">
      <c r="A443" s="3">
        <v>41674.547800925924</v>
      </c>
      <c r="B443" s="6">
        <v>7359.2999999999993</v>
      </c>
      <c r="C443" s="7">
        <f t="shared" si="6"/>
        <v>7.3592999999999993</v>
      </c>
      <c r="I443" s="1"/>
    </row>
    <row r="444" spans="1:9" x14ac:dyDescent="0.25">
      <c r="A444" s="3">
        <v>41674.548576388886</v>
      </c>
      <c r="B444" s="6">
        <v>7375.95</v>
      </c>
      <c r="C444" s="7">
        <f t="shared" si="6"/>
        <v>7.3759499999999996</v>
      </c>
      <c r="I444" s="1"/>
    </row>
    <row r="445" spans="1:9" x14ac:dyDescent="0.25">
      <c r="A445" s="3">
        <v>41674.548703703702</v>
      </c>
      <c r="B445" s="6">
        <v>7392.5999999999995</v>
      </c>
      <c r="C445" s="7">
        <f t="shared" si="6"/>
        <v>7.3925999999999998</v>
      </c>
      <c r="I445" s="1"/>
    </row>
    <row r="446" spans="1:9" x14ac:dyDescent="0.25">
      <c r="A446" s="3">
        <v>41674.54954861111</v>
      </c>
      <c r="B446" s="6">
        <v>7409.2499999999991</v>
      </c>
      <c r="C446" s="7">
        <f t="shared" si="6"/>
        <v>7.4092499999999992</v>
      </c>
      <c r="I446" s="1"/>
    </row>
    <row r="447" spans="1:9" x14ac:dyDescent="0.25">
      <c r="A447" s="3">
        <v>41674.549641203703</v>
      </c>
      <c r="B447" s="6">
        <v>7425.9</v>
      </c>
      <c r="C447" s="7">
        <f t="shared" si="6"/>
        <v>7.4258999999999995</v>
      </c>
      <c r="I447" s="1"/>
    </row>
    <row r="448" spans="1:9" x14ac:dyDescent="0.25">
      <c r="A448" s="3">
        <v>41674.550671296296</v>
      </c>
      <c r="B448" s="6">
        <v>7442.5499999999993</v>
      </c>
      <c r="C448" s="7">
        <f t="shared" si="6"/>
        <v>7.4425499999999989</v>
      </c>
      <c r="I448" s="1"/>
    </row>
    <row r="449" spans="1:9" x14ac:dyDescent="0.25">
      <c r="A449" s="3">
        <v>41674.550729166665</v>
      </c>
      <c r="B449" s="6">
        <v>7459.1999999999989</v>
      </c>
      <c r="C449" s="7">
        <f t="shared" si="6"/>
        <v>7.4591999999999992</v>
      </c>
      <c r="I449" s="1"/>
    </row>
    <row r="450" spans="1:9" x14ac:dyDescent="0.25">
      <c r="A450" s="3">
        <v>41674.551574074074</v>
      </c>
      <c r="B450" s="6">
        <v>7475.8499999999995</v>
      </c>
      <c r="C450" s="7">
        <f t="shared" si="6"/>
        <v>7.4758499999999994</v>
      </c>
      <c r="I450" s="1"/>
    </row>
    <row r="451" spans="1:9" x14ac:dyDescent="0.25">
      <c r="A451" s="3">
        <v>41674.551689814813</v>
      </c>
      <c r="B451" s="6">
        <v>7492.4999999999991</v>
      </c>
      <c r="C451" s="7">
        <f t="shared" ref="C451:C514" si="7">B451/1000</f>
        <v>7.4924999999999988</v>
      </c>
      <c r="I451" s="1"/>
    </row>
    <row r="452" spans="1:9" x14ac:dyDescent="0.25">
      <c r="A452" s="3">
        <v>41674.552199074074</v>
      </c>
      <c r="B452" s="6">
        <v>7509.15</v>
      </c>
      <c r="C452" s="7">
        <f t="shared" si="7"/>
        <v>7.50915</v>
      </c>
      <c r="I452" s="1"/>
    </row>
    <row r="453" spans="1:9" x14ac:dyDescent="0.25">
      <c r="A453" s="3">
        <v>41674.552256944444</v>
      </c>
      <c r="B453" s="6">
        <v>7525.7999999999993</v>
      </c>
      <c r="C453" s="7">
        <f t="shared" si="7"/>
        <v>7.5257999999999994</v>
      </c>
      <c r="I453" s="1"/>
    </row>
    <row r="454" spans="1:9" x14ac:dyDescent="0.25">
      <c r="A454" s="3">
        <v>41674.552939814814</v>
      </c>
      <c r="B454" s="6">
        <v>7542.4499999999989</v>
      </c>
      <c r="C454" s="7">
        <f t="shared" si="7"/>
        <v>7.5424499999999988</v>
      </c>
      <c r="I454" s="1"/>
    </row>
    <row r="455" spans="1:9" x14ac:dyDescent="0.25">
      <c r="A455" s="3">
        <v>41674.55300925926</v>
      </c>
      <c r="B455" s="6">
        <v>7559.0999999999995</v>
      </c>
      <c r="C455" s="7">
        <f t="shared" si="7"/>
        <v>7.559099999999999</v>
      </c>
      <c r="I455" s="1"/>
    </row>
    <row r="456" spans="1:9" x14ac:dyDescent="0.25">
      <c r="A456" s="3">
        <v>41674.554016203707</v>
      </c>
      <c r="B456" s="6">
        <v>7575.7499999999991</v>
      </c>
      <c r="C456" s="7">
        <f t="shared" si="7"/>
        <v>7.5757499999999993</v>
      </c>
      <c r="I456" s="1"/>
    </row>
    <row r="457" spans="1:9" x14ac:dyDescent="0.25">
      <c r="A457" s="3">
        <v>41674.554224537038</v>
      </c>
      <c r="B457" s="6">
        <v>7592.4</v>
      </c>
      <c r="C457" s="7">
        <f t="shared" si="7"/>
        <v>7.5923999999999996</v>
      </c>
      <c r="I457" s="1"/>
    </row>
    <row r="458" spans="1:9" x14ac:dyDescent="0.25">
      <c r="A458" s="3">
        <v>41674.555196759262</v>
      </c>
      <c r="B458" s="6">
        <v>7609.0499999999993</v>
      </c>
      <c r="C458" s="7">
        <f t="shared" si="7"/>
        <v>7.609049999999999</v>
      </c>
      <c r="I458" s="1"/>
    </row>
    <row r="459" spans="1:9" x14ac:dyDescent="0.25">
      <c r="A459" s="3">
        <v>41674.555254629631</v>
      </c>
      <c r="B459" s="6">
        <v>7625.6999999999989</v>
      </c>
      <c r="C459" s="7">
        <f t="shared" si="7"/>
        <v>7.6256999999999993</v>
      </c>
      <c r="I459" s="1"/>
    </row>
    <row r="460" spans="1:9" x14ac:dyDescent="0.25">
      <c r="A460" s="3">
        <v>41674.555902777778</v>
      </c>
      <c r="B460" s="6">
        <v>7642.3499999999995</v>
      </c>
      <c r="C460" s="7">
        <f t="shared" si="7"/>
        <v>7.6423499999999995</v>
      </c>
      <c r="I460" s="1"/>
    </row>
    <row r="461" spans="1:9" x14ac:dyDescent="0.25">
      <c r="A461" s="3">
        <v>41674.555960648147</v>
      </c>
      <c r="B461" s="6">
        <v>7658.9999999999991</v>
      </c>
      <c r="C461" s="7">
        <f t="shared" si="7"/>
        <v>7.6589999999999989</v>
      </c>
      <c r="I461" s="1"/>
    </row>
    <row r="462" spans="1:9" x14ac:dyDescent="0.25">
      <c r="A462" s="3">
        <v>41674.556423611109</v>
      </c>
      <c r="B462" s="6">
        <v>7675.65</v>
      </c>
      <c r="C462" s="7">
        <f t="shared" si="7"/>
        <v>7.6756499999999992</v>
      </c>
      <c r="I462" s="1"/>
    </row>
    <row r="463" spans="1:9" x14ac:dyDescent="0.25">
      <c r="A463" s="3">
        <v>41674.556527777779</v>
      </c>
      <c r="B463" s="6">
        <v>7692.2999999999993</v>
      </c>
      <c r="C463" s="7">
        <f t="shared" si="7"/>
        <v>7.6922999999999995</v>
      </c>
      <c r="I463" s="1"/>
    </row>
    <row r="464" spans="1:9" x14ac:dyDescent="0.25">
      <c r="A464" s="3">
        <v>41674.557118055556</v>
      </c>
      <c r="B464" s="6">
        <v>7708.9499999999989</v>
      </c>
      <c r="C464" s="7">
        <f t="shared" si="7"/>
        <v>7.7089499999999989</v>
      </c>
      <c r="I464" s="1"/>
    </row>
    <row r="465" spans="1:9" x14ac:dyDescent="0.25">
      <c r="A465" s="3">
        <v>41674.557291666664</v>
      </c>
      <c r="B465" s="6">
        <v>7725.5999999999995</v>
      </c>
      <c r="C465" s="7">
        <f t="shared" si="7"/>
        <v>7.7255999999999991</v>
      </c>
      <c r="I465" s="1"/>
    </row>
    <row r="466" spans="1:9" x14ac:dyDescent="0.25">
      <c r="A466" s="3">
        <v>41674.558495370373</v>
      </c>
      <c r="B466" s="6">
        <v>7742.2499999999991</v>
      </c>
      <c r="C466" s="7">
        <f t="shared" si="7"/>
        <v>7.7422499999999994</v>
      </c>
      <c r="I466" s="1"/>
    </row>
    <row r="467" spans="1:9" x14ac:dyDescent="0.25">
      <c r="A467" s="3">
        <v>41674.558553240742</v>
      </c>
      <c r="B467" s="6">
        <v>7758.9</v>
      </c>
      <c r="C467" s="7">
        <f t="shared" si="7"/>
        <v>7.7588999999999997</v>
      </c>
      <c r="I467" s="1"/>
    </row>
    <row r="468" spans="1:9" x14ac:dyDescent="0.25">
      <c r="A468" s="3">
        <v>41674.559548611112</v>
      </c>
      <c r="B468" s="6">
        <v>7775.5499999999993</v>
      </c>
      <c r="C468" s="7">
        <f t="shared" si="7"/>
        <v>7.7755499999999991</v>
      </c>
      <c r="I468" s="1"/>
    </row>
    <row r="469" spans="1:9" x14ac:dyDescent="0.25">
      <c r="A469" s="3">
        <v>41674.559641203705</v>
      </c>
      <c r="B469" s="6">
        <v>7792.1999999999989</v>
      </c>
      <c r="C469" s="7">
        <f t="shared" si="7"/>
        <v>7.7921999999999993</v>
      </c>
      <c r="I469" s="1"/>
    </row>
    <row r="470" spans="1:9" x14ac:dyDescent="0.25">
      <c r="A470" s="3">
        <v>41674.560358796298</v>
      </c>
      <c r="B470" s="6">
        <v>7808.8499999999995</v>
      </c>
      <c r="C470" s="7">
        <f t="shared" si="7"/>
        <v>7.8088499999999996</v>
      </c>
      <c r="I470" s="1"/>
    </row>
    <row r="471" spans="1:9" x14ac:dyDescent="0.25">
      <c r="A471" s="3">
        <v>41674.560497685183</v>
      </c>
      <c r="B471" s="6">
        <v>7825.4999999999991</v>
      </c>
      <c r="C471" s="7">
        <f t="shared" si="7"/>
        <v>7.825499999999999</v>
      </c>
      <c r="I471" s="1"/>
    </row>
    <row r="472" spans="1:9" x14ac:dyDescent="0.25">
      <c r="A472" s="3">
        <v>41674.561701388891</v>
      </c>
      <c r="B472" s="6">
        <v>7842.15</v>
      </c>
      <c r="C472" s="7">
        <f t="shared" si="7"/>
        <v>7.8421499999999993</v>
      </c>
      <c r="I472" s="1"/>
    </row>
    <row r="473" spans="1:9" x14ac:dyDescent="0.25">
      <c r="A473" s="3">
        <v>41674.56177083333</v>
      </c>
      <c r="B473" s="6">
        <v>7858.7999999999993</v>
      </c>
      <c r="C473" s="7">
        <f t="shared" si="7"/>
        <v>7.8587999999999996</v>
      </c>
      <c r="I473" s="1"/>
    </row>
    <row r="474" spans="1:9" x14ac:dyDescent="0.25">
      <c r="A474" s="3">
        <v>41674.562442129631</v>
      </c>
      <c r="B474" s="6">
        <v>7875.4499999999989</v>
      </c>
      <c r="C474" s="7">
        <f t="shared" si="7"/>
        <v>7.875449999999999</v>
      </c>
      <c r="I474" s="1"/>
    </row>
    <row r="475" spans="1:9" x14ac:dyDescent="0.25">
      <c r="A475" s="3">
        <v>41674.562511574077</v>
      </c>
      <c r="B475" s="6">
        <v>7892.0999999999995</v>
      </c>
      <c r="C475" s="7">
        <f t="shared" si="7"/>
        <v>7.8920999999999992</v>
      </c>
      <c r="I475" s="1"/>
    </row>
    <row r="476" spans="1:9" x14ac:dyDescent="0.25">
      <c r="A476" s="3">
        <v>41674.56322916667</v>
      </c>
      <c r="B476" s="6">
        <v>7908.7499999999991</v>
      </c>
      <c r="C476" s="7">
        <f t="shared" si="7"/>
        <v>7.9087499999999995</v>
      </c>
      <c r="I476" s="1"/>
    </row>
    <row r="477" spans="1:9" x14ac:dyDescent="0.25">
      <c r="A477" s="3">
        <v>41674.563310185185</v>
      </c>
      <c r="B477" s="6">
        <v>7925.4</v>
      </c>
      <c r="C477" s="7">
        <f t="shared" si="7"/>
        <v>7.9253999999999998</v>
      </c>
      <c r="I477" s="1"/>
    </row>
    <row r="478" spans="1:9" x14ac:dyDescent="0.25">
      <c r="A478" s="3">
        <v>41674.564120370371</v>
      </c>
      <c r="B478" s="6">
        <v>7942.0499999999993</v>
      </c>
      <c r="C478" s="7">
        <f t="shared" si="7"/>
        <v>7.9420499999999992</v>
      </c>
      <c r="I478" s="1"/>
    </row>
    <row r="479" spans="1:9" x14ac:dyDescent="0.25">
      <c r="A479" s="3">
        <v>41674.564189814817</v>
      </c>
      <c r="B479" s="6">
        <v>7958.6999999999989</v>
      </c>
      <c r="C479" s="7">
        <f t="shared" si="7"/>
        <v>7.9586999999999986</v>
      </c>
      <c r="I479" s="1"/>
    </row>
    <row r="480" spans="1:9" x14ac:dyDescent="0.25">
      <c r="A480" s="3">
        <v>41674.56521990741</v>
      </c>
      <c r="B480" s="6">
        <v>7975.3499999999995</v>
      </c>
      <c r="C480" s="7">
        <f t="shared" si="7"/>
        <v>7.9753499999999997</v>
      </c>
      <c r="I480" s="1"/>
    </row>
    <row r="481" spans="1:9" x14ac:dyDescent="0.25">
      <c r="A481" s="3">
        <v>41674.56527777778</v>
      </c>
      <c r="B481" s="6">
        <v>7991.9999999999991</v>
      </c>
      <c r="C481" s="7">
        <f t="shared" si="7"/>
        <v>7.9919999999999991</v>
      </c>
      <c r="I481" s="1"/>
    </row>
    <row r="482" spans="1:9" x14ac:dyDescent="0.25">
      <c r="A482" s="3">
        <v>41674.565810185188</v>
      </c>
      <c r="B482" s="6">
        <v>8008.65</v>
      </c>
      <c r="C482" s="7">
        <f t="shared" si="7"/>
        <v>8.0086499999999994</v>
      </c>
      <c r="I482" s="1"/>
    </row>
    <row r="483" spans="1:9" x14ac:dyDescent="0.25">
      <c r="A483" s="3">
        <v>41674.565868055557</v>
      </c>
      <c r="B483" s="6">
        <v>8025.2999999999993</v>
      </c>
      <c r="C483" s="7">
        <f t="shared" si="7"/>
        <v>8.0252999999999997</v>
      </c>
      <c r="I483" s="1"/>
    </row>
    <row r="484" spans="1:9" x14ac:dyDescent="0.25">
      <c r="A484" s="3">
        <v>41674.566354166665</v>
      </c>
      <c r="B484" s="6">
        <v>8041.9499999999989</v>
      </c>
      <c r="C484" s="7">
        <f t="shared" si="7"/>
        <v>8.0419499999999982</v>
      </c>
      <c r="I484" s="1"/>
    </row>
    <row r="485" spans="1:9" x14ac:dyDescent="0.25">
      <c r="A485" s="3">
        <v>41674.566400462965</v>
      </c>
      <c r="B485" s="6">
        <v>8058.5999999999995</v>
      </c>
      <c r="C485" s="7">
        <f t="shared" si="7"/>
        <v>8.0586000000000002</v>
      </c>
      <c r="I485" s="1"/>
    </row>
    <row r="486" spans="1:9" x14ac:dyDescent="0.25">
      <c r="A486" s="3">
        <v>41674.566793981481</v>
      </c>
      <c r="B486" s="6">
        <v>8075.2499999999991</v>
      </c>
      <c r="C486" s="7">
        <f t="shared" si="7"/>
        <v>8.0752499999999987</v>
      </c>
      <c r="I486" s="1"/>
    </row>
    <row r="487" spans="1:9" x14ac:dyDescent="0.25">
      <c r="A487" s="3">
        <v>41674.566863425927</v>
      </c>
      <c r="B487" s="6">
        <v>8091.9</v>
      </c>
      <c r="C487" s="7">
        <f t="shared" si="7"/>
        <v>8.091899999999999</v>
      </c>
      <c r="I487" s="1"/>
    </row>
    <row r="488" spans="1:9" x14ac:dyDescent="0.25">
      <c r="A488" s="3">
        <v>41674.567395833335</v>
      </c>
      <c r="B488" s="6">
        <v>8108.5499999999993</v>
      </c>
      <c r="C488" s="7">
        <f t="shared" si="7"/>
        <v>8.1085499999999993</v>
      </c>
      <c r="I488" s="1"/>
    </row>
    <row r="489" spans="1:9" x14ac:dyDescent="0.25">
      <c r="A489" s="3">
        <v>41674.567511574074</v>
      </c>
      <c r="B489" s="6">
        <v>8125.1999999999989</v>
      </c>
      <c r="C489" s="7">
        <f t="shared" si="7"/>
        <v>8.1251999999999995</v>
      </c>
      <c r="I489" s="1"/>
    </row>
    <row r="490" spans="1:9" x14ac:dyDescent="0.25">
      <c r="A490" s="3">
        <v>41674.568993055553</v>
      </c>
      <c r="B490" s="6">
        <v>8141.8499999999995</v>
      </c>
      <c r="C490" s="7">
        <f t="shared" si="7"/>
        <v>8.1418499999999998</v>
      </c>
      <c r="I490" s="1"/>
    </row>
    <row r="491" spans="1:9" x14ac:dyDescent="0.25">
      <c r="A491" s="3">
        <v>41674.569062499999</v>
      </c>
      <c r="B491" s="6">
        <v>8158.4999999999991</v>
      </c>
      <c r="C491" s="7">
        <f t="shared" si="7"/>
        <v>8.1584999999999983</v>
      </c>
      <c r="I491" s="1"/>
    </row>
    <row r="492" spans="1:9" x14ac:dyDescent="0.25">
      <c r="A492" s="3">
        <v>41674.569722222222</v>
      </c>
      <c r="B492" s="6">
        <v>8175.15</v>
      </c>
      <c r="C492" s="7">
        <f t="shared" si="7"/>
        <v>8.1751500000000004</v>
      </c>
      <c r="I492" s="1"/>
    </row>
    <row r="493" spans="1:9" x14ac:dyDescent="0.25">
      <c r="A493" s="3">
        <v>41674.569872685184</v>
      </c>
      <c r="B493" s="6">
        <v>8191.7999999999993</v>
      </c>
      <c r="C493" s="7">
        <f t="shared" si="7"/>
        <v>8.1917999999999989</v>
      </c>
      <c r="I493" s="1"/>
    </row>
    <row r="494" spans="1:9" x14ac:dyDescent="0.25">
      <c r="A494" s="3">
        <v>41674.570706018516</v>
      </c>
      <c r="B494" s="6">
        <v>8208.4499999999989</v>
      </c>
      <c r="C494" s="7">
        <f t="shared" si="7"/>
        <v>8.2084499999999991</v>
      </c>
      <c r="I494" s="1"/>
    </row>
    <row r="495" spans="1:9" x14ac:dyDescent="0.25">
      <c r="A495" s="3">
        <v>41674.570925925924</v>
      </c>
      <c r="B495" s="6">
        <v>8225.0999999999985</v>
      </c>
      <c r="C495" s="7">
        <f t="shared" si="7"/>
        <v>8.2250999999999994</v>
      </c>
      <c r="I495" s="1"/>
    </row>
    <row r="496" spans="1:9" x14ac:dyDescent="0.25">
      <c r="A496" s="3">
        <v>41674.572442129633</v>
      </c>
      <c r="B496" s="6">
        <v>8241.75</v>
      </c>
      <c r="C496" s="7">
        <f t="shared" si="7"/>
        <v>8.2417499999999997</v>
      </c>
      <c r="I496" s="1"/>
    </row>
    <row r="497" spans="1:9" x14ac:dyDescent="0.25">
      <c r="A497" s="3">
        <v>41674.572523148148</v>
      </c>
      <c r="B497" s="6">
        <v>8258.4</v>
      </c>
      <c r="C497" s="7">
        <f t="shared" si="7"/>
        <v>8.2584</v>
      </c>
      <c r="I497" s="1"/>
    </row>
    <row r="498" spans="1:9" x14ac:dyDescent="0.25">
      <c r="A498" s="3">
        <v>41674.573229166665</v>
      </c>
      <c r="B498" s="6">
        <v>8275.0499999999993</v>
      </c>
      <c r="C498" s="7">
        <f t="shared" si="7"/>
        <v>8.2750499999999985</v>
      </c>
      <c r="I498" s="1"/>
    </row>
    <row r="499" spans="1:9" x14ac:dyDescent="0.25">
      <c r="A499" s="3">
        <v>41674.573344907411</v>
      </c>
      <c r="B499" s="6">
        <v>8291.6999999999989</v>
      </c>
      <c r="C499" s="7">
        <f t="shared" si="7"/>
        <v>8.2916999999999987</v>
      </c>
      <c r="I499" s="1"/>
    </row>
    <row r="500" spans="1:9" x14ac:dyDescent="0.25">
      <c r="A500" s="3">
        <v>41674.574606481481</v>
      </c>
      <c r="B500" s="6">
        <v>8308.3499999999985</v>
      </c>
      <c r="C500" s="7">
        <f t="shared" si="7"/>
        <v>8.308349999999999</v>
      </c>
      <c r="I500" s="1"/>
    </row>
    <row r="501" spans="1:9" x14ac:dyDescent="0.25">
      <c r="A501" s="3">
        <v>41674.574699074074</v>
      </c>
      <c r="B501" s="6">
        <v>8325</v>
      </c>
      <c r="C501" s="7">
        <f t="shared" si="7"/>
        <v>8.3249999999999993</v>
      </c>
      <c r="I501" s="1"/>
    </row>
    <row r="502" spans="1:9" x14ac:dyDescent="0.25">
      <c r="A502" s="3">
        <v>41674.575949074075</v>
      </c>
      <c r="B502" s="6">
        <v>8341.65</v>
      </c>
      <c r="C502" s="7">
        <f t="shared" si="7"/>
        <v>8.3416499999999996</v>
      </c>
      <c r="I502" s="1"/>
    </row>
    <row r="503" spans="1:9" x14ac:dyDescent="0.25">
      <c r="A503" s="3">
        <v>41674.576099537036</v>
      </c>
      <c r="B503" s="6">
        <v>8358.2999999999993</v>
      </c>
      <c r="C503" s="7">
        <f t="shared" si="7"/>
        <v>8.3582999999999998</v>
      </c>
      <c r="I503" s="1"/>
    </row>
    <row r="504" spans="1:9" x14ac:dyDescent="0.25">
      <c r="A504" s="3">
        <v>41674.577175925922</v>
      </c>
      <c r="B504" s="6">
        <v>8374.9499999999989</v>
      </c>
      <c r="C504" s="7">
        <f t="shared" si="7"/>
        <v>8.3749499999999983</v>
      </c>
      <c r="I504" s="1"/>
    </row>
    <row r="505" spans="1:9" x14ac:dyDescent="0.25">
      <c r="A505" s="3">
        <v>41674.577233796299</v>
      </c>
      <c r="B505" s="6">
        <v>8391.5999999999985</v>
      </c>
      <c r="C505" s="7">
        <f t="shared" si="7"/>
        <v>8.3915999999999986</v>
      </c>
      <c r="I505" s="1"/>
    </row>
    <row r="506" spans="1:9" x14ac:dyDescent="0.25">
      <c r="A506" s="3">
        <v>41674.577766203707</v>
      </c>
      <c r="B506" s="6">
        <v>8408.25</v>
      </c>
      <c r="C506" s="7">
        <f t="shared" si="7"/>
        <v>8.4082500000000007</v>
      </c>
      <c r="I506" s="1"/>
    </row>
    <row r="507" spans="1:9" x14ac:dyDescent="0.25">
      <c r="A507" s="3">
        <v>41674.577905092592</v>
      </c>
      <c r="B507" s="6">
        <v>8424.9</v>
      </c>
      <c r="C507" s="7">
        <f t="shared" si="7"/>
        <v>8.4248999999999992</v>
      </c>
      <c r="I507" s="1"/>
    </row>
    <row r="508" spans="1:9" x14ac:dyDescent="0.25">
      <c r="A508" s="3">
        <v>41674.579004629632</v>
      </c>
      <c r="B508" s="6">
        <v>8441.5499999999993</v>
      </c>
      <c r="C508" s="7">
        <f t="shared" si="7"/>
        <v>8.4415499999999994</v>
      </c>
      <c r="I508" s="1"/>
    </row>
    <row r="509" spans="1:9" x14ac:dyDescent="0.25">
      <c r="A509" s="3">
        <v>41674.579097222224</v>
      </c>
      <c r="B509" s="6">
        <v>8458.1999999999989</v>
      </c>
      <c r="C509" s="7">
        <f t="shared" si="7"/>
        <v>8.4581999999999997</v>
      </c>
      <c r="I509" s="1"/>
    </row>
    <row r="510" spans="1:9" x14ac:dyDescent="0.25">
      <c r="A510" s="3">
        <v>41674.579444444447</v>
      </c>
      <c r="B510" s="6">
        <v>8474.8499999999985</v>
      </c>
      <c r="C510" s="7">
        <f t="shared" si="7"/>
        <v>8.4748499999999982</v>
      </c>
      <c r="I510" s="1"/>
    </row>
    <row r="511" spans="1:9" x14ac:dyDescent="0.25">
      <c r="A511" s="3">
        <v>41674.57949074074</v>
      </c>
      <c r="B511" s="6">
        <v>8491.5</v>
      </c>
      <c r="C511" s="7">
        <f t="shared" si="7"/>
        <v>8.4915000000000003</v>
      </c>
      <c r="I511" s="1"/>
    </row>
    <row r="512" spans="1:9" x14ac:dyDescent="0.25">
      <c r="A512" s="3">
        <v>41674.58021990741</v>
      </c>
      <c r="B512" s="6">
        <v>8508.15</v>
      </c>
      <c r="C512" s="7">
        <f t="shared" si="7"/>
        <v>8.5081499999999988</v>
      </c>
      <c r="I512" s="1"/>
    </row>
    <row r="513" spans="1:9" x14ac:dyDescent="0.25">
      <c r="A513" s="3">
        <v>41674.580266203702</v>
      </c>
      <c r="B513" s="6">
        <v>8524.7999999999993</v>
      </c>
      <c r="C513" s="7">
        <f t="shared" si="7"/>
        <v>8.524799999999999</v>
      </c>
      <c r="I513" s="1"/>
    </row>
    <row r="514" spans="1:9" x14ac:dyDescent="0.25">
      <c r="A514" s="3">
        <v>41674.581643518519</v>
      </c>
      <c r="B514" s="6">
        <v>8541.4499999999989</v>
      </c>
      <c r="C514" s="7">
        <f t="shared" si="7"/>
        <v>8.5414499999999993</v>
      </c>
      <c r="I514" s="1"/>
    </row>
    <row r="515" spans="1:9" x14ac:dyDescent="0.25">
      <c r="A515" s="3">
        <v>41674.581736111111</v>
      </c>
      <c r="B515" s="6">
        <v>8558.0999999999985</v>
      </c>
      <c r="C515" s="7">
        <f t="shared" ref="C515:C578" si="8">B515/1000</f>
        <v>8.5580999999999978</v>
      </c>
      <c r="I515" s="1"/>
    </row>
    <row r="516" spans="1:9" x14ac:dyDescent="0.25">
      <c r="A516" s="3">
        <v>41674.582141203704</v>
      </c>
      <c r="B516" s="6">
        <v>8574.75</v>
      </c>
      <c r="C516" s="7">
        <f t="shared" si="8"/>
        <v>8.5747499999999999</v>
      </c>
      <c r="I516" s="1"/>
    </row>
    <row r="517" spans="1:9" x14ac:dyDescent="0.25">
      <c r="A517" s="3">
        <v>41674.582199074073</v>
      </c>
      <c r="B517" s="6">
        <v>8591.4</v>
      </c>
      <c r="C517" s="7">
        <f t="shared" si="8"/>
        <v>8.5914000000000001</v>
      </c>
      <c r="I517" s="1"/>
    </row>
    <row r="518" spans="1:9" x14ac:dyDescent="0.25">
      <c r="A518" s="3">
        <v>41674.582777777781</v>
      </c>
      <c r="B518" s="6">
        <v>8608.0499999999993</v>
      </c>
      <c r="C518" s="7">
        <f t="shared" si="8"/>
        <v>8.6080499999999986</v>
      </c>
      <c r="I518" s="1"/>
    </row>
    <row r="519" spans="1:9" x14ac:dyDescent="0.25">
      <c r="A519" s="3">
        <v>41674.582835648151</v>
      </c>
      <c r="B519" s="6">
        <v>8624.6999999999989</v>
      </c>
      <c r="C519" s="7">
        <f t="shared" si="8"/>
        <v>8.6246999999999989</v>
      </c>
      <c r="I519" s="1"/>
    </row>
    <row r="520" spans="1:9" x14ac:dyDescent="0.25">
      <c r="A520" s="3">
        <v>41674.583391203705</v>
      </c>
      <c r="B520" s="6">
        <v>8641.3499999999985</v>
      </c>
      <c r="C520" s="7">
        <f t="shared" si="8"/>
        <v>8.6413499999999992</v>
      </c>
      <c r="I520" s="1"/>
    </row>
    <row r="521" spans="1:9" x14ac:dyDescent="0.25">
      <c r="A521" s="3">
        <v>41674.583483796298</v>
      </c>
      <c r="B521" s="6">
        <v>8658</v>
      </c>
      <c r="C521" s="7">
        <f t="shared" si="8"/>
        <v>8.6579999999999995</v>
      </c>
      <c r="I521" s="1"/>
    </row>
    <row r="522" spans="1:9" x14ac:dyDescent="0.25">
      <c r="A522" s="3">
        <v>41674.583969907406</v>
      </c>
      <c r="B522" s="6">
        <v>8674.65</v>
      </c>
      <c r="C522" s="7">
        <f t="shared" si="8"/>
        <v>8.6746499999999997</v>
      </c>
      <c r="I522" s="1"/>
    </row>
    <row r="523" spans="1:9" x14ac:dyDescent="0.25">
      <c r="A523" s="3">
        <v>41674.584016203706</v>
      </c>
      <c r="B523" s="6">
        <v>8691.2999999999993</v>
      </c>
      <c r="C523" s="7">
        <f t="shared" si="8"/>
        <v>8.6913</v>
      </c>
      <c r="I523" s="1"/>
    </row>
    <row r="524" spans="1:9" x14ac:dyDescent="0.25">
      <c r="A524" s="3">
        <v>41674.584409722222</v>
      </c>
      <c r="B524" s="6">
        <v>8707.9499999999989</v>
      </c>
      <c r="C524" s="7">
        <f t="shared" si="8"/>
        <v>8.7079499999999985</v>
      </c>
      <c r="I524" s="1"/>
    </row>
    <row r="525" spans="1:9" x14ac:dyDescent="0.25">
      <c r="A525" s="3">
        <v>41674.584456018521</v>
      </c>
      <c r="B525" s="6">
        <v>8724.5999999999985</v>
      </c>
      <c r="C525" s="7">
        <f t="shared" si="8"/>
        <v>8.7245999999999988</v>
      </c>
      <c r="I525" s="1"/>
    </row>
    <row r="526" spans="1:9" x14ac:dyDescent="0.25">
      <c r="A526" s="3">
        <v>41674.585185185184</v>
      </c>
      <c r="B526" s="6">
        <v>8741.25</v>
      </c>
      <c r="C526" s="7">
        <f t="shared" si="8"/>
        <v>8.7412500000000009</v>
      </c>
      <c r="I526" s="1"/>
    </row>
    <row r="527" spans="1:9" x14ac:dyDescent="0.25">
      <c r="A527" s="3">
        <v>41674.585219907407</v>
      </c>
      <c r="B527" s="6">
        <v>8757.9</v>
      </c>
      <c r="C527" s="7">
        <f t="shared" si="8"/>
        <v>8.7578999999999994</v>
      </c>
      <c r="I527" s="1"/>
    </row>
    <row r="528" spans="1:9" x14ac:dyDescent="0.25">
      <c r="A528" s="3">
        <v>41674.58556712963</v>
      </c>
      <c r="B528" s="6">
        <v>8774.5499999999993</v>
      </c>
      <c r="C528" s="7">
        <f t="shared" si="8"/>
        <v>8.7745499999999996</v>
      </c>
      <c r="I528" s="1"/>
    </row>
    <row r="529" spans="1:9" x14ac:dyDescent="0.25">
      <c r="A529" s="3">
        <v>41674.585625</v>
      </c>
      <c r="B529" s="6">
        <v>8791.1999999999989</v>
      </c>
      <c r="C529" s="7">
        <f t="shared" si="8"/>
        <v>8.7911999999999981</v>
      </c>
      <c r="I529" s="1"/>
    </row>
    <row r="530" spans="1:9" x14ac:dyDescent="0.25">
      <c r="A530" s="3">
        <v>41674.586631944447</v>
      </c>
      <c r="B530" s="6">
        <v>8807.8499999999985</v>
      </c>
      <c r="C530" s="7">
        <f t="shared" si="8"/>
        <v>8.8078499999999984</v>
      </c>
      <c r="I530" s="1"/>
    </row>
    <row r="531" spans="1:9" x14ac:dyDescent="0.25">
      <c r="A531" s="3">
        <v>41674.586793981478</v>
      </c>
      <c r="B531" s="6">
        <v>8824.5</v>
      </c>
      <c r="C531" s="7">
        <f t="shared" si="8"/>
        <v>8.8245000000000005</v>
      </c>
      <c r="I531" s="1"/>
    </row>
    <row r="532" spans="1:9" x14ac:dyDescent="0.25">
      <c r="A532" s="3">
        <v>41674.588055555556</v>
      </c>
      <c r="B532" s="6">
        <v>8841.15</v>
      </c>
      <c r="C532" s="7">
        <f t="shared" si="8"/>
        <v>8.841149999999999</v>
      </c>
      <c r="I532" s="1"/>
    </row>
    <row r="533" spans="1:9" x14ac:dyDescent="0.25">
      <c r="A533" s="3">
        <v>41674.588148148148</v>
      </c>
      <c r="B533" s="6">
        <v>8857.7999999999993</v>
      </c>
      <c r="C533" s="7">
        <f t="shared" si="8"/>
        <v>8.8577999999999992</v>
      </c>
      <c r="I533" s="1"/>
    </row>
    <row r="534" spans="1:9" x14ac:dyDescent="0.25">
      <c r="A534" s="3">
        <v>41674.588784722226</v>
      </c>
      <c r="B534" s="6">
        <v>8874.4499999999989</v>
      </c>
      <c r="C534" s="7">
        <f t="shared" si="8"/>
        <v>8.8744499999999995</v>
      </c>
      <c r="I534" s="1"/>
    </row>
    <row r="535" spans="1:9" x14ac:dyDescent="0.25">
      <c r="A535" s="3">
        <v>41674.588877314818</v>
      </c>
      <c r="B535" s="6">
        <v>8891.0999999999985</v>
      </c>
      <c r="C535" s="7">
        <f t="shared" si="8"/>
        <v>8.891099999999998</v>
      </c>
      <c r="I535" s="1"/>
    </row>
    <row r="536" spans="1:9" x14ac:dyDescent="0.25">
      <c r="A536" s="3">
        <v>41674.589733796296</v>
      </c>
      <c r="B536" s="6">
        <v>8907.75</v>
      </c>
      <c r="C536" s="7">
        <f t="shared" si="8"/>
        <v>8.9077500000000001</v>
      </c>
      <c r="I536" s="1"/>
    </row>
    <row r="537" spans="1:9" x14ac:dyDescent="0.25">
      <c r="A537" s="3">
        <v>41674.589803240742</v>
      </c>
      <c r="B537" s="6">
        <v>8924.4</v>
      </c>
      <c r="C537" s="7">
        <f t="shared" si="8"/>
        <v>8.9244000000000003</v>
      </c>
      <c r="I537" s="1"/>
    </row>
    <row r="538" spans="1:9" x14ac:dyDescent="0.25">
      <c r="A538" s="3">
        <v>41674.590115740742</v>
      </c>
      <c r="B538" s="6">
        <v>8941.0499999999993</v>
      </c>
      <c r="C538" s="7">
        <f t="shared" si="8"/>
        <v>8.9410499999999988</v>
      </c>
      <c r="I538" s="1"/>
    </row>
    <row r="539" spans="1:9" x14ac:dyDescent="0.25">
      <c r="A539" s="3">
        <v>41674.590196759258</v>
      </c>
      <c r="B539" s="6">
        <v>8957.6999999999989</v>
      </c>
      <c r="C539" s="7">
        <f t="shared" si="8"/>
        <v>8.9576999999999991</v>
      </c>
      <c r="I539" s="1"/>
    </row>
    <row r="540" spans="1:9" x14ac:dyDescent="0.25">
      <c r="A540" s="3">
        <v>41674.590671296297</v>
      </c>
      <c r="B540" s="6">
        <v>8974.3499999999985</v>
      </c>
      <c r="C540" s="7">
        <f t="shared" si="8"/>
        <v>8.9743499999999994</v>
      </c>
      <c r="I540" s="1"/>
    </row>
    <row r="541" spans="1:9" x14ac:dyDescent="0.25">
      <c r="A541" s="3">
        <v>41674.590775462966</v>
      </c>
      <c r="B541" s="6">
        <v>8991</v>
      </c>
      <c r="C541" s="7">
        <f t="shared" si="8"/>
        <v>8.9909999999999997</v>
      </c>
      <c r="I541" s="1"/>
    </row>
    <row r="542" spans="1:9" x14ac:dyDescent="0.25">
      <c r="A542" s="3">
        <v>41674.591793981483</v>
      </c>
      <c r="B542" s="6">
        <v>9007.65</v>
      </c>
      <c r="C542" s="7">
        <f t="shared" si="8"/>
        <v>9.0076499999999999</v>
      </c>
      <c r="I542" s="1"/>
    </row>
    <row r="543" spans="1:9" x14ac:dyDescent="0.25">
      <c r="A543" s="3">
        <v>41674.591956018521</v>
      </c>
      <c r="B543" s="6">
        <v>9024.2999999999993</v>
      </c>
      <c r="C543" s="7">
        <f t="shared" si="8"/>
        <v>9.0242999999999984</v>
      </c>
      <c r="I543" s="1"/>
    </row>
    <row r="544" spans="1:9" x14ac:dyDescent="0.25">
      <c r="A544" s="3">
        <v>41674.59270833333</v>
      </c>
      <c r="B544" s="6">
        <v>9040.9499999999989</v>
      </c>
      <c r="C544" s="7">
        <f t="shared" si="8"/>
        <v>9.0409499999999987</v>
      </c>
      <c r="I544" s="1"/>
    </row>
    <row r="545" spans="1:9" x14ac:dyDescent="0.25">
      <c r="A545" s="3">
        <v>41674.592800925922</v>
      </c>
      <c r="B545" s="6">
        <v>9057.5999999999985</v>
      </c>
      <c r="C545" s="7">
        <f t="shared" si="8"/>
        <v>9.057599999999999</v>
      </c>
      <c r="I545" s="1"/>
    </row>
    <row r="546" spans="1:9" x14ac:dyDescent="0.25">
      <c r="A546" s="3">
        <v>41674.593680555554</v>
      </c>
      <c r="B546" s="6">
        <v>9074.25</v>
      </c>
      <c r="C546" s="7">
        <f t="shared" si="8"/>
        <v>9.0742499999999993</v>
      </c>
      <c r="I546" s="1"/>
    </row>
    <row r="547" spans="1:9" x14ac:dyDescent="0.25">
      <c r="A547" s="3">
        <v>41674.593784722223</v>
      </c>
      <c r="B547" s="6">
        <v>9090.9</v>
      </c>
      <c r="C547" s="7">
        <f t="shared" si="8"/>
        <v>9.0908999999999995</v>
      </c>
      <c r="I547" s="1"/>
    </row>
    <row r="548" spans="1:9" x14ac:dyDescent="0.25">
      <c r="A548" s="3">
        <v>41674.594918981478</v>
      </c>
      <c r="B548" s="6">
        <v>9107.5499999999993</v>
      </c>
      <c r="C548" s="7">
        <f t="shared" si="8"/>
        <v>9.1075499999999998</v>
      </c>
      <c r="I548" s="1"/>
    </row>
    <row r="549" spans="1:9" x14ac:dyDescent="0.25">
      <c r="A549" s="3">
        <v>41674.595104166663</v>
      </c>
      <c r="B549" s="6">
        <v>9124.1999999999989</v>
      </c>
      <c r="C549" s="7">
        <f t="shared" si="8"/>
        <v>9.1241999999999983</v>
      </c>
      <c r="I549" s="1"/>
    </row>
    <row r="550" spans="1:9" x14ac:dyDescent="0.25">
      <c r="A550" s="3">
        <v>41674.596145833333</v>
      </c>
      <c r="B550" s="6">
        <v>9140.8499999999985</v>
      </c>
      <c r="C550" s="7">
        <f t="shared" si="8"/>
        <v>9.1408499999999986</v>
      </c>
      <c r="I550" s="1"/>
    </row>
    <row r="551" spans="1:9" x14ac:dyDescent="0.25">
      <c r="A551" s="3">
        <v>41674.596226851849</v>
      </c>
      <c r="B551" s="6">
        <v>9157.5</v>
      </c>
      <c r="C551" s="7">
        <f t="shared" si="8"/>
        <v>9.1575000000000006</v>
      </c>
      <c r="I551" s="1"/>
    </row>
    <row r="552" spans="1:9" x14ac:dyDescent="0.25">
      <c r="A552" s="3">
        <v>41674.59752314815</v>
      </c>
      <c r="B552" s="6">
        <v>9174.15</v>
      </c>
      <c r="C552" s="7">
        <f t="shared" si="8"/>
        <v>9.1741499999999991</v>
      </c>
      <c r="I552" s="1"/>
    </row>
    <row r="553" spans="1:9" x14ac:dyDescent="0.25">
      <c r="A553" s="3">
        <v>41674.597627314812</v>
      </c>
      <c r="B553" s="6">
        <v>9190.7999999999993</v>
      </c>
      <c r="C553" s="7">
        <f t="shared" si="8"/>
        <v>9.1907999999999994</v>
      </c>
      <c r="I553" s="1"/>
    </row>
    <row r="554" spans="1:9" x14ac:dyDescent="0.25">
      <c r="A554" s="3">
        <v>41674.598703703705</v>
      </c>
      <c r="B554" s="6">
        <v>9207.4499999999989</v>
      </c>
      <c r="C554" s="7">
        <f t="shared" si="8"/>
        <v>9.2074499999999997</v>
      </c>
      <c r="I554" s="1"/>
    </row>
    <row r="555" spans="1:9" x14ac:dyDescent="0.25">
      <c r="A555" s="3">
        <v>41674.59884259259</v>
      </c>
      <c r="B555" s="6">
        <v>9224.0999999999985</v>
      </c>
      <c r="C555" s="7">
        <f t="shared" si="8"/>
        <v>9.2240999999999982</v>
      </c>
      <c r="I555" s="1"/>
    </row>
    <row r="556" spans="1:9" x14ac:dyDescent="0.25">
      <c r="A556" s="3">
        <v>41674.599456018521</v>
      </c>
      <c r="B556" s="6">
        <v>9240.75</v>
      </c>
      <c r="C556" s="7">
        <f t="shared" si="8"/>
        <v>9.2407500000000002</v>
      </c>
      <c r="I556" s="1"/>
    </row>
    <row r="557" spans="1:9" x14ac:dyDescent="0.25">
      <c r="A557" s="3">
        <v>41674.599537037036</v>
      </c>
      <c r="B557" s="6">
        <v>9257.4</v>
      </c>
      <c r="C557" s="7">
        <f t="shared" si="8"/>
        <v>9.2574000000000005</v>
      </c>
      <c r="I557" s="1"/>
    </row>
    <row r="558" spans="1:9" x14ac:dyDescent="0.25">
      <c r="A558" s="3">
        <v>41674.600671296299</v>
      </c>
      <c r="B558" s="6">
        <v>9274.0499999999993</v>
      </c>
      <c r="C558" s="7">
        <f t="shared" si="8"/>
        <v>9.274049999999999</v>
      </c>
      <c r="I558" s="1"/>
    </row>
    <row r="559" spans="1:9" x14ac:dyDescent="0.25">
      <c r="A559" s="3">
        <v>41674.600810185184</v>
      </c>
      <c r="B559" s="6">
        <v>9290.6999999999989</v>
      </c>
      <c r="C559" s="7">
        <f t="shared" si="8"/>
        <v>9.2906999999999993</v>
      </c>
      <c r="I559" s="1"/>
    </row>
    <row r="560" spans="1:9" x14ac:dyDescent="0.25">
      <c r="A560" s="3">
        <v>41674.601643518516</v>
      </c>
      <c r="B560" s="6">
        <v>9307.3499999999985</v>
      </c>
      <c r="C560" s="7">
        <f t="shared" si="8"/>
        <v>9.3073499999999978</v>
      </c>
      <c r="I560" s="1"/>
    </row>
    <row r="561" spans="1:9" x14ac:dyDescent="0.25">
      <c r="A561" s="3">
        <v>41674.601701388892</v>
      </c>
      <c r="B561" s="6">
        <v>9324</v>
      </c>
      <c r="C561" s="7">
        <f t="shared" si="8"/>
        <v>9.3239999999999998</v>
      </c>
      <c r="I561" s="1"/>
    </row>
    <row r="562" spans="1:9" x14ac:dyDescent="0.25">
      <c r="A562" s="3">
        <v>41674.602453703701</v>
      </c>
      <c r="B562" s="6">
        <v>9340.65</v>
      </c>
      <c r="C562" s="7">
        <f t="shared" si="8"/>
        <v>9.3406500000000001</v>
      </c>
      <c r="I562" s="1"/>
    </row>
    <row r="563" spans="1:9" x14ac:dyDescent="0.25">
      <c r="A563" s="3">
        <v>41674.602650462963</v>
      </c>
      <c r="B563" s="6">
        <v>9357.2999999999993</v>
      </c>
      <c r="C563" s="7">
        <f t="shared" si="8"/>
        <v>9.3572999999999986</v>
      </c>
      <c r="I563" s="1"/>
    </row>
    <row r="564" spans="1:9" x14ac:dyDescent="0.25">
      <c r="A564" s="3">
        <v>41674.603530092594</v>
      </c>
      <c r="B564" s="6">
        <v>9373.9499999999989</v>
      </c>
      <c r="C564" s="7">
        <f t="shared" si="8"/>
        <v>9.3739499999999989</v>
      </c>
      <c r="I564" s="1"/>
    </row>
    <row r="565" spans="1:9" x14ac:dyDescent="0.25">
      <c r="A565" s="3">
        <v>41674.603645833333</v>
      </c>
      <c r="B565" s="6">
        <v>9390.5999999999985</v>
      </c>
      <c r="C565" s="7">
        <f t="shared" si="8"/>
        <v>9.3905999999999992</v>
      </c>
      <c r="I565" s="1"/>
    </row>
    <row r="566" spans="1:9" x14ac:dyDescent="0.25">
      <c r="A566" s="3">
        <v>41674.604560185187</v>
      </c>
      <c r="B566" s="6">
        <v>9407.25</v>
      </c>
      <c r="C566" s="7">
        <f t="shared" si="8"/>
        <v>9.4072499999999994</v>
      </c>
      <c r="I566" s="1"/>
    </row>
    <row r="567" spans="1:9" x14ac:dyDescent="0.25">
      <c r="A567" s="3">
        <v>41674.604594907411</v>
      </c>
      <c r="B567" s="6">
        <v>9423.9</v>
      </c>
      <c r="C567" s="7">
        <f t="shared" si="8"/>
        <v>9.4238999999999997</v>
      </c>
      <c r="I567" s="1"/>
    </row>
    <row r="568" spans="1:9" x14ac:dyDescent="0.25">
      <c r="A568" s="3">
        <v>41674.605023148149</v>
      </c>
      <c r="B568" s="6">
        <v>9440.5499999999993</v>
      </c>
      <c r="C568" s="7">
        <f t="shared" si="8"/>
        <v>9.44055</v>
      </c>
      <c r="I568" s="1"/>
    </row>
    <row r="569" spans="1:9" x14ac:dyDescent="0.25">
      <c r="A569" s="3">
        <v>41674.605081018519</v>
      </c>
      <c r="B569" s="6">
        <v>9457.1999999999989</v>
      </c>
      <c r="C569" s="7">
        <f t="shared" si="8"/>
        <v>9.4571999999999985</v>
      </c>
      <c r="I569" s="1"/>
    </row>
    <row r="570" spans="1:9" x14ac:dyDescent="0.25">
      <c r="A570" s="3">
        <v>41674.605555555558</v>
      </c>
      <c r="B570" s="6">
        <v>9473.8499999999985</v>
      </c>
      <c r="C570" s="7">
        <f t="shared" si="8"/>
        <v>9.4738499999999988</v>
      </c>
      <c r="I570" s="1"/>
    </row>
    <row r="571" spans="1:9" x14ac:dyDescent="0.25">
      <c r="A571" s="3">
        <v>41674.605590277781</v>
      </c>
      <c r="B571" s="6">
        <v>9490.5</v>
      </c>
      <c r="C571" s="7">
        <f t="shared" si="8"/>
        <v>9.4905000000000008</v>
      </c>
      <c r="I571" s="1"/>
    </row>
    <row r="572" spans="1:9" x14ac:dyDescent="0.25">
      <c r="A572" s="3">
        <v>41674.606076388889</v>
      </c>
      <c r="B572" s="6">
        <v>9507.15</v>
      </c>
      <c r="C572" s="7">
        <f t="shared" si="8"/>
        <v>9.5071499999999993</v>
      </c>
      <c r="I572" s="1"/>
    </row>
    <row r="573" spans="1:9" x14ac:dyDescent="0.25">
      <c r="A573" s="3">
        <v>41674.606168981481</v>
      </c>
      <c r="B573" s="6">
        <v>9523.7999999999993</v>
      </c>
      <c r="C573" s="7">
        <f t="shared" si="8"/>
        <v>9.5237999999999996</v>
      </c>
      <c r="I573" s="1"/>
    </row>
    <row r="574" spans="1:9" x14ac:dyDescent="0.25">
      <c r="A574" s="3">
        <v>41674.607060185182</v>
      </c>
      <c r="B574" s="6">
        <v>9540.4499999999989</v>
      </c>
      <c r="C574" s="7">
        <f t="shared" si="8"/>
        <v>9.5404499999999981</v>
      </c>
      <c r="I574" s="1"/>
    </row>
    <row r="575" spans="1:9" x14ac:dyDescent="0.25">
      <c r="A575" s="3">
        <v>41674.607152777775</v>
      </c>
      <c r="B575" s="6">
        <v>9557.0999999999985</v>
      </c>
      <c r="C575" s="7">
        <f t="shared" si="8"/>
        <v>9.5570999999999984</v>
      </c>
      <c r="I575" s="1"/>
    </row>
    <row r="576" spans="1:9" x14ac:dyDescent="0.25">
      <c r="A576" s="3">
        <v>41674.608229166668</v>
      </c>
      <c r="B576" s="6">
        <v>9573.75</v>
      </c>
      <c r="C576" s="7">
        <f t="shared" si="8"/>
        <v>9.5737500000000004</v>
      </c>
      <c r="I576" s="1"/>
    </row>
    <row r="577" spans="1:9" x14ac:dyDescent="0.25">
      <c r="A577" s="3">
        <v>41674.608298611114</v>
      </c>
      <c r="B577" s="6">
        <v>9590.4</v>
      </c>
      <c r="C577" s="7">
        <f t="shared" si="8"/>
        <v>9.5903999999999989</v>
      </c>
      <c r="I577" s="1"/>
    </row>
    <row r="578" spans="1:9" x14ac:dyDescent="0.25">
      <c r="A578" s="3">
        <v>41674.609236111108</v>
      </c>
      <c r="B578" s="6">
        <v>9607.0499999999993</v>
      </c>
      <c r="C578" s="7">
        <f t="shared" si="8"/>
        <v>9.6070499999999992</v>
      </c>
      <c r="I578" s="1"/>
    </row>
    <row r="579" spans="1:9" x14ac:dyDescent="0.25">
      <c r="A579" s="3">
        <v>41674.609351851854</v>
      </c>
      <c r="B579" s="6">
        <v>9623.6999999999989</v>
      </c>
      <c r="C579" s="7">
        <f t="shared" ref="C579:C642" si="9">B579/1000</f>
        <v>9.6236999999999995</v>
      </c>
      <c r="I579" s="1"/>
    </row>
    <row r="580" spans="1:9" x14ac:dyDescent="0.25">
      <c r="A580" s="3">
        <v>41674.610069444447</v>
      </c>
      <c r="B580" s="6">
        <v>9640.3499999999985</v>
      </c>
      <c r="C580" s="7">
        <f t="shared" si="9"/>
        <v>9.640349999999998</v>
      </c>
      <c r="I580" s="1"/>
    </row>
    <row r="581" spans="1:9" x14ac:dyDescent="0.25">
      <c r="A581" s="3">
        <v>41674.610219907408</v>
      </c>
      <c r="B581" s="6">
        <v>9657</v>
      </c>
      <c r="C581" s="7">
        <f t="shared" si="9"/>
        <v>9.657</v>
      </c>
      <c r="I581" s="1"/>
    </row>
    <row r="582" spans="1:9" x14ac:dyDescent="0.25">
      <c r="A582" s="3">
        <v>41674.610694444447</v>
      </c>
      <c r="B582" s="6">
        <v>9673.65</v>
      </c>
      <c r="C582" s="7">
        <f t="shared" si="9"/>
        <v>9.6736500000000003</v>
      </c>
      <c r="I582" s="1"/>
    </row>
    <row r="583" spans="1:9" x14ac:dyDescent="0.25">
      <c r="A583" s="3">
        <v>41674.610729166663</v>
      </c>
      <c r="B583" s="6">
        <v>9690.2999999999993</v>
      </c>
      <c r="C583" s="7">
        <f t="shared" si="9"/>
        <v>9.6902999999999988</v>
      </c>
      <c r="I583" s="1"/>
    </row>
    <row r="584" spans="1:9" x14ac:dyDescent="0.25">
      <c r="A584" s="3">
        <v>41674.61141203704</v>
      </c>
      <c r="B584" s="6">
        <v>9706.9499999999989</v>
      </c>
      <c r="C584" s="7">
        <f t="shared" si="9"/>
        <v>9.7069499999999991</v>
      </c>
      <c r="I584" s="1"/>
    </row>
    <row r="585" spans="1:9" x14ac:dyDescent="0.25">
      <c r="A585" s="3">
        <v>41674.611458333333</v>
      </c>
      <c r="B585" s="6">
        <v>9723.5999999999985</v>
      </c>
      <c r="C585" s="7">
        <f t="shared" si="9"/>
        <v>9.7235999999999994</v>
      </c>
      <c r="I585" s="1"/>
    </row>
    <row r="586" spans="1:9" x14ac:dyDescent="0.25">
      <c r="A586" s="3">
        <v>41674.612210648149</v>
      </c>
      <c r="B586" s="6">
        <v>9740.25</v>
      </c>
      <c r="C586" s="7">
        <f t="shared" si="9"/>
        <v>9.7402499999999996</v>
      </c>
      <c r="I586" s="1"/>
    </row>
    <row r="587" spans="1:9" x14ac:dyDescent="0.25">
      <c r="A587" s="3">
        <v>41674.612407407411</v>
      </c>
      <c r="B587" s="6">
        <v>9756.9</v>
      </c>
      <c r="C587" s="7">
        <f t="shared" si="9"/>
        <v>9.7568999999999999</v>
      </c>
      <c r="I587" s="1"/>
    </row>
    <row r="588" spans="1:9" x14ac:dyDescent="0.25">
      <c r="A588" s="3">
        <v>41674.613217592596</v>
      </c>
      <c r="B588" s="6">
        <v>9773.5499999999993</v>
      </c>
      <c r="C588" s="7">
        <f t="shared" si="9"/>
        <v>9.7735499999999984</v>
      </c>
      <c r="I588" s="1"/>
    </row>
    <row r="589" spans="1:9" x14ac:dyDescent="0.25">
      <c r="A589" s="3">
        <v>41674.613275462965</v>
      </c>
      <c r="B589" s="6">
        <v>9790.1999999999989</v>
      </c>
      <c r="C589" s="7">
        <f t="shared" si="9"/>
        <v>9.7901999999999987</v>
      </c>
      <c r="I589" s="1"/>
    </row>
    <row r="590" spans="1:9" x14ac:dyDescent="0.25">
      <c r="A590" s="3">
        <v>41674.613715277781</v>
      </c>
      <c r="B590" s="6">
        <v>9806.8499999999985</v>
      </c>
      <c r="C590" s="7">
        <f t="shared" si="9"/>
        <v>9.806849999999999</v>
      </c>
      <c r="I590" s="1"/>
    </row>
    <row r="591" spans="1:9" x14ac:dyDescent="0.25">
      <c r="A591" s="3">
        <v>41674.613842592589</v>
      </c>
      <c r="B591" s="6">
        <v>9823.5</v>
      </c>
      <c r="C591" s="7">
        <f t="shared" si="9"/>
        <v>9.8234999999999992</v>
      </c>
      <c r="I591" s="1"/>
    </row>
    <row r="592" spans="1:9" x14ac:dyDescent="0.25">
      <c r="A592" s="3">
        <v>41674.615115740744</v>
      </c>
      <c r="B592" s="6">
        <v>9840.15</v>
      </c>
      <c r="C592" s="7">
        <f t="shared" si="9"/>
        <v>9.8401499999999995</v>
      </c>
      <c r="I592" s="1"/>
    </row>
    <row r="593" spans="1:9" x14ac:dyDescent="0.25">
      <c r="A593" s="3">
        <v>41674.61519675926</v>
      </c>
      <c r="B593" s="6">
        <v>9856.7999999999993</v>
      </c>
      <c r="C593" s="7">
        <f t="shared" si="9"/>
        <v>9.8567999999999998</v>
      </c>
      <c r="I593" s="1"/>
    </row>
    <row r="594" spans="1:9" x14ac:dyDescent="0.25">
      <c r="A594" s="3">
        <v>41674.615937499999</v>
      </c>
      <c r="B594" s="6">
        <v>9873.4499999999989</v>
      </c>
      <c r="C594" s="7">
        <f t="shared" si="9"/>
        <v>9.8734499999999983</v>
      </c>
      <c r="I594" s="1"/>
    </row>
    <row r="595" spans="1:9" x14ac:dyDescent="0.25">
      <c r="A595" s="3">
        <v>41674.616053240738</v>
      </c>
      <c r="B595" s="6">
        <v>9890.0999999999985</v>
      </c>
      <c r="C595" s="7">
        <f t="shared" si="9"/>
        <v>9.8900999999999986</v>
      </c>
      <c r="I595" s="1"/>
    </row>
    <row r="596" spans="1:9" x14ac:dyDescent="0.25">
      <c r="A596" s="3">
        <v>41674.617025462961</v>
      </c>
      <c r="B596" s="6">
        <v>9906.75</v>
      </c>
      <c r="C596" s="7">
        <f t="shared" si="9"/>
        <v>9.9067500000000006</v>
      </c>
      <c r="I596" s="1"/>
    </row>
    <row r="597" spans="1:9" x14ac:dyDescent="0.25">
      <c r="A597" s="3">
        <v>41674.617152777777</v>
      </c>
      <c r="B597" s="6">
        <v>9923.4</v>
      </c>
      <c r="C597" s="7">
        <f t="shared" si="9"/>
        <v>9.9233999999999991</v>
      </c>
      <c r="I597" s="1"/>
    </row>
    <row r="598" spans="1:9" x14ac:dyDescent="0.25">
      <c r="A598" s="3">
        <v>41674.618506944447</v>
      </c>
      <c r="B598" s="6">
        <v>9940.0499999999993</v>
      </c>
      <c r="C598" s="7">
        <f t="shared" si="9"/>
        <v>9.9400499999999994</v>
      </c>
      <c r="I598" s="1"/>
    </row>
    <row r="599" spans="1:9" x14ac:dyDescent="0.25">
      <c r="A599" s="3">
        <v>41674.618715277778</v>
      </c>
      <c r="B599" s="6">
        <v>9956.6999999999989</v>
      </c>
      <c r="C599" s="7">
        <f t="shared" si="9"/>
        <v>9.9566999999999997</v>
      </c>
      <c r="I599" s="1"/>
    </row>
    <row r="600" spans="1:9" x14ac:dyDescent="0.25">
      <c r="A600" s="3">
        <v>41674.620023148149</v>
      </c>
      <c r="B600" s="6">
        <v>9973.3499999999985</v>
      </c>
      <c r="C600" s="7">
        <f t="shared" si="9"/>
        <v>9.9733499999999982</v>
      </c>
      <c r="I600" s="1"/>
    </row>
    <row r="601" spans="1:9" x14ac:dyDescent="0.25">
      <c r="A601" s="3">
        <v>41674.620127314818</v>
      </c>
      <c r="B601" s="6">
        <v>9990</v>
      </c>
      <c r="C601" s="7">
        <f t="shared" si="9"/>
        <v>9.99</v>
      </c>
      <c r="I601" s="1"/>
    </row>
    <row r="602" spans="1:9" x14ac:dyDescent="0.25">
      <c r="A602" s="3">
        <v>41674.621041666665</v>
      </c>
      <c r="B602" s="6">
        <v>10006.65</v>
      </c>
      <c r="C602" s="7">
        <f t="shared" si="9"/>
        <v>10.00665</v>
      </c>
      <c r="I602" s="1"/>
    </row>
    <row r="603" spans="1:9" x14ac:dyDescent="0.25">
      <c r="A603" s="3">
        <v>41674.621180555558</v>
      </c>
      <c r="B603" s="6">
        <v>10023.299999999999</v>
      </c>
      <c r="C603" s="7">
        <f t="shared" si="9"/>
        <v>10.023299999999999</v>
      </c>
      <c r="I603" s="1"/>
    </row>
    <row r="604" spans="1:9" x14ac:dyDescent="0.25">
      <c r="A604" s="3">
        <v>41674.622361111113</v>
      </c>
      <c r="B604" s="6">
        <v>10039.949999999999</v>
      </c>
      <c r="C604" s="7">
        <f t="shared" si="9"/>
        <v>10.039949999999999</v>
      </c>
      <c r="I604" s="1"/>
    </row>
    <row r="605" spans="1:9" x14ac:dyDescent="0.25">
      <c r="A605" s="3">
        <v>41674.622442129628</v>
      </c>
      <c r="B605" s="6">
        <v>10056.599999999999</v>
      </c>
      <c r="C605" s="7">
        <f t="shared" si="9"/>
        <v>10.056599999999998</v>
      </c>
      <c r="I605" s="1"/>
    </row>
    <row r="606" spans="1:9" x14ac:dyDescent="0.25">
      <c r="A606" s="3">
        <v>41674.622974537036</v>
      </c>
      <c r="B606" s="6">
        <v>10073.25</v>
      </c>
      <c r="C606" s="7">
        <f t="shared" si="9"/>
        <v>10.07325</v>
      </c>
      <c r="I606" s="1"/>
    </row>
    <row r="607" spans="1:9" x14ac:dyDescent="0.25">
      <c r="A607" s="3">
        <v>41674.623067129629</v>
      </c>
      <c r="B607" s="6">
        <v>10089.9</v>
      </c>
      <c r="C607" s="7">
        <f t="shared" si="9"/>
        <v>10.0899</v>
      </c>
      <c r="I607" s="1"/>
    </row>
    <row r="608" spans="1:9" x14ac:dyDescent="0.25">
      <c r="A608" s="3">
        <v>41674.623842592591</v>
      </c>
      <c r="B608" s="6">
        <v>10106.549999999999</v>
      </c>
      <c r="C608" s="7">
        <f t="shared" si="9"/>
        <v>10.106549999999999</v>
      </c>
      <c r="I608" s="1"/>
    </row>
    <row r="609" spans="1:9" x14ac:dyDescent="0.25">
      <c r="A609" s="3">
        <v>41674.624027777776</v>
      </c>
      <c r="B609" s="6">
        <v>10123.199999999999</v>
      </c>
      <c r="C609" s="7">
        <f t="shared" si="9"/>
        <v>10.123199999999999</v>
      </c>
      <c r="I609" s="1"/>
    </row>
    <row r="610" spans="1:9" x14ac:dyDescent="0.25">
      <c r="A610" s="3">
        <v>41674.624837962961</v>
      </c>
      <c r="B610" s="6">
        <v>10139.849999999999</v>
      </c>
      <c r="C610" s="7">
        <f t="shared" si="9"/>
        <v>10.139849999999999</v>
      </c>
      <c r="I610" s="1"/>
    </row>
    <row r="611" spans="1:9" x14ac:dyDescent="0.25">
      <c r="A611" s="3">
        <v>41674.625011574077</v>
      </c>
      <c r="B611" s="6">
        <v>10156.5</v>
      </c>
      <c r="C611" s="7">
        <f t="shared" si="9"/>
        <v>10.156499999999999</v>
      </c>
      <c r="I611" s="1"/>
    </row>
    <row r="612" spans="1:9" x14ac:dyDescent="0.25">
      <c r="A612" s="3">
        <v>41674.62641203704</v>
      </c>
      <c r="B612" s="6">
        <v>10173.15</v>
      </c>
      <c r="C612" s="7">
        <f t="shared" si="9"/>
        <v>10.17315</v>
      </c>
      <c r="I612" s="1"/>
    </row>
    <row r="613" spans="1:9" x14ac:dyDescent="0.25">
      <c r="A613" s="3">
        <v>41674.626504629632</v>
      </c>
      <c r="B613" s="6">
        <v>10189.799999999999</v>
      </c>
      <c r="C613" s="7">
        <f t="shared" si="9"/>
        <v>10.1898</v>
      </c>
      <c r="I613" s="1"/>
    </row>
    <row r="614" spans="1:9" x14ac:dyDescent="0.25">
      <c r="A614" s="3">
        <v>41674.627546296295</v>
      </c>
      <c r="B614" s="6">
        <v>10206.449999999999</v>
      </c>
      <c r="C614" s="7">
        <f t="shared" si="9"/>
        <v>10.206449999999998</v>
      </c>
      <c r="I614" s="1"/>
    </row>
    <row r="615" spans="1:9" x14ac:dyDescent="0.25">
      <c r="A615" s="3">
        <v>41674.627812500003</v>
      </c>
      <c r="B615" s="6">
        <v>10223.099999999999</v>
      </c>
      <c r="C615" s="7">
        <f t="shared" si="9"/>
        <v>10.223099999999999</v>
      </c>
      <c r="I615" s="1"/>
    </row>
    <row r="616" spans="1:9" x14ac:dyDescent="0.25">
      <c r="A616" s="3">
        <v>41674.628518518519</v>
      </c>
      <c r="B616" s="6">
        <v>10239.75</v>
      </c>
      <c r="C616" s="7">
        <f t="shared" si="9"/>
        <v>10.239750000000001</v>
      </c>
      <c r="I616" s="1"/>
    </row>
    <row r="617" spans="1:9" x14ac:dyDescent="0.25">
      <c r="A617" s="3">
        <v>41674.628587962965</v>
      </c>
      <c r="B617" s="6">
        <v>10256.4</v>
      </c>
      <c r="C617" s="7">
        <f t="shared" si="9"/>
        <v>10.256399999999999</v>
      </c>
      <c r="I617" s="1"/>
    </row>
    <row r="618" spans="1:9" x14ac:dyDescent="0.25">
      <c r="A618" s="3">
        <v>41674.629513888889</v>
      </c>
      <c r="B618" s="6">
        <v>10273.049999999999</v>
      </c>
      <c r="C618" s="7">
        <f t="shared" si="9"/>
        <v>10.27305</v>
      </c>
      <c r="I618" s="1"/>
    </row>
    <row r="619" spans="1:9" x14ac:dyDescent="0.25">
      <c r="A619" s="3">
        <v>41674.629594907405</v>
      </c>
      <c r="B619" s="6">
        <v>10289.699999999999</v>
      </c>
      <c r="C619" s="7">
        <f t="shared" si="9"/>
        <v>10.289699999999998</v>
      </c>
      <c r="I619" s="1"/>
    </row>
    <row r="620" spans="1:9" x14ac:dyDescent="0.25">
      <c r="A620" s="3">
        <v>41674.630266203705</v>
      </c>
      <c r="B620" s="6">
        <v>10306.349999999999</v>
      </c>
      <c r="C620" s="7">
        <f t="shared" si="9"/>
        <v>10.306349999999998</v>
      </c>
      <c r="I620" s="1"/>
    </row>
    <row r="621" spans="1:9" x14ac:dyDescent="0.25">
      <c r="A621" s="3">
        <v>41674.630335648151</v>
      </c>
      <c r="B621" s="6">
        <v>10323</v>
      </c>
      <c r="C621" s="7">
        <f t="shared" si="9"/>
        <v>10.323</v>
      </c>
      <c r="I621" s="1"/>
    </row>
    <row r="622" spans="1:9" x14ac:dyDescent="0.25">
      <c r="A622" s="3">
        <v>41674.630856481483</v>
      </c>
      <c r="B622" s="6">
        <v>10339.65</v>
      </c>
      <c r="C622" s="7">
        <f t="shared" si="9"/>
        <v>10.339649999999999</v>
      </c>
      <c r="I622" s="1"/>
    </row>
    <row r="623" spans="1:9" x14ac:dyDescent="0.25">
      <c r="A623" s="3">
        <v>41674.630902777775</v>
      </c>
      <c r="B623" s="6">
        <v>10356.299999999999</v>
      </c>
      <c r="C623" s="7">
        <f t="shared" si="9"/>
        <v>10.356299999999999</v>
      </c>
      <c r="I623" s="1"/>
    </row>
    <row r="624" spans="1:9" x14ac:dyDescent="0.25">
      <c r="A624" s="3">
        <v>41674.631284722222</v>
      </c>
      <c r="B624" s="6">
        <v>10372.949999999999</v>
      </c>
      <c r="C624" s="7">
        <f t="shared" si="9"/>
        <v>10.372949999999999</v>
      </c>
      <c r="I624" s="1"/>
    </row>
    <row r="625" spans="1:9" x14ac:dyDescent="0.25">
      <c r="A625" s="3">
        <v>41674.631331018521</v>
      </c>
      <c r="B625" s="6">
        <v>10389.599999999999</v>
      </c>
      <c r="C625" s="7">
        <f t="shared" si="9"/>
        <v>10.389599999999998</v>
      </c>
      <c r="I625" s="1"/>
    </row>
    <row r="626" spans="1:9" x14ac:dyDescent="0.25">
      <c r="A626" s="3">
        <v>41674.631782407407</v>
      </c>
      <c r="B626" s="6">
        <v>10406.25</v>
      </c>
      <c r="C626" s="7">
        <f t="shared" si="9"/>
        <v>10.40625</v>
      </c>
      <c r="I626" s="1"/>
    </row>
    <row r="627" spans="1:9" x14ac:dyDescent="0.25">
      <c r="A627" s="3">
        <v>41674.631851851853</v>
      </c>
      <c r="B627" s="6">
        <v>10422.9</v>
      </c>
      <c r="C627" s="7">
        <f t="shared" si="9"/>
        <v>10.4229</v>
      </c>
      <c r="I627" s="1"/>
    </row>
    <row r="628" spans="1:9" x14ac:dyDescent="0.25">
      <c r="A628" s="3">
        <v>41674.632557870369</v>
      </c>
      <c r="B628" s="6">
        <v>10439.549999999999</v>
      </c>
      <c r="C628" s="7">
        <f t="shared" si="9"/>
        <v>10.439549999999999</v>
      </c>
      <c r="I628" s="1"/>
    </row>
    <row r="629" spans="1:9" x14ac:dyDescent="0.25">
      <c r="A629" s="3">
        <v>41674.632638888892</v>
      </c>
      <c r="B629" s="6">
        <v>10456.199999999999</v>
      </c>
      <c r="C629" s="7">
        <f t="shared" si="9"/>
        <v>10.456199999999999</v>
      </c>
      <c r="I629" s="1"/>
    </row>
    <row r="630" spans="1:9" x14ac:dyDescent="0.25">
      <c r="A630" s="3">
        <v>41674.633831018517</v>
      </c>
      <c r="B630" s="6">
        <v>10472.849999999999</v>
      </c>
      <c r="C630" s="7">
        <f t="shared" si="9"/>
        <v>10.472849999999999</v>
      </c>
      <c r="I630" s="1"/>
    </row>
    <row r="631" spans="1:9" x14ac:dyDescent="0.25">
      <c r="A631" s="3">
        <v>41674.633900462963</v>
      </c>
      <c r="B631" s="6">
        <v>10489.5</v>
      </c>
      <c r="C631" s="7">
        <f t="shared" si="9"/>
        <v>10.4895</v>
      </c>
      <c r="I631" s="1"/>
    </row>
    <row r="632" spans="1:9" x14ac:dyDescent="0.25">
      <c r="A632" s="3">
        <v>41674.634409722225</v>
      </c>
      <c r="B632" s="6">
        <v>10506.15</v>
      </c>
      <c r="C632" s="7">
        <f t="shared" si="9"/>
        <v>10.50615</v>
      </c>
      <c r="I632" s="1"/>
    </row>
    <row r="633" spans="1:9" x14ac:dyDescent="0.25">
      <c r="A633" s="3">
        <v>41674.634525462963</v>
      </c>
      <c r="B633" s="6">
        <v>10522.8</v>
      </c>
      <c r="C633" s="7">
        <f t="shared" si="9"/>
        <v>10.5228</v>
      </c>
      <c r="I633" s="1"/>
    </row>
    <row r="634" spans="1:9" x14ac:dyDescent="0.25">
      <c r="A634" s="3">
        <v>41674.635347222225</v>
      </c>
      <c r="B634" s="6">
        <v>10539.449999999999</v>
      </c>
      <c r="C634" s="7">
        <f t="shared" si="9"/>
        <v>10.539449999999999</v>
      </c>
      <c r="I634" s="1"/>
    </row>
    <row r="635" spans="1:9" x14ac:dyDescent="0.25">
      <c r="A635" s="3">
        <v>41674.635405092595</v>
      </c>
      <c r="B635" s="6">
        <v>10556.099999999999</v>
      </c>
      <c r="C635" s="7">
        <f t="shared" si="9"/>
        <v>10.556099999999999</v>
      </c>
      <c r="I635" s="1"/>
    </row>
    <row r="636" spans="1:9" x14ac:dyDescent="0.25">
      <c r="A636" s="3">
        <v>41674.636099537034</v>
      </c>
      <c r="B636" s="6">
        <v>10572.75</v>
      </c>
      <c r="C636" s="7">
        <f t="shared" si="9"/>
        <v>10.572749999999999</v>
      </c>
      <c r="I636" s="1"/>
    </row>
    <row r="637" spans="1:9" x14ac:dyDescent="0.25">
      <c r="A637" s="3">
        <v>41674.636157407411</v>
      </c>
      <c r="B637" s="6">
        <v>10589.4</v>
      </c>
      <c r="C637" s="7">
        <f t="shared" si="9"/>
        <v>10.589399999999999</v>
      </c>
      <c r="I637" s="1"/>
    </row>
    <row r="638" spans="1:9" x14ac:dyDescent="0.25">
      <c r="A638" s="3">
        <v>41674.636944444443</v>
      </c>
      <c r="B638" s="6">
        <v>10606.05</v>
      </c>
      <c r="C638" s="7">
        <f t="shared" si="9"/>
        <v>10.60605</v>
      </c>
      <c r="I638" s="1"/>
    </row>
    <row r="639" spans="1:9" x14ac:dyDescent="0.25">
      <c r="A639" s="3">
        <v>41674.637025462966</v>
      </c>
      <c r="B639" s="6">
        <v>10622.699999999999</v>
      </c>
      <c r="C639" s="7">
        <f t="shared" si="9"/>
        <v>10.622699999999998</v>
      </c>
      <c r="I639" s="1"/>
    </row>
    <row r="640" spans="1:9" x14ac:dyDescent="0.25">
      <c r="A640" s="3">
        <v>41674.637546296297</v>
      </c>
      <c r="B640" s="6">
        <v>10639.349999999999</v>
      </c>
      <c r="C640" s="7">
        <f t="shared" si="9"/>
        <v>10.639349999999999</v>
      </c>
      <c r="I640" s="1"/>
    </row>
    <row r="641" spans="1:9" x14ac:dyDescent="0.25">
      <c r="A641" s="3">
        <v>41674.637615740743</v>
      </c>
      <c r="B641" s="6">
        <v>10656</v>
      </c>
      <c r="C641" s="7">
        <f t="shared" si="9"/>
        <v>10.656000000000001</v>
      </c>
      <c r="I641" s="1"/>
    </row>
    <row r="642" spans="1:9" x14ac:dyDescent="0.25">
      <c r="A642" s="3">
        <v>41674.63821759259</v>
      </c>
      <c r="B642" s="6">
        <v>10672.65</v>
      </c>
      <c r="C642" s="7">
        <f t="shared" si="9"/>
        <v>10.672649999999999</v>
      </c>
      <c r="I642" s="1"/>
    </row>
    <row r="643" spans="1:9" x14ac:dyDescent="0.25">
      <c r="A643" s="3">
        <v>41674.638298611113</v>
      </c>
      <c r="B643" s="6">
        <v>10689.3</v>
      </c>
      <c r="C643" s="7">
        <f t="shared" ref="C643:C706" si="10">B643/1000</f>
        <v>10.689299999999999</v>
      </c>
      <c r="I643" s="1"/>
    </row>
    <row r="644" spans="1:9" x14ac:dyDescent="0.25">
      <c r="A644" s="3">
        <v>41674.639479166668</v>
      </c>
      <c r="B644" s="6">
        <v>10705.949999999999</v>
      </c>
      <c r="C644" s="7">
        <f t="shared" si="10"/>
        <v>10.70595</v>
      </c>
      <c r="I644" s="1"/>
    </row>
    <row r="645" spans="1:9" x14ac:dyDescent="0.25">
      <c r="A645" s="3">
        <v>41674.63958333333</v>
      </c>
      <c r="B645" s="6">
        <v>10722.599999999999</v>
      </c>
      <c r="C645" s="7">
        <f t="shared" si="10"/>
        <v>10.722599999999998</v>
      </c>
      <c r="I645" s="1"/>
    </row>
    <row r="646" spans="1:9" x14ac:dyDescent="0.25">
      <c r="A646" s="3">
        <v>41674.640694444446</v>
      </c>
      <c r="B646" s="6">
        <v>10739.249999999998</v>
      </c>
      <c r="C646" s="7">
        <f t="shared" si="10"/>
        <v>10.739249999999998</v>
      </c>
      <c r="I646" s="1"/>
    </row>
    <row r="647" spans="1:9" x14ac:dyDescent="0.25">
      <c r="A647" s="3">
        <v>41674.640740740739</v>
      </c>
      <c r="B647" s="6">
        <v>10755.9</v>
      </c>
      <c r="C647" s="7">
        <f t="shared" si="10"/>
        <v>10.7559</v>
      </c>
      <c r="I647" s="1"/>
    </row>
    <row r="648" spans="1:9" x14ac:dyDescent="0.25">
      <c r="A648" s="3">
        <v>41674.641006944446</v>
      </c>
      <c r="B648" s="6">
        <v>10772.55</v>
      </c>
      <c r="C648" s="7">
        <f t="shared" si="10"/>
        <v>10.772549999999999</v>
      </c>
      <c r="I648" s="1"/>
    </row>
    <row r="649" spans="1:9" x14ac:dyDescent="0.25">
      <c r="A649" s="3">
        <v>41674.641041666669</v>
      </c>
      <c r="B649" s="6">
        <v>10789.199999999999</v>
      </c>
      <c r="C649" s="7">
        <f t="shared" si="10"/>
        <v>10.789199999999999</v>
      </c>
      <c r="I649" s="1"/>
    </row>
    <row r="650" spans="1:9" x14ac:dyDescent="0.25">
      <c r="A650" s="3">
        <v>41674.641388888886</v>
      </c>
      <c r="B650" s="6">
        <v>10805.849999999999</v>
      </c>
      <c r="C650" s="7">
        <f t="shared" si="10"/>
        <v>10.805849999999998</v>
      </c>
      <c r="I650" s="1"/>
    </row>
    <row r="651" spans="1:9" x14ac:dyDescent="0.25">
      <c r="A651" s="3">
        <v>41674.641435185185</v>
      </c>
      <c r="B651" s="6">
        <v>10822.499999999998</v>
      </c>
      <c r="C651" s="7">
        <f t="shared" si="10"/>
        <v>10.822499999999998</v>
      </c>
      <c r="I651" s="1"/>
    </row>
    <row r="652" spans="1:9" x14ac:dyDescent="0.25">
      <c r="A652" s="3">
        <v>41674.641967592594</v>
      </c>
      <c r="B652" s="6">
        <v>10839.15</v>
      </c>
      <c r="C652" s="7">
        <f t="shared" si="10"/>
        <v>10.83915</v>
      </c>
      <c r="I652" s="1"/>
    </row>
    <row r="653" spans="1:9" x14ac:dyDescent="0.25">
      <c r="A653" s="3">
        <v>41674.642071759263</v>
      </c>
      <c r="B653" s="6">
        <v>10855.8</v>
      </c>
      <c r="C653" s="7">
        <f t="shared" si="10"/>
        <v>10.855799999999999</v>
      </c>
      <c r="I653" s="1"/>
    </row>
    <row r="654" spans="1:9" x14ac:dyDescent="0.25">
      <c r="A654" s="3">
        <v>41674.642627314817</v>
      </c>
      <c r="B654" s="6">
        <v>10872.449999999999</v>
      </c>
      <c r="C654" s="7">
        <f t="shared" si="10"/>
        <v>10.872449999999999</v>
      </c>
      <c r="I654" s="1"/>
    </row>
    <row r="655" spans="1:9" x14ac:dyDescent="0.25">
      <c r="A655" s="3">
        <v>41674.642708333333</v>
      </c>
      <c r="B655" s="6">
        <v>10889.099999999999</v>
      </c>
      <c r="C655" s="7">
        <f t="shared" si="10"/>
        <v>10.889099999999999</v>
      </c>
      <c r="I655" s="1"/>
    </row>
    <row r="656" spans="1:9" x14ac:dyDescent="0.25">
      <c r="A656" s="3">
        <v>41674.643240740741</v>
      </c>
      <c r="B656" s="6">
        <v>10905.749999999998</v>
      </c>
      <c r="C656" s="7">
        <f t="shared" si="10"/>
        <v>10.905749999999998</v>
      </c>
      <c r="I656" s="1"/>
    </row>
    <row r="657" spans="1:9" x14ac:dyDescent="0.25">
      <c r="A657" s="3">
        <v>41674.64334490741</v>
      </c>
      <c r="B657" s="6">
        <v>10922.4</v>
      </c>
      <c r="C657" s="7">
        <f t="shared" si="10"/>
        <v>10.9224</v>
      </c>
      <c r="I657" s="1"/>
    </row>
    <row r="658" spans="1:9" x14ac:dyDescent="0.25">
      <c r="A658" s="3">
        <v>41674.64434027778</v>
      </c>
      <c r="B658" s="6">
        <v>10939.05</v>
      </c>
      <c r="C658" s="7">
        <f t="shared" si="10"/>
        <v>10.93905</v>
      </c>
      <c r="I658" s="1"/>
    </row>
    <row r="659" spans="1:9" x14ac:dyDescent="0.25">
      <c r="A659" s="3">
        <v>41674.64439814815</v>
      </c>
      <c r="B659" s="6">
        <v>10955.699999999999</v>
      </c>
      <c r="C659" s="7">
        <f t="shared" si="10"/>
        <v>10.955699999999998</v>
      </c>
      <c r="I659" s="1"/>
    </row>
    <row r="660" spans="1:9" x14ac:dyDescent="0.25">
      <c r="A660" s="3">
        <v>41674.645104166666</v>
      </c>
      <c r="B660" s="6">
        <v>10972.349999999999</v>
      </c>
      <c r="C660" s="7">
        <f t="shared" si="10"/>
        <v>10.972349999999999</v>
      </c>
      <c r="I660" s="1"/>
    </row>
    <row r="661" spans="1:9" x14ac:dyDescent="0.25">
      <c r="A661" s="3">
        <v>41674.645219907405</v>
      </c>
      <c r="B661" s="6">
        <v>10988.999999999998</v>
      </c>
      <c r="C661" s="7">
        <f t="shared" si="10"/>
        <v>10.988999999999999</v>
      </c>
      <c r="I661" s="1"/>
    </row>
    <row r="662" spans="1:9" x14ac:dyDescent="0.25">
      <c r="A662" s="3">
        <v>41674.645787037036</v>
      </c>
      <c r="B662" s="6">
        <v>11005.65</v>
      </c>
      <c r="C662" s="7">
        <f t="shared" si="10"/>
        <v>11.005649999999999</v>
      </c>
      <c r="I662" s="1"/>
    </row>
    <row r="663" spans="1:9" x14ac:dyDescent="0.25">
      <c r="A663" s="3">
        <v>41674.645856481482</v>
      </c>
      <c r="B663" s="6">
        <v>11022.3</v>
      </c>
      <c r="C663" s="7">
        <f t="shared" si="10"/>
        <v>11.0223</v>
      </c>
      <c r="I663" s="1"/>
    </row>
    <row r="664" spans="1:9" x14ac:dyDescent="0.25">
      <c r="A664" s="3">
        <v>41674.646944444445</v>
      </c>
      <c r="B664" s="6">
        <v>11038.949999999999</v>
      </c>
      <c r="C664" s="7">
        <f t="shared" si="10"/>
        <v>11.038949999999998</v>
      </c>
      <c r="I664" s="1"/>
    </row>
    <row r="665" spans="1:9" x14ac:dyDescent="0.25">
      <c r="A665" s="3">
        <v>41674.647037037037</v>
      </c>
      <c r="B665" s="6">
        <v>11055.599999999999</v>
      </c>
      <c r="C665" s="7">
        <f t="shared" si="10"/>
        <v>11.055599999999998</v>
      </c>
      <c r="I665" s="1"/>
    </row>
    <row r="666" spans="1:9" x14ac:dyDescent="0.25">
      <c r="A666" s="3">
        <v>41674.647581018522</v>
      </c>
      <c r="B666" s="6">
        <v>11072.249999999998</v>
      </c>
      <c r="C666" s="7">
        <f t="shared" si="10"/>
        <v>11.072249999999999</v>
      </c>
      <c r="I666" s="1"/>
    </row>
    <row r="667" spans="1:9" x14ac:dyDescent="0.25">
      <c r="A667" s="3">
        <v>41674.647696759261</v>
      </c>
      <c r="B667" s="6">
        <v>11088.9</v>
      </c>
      <c r="C667" s="7">
        <f t="shared" si="10"/>
        <v>11.088899999999999</v>
      </c>
      <c r="I667" s="1"/>
    </row>
    <row r="668" spans="1:9" x14ac:dyDescent="0.25">
      <c r="A668" s="3">
        <v>41674.648645833331</v>
      </c>
      <c r="B668" s="6">
        <v>11105.55</v>
      </c>
      <c r="C668" s="7">
        <f t="shared" si="10"/>
        <v>11.105549999999999</v>
      </c>
      <c r="I668" s="1"/>
    </row>
    <row r="669" spans="1:9" x14ac:dyDescent="0.25">
      <c r="A669" s="3">
        <v>41674.648738425924</v>
      </c>
      <c r="B669" s="6">
        <v>11122.199999999999</v>
      </c>
      <c r="C669" s="7">
        <f t="shared" si="10"/>
        <v>11.122199999999999</v>
      </c>
      <c r="I669" s="1"/>
    </row>
    <row r="670" spans="1:9" x14ac:dyDescent="0.25">
      <c r="A670" s="3">
        <v>41674.649537037039</v>
      </c>
      <c r="B670" s="6">
        <v>11138.849999999999</v>
      </c>
      <c r="C670" s="7">
        <f t="shared" si="10"/>
        <v>11.138849999999998</v>
      </c>
      <c r="I670" s="1"/>
    </row>
    <row r="671" spans="1:9" x14ac:dyDescent="0.25">
      <c r="A671" s="3">
        <v>41674.649618055555</v>
      </c>
      <c r="B671" s="6">
        <v>11155.499999999998</v>
      </c>
      <c r="C671" s="7">
        <f t="shared" si="10"/>
        <v>11.155499999999998</v>
      </c>
      <c r="I671" s="1"/>
    </row>
    <row r="672" spans="1:9" x14ac:dyDescent="0.25">
      <c r="A672" s="3">
        <v>41674.651354166665</v>
      </c>
      <c r="B672" s="6">
        <v>11172.15</v>
      </c>
      <c r="C672" s="7">
        <f t="shared" si="10"/>
        <v>11.17215</v>
      </c>
      <c r="I672" s="1"/>
    </row>
    <row r="673" spans="1:9" x14ac:dyDescent="0.25">
      <c r="A673" s="3">
        <v>41674.651516203703</v>
      </c>
      <c r="B673" s="6">
        <v>11188.8</v>
      </c>
      <c r="C673" s="7">
        <f t="shared" si="10"/>
        <v>11.188799999999999</v>
      </c>
      <c r="I673" s="1"/>
    </row>
    <row r="674" spans="1:9" x14ac:dyDescent="0.25">
      <c r="A674" s="3">
        <v>41674.652962962966</v>
      </c>
      <c r="B674" s="6">
        <v>11205.449999999999</v>
      </c>
      <c r="C674" s="7">
        <f t="shared" si="10"/>
        <v>11.205449999999999</v>
      </c>
      <c r="I674" s="1"/>
    </row>
    <row r="675" spans="1:9" x14ac:dyDescent="0.25">
      <c r="A675" s="3">
        <v>41674.653287037036</v>
      </c>
      <c r="B675" s="6">
        <v>11222.099999999999</v>
      </c>
      <c r="C675" s="7">
        <f t="shared" si="10"/>
        <v>11.222099999999999</v>
      </c>
      <c r="I675" s="1"/>
    </row>
    <row r="676" spans="1:9" x14ac:dyDescent="0.25">
      <c r="A676" s="3">
        <v>41674.653865740744</v>
      </c>
      <c r="B676" s="6">
        <v>11238.749999999998</v>
      </c>
      <c r="C676" s="7">
        <f t="shared" si="10"/>
        <v>11.238749999999998</v>
      </c>
      <c r="I676" s="1"/>
    </row>
    <row r="677" spans="1:9" x14ac:dyDescent="0.25">
      <c r="A677" s="3">
        <v>41674.653912037036</v>
      </c>
      <c r="B677" s="6">
        <v>11255.4</v>
      </c>
      <c r="C677" s="7">
        <f t="shared" si="10"/>
        <v>11.2554</v>
      </c>
      <c r="I677" s="1"/>
    </row>
    <row r="678" spans="1:9" x14ac:dyDescent="0.25">
      <c r="A678" s="3">
        <v>41674.65452546296</v>
      </c>
      <c r="B678" s="6">
        <v>11272.05</v>
      </c>
      <c r="C678" s="7">
        <f t="shared" si="10"/>
        <v>11.27205</v>
      </c>
      <c r="I678" s="1"/>
    </row>
    <row r="679" spans="1:9" x14ac:dyDescent="0.25">
      <c r="A679" s="3">
        <v>41674.654780092591</v>
      </c>
      <c r="B679" s="6">
        <v>11288.699999999999</v>
      </c>
      <c r="C679" s="7">
        <f t="shared" si="10"/>
        <v>11.288699999999999</v>
      </c>
      <c r="I679" s="1"/>
    </row>
    <row r="680" spans="1:9" x14ac:dyDescent="0.25">
      <c r="A680" s="3">
        <v>41674.655636574076</v>
      </c>
      <c r="B680" s="6">
        <v>11305.349999999999</v>
      </c>
      <c r="C680" s="7">
        <f t="shared" si="10"/>
        <v>11.305349999999999</v>
      </c>
      <c r="I680" s="1"/>
    </row>
    <row r="681" spans="1:9" x14ac:dyDescent="0.25">
      <c r="A681" s="3">
        <v>41674.655787037038</v>
      </c>
      <c r="B681" s="6">
        <v>11321.999999999998</v>
      </c>
      <c r="C681" s="7">
        <f t="shared" si="10"/>
        <v>11.321999999999997</v>
      </c>
      <c r="I681" s="1"/>
    </row>
    <row r="682" spans="1:9" x14ac:dyDescent="0.25">
      <c r="A682" s="3">
        <v>41674.65662037037</v>
      </c>
      <c r="B682" s="6">
        <v>11338.65</v>
      </c>
      <c r="C682" s="7">
        <f t="shared" si="10"/>
        <v>11.338649999999999</v>
      </c>
      <c r="I682" s="1"/>
    </row>
    <row r="683" spans="1:9" x14ac:dyDescent="0.25">
      <c r="A683" s="3">
        <v>41674.656736111108</v>
      </c>
      <c r="B683" s="6">
        <v>11355.3</v>
      </c>
      <c r="C683" s="7">
        <f t="shared" si="10"/>
        <v>11.3553</v>
      </c>
      <c r="I683" s="1"/>
    </row>
    <row r="684" spans="1:9" x14ac:dyDescent="0.25">
      <c r="A684" s="3">
        <v>41674.658055555556</v>
      </c>
      <c r="B684" s="6">
        <v>11371.949999999999</v>
      </c>
      <c r="C684" s="7">
        <f t="shared" si="10"/>
        <v>11.371949999999998</v>
      </c>
      <c r="I684" s="1"/>
    </row>
    <row r="685" spans="1:9" x14ac:dyDescent="0.25">
      <c r="A685" s="3">
        <v>41674.658090277779</v>
      </c>
      <c r="B685" s="6">
        <v>11388.599999999999</v>
      </c>
      <c r="C685" s="7">
        <f t="shared" si="10"/>
        <v>11.388599999999999</v>
      </c>
      <c r="I685" s="1"/>
    </row>
    <row r="686" spans="1:9" x14ac:dyDescent="0.25">
      <c r="A686" s="3">
        <v>41674.658726851849</v>
      </c>
      <c r="B686" s="6">
        <v>11405.249999999998</v>
      </c>
      <c r="C686" s="7">
        <f t="shared" si="10"/>
        <v>11.405249999999999</v>
      </c>
      <c r="I686" s="1"/>
    </row>
    <row r="687" spans="1:9" x14ac:dyDescent="0.25">
      <c r="A687" s="3">
        <v>41674.658773148149</v>
      </c>
      <c r="B687" s="6">
        <v>11421.9</v>
      </c>
      <c r="C687" s="7">
        <f t="shared" si="10"/>
        <v>11.421899999999999</v>
      </c>
      <c r="I687" s="1"/>
    </row>
    <row r="688" spans="1:9" x14ac:dyDescent="0.25">
      <c r="A688" s="3">
        <v>41674.659479166665</v>
      </c>
      <c r="B688" s="6">
        <v>11438.55</v>
      </c>
      <c r="C688" s="7">
        <f t="shared" si="10"/>
        <v>11.438549999999999</v>
      </c>
      <c r="I688" s="1"/>
    </row>
    <row r="689" spans="1:9" x14ac:dyDescent="0.25">
      <c r="A689" s="3">
        <v>41674.659571759257</v>
      </c>
      <c r="B689" s="6">
        <v>11455.199999999999</v>
      </c>
      <c r="C689" s="7">
        <f t="shared" si="10"/>
        <v>11.4552</v>
      </c>
      <c r="I689" s="1"/>
    </row>
    <row r="690" spans="1:9" x14ac:dyDescent="0.25">
      <c r="A690" s="3">
        <v>41674.660983796297</v>
      </c>
      <c r="B690" s="6">
        <v>11471.849999999999</v>
      </c>
      <c r="C690" s="7">
        <f t="shared" si="10"/>
        <v>11.471849999999998</v>
      </c>
      <c r="I690" s="1"/>
    </row>
    <row r="691" spans="1:9" x14ac:dyDescent="0.25">
      <c r="A691" s="3">
        <v>41674.66133101852</v>
      </c>
      <c r="B691" s="6">
        <v>11488.499999999998</v>
      </c>
      <c r="C691" s="7">
        <f t="shared" si="10"/>
        <v>11.488499999999998</v>
      </c>
      <c r="I691" s="1"/>
    </row>
    <row r="692" spans="1:9" x14ac:dyDescent="0.25">
      <c r="A692" s="3">
        <v>41674.662361111114</v>
      </c>
      <c r="B692" s="6">
        <v>11505.15</v>
      </c>
      <c r="C692" s="7">
        <f t="shared" si="10"/>
        <v>11.50515</v>
      </c>
      <c r="I692" s="1"/>
    </row>
    <row r="693" spans="1:9" x14ac:dyDescent="0.25">
      <c r="A693" s="3">
        <v>41674.662418981483</v>
      </c>
      <c r="B693" s="6">
        <v>11521.8</v>
      </c>
      <c r="C693" s="7">
        <f t="shared" si="10"/>
        <v>11.521799999999999</v>
      </c>
      <c r="I693" s="1"/>
    </row>
    <row r="694" spans="1:9" x14ac:dyDescent="0.25">
      <c r="A694" s="3">
        <v>41674.662812499999</v>
      </c>
      <c r="B694" s="6">
        <v>11538.449999999999</v>
      </c>
      <c r="C694" s="7">
        <f t="shared" si="10"/>
        <v>11.538449999999999</v>
      </c>
      <c r="I694" s="1"/>
    </row>
    <row r="695" spans="1:9" x14ac:dyDescent="0.25">
      <c r="A695" s="3">
        <v>41674.662939814814</v>
      </c>
      <c r="B695" s="6">
        <v>11555.099999999999</v>
      </c>
      <c r="C695" s="7">
        <f t="shared" si="10"/>
        <v>11.555099999999998</v>
      </c>
      <c r="I695" s="1"/>
    </row>
    <row r="696" spans="1:9" x14ac:dyDescent="0.25">
      <c r="A696" s="3">
        <v>41674.663715277777</v>
      </c>
      <c r="B696" s="6">
        <v>11571.749999999998</v>
      </c>
      <c r="C696" s="7">
        <f t="shared" si="10"/>
        <v>11.571749999999998</v>
      </c>
      <c r="I696" s="1"/>
    </row>
    <row r="697" spans="1:9" x14ac:dyDescent="0.25">
      <c r="A697" s="3">
        <v>41674.663819444446</v>
      </c>
      <c r="B697" s="6">
        <v>11588.4</v>
      </c>
      <c r="C697" s="7">
        <f t="shared" si="10"/>
        <v>11.5884</v>
      </c>
      <c r="I697" s="1"/>
    </row>
    <row r="698" spans="1:9" x14ac:dyDescent="0.25">
      <c r="A698" s="3">
        <v>41674.665081018517</v>
      </c>
      <c r="B698" s="6">
        <v>11605.05</v>
      </c>
      <c r="C698" s="7">
        <f t="shared" si="10"/>
        <v>11.605049999999999</v>
      </c>
      <c r="I698" s="1"/>
    </row>
    <row r="699" spans="1:9" x14ac:dyDescent="0.25">
      <c r="A699" s="3">
        <v>41674.665231481478</v>
      </c>
      <c r="B699" s="6">
        <v>11621.699999999999</v>
      </c>
      <c r="C699" s="7">
        <f t="shared" si="10"/>
        <v>11.621699999999999</v>
      </c>
      <c r="I699" s="1"/>
    </row>
    <row r="700" spans="1:9" x14ac:dyDescent="0.25">
      <c r="A700" s="3">
        <v>41674.666446759256</v>
      </c>
      <c r="B700" s="6">
        <v>11638.349999999999</v>
      </c>
      <c r="C700" s="7">
        <f t="shared" si="10"/>
        <v>11.638349999999999</v>
      </c>
      <c r="I700" s="1"/>
    </row>
    <row r="701" spans="1:9" x14ac:dyDescent="0.25">
      <c r="A701" s="3">
        <v>41674.666481481479</v>
      </c>
      <c r="B701" s="6">
        <v>11654.999999999998</v>
      </c>
      <c r="C701" s="7">
        <f t="shared" si="10"/>
        <v>11.654999999999998</v>
      </c>
      <c r="I701" s="1"/>
    </row>
    <row r="702" spans="1:9" x14ac:dyDescent="0.25">
      <c r="A702" s="3">
        <v>41674.667581018519</v>
      </c>
      <c r="B702" s="6">
        <v>11671.65</v>
      </c>
      <c r="C702" s="7">
        <f t="shared" si="10"/>
        <v>11.67165</v>
      </c>
      <c r="I702" s="1"/>
    </row>
    <row r="703" spans="1:9" x14ac:dyDescent="0.25">
      <c r="A703" s="3">
        <v>41674.667673611111</v>
      </c>
      <c r="B703" s="6">
        <v>11688.3</v>
      </c>
      <c r="C703" s="7">
        <f t="shared" si="10"/>
        <v>11.6883</v>
      </c>
      <c r="I703" s="1"/>
    </row>
    <row r="704" spans="1:9" x14ac:dyDescent="0.25">
      <c r="A704" s="3">
        <v>41674.668229166666</v>
      </c>
      <c r="B704" s="6">
        <v>11704.949999999999</v>
      </c>
      <c r="C704" s="7">
        <f t="shared" si="10"/>
        <v>11.704949999999998</v>
      </c>
      <c r="I704" s="1"/>
    </row>
    <row r="705" spans="1:9" x14ac:dyDescent="0.25">
      <c r="A705" s="3">
        <v>41674.668298611112</v>
      </c>
      <c r="B705" s="6">
        <v>11721.599999999999</v>
      </c>
      <c r="C705" s="7">
        <f t="shared" si="10"/>
        <v>11.721599999999999</v>
      </c>
      <c r="I705" s="1"/>
    </row>
    <row r="706" spans="1:9" x14ac:dyDescent="0.25">
      <c r="A706" s="3">
        <v>41674.668807870374</v>
      </c>
      <c r="B706" s="6">
        <v>11738.249999999998</v>
      </c>
      <c r="C706" s="7">
        <f t="shared" si="10"/>
        <v>11.738249999999999</v>
      </c>
      <c r="I706" s="1"/>
    </row>
    <row r="707" spans="1:9" x14ac:dyDescent="0.25">
      <c r="A707" s="3">
        <v>41674.668854166666</v>
      </c>
      <c r="B707" s="6">
        <v>11754.9</v>
      </c>
      <c r="C707" s="7">
        <f t="shared" ref="C707:C770" si="11">B707/1000</f>
        <v>11.754899999999999</v>
      </c>
      <c r="I707" s="1"/>
    </row>
    <row r="708" spans="1:9" x14ac:dyDescent="0.25">
      <c r="A708" s="3">
        <v>41674.669548611113</v>
      </c>
      <c r="B708" s="6">
        <v>11771.55</v>
      </c>
      <c r="C708" s="7">
        <f t="shared" si="11"/>
        <v>11.77155</v>
      </c>
      <c r="I708" s="1"/>
    </row>
    <row r="709" spans="1:9" x14ac:dyDescent="0.25">
      <c r="A709" s="3">
        <v>41674.669710648152</v>
      </c>
      <c r="B709" s="6">
        <v>11788.199999999999</v>
      </c>
      <c r="C709" s="7">
        <f t="shared" si="11"/>
        <v>11.7882</v>
      </c>
      <c r="I709" s="1"/>
    </row>
    <row r="710" spans="1:9" x14ac:dyDescent="0.25">
      <c r="A710" s="3">
        <v>41674.670127314814</v>
      </c>
      <c r="B710" s="6">
        <v>11804.849999999999</v>
      </c>
      <c r="C710" s="7">
        <f t="shared" si="11"/>
        <v>11.804849999999998</v>
      </c>
      <c r="I710" s="1"/>
    </row>
    <row r="711" spans="1:9" x14ac:dyDescent="0.25">
      <c r="A711" s="3">
        <v>41674.670185185183</v>
      </c>
      <c r="B711" s="6">
        <v>11821.499999999998</v>
      </c>
      <c r="C711" s="7">
        <f t="shared" si="11"/>
        <v>11.821499999999999</v>
      </c>
      <c r="I711" s="1"/>
    </row>
    <row r="712" spans="1:9" x14ac:dyDescent="0.25">
      <c r="A712" s="3">
        <v>41674.67082175926</v>
      </c>
      <c r="B712" s="6">
        <v>11838.15</v>
      </c>
      <c r="C712" s="7">
        <f t="shared" si="11"/>
        <v>11.838149999999999</v>
      </c>
      <c r="I712" s="1"/>
    </row>
    <row r="713" spans="1:9" x14ac:dyDescent="0.25">
      <c r="A713" s="3">
        <v>41674.67087962963</v>
      </c>
      <c r="B713" s="6">
        <v>11854.8</v>
      </c>
      <c r="C713" s="7">
        <f t="shared" si="11"/>
        <v>11.854799999999999</v>
      </c>
      <c r="I713" s="1"/>
    </row>
    <row r="714" spans="1:9" x14ac:dyDescent="0.25">
      <c r="A714" s="3">
        <v>41674.671655092592</v>
      </c>
      <c r="B714" s="6">
        <v>11871.449999999999</v>
      </c>
      <c r="C714" s="7">
        <f t="shared" si="11"/>
        <v>11.871449999999999</v>
      </c>
      <c r="I714" s="1"/>
    </row>
    <row r="715" spans="1:9" x14ac:dyDescent="0.25">
      <c r="A715" s="3">
        <v>41674.671724537038</v>
      </c>
      <c r="B715" s="6">
        <v>11888.099999999999</v>
      </c>
      <c r="C715" s="7">
        <f t="shared" si="11"/>
        <v>11.888099999999998</v>
      </c>
      <c r="I715" s="1"/>
    </row>
    <row r="716" spans="1:9" x14ac:dyDescent="0.25">
      <c r="A716" s="3">
        <v>41674.672384259262</v>
      </c>
      <c r="B716" s="6">
        <v>11904.749999999998</v>
      </c>
      <c r="C716" s="7">
        <f t="shared" si="11"/>
        <v>11.904749999999998</v>
      </c>
      <c r="I716" s="1"/>
    </row>
    <row r="717" spans="1:9" x14ac:dyDescent="0.25">
      <c r="A717" s="3">
        <v>41674.672465277778</v>
      </c>
      <c r="B717" s="6">
        <v>11921.4</v>
      </c>
      <c r="C717" s="7">
        <f t="shared" si="11"/>
        <v>11.9214</v>
      </c>
      <c r="I717" s="1"/>
    </row>
    <row r="718" spans="1:9" x14ac:dyDescent="0.25">
      <c r="A718" s="3">
        <v>41674.673078703701</v>
      </c>
      <c r="B718" s="6">
        <v>11938.05</v>
      </c>
      <c r="C718" s="7">
        <f t="shared" si="11"/>
        <v>11.938049999999999</v>
      </c>
      <c r="I718" s="1"/>
    </row>
    <row r="719" spans="1:9" x14ac:dyDescent="0.25">
      <c r="A719" s="3">
        <v>41674.673148148147</v>
      </c>
      <c r="B719" s="6">
        <v>11954.699999999999</v>
      </c>
      <c r="C719" s="7">
        <f t="shared" si="11"/>
        <v>11.954699999999999</v>
      </c>
      <c r="I719" s="1"/>
    </row>
    <row r="720" spans="1:9" x14ac:dyDescent="0.25">
      <c r="A720" s="3">
        <v>41674.676006944443</v>
      </c>
      <c r="B720" s="6">
        <v>11971.349999999999</v>
      </c>
      <c r="C720" s="7">
        <f t="shared" si="11"/>
        <v>11.971349999999999</v>
      </c>
      <c r="I720" s="1"/>
    </row>
    <row r="721" spans="1:9" x14ac:dyDescent="0.25">
      <c r="A721" s="3">
        <v>41674.676122685189</v>
      </c>
      <c r="B721" s="6">
        <v>11987.999999999998</v>
      </c>
      <c r="C721" s="7">
        <f t="shared" si="11"/>
        <v>11.987999999999998</v>
      </c>
      <c r="I721" s="1"/>
    </row>
    <row r="722" spans="1:9" x14ac:dyDescent="0.25">
      <c r="A722" s="3">
        <v>41674.67763888889</v>
      </c>
      <c r="B722" s="6">
        <v>12004.65</v>
      </c>
      <c r="C722" s="7">
        <f t="shared" si="11"/>
        <v>12.00465</v>
      </c>
      <c r="I722" s="1"/>
    </row>
    <row r="723" spans="1:9" x14ac:dyDescent="0.25">
      <c r="A723" s="3">
        <v>41674.677789351852</v>
      </c>
      <c r="B723" s="6">
        <v>12021.3</v>
      </c>
      <c r="C723" s="7">
        <f t="shared" si="11"/>
        <v>12.0213</v>
      </c>
      <c r="I723" s="1"/>
    </row>
    <row r="724" spans="1:9" x14ac:dyDescent="0.25">
      <c r="A724" s="3">
        <v>41674.678842592592</v>
      </c>
      <c r="B724" s="6">
        <v>12037.949999999999</v>
      </c>
      <c r="C724" s="7">
        <f t="shared" si="11"/>
        <v>12.037949999999999</v>
      </c>
      <c r="I724" s="1"/>
    </row>
    <row r="725" spans="1:9" x14ac:dyDescent="0.25">
      <c r="A725" s="3">
        <v>41674.67895833333</v>
      </c>
      <c r="B725" s="6">
        <v>12054.599999999999</v>
      </c>
      <c r="C725" s="7">
        <f t="shared" si="11"/>
        <v>12.054599999999999</v>
      </c>
      <c r="I725" s="1"/>
    </row>
    <row r="726" spans="1:9" x14ac:dyDescent="0.25">
      <c r="A726" s="3">
        <v>41674.680381944447</v>
      </c>
      <c r="B726" s="6">
        <v>12071.249999999998</v>
      </c>
      <c r="C726" s="7">
        <f t="shared" si="11"/>
        <v>12.071249999999997</v>
      </c>
      <c r="I726" s="1"/>
    </row>
    <row r="727" spans="1:9" x14ac:dyDescent="0.25">
      <c r="A727" s="3">
        <v>41674.68068287037</v>
      </c>
      <c r="B727" s="6">
        <v>12087.9</v>
      </c>
      <c r="C727" s="7">
        <f t="shared" si="11"/>
        <v>12.087899999999999</v>
      </c>
      <c r="I727" s="1"/>
    </row>
    <row r="728" spans="1:9" x14ac:dyDescent="0.25">
      <c r="A728" s="3">
        <v>41674.681481481479</v>
      </c>
      <c r="B728" s="6">
        <v>12104.55</v>
      </c>
      <c r="C728" s="7">
        <f t="shared" si="11"/>
        <v>12.10455</v>
      </c>
      <c r="I728" s="1"/>
    </row>
    <row r="729" spans="1:9" x14ac:dyDescent="0.25">
      <c r="A729" s="3">
        <v>41674.681620370371</v>
      </c>
      <c r="B729" s="6">
        <v>12121.199999999999</v>
      </c>
      <c r="C729" s="7">
        <f t="shared" si="11"/>
        <v>12.121199999999998</v>
      </c>
      <c r="I729" s="1"/>
    </row>
    <row r="730" spans="1:9" x14ac:dyDescent="0.25">
      <c r="A730" s="3">
        <v>41674.683541666665</v>
      </c>
      <c r="B730" s="6">
        <v>12137.849999999999</v>
      </c>
      <c r="C730" s="7">
        <f t="shared" si="11"/>
        <v>12.137849999999998</v>
      </c>
      <c r="I730" s="1"/>
    </row>
    <row r="731" spans="1:9" x14ac:dyDescent="0.25">
      <c r="A731" s="3">
        <v>41674.683599537035</v>
      </c>
      <c r="B731" s="6">
        <v>12154.499999999998</v>
      </c>
      <c r="C731" s="7">
        <f t="shared" si="11"/>
        <v>12.154499999999999</v>
      </c>
      <c r="I731" s="1"/>
    </row>
    <row r="732" spans="1:9" x14ac:dyDescent="0.25">
      <c r="A732" s="3">
        <v>41674.684201388889</v>
      </c>
      <c r="B732" s="6">
        <v>12171.15</v>
      </c>
      <c r="C732" s="7">
        <f t="shared" si="11"/>
        <v>12.171149999999999</v>
      </c>
      <c r="I732" s="1"/>
    </row>
    <row r="733" spans="1:9" x14ac:dyDescent="0.25">
      <c r="A733" s="3">
        <v>41674.684317129628</v>
      </c>
      <c r="B733" s="6">
        <v>12187.8</v>
      </c>
      <c r="C733" s="7">
        <f t="shared" si="11"/>
        <v>12.187799999999999</v>
      </c>
      <c r="I733" s="1"/>
    </row>
    <row r="734" spans="1:9" x14ac:dyDescent="0.25">
      <c r="A734" s="3">
        <v>41674.685208333336</v>
      </c>
      <c r="B734" s="6">
        <v>12204.449999999999</v>
      </c>
      <c r="C734" s="7">
        <f t="shared" si="11"/>
        <v>12.20445</v>
      </c>
      <c r="I734" s="1"/>
    </row>
    <row r="735" spans="1:9" x14ac:dyDescent="0.25">
      <c r="A735" s="3">
        <v>41674.685277777775</v>
      </c>
      <c r="B735" s="6">
        <v>12221.099999999999</v>
      </c>
      <c r="C735" s="7">
        <f t="shared" si="11"/>
        <v>12.221099999999998</v>
      </c>
      <c r="I735" s="1"/>
    </row>
    <row r="736" spans="1:9" x14ac:dyDescent="0.25">
      <c r="A736" s="3">
        <v>41674.686099537037</v>
      </c>
      <c r="B736" s="6">
        <v>12237.749999999998</v>
      </c>
      <c r="C736" s="7">
        <f t="shared" si="11"/>
        <v>12.237749999999998</v>
      </c>
      <c r="I736" s="1"/>
    </row>
    <row r="737" spans="1:9" x14ac:dyDescent="0.25">
      <c r="A737" s="3">
        <v>41674.686157407406</v>
      </c>
      <c r="B737" s="6">
        <v>12254.4</v>
      </c>
      <c r="C737" s="7">
        <f t="shared" si="11"/>
        <v>12.2544</v>
      </c>
      <c r="I737" s="1"/>
    </row>
    <row r="738" spans="1:9" x14ac:dyDescent="0.25">
      <c r="A738" s="3">
        <v>41674.686620370368</v>
      </c>
      <c r="B738" s="6">
        <v>12271.05</v>
      </c>
      <c r="C738" s="7">
        <f t="shared" si="11"/>
        <v>12.271049999999999</v>
      </c>
      <c r="I738" s="1"/>
    </row>
    <row r="739" spans="1:9" x14ac:dyDescent="0.25">
      <c r="A739" s="3">
        <v>41674.686678240738</v>
      </c>
      <c r="B739" s="6">
        <v>12287.699999999999</v>
      </c>
      <c r="C739" s="7">
        <f t="shared" si="11"/>
        <v>12.287699999999999</v>
      </c>
      <c r="I739" s="1"/>
    </row>
    <row r="740" spans="1:9" x14ac:dyDescent="0.25">
      <c r="A740" s="3">
        <v>41674.687569444446</v>
      </c>
      <c r="B740" s="6">
        <v>12304.349999999999</v>
      </c>
      <c r="C740" s="7">
        <f t="shared" si="11"/>
        <v>12.304349999999998</v>
      </c>
      <c r="I740" s="1"/>
    </row>
    <row r="741" spans="1:9" x14ac:dyDescent="0.25">
      <c r="A741" s="3">
        <v>41674.688113425924</v>
      </c>
      <c r="B741" s="6">
        <v>12320.999999999998</v>
      </c>
      <c r="C741" s="7">
        <f t="shared" si="11"/>
        <v>12.320999999999998</v>
      </c>
      <c r="I741" s="1"/>
    </row>
    <row r="742" spans="1:9" x14ac:dyDescent="0.25">
      <c r="A742" s="3">
        <v>41674.688981481479</v>
      </c>
      <c r="B742" s="6">
        <v>12337.65</v>
      </c>
      <c r="C742" s="7">
        <f t="shared" si="11"/>
        <v>12.33765</v>
      </c>
      <c r="I742" s="1"/>
    </row>
    <row r="743" spans="1:9" x14ac:dyDescent="0.25">
      <c r="A743" s="3">
        <v>41674.689212962963</v>
      </c>
      <c r="B743" s="6">
        <v>12354.3</v>
      </c>
      <c r="C743" s="7">
        <f t="shared" si="11"/>
        <v>12.354299999999999</v>
      </c>
      <c r="I743" s="1"/>
    </row>
    <row r="744" spans="1:9" x14ac:dyDescent="0.25">
      <c r="A744" s="3">
        <v>41674.689768518518</v>
      </c>
      <c r="B744" s="6">
        <v>12370.949999999999</v>
      </c>
      <c r="C744" s="7">
        <f t="shared" si="11"/>
        <v>12.370949999999999</v>
      </c>
      <c r="I744" s="1"/>
    </row>
    <row r="745" spans="1:9" x14ac:dyDescent="0.25">
      <c r="A745" s="3">
        <v>41674.689837962964</v>
      </c>
      <c r="B745" s="6">
        <v>12387.599999999999</v>
      </c>
      <c r="C745" s="7">
        <f t="shared" si="11"/>
        <v>12.387599999999999</v>
      </c>
      <c r="I745" s="1"/>
    </row>
    <row r="746" spans="1:9" x14ac:dyDescent="0.25">
      <c r="A746" s="3">
        <v>41674.690798611111</v>
      </c>
      <c r="B746" s="6">
        <v>12404.249999999998</v>
      </c>
      <c r="C746" s="7">
        <f t="shared" si="11"/>
        <v>12.404249999999998</v>
      </c>
      <c r="I746" s="1"/>
    </row>
    <row r="747" spans="1:9" x14ac:dyDescent="0.25">
      <c r="A747" s="3">
        <v>41674.69085648148</v>
      </c>
      <c r="B747" s="6">
        <v>12420.9</v>
      </c>
      <c r="C747" s="7">
        <f t="shared" si="11"/>
        <v>12.4209</v>
      </c>
      <c r="I747" s="1"/>
    </row>
    <row r="748" spans="1:9" x14ac:dyDescent="0.25">
      <c r="A748" s="3">
        <v>41674.692210648151</v>
      </c>
      <c r="B748" s="6">
        <v>12437.55</v>
      </c>
      <c r="C748" s="7">
        <f t="shared" si="11"/>
        <v>12.43755</v>
      </c>
      <c r="I748" s="1"/>
    </row>
    <row r="749" spans="1:9" x14ac:dyDescent="0.25">
      <c r="A749" s="3">
        <v>41674.692361111112</v>
      </c>
      <c r="B749" s="6">
        <v>12454.199999999999</v>
      </c>
      <c r="C749" s="7">
        <f t="shared" si="11"/>
        <v>12.454199999999998</v>
      </c>
      <c r="I749" s="1"/>
    </row>
    <row r="750" spans="1:9" x14ac:dyDescent="0.25">
      <c r="A750" s="3">
        <v>41674.694062499999</v>
      </c>
      <c r="B750" s="6">
        <v>12470.849999999999</v>
      </c>
      <c r="C750" s="7">
        <f t="shared" si="11"/>
        <v>12.470849999999999</v>
      </c>
      <c r="I750" s="1"/>
    </row>
    <row r="751" spans="1:9" x14ac:dyDescent="0.25">
      <c r="A751" s="3">
        <v>41674.694189814814</v>
      </c>
      <c r="B751" s="6">
        <v>12487.499999999998</v>
      </c>
      <c r="C751" s="7">
        <f t="shared" si="11"/>
        <v>12.487499999999999</v>
      </c>
      <c r="I751" s="1"/>
    </row>
    <row r="752" spans="1:9" x14ac:dyDescent="0.25">
      <c r="A752" s="3">
        <v>41674.695231481484</v>
      </c>
      <c r="B752" s="6">
        <v>12504.15</v>
      </c>
      <c r="C752" s="7">
        <f t="shared" si="11"/>
        <v>12.504149999999999</v>
      </c>
      <c r="I752" s="1"/>
    </row>
    <row r="753" spans="1:9" x14ac:dyDescent="0.25">
      <c r="A753" s="3">
        <v>41674.695428240739</v>
      </c>
      <c r="B753" s="6">
        <v>12520.8</v>
      </c>
      <c r="C753" s="7">
        <f t="shared" si="11"/>
        <v>12.520799999999999</v>
      </c>
      <c r="I753" s="1"/>
    </row>
    <row r="754" spans="1:9" x14ac:dyDescent="0.25">
      <c r="A754" s="3">
        <v>41674.696273148147</v>
      </c>
      <c r="B754" s="6">
        <v>12537.449999999999</v>
      </c>
      <c r="C754" s="7">
        <f t="shared" si="11"/>
        <v>12.53745</v>
      </c>
      <c r="I754" s="1"/>
    </row>
    <row r="755" spans="1:9" x14ac:dyDescent="0.25">
      <c r="A755" s="3">
        <v>41674.69630787037</v>
      </c>
      <c r="B755" s="6">
        <v>12554.099999999999</v>
      </c>
      <c r="C755" s="7">
        <f t="shared" si="11"/>
        <v>12.554099999999998</v>
      </c>
      <c r="I755" s="1"/>
    </row>
    <row r="756" spans="1:9" x14ac:dyDescent="0.25">
      <c r="A756" s="3">
        <v>41674.697743055556</v>
      </c>
      <c r="B756" s="6">
        <v>12570.749999999998</v>
      </c>
      <c r="C756" s="7">
        <f t="shared" si="11"/>
        <v>12.570749999999999</v>
      </c>
      <c r="I756" s="1"/>
    </row>
    <row r="757" spans="1:9" x14ac:dyDescent="0.25">
      <c r="A757" s="3">
        <v>41674.697928240741</v>
      </c>
      <c r="B757" s="6">
        <v>12587.4</v>
      </c>
      <c r="C757" s="7">
        <f t="shared" si="11"/>
        <v>12.587399999999999</v>
      </c>
      <c r="I757" s="1"/>
    </row>
    <row r="758" spans="1:9" x14ac:dyDescent="0.25">
      <c r="A758" s="3">
        <v>41674.699432870373</v>
      </c>
      <c r="B758" s="6">
        <v>12604.05</v>
      </c>
      <c r="C758" s="7">
        <f t="shared" si="11"/>
        <v>12.604049999999999</v>
      </c>
      <c r="I758" s="1"/>
    </row>
    <row r="759" spans="1:9" x14ac:dyDescent="0.25">
      <c r="A759" s="3">
        <v>41674.699537037035</v>
      </c>
      <c r="B759" s="6">
        <v>12620.699999999999</v>
      </c>
      <c r="C759" s="7">
        <f t="shared" si="11"/>
        <v>12.620699999999999</v>
      </c>
      <c r="I759" s="1"/>
    </row>
    <row r="760" spans="1:9" x14ac:dyDescent="0.25">
      <c r="A760" s="3">
        <v>41674.700740740744</v>
      </c>
      <c r="B760" s="6">
        <v>12637.349999999999</v>
      </c>
      <c r="C760" s="7">
        <f t="shared" si="11"/>
        <v>12.637349999999998</v>
      </c>
      <c r="I760" s="1"/>
    </row>
    <row r="761" spans="1:9" x14ac:dyDescent="0.25">
      <c r="A761" s="3">
        <v>41674.700868055559</v>
      </c>
      <c r="B761" s="6">
        <v>12653.999999999998</v>
      </c>
      <c r="C761" s="7">
        <f t="shared" si="11"/>
        <v>12.653999999999998</v>
      </c>
      <c r="I761" s="1"/>
    </row>
    <row r="762" spans="1:9" x14ac:dyDescent="0.25">
      <c r="A762" s="3">
        <v>41674.70208333333</v>
      </c>
      <c r="B762" s="6">
        <v>12670.65</v>
      </c>
      <c r="C762" s="7">
        <f t="shared" si="11"/>
        <v>12.67065</v>
      </c>
      <c r="I762" s="1"/>
    </row>
    <row r="763" spans="1:9" x14ac:dyDescent="0.25">
      <c r="A763" s="3">
        <v>41674.702222222222</v>
      </c>
      <c r="B763" s="6">
        <v>12687.3</v>
      </c>
      <c r="C763" s="7">
        <f t="shared" si="11"/>
        <v>12.687299999999999</v>
      </c>
      <c r="I763" s="1"/>
    </row>
    <row r="764" spans="1:9" x14ac:dyDescent="0.25">
      <c r="A764" s="3">
        <v>41674.703194444446</v>
      </c>
      <c r="B764" s="6">
        <v>12703.949999999999</v>
      </c>
      <c r="C764" s="7">
        <f t="shared" si="11"/>
        <v>12.703949999999999</v>
      </c>
      <c r="I764" s="1"/>
    </row>
    <row r="765" spans="1:9" x14ac:dyDescent="0.25">
      <c r="A765" s="3">
        <v>41674.703263888892</v>
      </c>
      <c r="B765" s="6">
        <v>12720.599999999999</v>
      </c>
      <c r="C765" s="7">
        <f t="shared" si="11"/>
        <v>12.720599999999999</v>
      </c>
      <c r="I765" s="1"/>
    </row>
    <row r="766" spans="1:9" x14ac:dyDescent="0.25">
      <c r="A766" s="3">
        <v>41674.703923611109</v>
      </c>
      <c r="B766" s="6">
        <v>12737.249999999998</v>
      </c>
      <c r="C766" s="7">
        <f t="shared" si="11"/>
        <v>12.737249999999998</v>
      </c>
      <c r="I766" s="1"/>
    </row>
    <row r="767" spans="1:9" x14ac:dyDescent="0.25">
      <c r="A767" s="3">
        <v>41674.704039351855</v>
      </c>
      <c r="B767" s="6">
        <v>12753.9</v>
      </c>
      <c r="C767" s="7">
        <f t="shared" si="11"/>
        <v>12.7539</v>
      </c>
      <c r="I767" s="1"/>
    </row>
    <row r="768" spans="1:9" x14ac:dyDescent="0.25">
      <c r="A768" s="3">
        <v>41674.705474537041</v>
      </c>
      <c r="B768" s="6">
        <v>12770.55</v>
      </c>
      <c r="C768" s="7">
        <f t="shared" si="11"/>
        <v>12.77055</v>
      </c>
      <c r="I768" s="1"/>
    </row>
    <row r="769" spans="1:9" x14ac:dyDescent="0.25">
      <c r="A769" s="3">
        <v>41674.705625000002</v>
      </c>
      <c r="B769" s="6">
        <v>12787.199999999999</v>
      </c>
      <c r="C769" s="7">
        <f t="shared" si="11"/>
        <v>12.787199999999999</v>
      </c>
      <c r="I769" s="1"/>
    </row>
    <row r="770" spans="1:9" x14ac:dyDescent="0.25">
      <c r="A770" s="3">
        <v>41674.708101851851</v>
      </c>
      <c r="B770" s="6">
        <v>12803.849999999999</v>
      </c>
      <c r="C770" s="7">
        <f t="shared" si="11"/>
        <v>12.803849999999999</v>
      </c>
      <c r="I770" s="1"/>
    </row>
    <row r="771" spans="1:9" x14ac:dyDescent="0.25">
      <c r="A771" s="3">
        <v>41674.708194444444</v>
      </c>
      <c r="B771" s="6">
        <v>12820.499999999998</v>
      </c>
      <c r="C771" s="7">
        <f t="shared" ref="C771:C834" si="12">B771/1000</f>
        <v>12.820499999999997</v>
      </c>
      <c r="I771" s="1"/>
    </row>
    <row r="772" spans="1:9" x14ac:dyDescent="0.25">
      <c r="A772" s="3">
        <v>41674.708981481483</v>
      </c>
      <c r="B772" s="6">
        <v>12837.15</v>
      </c>
      <c r="C772" s="7">
        <f t="shared" si="12"/>
        <v>12.837149999999999</v>
      </c>
      <c r="I772" s="1"/>
    </row>
    <row r="773" spans="1:9" x14ac:dyDescent="0.25">
      <c r="A773" s="3">
        <v>41674.709062499998</v>
      </c>
      <c r="B773" s="6">
        <v>12853.8</v>
      </c>
      <c r="C773" s="7">
        <f t="shared" si="12"/>
        <v>12.8538</v>
      </c>
      <c r="I773" s="1"/>
    </row>
    <row r="774" spans="1:9" x14ac:dyDescent="0.25">
      <c r="A774" s="3">
        <v>41674.70952546296</v>
      </c>
      <c r="B774" s="6">
        <v>12870.449999999999</v>
      </c>
      <c r="C774" s="7">
        <f t="shared" si="12"/>
        <v>12.870449999999998</v>
      </c>
      <c r="I774" s="1"/>
    </row>
    <row r="775" spans="1:9" x14ac:dyDescent="0.25">
      <c r="A775" s="3">
        <v>41674.709606481483</v>
      </c>
      <c r="B775" s="6">
        <v>12887.099999999999</v>
      </c>
      <c r="C775" s="7">
        <f t="shared" si="12"/>
        <v>12.887099999999998</v>
      </c>
      <c r="I775" s="1"/>
    </row>
    <row r="776" spans="1:9" x14ac:dyDescent="0.25">
      <c r="A776" s="3">
        <v>41674.710625</v>
      </c>
      <c r="B776" s="6">
        <v>12903.749999999998</v>
      </c>
      <c r="C776" s="7">
        <f t="shared" si="12"/>
        <v>12.903749999999999</v>
      </c>
      <c r="I776" s="1"/>
    </row>
    <row r="777" spans="1:9" x14ac:dyDescent="0.25">
      <c r="A777" s="3">
        <v>41674.710740740738</v>
      </c>
      <c r="B777" s="6">
        <v>12920.4</v>
      </c>
      <c r="C777" s="7">
        <f t="shared" si="12"/>
        <v>12.920399999999999</v>
      </c>
      <c r="I777" s="1"/>
    </row>
    <row r="778" spans="1:9" x14ac:dyDescent="0.25">
      <c r="A778" s="3">
        <v>41674.711319444446</v>
      </c>
      <c r="B778" s="6">
        <v>12937.05</v>
      </c>
      <c r="C778" s="7">
        <f t="shared" si="12"/>
        <v>12.937049999999999</v>
      </c>
      <c r="I778" s="1"/>
    </row>
    <row r="779" spans="1:9" x14ac:dyDescent="0.25">
      <c r="A779" s="3">
        <v>41674.711423611108</v>
      </c>
      <c r="B779" s="6">
        <v>12953.699999999999</v>
      </c>
      <c r="C779" s="7">
        <f t="shared" si="12"/>
        <v>12.9537</v>
      </c>
      <c r="I779" s="1"/>
    </row>
    <row r="780" spans="1:9" x14ac:dyDescent="0.25">
      <c r="A780" s="3">
        <v>41674.712233796294</v>
      </c>
      <c r="B780" s="6">
        <v>12970.349999999999</v>
      </c>
      <c r="C780" s="7">
        <f t="shared" si="12"/>
        <v>12.970349999999998</v>
      </c>
      <c r="I780" s="1"/>
    </row>
    <row r="781" spans="1:9" x14ac:dyDescent="0.25">
      <c r="A781" s="3">
        <v>41674.712291666663</v>
      </c>
      <c r="B781" s="6">
        <v>12986.999999999998</v>
      </c>
      <c r="C781" s="7">
        <f t="shared" si="12"/>
        <v>12.986999999999998</v>
      </c>
      <c r="I781" s="1"/>
    </row>
    <row r="782" spans="1:9" x14ac:dyDescent="0.25">
      <c r="A782" s="3">
        <v>41674.713553240741</v>
      </c>
      <c r="B782" s="6">
        <v>13003.65</v>
      </c>
      <c r="C782" s="7">
        <f t="shared" si="12"/>
        <v>13.00365</v>
      </c>
      <c r="I782" s="1"/>
    </row>
    <row r="783" spans="1:9" x14ac:dyDescent="0.25">
      <c r="A783" s="3">
        <v>41674.713599537034</v>
      </c>
      <c r="B783" s="6">
        <v>13020.3</v>
      </c>
      <c r="C783" s="7">
        <f t="shared" si="12"/>
        <v>13.020299999999999</v>
      </c>
      <c r="I783" s="1"/>
    </row>
    <row r="784" spans="1:9" x14ac:dyDescent="0.25">
      <c r="A784" s="3">
        <v>41674.714675925927</v>
      </c>
      <c r="B784" s="6">
        <v>13036.949999999999</v>
      </c>
      <c r="C784" s="7">
        <f t="shared" si="12"/>
        <v>13.036949999999999</v>
      </c>
      <c r="I784" s="1"/>
    </row>
    <row r="785" spans="1:9" x14ac:dyDescent="0.25">
      <c r="A785" s="3">
        <v>41674.714826388888</v>
      </c>
      <c r="B785" s="6">
        <v>13053.599999999999</v>
      </c>
      <c r="C785" s="7">
        <f t="shared" si="12"/>
        <v>13.053599999999999</v>
      </c>
      <c r="I785" s="1"/>
    </row>
    <row r="786" spans="1:9" x14ac:dyDescent="0.25">
      <c r="A786" s="3">
        <v>41674.716203703705</v>
      </c>
      <c r="B786" s="6">
        <v>13070.249999999998</v>
      </c>
      <c r="C786" s="7">
        <f t="shared" si="12"/>
        <v>13.070249999999998</v>
      </c>
      <c r="I786" s="1"/>
    </row>
    <row r="787" spans="1:9" x14ac:dyDescent="0.25">
      <c r="A787" s="3">
        <v>41674.716284722221</v>
      </c>
      <c r="B787" s="6">
        <v>13086.9</v>
      </c>
      <c r="C787" s="7">
        <f t="shared" si="12"/>
        <v>13.0869</v>
      </c>
      <c r="I787" s="1"/>
    </row>
    <row r="788" spans="1:9" x14ac:dyDescent="0.25">
      <c r="A788" s="3">
        <v>41674.716979166667</v>
      </c>
      <c r="B788" s="6">
        <v>13103.55</v>
      </c>
      <c r="C788" s="7">
        <f t="shared" si="12"/>
        <v>13.103549999999998</v>
      </c>
      <c r="I788" s="1"/>
    </row>
    <row r="789" spans="1:9" x14ac:dyDescent="0.25">
      <c r="A789" s="3">
        <v>41674.717037037037</v>
      </c>
      <c r="B789" s="6">
        <v>13120.199999999999</v>
      </c>
      <c r="C789" s="7">
        <f t="shared" si="12"/>
        <v>13.120199999999999</v>
      </c>
      <c r="I789" s="1"/>
    </row>
    <row r="790" spans="1:9" x14ac:dyDescent="0.25">
      <c r="A790" s="3">
        <v>41674.717569444445</v>
      </c>
      <c r="B790" s="6">
        <v>13136.849999999999</v>
      </c>
      <c r="C790" s="7">
        <f t="shared" si="12"/>
        <v>13.136849999999999</v>
      </c>
      <c r="I790" s="1"/>
    </row>
    <row r="791" spans="1:9" x14ac:dyDescent="0.25">
      <c r="A791" s="3">
        <v>41674.717615740738</v>
      </c>
      <c r="B791" s="6">
        <v>13153.499999999998</v>
      </c>
      <c r="C791" s="7">
        <f t="shared" si="12"/>
        <v>13.153499999999998</v>
      </c>
      <c r="I791" s="1"/>
    </row>
    <row r="792" spans="1:9" x14ac:dyDescent="0.25">
      <c r="A792" s="3">
        <v>41674.718159722222</v>
      </c>
      <c r="B792" s="6">
        <v>13170.15</v>
      </c>
      <c r="C792" s="7">
        <f t="shared" si="12"/>
        <v>13.17015</v>
      </c>
      <c r="I792" s="1"/>
    </row>
    <row r="793" spans="1:9" x14ac:dyDescent="0.25">
      <c r="A793" s="3">
        <v>41674.718206018515</v>
      </c>
      <c r="B793" s="6">
        <v>13186.8</v>
      </c>
      <c r="C793" s="7">
        <f t="shared" si="12"/>
        <v>13.1868</v>
      </c>
      <c r="I793" s="1"/>
    </row>
    <row r="794" spans="1:9" x14ac:dyDescent="0.25">
      <c r="A794" s="3">
        <v>41674.718819444446</v>
      </c>
      <c r="B794" s="6">
        <v>13203.449999999999</v>
      </c>
      <c r="C794" s="7">
        <f t="shared" si="12"/>
        <v>13.203449999999998</v>
      </c>
      <c r="I794" s="1"/>
    </row>
    <row r="795" spans="1:9" x14ac:dyDescent="0.25">
      <c r="A795" s="3">
        <v>41674.718865740739</v>
      </c>
      <c r="B795" s="6">
        <v>13220.099999999999</v>
      </c>
      <c r="C795" s="7">
        <f t="shared" si="12"/>
        <v>13.220099999999999</v>
      </c>
      <c r="I795" s="1"/>
    </row>
    <row r="796" spans="1:9" x14ac:dyDescent="0.25">
      <c r="A796" s="3">
        <v>41674.719641203701</v>
      </c>
      <c r="B796" s="6">
        <v>13236.749999999998</v>
      </c>
      <c r="C796" s="7">
        <f t="shared" si="12"/>
        <v>13.236749999999999</v>
      </c>
      <c r="I796" s="1"/>
    </row>
    <row r="797" spans="1:9" x14ac:dyDescent="0.25">
      <c r="A797" s="3">
        <v>41674.719861111109</v>
      </c>
      <c r="B797" s="6">
        <v>13253.4</v>
      </c>
      <c r="C797" s="7">
        <f t="shared" si="12"/>
        <v>13.253399999999999</v>
      </c>
      <c r="I797" s="1"/>
    </row>
    <row r="798" spans="1:9" x14ac:dyDescent="0.25">
      <c r="A798" s="3">
        <v>41674.720636574071</v>
      </c>
      <c r="B798" s="6">
        <v>13270.05</v>
      </c>
      <c r="C798" s="7">
        <f t="shared" si="12"/>
        <v>13.270049999999999</v>
      </c>
      <c r="I798" s="1"/>
    </row>
    <row r="799" spans="1:9" x14ac:dyDescent="0.25">
      <c r="A799" s="3">
        <v>41674.72084490741</v>
      </c>
      <c r="B799" s="6">
        <v>13286.699999999999</v>
      </c>
      <c r="C799" s="7">
        <f t="shared" si="12"/>
        <v>13.2867</v>
      </c>
      <c r="I799" s="1"/>
    </row>
    <row r="800" spans="1:9" x14ac:dyDescent="0.25">
      <c r="A800" s="3">
        <v>41674.72215277778</v>
      </c>
      <c r="B800" s="6">
        <v>13303.349999999999</v>
      </c>
      <c r="C800" s="7">
        <f t="shared" si="12"/>
        <v>13.303349999999998</v>
      </c>
      <c r="I800" s="1"/>
    </row>
    <row r="801" spans="1:9" x14ac:dyDescent="0.25">
      <c r="A801" s="3">
        <v>41674.722303240742</v>
      </c>
      <c r="B801" s="6">
        <v>13319.999999999998</v>
      </c>
      <c r="C801" s="7">
        <f t="shared" si="12"/>
        <v>13.319999999999999</v>
      </c>
      <c r="I801" s="1"/>
    </row>
    <row r="802" spans="1:9" x14ac:dyDescent="0.25">
      <c r="A802" s="3">
        <v>41674.723275462966</v>
      </c>
      <c r="B802" s="6">
        <v>13336.65</v>
      </c>
      <c r="C802" s="7">
        <f t="shared" si="12"/>
        <v>13.336649999999999</v>
      </c>
      <c r="I802" s="1"/>
    </row>
    <row r="803" spans="1:9" x14ac:dyDescent="0.25">
      <c r="A803" s="3">
        <v>41674.723368055558</v>
      </c>
      <c r="B803" s="6">
        <v>13353.3</v>
      </c>
      <c r="C803" s="7">
        <f t="shared" si="12"/>
        <v>13.353299999999999</v>
      </c>
      <c r="I803" s="1"/>
    </row>
    <row r="804" spans="1:9" x14ac:dyDescent="0.25">
      <c r="A804" s="3">
        <v>41674.72519675926</v>
      </c>
      <c r="B804" s="6">
        <v>13369.949999999999</v>
      </c>
      <c r="C804" s="7">
        <f t="shared" si="12"/>
        <v>13.369949999999999</v>
      </c>
      <c r="I804" s="1"/>
    </row>
    <row r="805" spans="1:9" x14ac:dyDescent="0.25">
      <c r="A805" s="3">
        <v>41674.725486111114</v>
      </c>
      <c r="B805" s="6">
        <v>13386.599999999999</v>
      </c>
      <c r="C805" s="7">
        <f t="shared" si="12"/>
        <v>13.386599999999998</v>
      </c>
      <c r="I805" s="1"/>
    </row>
    <row r="806" spans="1:9" x14ac:dyDescent="0.25">
      <c r="A806" s="3">
        <v>41674.726631944446</v>
      </c>
      <c r="B806" s="6">
        <v>13403.249999999998</v>
      </c>
      <c r="C806" s="7">
        <f t="shared" si="12"/>
        <v>13.403249999999998</v>
      </c>
      <c r="I806" s="1"/>
    </row>
    <row r="807" spans="1:9" x14ac:dyDescent="0.25">
      <c r="A807" s="3">
        <v>41674.726770833331</v>
      </c>
      <c r="B807" s="6">
        <v>13419.9</v>
      </c>
      <c r="C807" s="7">
        <f t="shared" si="12"/>
        <v>13.4199</v>
      </c>
      <c r="I807" s="1"/>
    </row>
    <row r="808" spans="1:9" x14ac:dyDescent="0.25">
      <c r="A808" s="3">
        <v>41674.727800925924</v>
      </c>
      <c r="B808" s="6">
        <v>13436.55</v>
      </c>
      <c r="C808" s="7">
        <f t="shared" si="12"/>
        <v>13.436549999999999</v>
      </c>
      <c r="I808" s="1"/>
    </row>
    <row r="809" spans="1:9" x14ac:dyDescent="0.25">
      <c r="A809" s="3">
        <v>41674.727916666663</v>
      </c>
      <c r="B809" s="6">
        <v>13453.199999999999</v>
      </c>
      <c r="C809" s="7">
        <f t="shared" si="12"/>
        <v>13.453199999999999</v>
      </c>
      <c r="I809" s="1"/>
    </row>
    <row r="810" spans="1:9" x14ac:dyDescent="0.25">
      <c r="A810" s="3">
        <v>41674.728865740741</v>
      </c>
      <c r="B810" s="6">
        <v>13469.849999999999</v>
      </c>
      <c r="C810" s="7">
        <f t="shared" si="12"/>
        <v>13.469849999999999</v>
      </c>
      <c r="I810" s="1"/>
    </row>
    <row r="811" spans="1:9" x14ac:dyDescent="0.25">
      <c r="A811" s="3">
        <v>41674.72896990741</v>
      </c>
      <c r="B811" s="6">
        <v>13486.499999999998</v>
      </c>
      <c r="C811" s="7">
        <f t="shared" si="12"/>
        <v>13.486499999999998</v>
      </c>
      <c r="I811" s="1"/>
    </row>
    <row r="812" spans="1:9" x14ac:dyDescent="0.25">
      <c r="A812" s="3">
        <v>41674.72996527778</v>
      </c>
      <c r="B812" s="6">
        <v>13503.15</v>
      </c>
      <c r="C812" s="7">
        <f t="shared" si="12"/>
        <v>13.50315</v>
      </c>
      <c r="I812" s="1"/>
    </row>
    <row r="813" spans="1:9" x14ac:dyDescent="0.25">
      <c r="A813" s="3">
        <v>41674.730115740742</v>
      </c>
      <c r="B813" s="6">
        <v>13519.8</v>
      </c>
      <c r="C813" s="7">
        <f t="shared" si="12"/>
        <v>13.5198</v>
      </c>
      <c r="I813" s="1"/>
    </row>
    <row r="814" spans="1:9" x14ac:dyDescent="0.25">
      <c r="A814" s="3">
        <v>41674.731134259258</v>
      </c>
      <c r="B814" s="6">
        <v>13536.449999999999</v>
      </c>
      <c r="C814" s="7">
        <f t="shared" si="12"/>
        <v>13.536449999999999</v>
      </c>
      <c r="I814" s="1"/>
    </row>
    <row r="815" spans="1:9" x14ac:dyDescent="0.25">
      <c r="A815" s="3">
        <v>41674.731203703705</v>
      </c>
      <c r="B815" s="6">
        <v>13553.099999999999</v>
      </c>
      <c r="C815" s="7">
        <f t="shared" si="12"/>
        <v>13.553099999999999</v>
      </c>
      <c r="I815" s="1"/>
    </row>
    <row r="816" spans="1:9" x14ac:dyDescent="0.25">
      <c r="A816" s="3">
        <v>41674.731851851851</v>
      </c>
      <c r="B816" s="6">
        <v>13569.749999999998</v>
      </c>
      <c r="C816" s="7">
        <f t="shared" si="12"/>
        <v>13.569749999999997</v>
      </c>
      <c r="I816" s="1"/>
    </row>
    <row r="817" spans="1:9" x14ac:dyDescent="0.25">
      <c r="A817" s="3">
        <v>41674.732037037036</v>
      </c>
      <c r="B817" s="6">
        <v>13586.4</v>
      </c>
      <c r="C817" s="7">
        <f t="shared" si="12"/>
        <v>13.586399999999999</v>
      </c>
      <c r="I817" s="1"/>
    </row>
    <row r="818" spans="1:9" x14ac:dyDescent="0.25">
      <c r="A818" s="3">
        <v>41674.733240740738</v>
      </c>
      <c r="B818" s="6">
        <v>13603.05</v>
      </c>
      <c r="C818" s="7">
        <f t="shared" si="12"/>
        <v>13.60305</v>
      </c>
      <c r="I818" s="1"/>
    </row>
    <row r="819" spans="1:9" x14ac:dyDescent="0.25">
      <c r="A819" s="3">
        <v>41674.733402777776</v>
      </c>
      <c r="B819" s="6">
        <v>13619.699999999999</v>
      </c>
      <c r="C819" s="7">
        <f t="shared" si="12"/>
        <v>13.619699999999998</v>
      </c>
      <c r="I819" s="1"/>
    </row>
    <row r="820" spans="1:9" x14ac:dyDescent="0.25">
      <c r="A820" s="3">
        <v>41674.734467592592</v>
      </c>
      <c r="B820" s="6">
        <v>13636.349999999999</v>
      </c>
      <c r="C820" s="7">
        <f t="shared" si="12"/>
        <v>13.636349999999998</v>
      </c>
      <c r="I820" s="1"/>
    </row>
    <row r="821" spans="1:9" x14ac:dyDescent="0.25">
      <c r="A821" s="3">
        <v>41674.734513888892</v>
      </c>
      <c r="B821" s="6">
        <v>13652.999999999998</v>
      </c>
      <c r="C821" s="7">
        <f t="shared" si="12"/>
        <v>13.652999999999999</v>
      </c>
      <c r="I821" s="1"/>
    </row>
    <row r="822" spans="1:9" x14ac:dyDescent="0.25">
      <c r="A822" s="3">
        <v>41674.735335648147</v>
      </c>
      <c r="B822" s="6">
        <v>13669.65</v>
      </c>
      <c r="C822" s="7">
        <f t="shared" si="12"/>
        <v>13.669649999999999</v>
      </c>
      <c r="I822" s="1"/>
    </row>
    <row r="823" spans="1:9" x14ac:dyDescent="0.25">
      <c r="A823" s="3">
        <v>41674.735393518517</v>
      </c>
      <c r="B823" s="6">
        <v>13686.3</v>
      </c>
      <c r="C823" s="7">
        <f t="shared" si="12"/>
        <v>13.686299999999999</v>
      </c>
      <c r="I823" s="1"/>
    </row>
    <row r="824" spans="1:9" x14ac:dyDescent="0.25">
      <c r="A824" s="3">
        <v>41674.736793981479</v>
      </c>
      <c r="B824" s="6">
        <v>13702.949999999999</v>
      </c>
      <c r="C824" s="7">
        <f t="shared" si="12"/>
        <v>13.70295</v>
      </c>
      <c r="I824" s="1"/>
    </row>
    <row r="825" spans="1:9" x14ac:dyDescent="0.25">
      <c r="A825" s="3">
        <v>41674.736967592595</v>
      </c>
      <c r="B825" s="6">
        <v>13719.599999999999</v>
      </c>
      <c r="C825" s="7">
        <f t="shared" si="12"/>
        <v>13.719599999999998</v>
      </c>
      <c r="I825" s="1"/>
    </row>
    <row r="826" spans="1:9" x14ac:dyDescent="0.25">
      <c r="A826" s="3">
        <v>41674.738263888888</v>
      </c>
      <c r="B826" s="6">
        <v>13736.249999999998</v>
      </c>
      <c r="C826" s="7">
        <f t="shared" si="12"/>
        <v>13.736249999999998</v>
      </c>
      <c r="I826" s="1"/>
    </row>
    <row r="827" spans="1:9" x14ac:dyDescent="0.25">
      <c r="A827" s="3">
        <v>41674.738425925927</v>
      </c>
      <c r="B827" s="6">
        <v>13752.9</v>
      </c>
      <c r="C827" s="7">
        <f t="shared" si="12"/>
        <v>13.7529</v>
      </c>
      <c r="I827" s="1"/>
    </row>
    <row r="828" spans="1:9" x14ac:dyDescent="0.25">
      <c r="A828" s="3">
        <v>41674.739421296297</v>
      </c>
      <c r="B828" s="6">
        <v>13769.55</v>
      </c>
      <c r="C828" s="7">
        <f t="shared" si="12"/>
        <v>13.769549999999999</v>
      </c>
      <c r="I828" s="1"/>
    </row>
    <row r="829" spans="1:9" x14ac:dyDescent="0.25">
      <c r="A829" s="3">
        <v>41674.739502314813</v>
      </c>
      <c r="B829" s="6">
        <v>13786.199999999999</v>
      </c>
      <c r="C829" s="7">
        <f t="shared" si="12"/>
        <v>13.786199999999999</v>
      </c>
      <c r="I829" s="1"/>
    </row>
    <row r="830" spans="1:9" x14ac:dyDescent="0.25">
      <c r="A830" s="3">
        <v>41674.740648148145</v>
      </c>
      <c r="B830" s="6">
        <v>13802.849999999999</v>
      </c>
      <c r="C830" s="7">
        <f t="shared" si="12"/>
        <v>13.802849999999999</v>
      </c>
      <c r="I830" s="1"/>
    </row>
    <row r="831" spans="1:9" x14ac:dyDescent="0.25">
      <c r="A831" s="3">
        <v>41674.740949074076</v>
      </c>
      <c r="B831" s="6">
        <v>13819.499999999998</v>
      </c>
      <c r="C831" s="7">
        <f t="shared" si="12"/>
        <v>13.819499999999998</v>
      </c>
      <c r="I831" s="1"/>
    </row>
    <row r="832" spans="1:9" x14ac:dyDescent="0.25">
      <c r="A832" s="3">
        <v>41674.741597222222</v>
      </c>
      <c r="B832" s="6">
        <v>13836.15</v>
      </c>
      <c r="C832" s="7">
        <f t="shared" si="12"/>
        <v>13.83615</v>
      </c>
      <c r="I832" s="1"/>
    </row>
    <row r="833" spans="1:9" x14ac:dyDescent="0.25">
      <c r="A833" s="3">
        <v>41674.741678240738</v>
      </c>
      <c r="B833" s="6">
        <v>13852.8</v>
      </c>
      <c r="C833" s="7">
        <f t="shared" si="12"/>
        <v>13.852799999999998</v>
      </c>
      <c r="I833" s="1"/>
    </row>
    <row r="834" spans="1:9" x14ac:dyDescent="0.25">
      <c r="A834" s="3">
        <v>41674.742245370369</v>
      </c>
      <c r="B834" s="6">
        <v>13869.449999999999</v>
      </c>
      <c r="C834" s="7">
        <f t="shared" si="12"/>
        <v>13.869449999999999</v>
      </c>
      <c r="I834" s="1"/>
    </row>
    <row r="835" spans="1:9" x14ac:dyDescent="0.25">
      <c r="A835" s="3">
        <v>41674.742337962962</v>
      </c>
      <c r="B835" s="6">
        <v>13886.099999999999</v>
      </c>
      <c r="C835" s="7">
        <f t="shared" ref="C835:C898" si="13">B835/1000</f>
        <v>13.886099999999999</v>
      </c>
      <c r="I835" s="1"/>
    </row>
    <row r="836" spans="1:9" x14ac:dyDescent="0.25">
      <c r="A836" s="3">
        <v>41674.744560185187</v>
      </c>
      <c r="B836" s="6">
        <v>13902.749999999998</v>
      </c>
      <c r="C836" s="7">
        <f t="shared" si="13"/>
        <v>13.902749999999997</v>
      </c>
      <c r="I836" s="1"/>
    </row>
    <row r="837" spans="1:9" x14ac:dyDescent="0.25">
      <c r="A837" s="3">
        <v>41674.74560185185</v>
      </c>
      <c r="B837" s="6">
        <v>13919.4</v>
      </c>
      <c r="C837" s="7">
        <f t="shared" si="13"/>
        <v>13.9194</v>
      </c>
      <c r="I837" s="1"/>
    </row>
    <row r="838" spans="1:9" x14ac:dyDescent="0.25">
      <c r="A838" s="3">
        <v>41674.746782407405</v>
      </c>
      <c r="B838" s="6">
        <v>13936.05</v>
      </c>
      <c r="C838" s="7">
        <f t="shared" si="13"/>
        <v>13.93605</v>
      </c>
      <c r="I838" s="1"/>
    </row>
    <row r="839" spans="1:9" x14ac:dyDescent="0.25">
      <c r="A839" s="3">
        <v>41674.747037037036</v>
      </c>
      <c r="B839" s="6">
        <v>13952.699999999999</v>
      </c>
      <c r="C839" s="7">
        <f t="shared" si="13"/>
        <v>13.952699999999998</v>
      </c>
      <c r="I839" s="1"/>
    </row>
    <row r="840" spans="1:9" x14ac:dyDescent="0.25">
      <c r="A840" s="3">
        <v>41674.748287037037</v>
      </c>
      <c r="B840" s="6">
        <v>13969.349999999999</v>
      </c>
      <c r="C840" s="7">
        <f t="shared" si="13"/>
        <v>13.969349999999999</v>
      </c>
      <c r="I840" s="1"/>
    </row>
    <row r="841" spans="1:9" x14ac:dyDescent="0.25">
      <c r="A841" s="3">
        <v>41674.748344907406</v>
      </c>
      <c r="B841" s="6">
        <v>13985.999999999998</v>
      </c>
      <c r="C841" s="7">
        <f t="shared" si="13"/>
        <v>13.985999999999999</v>
      </c>
      <c r="I841" s="1"/>
    </row>
    <row r="842" spans="1:9" x14ac:dyDescent="0.25">
      <c r="A842" s="3">
        <v>41674.749224537038</v>
      </c>
      <c r="B842" s="6">
        <v>14002.65</v>
      </c>
      <c r="C842" s="7">
        <f t="shared" si="13"/>
        <v>14.002649999999999</v>
      </c>
      <c r="I842" s="1"/>
    </row>
    <row r="843" spans="1:9" x14ac:dyDescent="0.25">
      <c r="A843" s="3">
        <v>41674.749305555553</v>
      </c>
      <c r="B843" s="6">
        <v>14019.3</v>
      </c>
      <c r="C843" s="7">
        <f t="shared" si="13"/>
        <v>14.019299999999999</v>
      </c>
      <c r="I843" s="1"/>
    </row>
    <row r="844" spans="1:9" x14ac:dyDescent="0.25">
      <c r="A844" s="3">
        <v>41674.750011574077</v>
      </c>
      <c r="B844" s="6">
        <v>14035.949999999999</v>
      </c>
      <c r="C844" s="7">
        <f t="shared" si="13"/>
        <v>14.03595</v>
      </c>
      <c r="I844" s="1"/>
    </row>
    <row r="845" spans="1:9" x14ac:dyDescent="0.25">
      <c r="A845" s="3">
        <v>41674.750138888892</v>
      </c>
      <c r="B845" s="6">
        <v>14052.599999999999</v>
      </c>
      <c r="C845" s="7">
        <f t="shared" si="13"/>
        <v>14.052599999999998</v>
      </c>
      <c r="I845" s="1"/>
    </row>
    <row r="846" spans="1:9" x14ac:dyDescent="0.25">
      <c r="A846" s="3">
        <v>41674.751446759263</v>
      </c>
      <c r="B846" s="6">
        <v>14069.249999999998</v>
      </c>
      <c r="C846" s="7">
        <f t="shared" si="13"/>
        <v>14.069249999999998</v>
      </c>
      <c r="I846" s="1"/>
    </row>
    <row r="847" spans="1:9" x14ac:dyDescent="0.25">
      <c r="A847" s="3">
        <v>41674.751608796294</v>
      </c>
      <c r="B847" s="6">
        <v>14085.9</v>
      </c>
      <c r="C847" s="7">
        <f t="shared" si="13"/>
        <v>14.085899999999999</v>
      </c>
      <c r="I847" s="1"/>
    </row>
    <row r="848" spans="1:9" x14ac:dyDescent="0.25">
      <c r="A848" s="3">
        <v>41674.753263888888</v>
      </c>
      <c r="B848" s="6">
        <v>14102.55</v>
      </c>
      <c r="C848" s="7">
        <f t="shared" si="13"/>
        <v>14.102549999999999</v>
      </c>
      <c r="I848" s="1"/>
    </row>
    <row r="849" spans="1:9" x14ac:dyDescent="0.25">
      <c r="A849" s="3">
        <v>41674.753310185188</v>
      </c>
      <c r="B849" s="6">
        <v>14119.199999999999</v>
      </c>
      <c r="C849" s="7">
        <f t="shared" si="13"/>
        <v>14.119199999999999</v>
      </c>
      <c r="I849" s="1"/>
    </row>
    <row r="850" spans="1:9" x14ac:dyDescent="0.25">
      <c r="A850" s="3">
        <v>41674.753831018519</v>
      </c>
      <c r="B850" s="6">
        <v>14135.849999999999</v>
      </c>
      <c r="C850" s="7">
        <f t="shared" si="13"/>
        <v>14.135849999999998</v>
      </c>
      <c r="I850" s="1"/>
    </row>
    <row r="851" spans="1:9" x14ac:dyDescent="0.25">
      <c r="A851" s="3">
        <v>41674.753912037035</v>
      </c>
      <c r="B851" s="6">
        <v>14152.499999999998</v>
      </c>
      <c r="C851" s="7">
        <f t="shared" si="13"/>
        <v>14.152499999999998</v>
      </c>
      <c r="I851" s="1"/>
    </row>
    <row r="852" spans="1:9" x14ac:dyDescent="0.25">
      <c r="A852" s="3">
        <v>41674.754629629628</v>
      </c>
      <c r="B852" s="6">
        <v>14169.15</v>
      </c>
      <c r="C852" s="7">
        <f t="shared" si="13"/>
        <v>14.16915</v>
      </c>
      <c r="I852" s="1"/>
    </row>
    <row r="853" spans="1:9" x14ac:dyDescent="0.25">
      <c r="A853" s="3">
        <v>41674.75476851852</v>
      </c>
      <c r="B853" s="6">
        <v>14185.8</v>
      </c>
      <c r="C853" s="7">
        <f t="shared" si="13"/>
        <v>14.185799999999999</v>
      </c>
      <c r="I853" s="1"/>
    </row>
    <row r="854" spans="1:9" x14ac:dyDescent="0.25">
      <c r="A854" s="3">
        <v>41674.755474537036</v>
      </c>
      <c r="B854" s="6">
        <v>14202.449999999999</v>
      </c>
      <c r="C854" s="7">
        <f t="shared" si="13"/>
        <v>14.202449999999999</v>
      </c>
      <c r="I854" s="1"/>
    </row>
    <row r="855" spans="1:9" x14ac:dyDescent="0.25">
      <c r="A855" s="3">
        <v>41674.755636574075</v>
      </c>
      <c r="B855" s="6">
        <v>14219.099999999999</v>
      </c>
      <c r="C855" s="7">
        <f t="shared" si="13"/>
        <v>14.219099999999999</v>
      </c>
      <c r="I855" s="1"/>
    </row>
    <row r="856" spans="1:9" x14ac:dyDescent="0.25">
      <c r="A856" s="3">
        <v>41674.757175925923</v>
      </c>
      <c r="B856" s="6">
        <v>14235.749999999998</v>
      </c>
      <c r="C856" s="7">
        <f t="shared" si="13"/>
        <v>14.235749999999998</v>
      </c>
      <c r="I856" s="1"/>
    </row>
    <row r="857" spans="1:9" x14ac:dyDescent="0.25">
      <c r="A857" s="3">
        <v>41674.757245370369</v>
      </c>
      <c r="B857" s="6">
        <v>14252.4</v>
      </c>
      <c r="C857" s="7">
        <f t="shared" si="13"/>
        <v>14.2524</v>
      </c>
      <c r="I857" s="1"/>
    </row>
    <row r="858" spans="1:9" x14ac:dyDescent="0.25">
      <c r="A858" s="3">
        <v>41674.758472222224</v>
      </c>
      <c r="B858" s="6">
        <v>14269.05</v>
      </c>
      <c r="C858" s="7">
        <f t="shared" si="13"/>
        <v>14.26905</v>
      </c>
      <c r="I858" s="1"/>
    </row>
    <row r="859" spans="1:9" x14ac:dyDescent="0.25">
      <c r="A859" s="3">
        <v>41674.758553240739</v>
      </c>
      <c r="B859" s="6">
        <v>14285.699999999999</v>
      </c>
      <c r="C859" s="7">
        <f t="shared" si="13"/>
        <v>14.285699999999999</v>
      </c>
      <c r="I859" s="1"/>
    </row>
    <row r="860" spans="1:9" x14ac:dyDescent="0.25">
      <c r="A860" s="3">
        <v>41674.759780092594</v>
      </c>
      <c r="B860" s="6">
        <v>14302.349999999999</v>
      </c>
      <c r="C860" s="7">
        <f t="shared" si="13"/>
        <v>14.302349999999999</v>
      </c>
      <c r="I860" s="1"/>
    </row>
    <row r="861" spans="1:9" x14ac:dyDescent="0.25">
      <c r="A861" s="3">
        <v>41674.75984953704</v>
      </c>
      <c r="B861" s="6">
        <v>14318.999999999998</v>
      </c>
      <c r="C861" s="7">
        <f t="shared" si="13"/>
        <v>14.318999999999999</v>
      </c>
      <c r="I861" s="1"/>
    </row>
    <row r="862" spans="1:9" x14ac:dyDescent="0.25">
      <c r="A862" s="3">
        <v>41674.760682870372</v>
      </c>
      <c r="B862" s="6">
        <v>14335.65</v>
      </c>
      <c r="C862" s="7">
        <f t="shared" si="13"/>
        <v>14.335649999999999</v>
      </c>
      <c r="I862" s="1"/>
    </row>
    <row r="863" spans="1:9" x14ac:dyDescent="0.25">
      <c r="A863" s="3">
        <v>41674.760740740741</v>
      </c>
      <c r="B863" s="6">
        <v>14352.3</v>
      </c>
      <c r="C863" s="7">
        <f t="shared" si="13"/>
        <v>14.3523</v>
      </c>
      <c r="I863" s="1"/>
    </row>
    <row r="864" spans="1:9" x14ac:dyDescent="0.25">
      <c r="A864" s="3">
        <v>41674.761284722219</v>
      </c>
      <c r="B864" s="6">
        <v>14368.949999999999</v>
      </c>
      <c r="C864" s="7">
        <f t="shared" si="13"/>
        <v>14.368949999999998</v>
      </c>
      <c r="I864" s="1"/>
    </row>
    <row r="865" spans="1:9" x14ac:dyDescent="0.25">
      <c r="A865" s="3">
        <v>41674.761377314811</v>
      </c>
      <c r="B865" s="6">
        <v>14385.599999999999</v>
      </c>
      <c r="C865" s="7">
        <f t="shared" si="13"/>
        <v>14.385599999999998</v>
      </c>
      <c r="I865" s="1"/>
    </row>
    <row r="866" spans="1:9" x14ac:dyDescent="0.25">
      <c r="A866" s="3">
        <v>41674.762800925928</v>
      </c>
      <c r="B866" s="6">
        <v>14402.249999999998</v>
      </c>
      <c r="C866" s="7">
        <f t="shared" si="13"/>
        <v>14.402249999999999</v>
      </c>
      <c r="I866" s="1"/>
    </row>
    <row r="867" spans="1:9" x14ac:dyDescent="0.25">
      <c r="A867" s="3">
        <v>41674.763009259259</v>
      </c>
      <c r="B867" s="6">
        <v>14418.9</v>
      </c>
      <c r="C867" s="7">
        <f t="shared" si="13"/>
        <v>14.418899999999999</v>
      </c>
      <c r="I867" s="1"/>
    </row>
    <row r="868" spans="1:9" x14ac:dyDescent="0.25">
      <c r="A868" s="3">
        <v>41674.765162037038</v>
      </c>
      <c r="B868" s="6">
        <v>14435.55</v>
      </c>
      <c r="C868" s="7">
        <f t="shared" si="13"/>
        <v>14.435549999999999</v>
      </c>
      <c r="I868" s="1"/>
    </row>
    <row r="869" spans="1:9" x14ac:dyDescent="0.25">
      <c r="A869" s="3">
        <v>41674.765243055554</v>
      </c>
      <c r="B869" s="6">
        <v>14452.199999999999</v>
      </c>
      <c r="C869" s="7">
        <f t="shared" si="13"/>
        <v>14.452199999999999</v>
      </c>
      <c r="I869" s="1"/>
    </row>
    <row r="870" spans="1:9" x14ac:dyDescent="0.25">
      <c r="A870" s="3">
        <v>41674.766006944446</v>
      </c>
      <c r="B870" s="6">
        <v>14468.849999999999</v>
      </c>
      <c r="C870" s="7">
        <f t="shared" si="13"/>
        <v>14.468849999999998</v>
      </c>
      <c r="I870" s="1"/>
    </row>
    <row r="871" spans="1:9" x14ac:dyDescent="0.25">
      <c r="A871" s="3">
        <v>41674.766122685185</v>
      </c>
      <c r="B871" s="6">
        <v>14485.499999999998</v>
      </c>
      <c r="C871" s="7">
        <f t="shared" si="13"/>
        <v>14.485499999999998</v>
      </c>
      <c r="I871" s="1"/>
    </row>
    <row r="872" spans="1:9" x14ac:dyDescent="0.25">
      <c r="A872" s="3">
        <v>41674.767025462963</v>
      </c>
      <c r="B872" s="6">
        <v>14502.15</v>
      </c>
      <c r="C872" s="7">
        <f t="shared" si="13"/>
        <v>14.50215</v>
      </c>
      <c r="I872" s="1"/>
    </row>
    <row r="873" spans="1:9" x14ac:dyDescent="0.25">
      <c r="A873" s="3">
        <v>41674.767071759263</v>
      </c>
      <c r="B873" s="6">
        <v>14518.8</v>
      </c>
      <c r="C873" s="7">
        <f t="shared" si="13"/>
        <v>14.518799999999999</v>
      </c>
      <c r="I873" s="1"/>
    </row>
    <row r="874" spans="1:9" x14ac:dyDescent="0.25">
      <c r="A874" s="3">
        <v>41674.767766203702</v>
      </c>
      <c r="B874" s="6">
        <v>14535.449999999999</v>
      </c>
      <c r="C874" s="7">
        <f t="shared" si="13"/>
        <v>14.535449999999999</v>
      </c>
      <c r="I874" s="1"/>
    </row>
    <row r="875" spans="1:9" x14ac:dyDescent="0.25">
      <c r="A875" s="3">
        <v>41674.767870370371</v>
      </c>
      <c r="B875" s="6">
        <v>14552.099999999999</v>
      </c>
      <c r="C875" s="7">
        <f t="shared" si="13"/>
        <v>14.552099999999999</v>
      </c>
      <c r="I875" s="1"/>
    </row>
    <row r="876" spans="1:9" x14ac:dyDescent="0.25">
      <c r="A876" s="3">
        <v>41674.771469907406</v>
      </c>
      <c r="B876" s="6">
        <v>14568.749999999998</v>
      </c>
      <c r="C876" s="7">
        <f t="shared" si="13"/>
        <v>14.568749999999998</v>
      </c>
      <c r="I876" s="1"/>
    </row>
    <row r="877" spans="1:9" x14ac:dyDescent="0.25">
      <c r="A877" s="3">
        <v>41674.771793981483</v>
      </c>
      <c r="B877" s="6">
        <v>14585.4</v>
      </c>
      <c r="C877" s="7">
        <f t="shared" si="13"/>
        <v>14.5854</v>
      </c>
      <c r="I877" s="1"/>
    </row>
    <row r="878" spans="1:9" x14ac:dyDescent="0.25">
      <c r="A878" s="3">
        <v>41674.774861111109</v>
      </c>
      <c r="B878" s="6">
        <v>14602.05</v>
      </c>
      <c r="C878" s="7">
        <f t="shared" si="13"/>
        <v>14.602049999999998</v>
      </c>
      <c r="I878" s="1"/>
    </row>
    <row r="879" spans="1:9" x14ac:dyDescent="0.25">
      <c r="A879" s="3">
        <v>41674.775393518517</v>
      </c>
      <c r="B879" s="6">
        <v>14618.699999999999</v>
      </c>
      <c r="C879" s="7">
        <f t="shared" si="13"/>
        <v>14.618699999999999</v>
      </c>
      <c r="I879" s="1"/>
    </row>
    <row r="880" spans="1:9" x14ac:dyDescent="0.25">
      <c r="A880" s="3">
        <v>41674.777627314812</v>
      </c>
      <c r="B880" s="6">
        <v>14635.349999999999</v>
      </c>
      <c r="C880" s="7">
        <f t="shared" si="13"/>
        <v>14.635349999999999</v>
      </c>
      <c r="I880" s="1"/>
    </row>
    <row r="881" spans="1:9" x14ac:dyDescent="0.25">
      <c r="A881" s="3">
        <v>41674.778194444443</v>
      </c>
      <c r="B881" s="6">
        <v>14651.999999999998</v>
      </c>
      <c r="C881" s="7">
        <f t="shared" si="13"/>
        <v>14.651999999999997</v>
      </c>
      <c r="I881" s="1"/>
    </row>
    <row r="882" spans="1:9" x14ac:dyDescent="0.25">
      <c r="A882" s="3">
        <v>41674.781122685185</v>
      </c>
      <c r="B882" s="6">
        <v>14668.65</v>
      </c>
      <c r="C882" s="7">
        <f t="shared" si="13"/>
        <v>14.66865</v>
      </c>
      <c r="I882" s="1"/>
    </row>
    <row r="883" spans="1:9" x14ac:dyDescent="0.25">
      <c r="A883" s="3">
        <v>41674.781307870369</v>
      </c>
      <c r="B883" s="6">
        <v>14685.3</v>
      </c>
      <c r="C883" s="7">
        <f t="shared" si="13"/>
        <v>14.6853</v>
      </c>
      <c r="I883" s="1"/>
    </row>
    <row r="884" spans="1:9" x14ac:dyDescent="0.25">
      <c r="A884" s="3">
        <v>41674.783229166664</v>
      </c>
      <c r="B884" s="6">
        <v>14701.949999999999</v>
      </c>
      <c r="C884" s="7">
        <f t="shared" si="13"/>
        <v>14.701949999999998</v>
      </c>
      <c r="I884" s="1"/>
    </row>
    <row r="885" spans="1:9" x14ac:dyDescent="0.25">
      <c r="A885" s="3">
        <v>41674.78334490741</v>
      </c>
      <c r="B885" s="6">
        <v>14718.599999999999</v>
      </c>
      <c r="C885" s="7">
        <f t="shared" si="13"/>
        <v>14.718599999999999</v>
      </c>
      <c r="I885" s="1"/>
    </row>
    <row r="886" spans="1:9" x14ac:dyDescent="0.25">
      <c r="A886" s="3">
        <v>41674.784768518519</v>
      </c>
      <c r="B886" s="6">
        <v>14735.249999999998</v>
      </c>
      <c r="C886" s="7">
        <f t="shared" si="13"/>
        <v>14.735249999999999</v>
      </c>
      <c r="I886" s="1"/>
    </row>
    <row r="887" spans="1:9" x14ac:dyDescent="0.25">
      <c r="A887" s="3">
        <v>41674.784872685188</v>
      </c>
      <c r="B887" s="6">
        <v>14751.9</v>
      </c>
      <c r="C887" s="7">
        <f t="shared" si="13"/>
        <v>14.751899999999999</v>
      </c>
      <c r="I887" s="1"/>
    </row>
    <row r="888" spans="1:9" x14ac:dyDescent="0.25">
      <c r="A888" s="3">
        <v>41674.786631944444</v>
      </c>
      <c r="B888" s="6">
        <v>14768.55</v>
      </c>
      <c r="C888" s="7">
        <f t="shared" si="13"/>
        <v>14.768549999999999</v>
      </c>
      <c r="I888" s="1"/>
    </row>
    <row r="889" spans="1:9" x14ac:dyDescent="0.25">
      <c r="A889" s="3">
        <v>41674.786956018521</v>
      </c>
      <c r="B889" s="6">
        <v>14785.199999999999</v>
      </c>
      <c r="C889" s="7">
        <f t="shared" si="13"/>
        <v>14.7852</v>
      </c>
      <c r="I889" s="1"/>
    </row>
    <row r="890" spans="1:9" x14ac:dyDescent="0.25">
      <c r="A890" s="3">
        <v>41674.788773148146</v>
      </c>
      <c r="B890" s="6">
        <v>14801.849999999999</v>
      </c>
      <c r="C890" s="7">
        <f t="shared" si="13"/>
        <v>14.801849999999998</v>
      </c>
      <c r="I890" s="1"/>
    </row>
    <row r="891" spans="1:9" x14ac:dyDescent="0.25">
      <c r="A891" s="3">
        <v>41674.789560185185</v>
      </c>
      <c r="B891" s="6">
        <v>14818.499999999998</v>
      </c>
      <c r="C891" s="7">
        <f t="shared" si="13"/>
        <v>14.818499999999998</v>
      </c>
      <c r="I891" s="1"/>
    </row>
    <row r="892" spans="1:9" x14ac:dyDescent="0.25">
      <c r="A892" s="3">
        <v>41674.791412037041</v>
      </c>
      <c r="B892" s="6">
        <v>14835.15</v>
      </c>
      <c r="C892" s="7">
        <f t="shared" si="13"/>
        <v>14.835150000000001</v>
      </c>
      <c r="I892" s="1"/>
    </row>
    <row r="893" spans="1:9" x14ac:dyDescent="0.25">
      <c r="A893" s="3">
        <v>41674.791712962964</v>
      </c>
      <c r="B893" s="6">
        <v>14851.8</v>
      </c>
      <c r="C893" s="7">
        <f t="shared" si="13"/>
        <v>14.851799999999999</v>
      </c>
      <c r="I893" s="1"/>
    </row>
    <row r="894" spans="1:9" x14ac:dyDescent="0.25">
      <c r="A894" s="3">
        <v>41674.793935185182</v>
      </c>
      <c r="B894" s="6">
        <v>14868.449999999999</v>
      </c>
      <c r="C894" s="7">
        <f t="shared" si="13"/>
        <v>14.868449999999999</v>
      </c>
      <c r="I894" s="1"/>
    </row>
    <row r="895" spans="1:9" x14ac:dyDescent="0.25">
      <c r="A895" s="3">
        <v>41674.794120370374</v>
      </c>
      <c r="B895" s="6">
        <v>14885.099999999999</v>
      </c>
      <c r="C895" s="7">
        <f t="shared" si="13"/>
        <v>14.885099999999998</v>
      </c>
      <c r="I895" s="1"/>
    </row>
    <row r="896" spans="1:9" x14ac:dyDescent="0.25">
      <c r="A896" s="3">
        <v>41674.799224537041</v>
      </c>
      <c r="B896" s="6">
        <v>14901.749999999998</v>
      </c>
      <c r="C896" s="7">
        <f t="shared" si="13"/>
        <v>14.901749999999998</v>
      </c>
      <c r="I896" s="1"/>
    </row>
    <row r="897" spans="1:9" x14ac:dyDescent="0.25">
      <c r="A897" s="3">
        <v>41674.799444444441</v>
      </c>
      <c r="B897" s="6">
        <v>14918.399999999998</v>
      </c>
      <c r="C897" s="7">
        <f t="shared" si="13"/>
        <v>14.918399999999998</v>
      </c>
      <c r="I897" s="1"/>
    </row>
    <row r="898" spans="1:9" x14ac:dyDescent="0.25">
      <c r="A898" s="3">
        <v>41674.803252314814</v>
      </c>
      <c r="B898" s="6">
        <v>14935.05</v>
      </c>
      <c r="C898" s="7">
        <f t="shared" si="13"/>
        <v>14.935049999999999</v>
      </c>
      <c r="I898" s="1"/>
    </row>
    <row r="899" spans="1:9" x14ac:dyDescent="0.25">
      <c r="A899" s="3">
        <v>41674.803472222222</v>
      </c>
      <c r="B899" s="6">
        <v>14951.699999999999</v>
      </c>
      <c r="C899" s="7">
        <f t="shared" ref="C899:C962" si="14">B899/1000</f>
        <v>14.951699999999999</v>
      </c>
      <c r="I899" s="1"/>
    </row>
    <row r="900" spans="1:9" x14ac:dyDescent="0.25">
      <c r="A900" s="3">
        <v>41674.807974537034</v>
      </c>
      <c r="B900" s="6">
        <v>14968.349999999999</v>
      </c>
      <c r="C900" s="7">
        <f t="shared" si="14"/>
        <v>14.968349999999999</v>
      </c>
      <c r="I900" s="1"/>
    </row>
    <row r="901" spans="1:9" x14ac:dyDescent="0.25">
      <c r="A901" s="3">
        <v>41674.808113425926</v>
      </c>
      <c r="B901" s="6">
        <v>14984.999999999998</v>
      </c>
      <c r="C901" s="7">
        <f t="shared" si="14"/>
        <v>14.984999999999998</v>
      </c>
      <c r="I901" s="1"/>
    </row>
    <row r="902" spans="1:9" x14ac:dyDescent="0.25">
      <c r="A902" s="3">
        <v>41674.810868055552</v>
      </c>
      <c r="B902" s="6">
        <v>15001.649999999998</v>
      </c>
      <c r="C902" s="7">
        <f t="shared" si="14"/>
        <v>15.001649999999998</v>
      </c>
      <c r="I902" s="1"/>
    </row>
    <row r="903" spans="1:9" x14ac:dyDescent="0.25">
      <c r="A903" s="3">
        <v>41674.811168981483</v>
      </c>
      <c r="B903" s="6">
        <v>15018.3</v>
      </c>
      <c r="C903" s="7">
        <f t="shared" si="14"/>
        <v>15.0183</v>
      </c>
      <c r="I903" s="1"/>
    </row>
    <row r="904" spans="1:9" x14ac:dyDescent="0.25">
      <c r="A904" s="3">
        <v>41674.816770833335</v>
      </c>
      <c r="B904" s="6">
        <v>15034.949999999999</v>
      </c>
      <c r="C904" s="7">
        <f t="shared" si="14"/>
        <v>15.034949999999998</v>
      </c>
      <c r="I904" s="1"/>
    </row>
    <row r="905" spans="1:9" x14ac:dyDescent="0.25">
      <c r="A905" s="3">
        <v>41674.816921296297</v>
      </c>
      <c r="B905" s="6">
        <v>15051.599999999999</v>
      </c>
      <c r="C905" s="7">
        <f t="shared" si="14"/>
        <v>15.051599999999999</v>
      </c>
      <c r="I905" s="1"/>
    </row>
    <row r="906" spans="1:9" x14ac:dyDescent="0.25">
      <c r="A906" s="3">
        <v>41674.821921296294</v>
      </c>
      <c r="B906" s="6">
        <v>15068.249999999998</v>
      </c>
      <c r="C906" s="7">
        <f t="shared" si="14"/>
        <v>15.068249999999999</v>
      </c>
      <c r="I906" s="1"/>
    </row>
    <row r="907" spans="1:9" x14ac:dyDescent="0.25">
      <c r="A907" s="3">
        <v>41674.822175925925</v>
      </c>
      <c r="B907" s="6">
        <v>15084.899999999998</v>
      </c>
      <c r="C907" s="7">
        <f t="shared" si="14"/>
        <v>15.084899999999998</v>
      </c>
      <c r="I907" s="1"/>
    </row>
    <row r="908" spans="1:9" x14ac:dyDescent="0.25">
      <c r="A908" s="3">
        <v>41674.832233796296</v>
      </c>
      <c r="B908" s="6">
        <v>15101.55</v>
      </c>
      <c r="C908" s="7">
        <f t="shared" si="14"/>
        <v>15.10155</v>
      </c>
      <c r="I908" s="1"/>
    </row>
    <row r="909" spans="1:9" x14ac:dyDescent="0.25">
      <c r="A909" s="3">
        <v>41674.832384259258</v>
      </c>
      <c r="B909" s="6">
        <v>15118.199999999999</v>
      </c>
      <c r="C909" s="7">
        <f t="shared" si="14"/>
        <v>15.118199999999998</v>
      </c>
      <c r="I909" s="1"/>
    </row>
    <row r="910" spans="1:9" x14ac:dyDescent="0.25">
      <c r="A910" s="3">
        <v>41674.83734953704</v>
      </c>
      <c r="B910" s="6">
        <v>15134.849999999999</v>
      </c>
      <c r="C910" s="7">
        <f t="shared" si="14"/>
        <v>15.134849999999998</v>
      </c>
      <c r="I910" s="1"/>
    </row>
    <row r="911" spans="1:9" x14ac:dyDescent="0.25">
      <c r="A911" s="3">
        <v>41674.83766203704</v>
      </c>
      <c r="B911" s="6">
        <v>15151.499999999998</v>
      </c>
      <c r="C911" s="7">
        <f t="shared" si="14"/>
        <v>15.151499999999999</v>
      </c>
      <c r="I911" s="1"/>
    </row>
    <row r="912" spans="1:9" x14ac:dyDescent="0.25">
      <c r="A912" s="3">
        <v>41674.850023148145</v>
      </c>
      <c r="B912" s="6">
        <v>15168.149999999998</v>
      </c>
      <c r="C912" s="7">
        <f t="shared" si="14"/>
        <v>15.168149999999997</v>
      </c>
      <c r="I912" s="1"/>
    </row>
    <row r="913" spans="1:9" x14ac:dyDescent="0.25">
      <c r="A913" s="3">
        <v>41674.850891203707</v>
      </c>
      <c r="B913" s="6">
        <v>15184.8</v>
      </c>
      <c r="C913" s="7">
        <f t="shared" si="14"/>
        <v>15.184799999999999</v>
      </c>
      <c r="I913" s="1"/>
    </row>
    <row r="914" spans="1:9" x14ac:dyDescent="0.25">
      <c r="A914" s="3">
        <v>41674.857916666668</v>
      </c>
      <c r="B914" s="6">
        <v>15201.449999999999</v>
      </c>
      <c r="C914" s="7">
        <f t="shared" si="14"/>
        <v>15.201449999999999</v>
      </c>
      <c r="I914" s="1"/>
    </row>
    <row r="915" spans="1:9" x14ac:dyDescent="0.25">
      <c r="A915" s="3">
        <v>41674.858263888891</v>
      </c>
      <c r="B915" s="6">
        <v>15218.099999999999</v>
      </c>
      <c r="C915" s="7">
        <f t="shared" si="14"/>
        <v>15.218099999999998</v>
      </c>
      <c r="I915" s="1"/>
    </row>
    <row r="916" spans="1:9" x14ac:dyDescent="0.25">
      <c r="A916" s="3">
        <v>41674.870381944442</v>
      </c>
      <c r="B916" s="6">
        <v>15234.749999999998</v>
      </c>
      <c r="C916" s="7">
        <f t="shared" si="14"/>
        <v>15.234749999999998</v>
      </c>
      <c r="I916" s="1"/>
    </row>
    <row r="917" spans="1:9" x14ac:dyDescent="0.25">
      <c r="A917" s="3">
        <v>41674.87699074074</v>
      </c>
      <c r="B917" s="6">
        <v>15251.399999999998</v>
      </c>
      <c r="C917" s="7">
        <f t="shared" si="14"/>
        <v>15.251399999999999</v>
      </c>
      <c r="I917" s="1"/>
    </row>
    <row r="918" spans="1:9" x14ac:dyDescent="0.25">
      <c r="A918" s="3">
        <v>41674.896331018521</v>
      </c>
      <c r="B918" s="6">
        <v>15268.05</v>
      </c>
      <c r="C918" s="7">
        <f t="shared" si="14"/>
        <v>15.268049999999999</v>
      </c>
      <c r="I918" s="1"/>
    </row>
    <row r="919" spans="1:9" x14ac:dyDescent="0.25">
      <c r="A919" s="3">
        <v>41674.902928240743</v>
      </c>
      <c r="B919" s="6">
        <v>15284.699999999999</v>
      </c>
      <c r="C919" s="7">
        <f t="shared" si="14"/>
        <v>15.284699999999999</v>
      </c>
      <c r="I919" s="1"/>
    </row>
    <row r="920" spans="1:9" x14ac:dyDescent="0.25">
      <c r="A920" s="3">
        <v>41674.914421296293</v>
      </c>
      <c r="B920" s="6">
        <v>15301.349999999999</v>
      </c>
      <c r="C920" s="7">
        <f t="shared" si="14"/>
        <v>15.301349999999999</v>
      </c>
      <c r="I920" s="1"/>
    </row>
    <row r="921" spans="1:9" x14ac:dyDescent="0.25">
      <c r="A921" s="3">
        <v>41674.998564814814</v>
      </c>
      <c r="B921" s="6">
        <v>15317.999999999998</v>
      </c>
      <c r="C921" s="7">
        <f t="shared" si="14"/>
        <v>15.317999999999998</v>
      </c>
      <c r="I921" s="1"/>
    </row>
    <row r="922" spans="1:9" x14ac:dyDescent="0.25">
      <c r="A922" s="3">
        <v>41702.018726851849</v>
      </c>
      <c r="B922" s="6">
        <v>15334.649999999998</v>
      </c>
      <c r="C922" s="7">
        <f t="shared" si="14"/>
        <v>15.334649999999998</v>
      </c>
      <c r="I922" s="1"/>
    </row>
    <row r="923" spans="1:9" x14ac:dyDescent="0.25">
      <c r="A923" s="3">
        <v>41702.018865740742</v>
      </c>
      <c r="B923" s="6">
        <v>15351.3</v>
      </c>
      <c r="C923" s="7">
        <f t="shared" si="14"/>
        <v>15.351299999999998</v>
      </c>
      <c r="I923" s="1"/>
    </row>
    <row r="924" spans="1:9" x14ac:dyDescent="0.25">
      <c r="A924" s="3">
        <v>41702.020312499997</v>
      </c>
      <c r="B924" s="6">
        <v>15367.949999999999</v>
      </c>
      <c r="C924" s="7">
        <f t="shared" si="14"/>
        <v>15.367949999999999</v>
      </c>
      <c r="I924" s="1"/>
    </row>
    <row r="925" spans="1:9" x14ac:dyDescent="0.25">
      <c r="A925" s="3">
        <v>41702.020486111112</v>
      </c>
      <c r="B925" s="6">
        <v>15384.599999999999</v>
      </c>
      <c r="C925" s="7">
        <f t="shared" si="14"/>
        <v>15.384599999999999</v>
      </c>
      <c r="I925" s="1"/>
    </row>
    <row r="926" spans="1:9" x14ac:dyDescent="0.25">
      <c r="A926" s="3">
        <v>41702.025300925925</v>
      </c>
      <c r="B926" s="6">
        <v>15401.249999999998</v>
      </c>
      <c r="C926" s="7">
        <f t="shared" si="14"/>
        <v>15.401249999999997</v>
      </c>
      <c r="I926" s="1"/>
    </row>
    <row r="927" spans="1:9" x14ac:dyDescent="0.25">
      <c r="A927" s="3">
        <v>41702.025497685187</v>
      </c>
      <c r="B927" s="6">
        <v>15417.899999999998</v>
      </c>
      <c r="C927" s="7">
        <f t="shared" si="14"/>
        <v>15.417899999999998</v>
      </c>
      <c r="I927" s="1"/>
    </row>
    <row r="928" spans="1:9" x14ac:dyDescent="0.25">
      <c r="A928" s="3">
        <v>41702.033206018517</v>
      </c>
      <c r="B928" s="6">
        <v>15434.55</v>
      </c>
      <c r="C928" s="7">
        <f t="shared" si="14"/>
        <v>15.43455</v>
      </c>
      <c r="I928" s="1"/>
    </row>
    <row r="929" spans="1:9" x14ac:dyDescent="0.25">
      <c r="A929" s="3">
        <v>41702.033310185187</v>
      </c>
      <c r="B929" s="6">
        <v>15451.199999999999</v>
      </c>
      <c r="C929" s="7">
        <f t="shared" si="14"/>
        <v>15.451199999999998</v>
      </c>
      <c r="I929" s="1"/>
    </row>
    <row r="930" spans="1:9" x14ac:dyDescent="0.25">
      <c r="A930" s="3">
        <v>41702.045254629629</v>
      </c>
      <c r="B930" s="6">
        <v>15467.849999999999</v>
      </c>
      <c r="C930" s="7">
        <f t="shared" si="14"/>
        <v>15.467849999999999</v>
      </c>
      <c r="I930" s="1"/>
    </row>
    <row r="931" spans="1:9" x14ac:dyDescent="0.25">
      <c r="A931" s="3">
        <v>41702.045474537037</v>
      </c>
      <c r="B931" s="6">
        <v>15484.499999999998</v>
      </c>
      <c r="C931" s="7">
        <f t="shared" si="14"/>
        <v>15.484499999999999</v>
      </c>
      <c r="I931" s="1"/>
    </row>
    <row r="932" spans="1:9" x14ac:dyDescent="0.25">
      <c r="A932" s="3">
        <v>41702.046770833331</v>
      </c>
      <c r="B932" s="6">
        <v>15501.149999999998</v>
      </c>
      <c r="C932" s="7">
        <f t="shared" si="14"/>
        <v>15.501149999999997</v>
      </c>
      <c r="I932" s="1"/>
    </row>
    <row r="933" spans="1:9" x14ac:dyDescent="0.25">
      <c r="A933" s="3">
        <v>41702.046875</v>
      </c>
      <c r="B933" s="6">
        <v>15517.8</v>
      </c>
      <c r="C933" s="7">
        <f t="shared" si="14"/>
        <v>15.517799999999999</v>
      </c>
      <c r="I933" s="1"/>
    </row>
    <row r="934" spans="1:9" x14ac:dyDescent="0.25">
      <c r="A934" s="3">
        <v>41702.049502314818</v>
      </c>
      <c r="B934" s="6">
        <v>15534.449999999999</v>
      </c>
      <c r="C934" s="7">
        <f t="shared" si="14"/>
        <v>15.53445</v>
      </c>
      <c r="I934" s="1"/>
    </row>
    <row r="935" spans="1:9" x14ac:dyDescent="0.25">
      <c r="A935" s="3">
        <v>41702.049756944441</v>
      </c>
      <c r="B935" s="6">
        <v>15551.099999999999</v>
      </c>
      <c r="C935" s="7">
        <f t="shared" si="14"/>
        <v>15.551099999999998</v>
      </c>
      <c r="I935" s="1"/>
    </row>
    <row r="936" spans="1:9" x14ac:dyDescent="0.25">
      <c r="A936" s="3">
        <v>41702.053171296298</v>
      </c>
      <c r="B936" s="6">
        <v>15567.749999999998</v>
      </c>
      <c r="C936" s="7">
        <f t="shared" si="14"/>
        <v>15.567749999999998</v>
      </c>
      <c r="I936" s="1"/>
    </row>
    <row r="937" spans="1:9" x14ac:dyDescent="0.25">
      <c r="A937" s="3">
        <v>41702.053240740737</v>
      </c>
      <c r="B937" s="6">
        <v>15584.399999999998</v>
      </c>
      <c r="C937" s="7">
        <f t="shared" si="14"/>
        <v>15.584399999999999</v>
      </c>
      <c r="I937" s="1"/>
    </row>
    <row r="938" spans="1:9" x14ac:dyDescent="0.25">
      <c r="A938" s="3">
        <v>41702.0549537037</v>
      </c>
      <c r="B938" s="6">
        <v>15601.05</v>
      </c>
      <c r="C938" s="7">
        <f t="shared" si="14"/>
        <v>15.601049999999999</v>
      </c>
      <c r="I938" s="1"/>
    </row>
    <row r="939" spans="1:9" x14ac:dyDescent="0.25">
      <c r="A939" s="3">
        <v>41702.055671296293</v>
      </c>
      <c r="B939" s="6">
        <v>15617.699999999999</v>
      </c>
      <c r="C939" s="7">
        <f t="shared" si="14"/>
        <v>15.617699999999999</v>
      </c>
      <c r="I939" s="1"/>
    </row>
    <row r="940" spans="1:9" x14ac:dyDescent="0.25">
      <c r="A940" s="3">
        <v>41702.057349537034</v>
      </c>
      <c r="B940" s="6">
        <v>15634.349999999999</v>
      </c>
      <c r="C940" s="7">
        <f t="shared" si="14"/>
        <v>15.634349999999998</v>
      </c>
      <c r="I940" s="1"/>
    </row>
    <row r="941" spans="1:9" x14ac:dyDescent="0.25">
      <c r="A941" s="3">
        <v>41702.057546296295</v>
      </c>
      <c r="B941" s="6">
        <v>15650.999999999998</v>
      </c>
      <c r="C941" s="7">
        <f t="shared" si="14"/>
        <v>15.650999999999998</v>
      </c>
      <c r="I941" s="1"/>
    </row>
    <row r="942" spans="1:9" x14ac:dyDescent="0.25">
      <c r="A942" s="3">
        <v>41702.060486111113</v>
      </c>
      <c r="B942" s="6">
        <v>15667.649999999998</v>
      </c>
      <c r="C942" s="7">
        <f t="shared" si="14"/>
        <v>15.667649999999998</v>
      </c>
      <c r="I942" s="1"/>
    </row>
    <row r="943" spans="1:9" x14ac:dyDescent="0.25">
      <c r="A943" s="3">
        <v>41702.060659722221</v>
      </c>
      <c r="B943" s="6">
        <v>15684.3</v>
      </c>
      <c r="C943" s="7">
        <f t="shared" si="14"/>
        <v>15.684299999999999</v>
      </c>
      <c r="I943" s="1"/>
    </row>
    <row r="944" spans="1:9" x14ac:dyDescent="0.25">
      <c r="A944" s="3">
        <v>41702.063900462963</v>
      </c>
      <c r="B944" s="6">
        <v>15700.949999999999</v>
      </c>
      <c r="C944" s="7">
        <f t="shared" si="14"/>
        <v>15.700949999999999</v>
      </c>
      <c r="I944" s="1"/>
    </row>
    <row r="945" spans="1:9" x14ac:dyDescent="0.25">
      <c r="A945" s="3">
        <v>41702.064988425926</v>
      </c>
      <c r="B945" s="6">
        <v>15717.599999999999</v>
      </c>
      <c r="C945" s="7">
        <f t="shared" si="14"/>
        <v>15.717599999999999</v>
      </c>
      <c r="I945" s="1"/>
    </row>
    <row r="946" spans="1:9" x14ac:dyDescent="0.25">
      <c r="A946" s="3">
        <v>41702.068657407406</v>
      </c>
      <c r="B946" s="6">
        <v>15734.249999999998</v>
      </c>
      <c r="C946" s="7">
        <f t="shared" si="14"/>
        <v>15.734249999999998</v>
      </c>
      <c r="I946" s="1"/>
    </row>
    <row r="947" spans="1:9" x14ac:dyDescent="0.25">
      <c r="A947" s="3">
        <v>41702.069074074076</v>
      </c>
      <c r="B947" s="6">
        <v>15750.899999999998</v>
      </c>
      <c r="C947" s="7">
        <f t="shared" si="14"/>
        <v>15.750899999999998</v>
      </c>
      <c r="I947" s="1"/>
    </row>
    <row r="948" spans="1:9" x14ac:dyDescent="0.25">
      <c r="A948" s="3">
        <v>41702.098275462966</v>
      </c>
      <c r="B948" s="6">
        <v>15767.55</v>
      </c>
      <c r="C948" s="7">
        <f t="shared" si="14"/>
        <v>15.76755</v>
      </c>
      <c r="I948" s="1"/>
    </row>
    <row r="949" spans="1:9" x14ac:dyDescent="0.25">
      <c r="A949" s="3">
        <v>41702.100219907406</v>
      </c>
      <c r="B949" s="6">
        <v>15784.199999999999</v>
      </c>
      <c r="C949" s="7">
        <f t="shared" si="14"/>
        <v>15.784199999999998</v>
      </c>
      <c r="I949" s="1"/>
    </row>
    <row r="950" spans="1:9" x14ac:dyDescent="0.25">
      <c r="A950" s="3">
        <v>41702.119270833333</v>
      </c>
      <c r="B950" s="6">
        <v>15800.849999999999</v>
      </c>
      <c r="C950" s="7">
        <f t="shared" si="14"/>
        <v>15.800849999999999</v>
      </c>
      <c r="I950" s="1"/>
    </row>
    <row r="951" spans="1:9" x14ac:dyDescent="0.25">
      <c r="A951" s="3">
        <v>41702.127453703702</v>
      </c>
      <c r="B951" s="6">
        <v>15817.499999999998</v>
      </c>
      <c r="C951" s="7">
        <f t="shared" si="14"/>
        <v>15.817499999999999</v>
      </c>
      <c r="I951" s="1"/>
    </row>
    <row r="952" spans="1:9" x14ac:dyDescent="0.25">
      <c r="A952" s="3">
        <v>41702.209039351852</v>
      </c>
      <c r="B952" s="6">
        <v>15834.149999999998</v>
      </c>
      <c r="C952" s="7">
        <f t="shared" si="14"/>
        <v>15.834149999999998</v>
      </c>
      <c r="I952" s="1"/>
    </row>
    <row r="953" spans="1:9" x14ac:dyDescent="0.25">
      <c r="A953" s="3">
        <v>41702.209456018521</v>
      </c>
      <c r="B953" s="6">
        <v>15850.8</v>
      </c>
      <c r="C953" s="7">
        <f t="shared" si="14"/>
        <v>15.8508</v>
      </c>
      <c r="I953" s="1"/>
    </row>
    <row r="954" spans="1:9" x14ac:dyDescent="0.25">
      <c r="A954" s="3">
        <v>41702.212546296294</v>
      </c>
      <c r="B954" s="6">
        <v>15867.449999999999</v>
      </c>
      <c r="C954" s="7">
        <f t="shared" si="14"/>
        <v>15.867449999999998</v>
      </c>
      <c r="I954" s="1"/>
    </row>
    <row r="955" spans="1:9" x14ac:dyDescent="0.25">
      <c r="A955" s="3">
        <v>41702.219525462962</v>
      </c>
      <c r="B955" s="6">
        <v>15884.099999999999</v>
      </c>
      <c r="C955" s="7">
        <f t="shared" si="14"/>
        <v>15.884099999999998</v>
      </c>
      <c r="I955" s="1"/>
    </row>
    <row r="956" spans="1:9" x14ac:dyDescent="0.25">
      <c r="A956" s="3">
        <v>41702.241168981483</v>
      </c>
      <c r="B956" s="6">
        <v>15900.749999999998</v>
      </c>
      <c r="C956" s="7">
        <f t="shared" si="14"/>
        <v>15.900749999999999</v>
      </c>
      <c r="I956" s="1"/>
    </row>
    <row r="957" spans="1:9" x14ac:dyDescent="0.25">
      <c r="A957" s="3">
        <v>41702.24795138889</v>
      </c>
      <c r="B957" s="6">
        <v>15917.399999999998</v>
      </c>
      <c r="C957" s="7">
        <f t="shared" si="14"/>
        <v>15.917399999999997</v>
      </c>
      <c r="I957" s="1"/>
    </row>
    <row r="958" spans="1:9" x14ac:dyDescent="0.25">
      <c r="A958" s="3">
        <v>41702.256782407407</v>
      </c>
      <c r="B958" s="6">
        <v>15934.05</v>
      </c>
      <c r="C958" s="7">
        <f t="shared" si="14"/>
        <v>15.934049999999999</v>
      </c>
      <c r="I958" s="1"/>
    </row>
    <row r="959" spans="1:9" x14ac:dyDescent="0.25">
      <c r="A959" s="3">
        <v>41702.257152777776</v>
      </c>
      <c r="B959" s="6">
        <v>15950.699999999999</v>
      </c>
      <c r="C959" s="7">
        <f t="shared" si="14"/>
        <v>15.950699999999999</v>
      </c>
      <c r="I959" s="1"/>
    </row>
    <row r="960" spans="1:9" x14ac:dyDescent="0.25">
      <c r="A960" s="3">
        <v>41702.270046296297</v>
      </c>
      <c r="B960" s="6">
        <v>15967.349999999999</v>
      </c>
      <c r="C960" s="7">
        <f t="shared" si="14"/>
        <v>15.967349999999998</v>
      </c>
      <c r="I960" s="1"/>
    </row>
    <row r="961" spans="1:9" x14ac:dyDescent="0.25">
      <c r="A961" s="3">
        <v>41702.270231481481</v>
      </c>
      <c r="B961" s="6">
        <v>15983.999999999998</v>
      </c>
      <c r="C961" s="7">
        <f t="shared" si="14"/>
        <v>15.983999999999998</v>
      </c>
      <c r="I961" s="1"/>
    </row>
    <row r="962" spans="1:9" x14ac:dyDescent="0.25">
      <c r="A962" s="3">
        <v>41702.274027777778</v>
      </c>
      <c r="B962" s="6">
        <v>16000.649999999998</v>
      </c>
      <c r="C962" s="7">
        <f t="shared" si="14"/>
        <v>16.000649999999997</v>
      </c>
      <c r="I962" s="1"/>
    </row>
    <row r="963" spans="1:9" x14ac:dyDescent="0.25">
      <c r="A963" s="3">
        <v>41702.274143518516</v>
      </c>
      <c r="B963" s="6">
        <v>16017.3</v>
      </c>
      <c r="C963" s="7">
        <f t="shared" ref="C963:C1026" si="15">B963/1000</f>
        <v>16.017299999999999</v>
      </c>
      <c r="I963" s="1"/>
    </row>
    <row r="964" spans="1:9" x14ac:dyDescent="0.25">
      <c r="A964" s="3">
        <v>41702.276122685187</v>
      </c>
      <c r="B964" s="6">
        <v>16033.949999999999</v>
      </c>
      <c r="C964" s="7">
        <f t="shared" si="15"/>
        <v>16.033949999999997</v>
      </c>
      <c r="I964" s="1"/>
    </row>
    <row r="965" spans="1:9" x14ac:dyDescent="0.25">
      <c r="A965" s="3">
        <v>41702.276504629626</v>
      </c>
      <c r="B965" s="6">
        <v>16050.599999999999</v>
      </c>
      <c r="C965" s="7">
        <f t="shared" si="15"/>
        <v>16.050599999999999</v>
      </c>
      <c r="I965" s="1"/>
    </row>
    <row r="966" spans="1:9" x14ac:dyDescent="0.25">
      <c r="A966" s="3">
        <v>41702.285868055558</v>
      </c>
      <c r="B966" s="6">
        <v>16067.249999999998</v>
      </c>
      <c r="C966" s="7">
        <f t="shared" si="15"/>
        <v>16.067249999999998</v>
      </c>
      <c r="I966" s="1"/>
    </row>
    <row r="967" spans="1:9" x14ac:dyDescent="0.25">
      <c r="A967" s="3">
        <v>41702.286134259259</v>
      </c>
      <c r="B967" s="6">
        <v>16083.899999999998</v>
      </c>
      <c r="C967" s="7">
        <f t="shared" si="15"/>
        <v>16.083899999999996</v>
      </c>
      <c r="I967" s="1"/>
    </row>
    <row r="968" spans="1:9" x14ac:dyDescent="0.25">
      <c r="A968" s="3">
        <v>41702.296053240738</v>
      </c>
      <c r="B968" s="6">
        <v>16100.55</v>
      </c>
      <c r="C968" s="7">
        <f t="shared" si="15"/>
        <v>16.100549999999998</v>
      </c>
      <c r="I968" s="1"/>
    </row>
    <row r="969" spans="1:9" x14ac:dyDescent="0.25">
      <c r="A969" s="3">
        <v>41702.296168981484</v>
      </c>
      <c r="B969" s="6">
        <v>16117.199999999999</v>
      </c>
      <c r="C969" s="7">
        <f t="shared" si="15"/>
        <v>16.1172</v>
      </c>
      <c r="I969" s="1"/>
    </row>
    <row r="970" spans="1:9" x14ac:dyDescent="0.25">
      <c r="A970" s="3">
        <v>41702.297812500001</v>
      </c>
      <c r="B970" s="6">
        <v>16133.849999999999</v>
      </c>
      <c r="C970" s="7">
        <f t="shared" si="15"/>
        <v>16.133849999999999</v>
      </c>
      <c r="I970" s="1"/>
    </row>
    <row r="971" spans="1:9" x14ac:dyDescent="0.25">
      <c r="A971" s="3">
        <v>41702.297939814816</v>
      </c>
      <c r="B971" s="6">
        <v>16150.499999999998</v>
      </c>
      <c r="C971" s="7">
        <f t="shared" si="15"/>
        <v>16.150499999999997</v>
      </c>
      <c r="I971" s="1"/>
    </row>
    <row r="972" spans="1:9" x14ac:dyDescent="0.25">
      <c r="A972" s="3">
        <v>41702.301192129627</v>
      </c>
      <c r="B972" s="6">
        <v>16167.149999999998</v>
      </c>
      <c r="C972" s="7">
        <f t="shared" si="15"/>
        <v>16.167149999999999</v>
      </c>
      <c r="I972" s="1"/>
    </row>
    <row r="973" spans="1:9" x14ac:dyDescent="0.25">
      <c r="A973" s="3">
        <v>41702.301319444443</v>
      </c>
      <c r="B973" s="6">
        <v>16183.8</v>
      </c>
      <c r="C973" s="7">
        <f t="shared" si="15"/>
        <v>16.183799999999998</v>
      </c>
      <c r="I973" s="1"/>
    </row>
    <row r="974" spans="1:9" x14ac:dyDescent="0.25">
      <c r="A974" s="3">
        <v>41702.307152777779</v>
      </c>
      <c r="B974" s="6">
        <v>16200.449999999999</v>
      </c>
      <c r="C974" s="7">
        <f t="shared" si="15"/>
        <v>16.20045</v>
      </c>
      <c r="I974" s="1"/>
    </row>
    <row r="975" spans="1:9" x14ac:dyDescent="0.25">
      <c r="A975" s="3">
        <v>41702.307256944441</v>
      </c>
      <c r="B975" s="6">
        <v>16217.099999999999</v>
      </c>
      <c r="C975" s="7">
        <f t="shared" si="15"/>
        <v>16.217099999999999</v>
      </c>
      <c r="I975" s="1"/>
    </row>
    <row r="976" spans="1:9" x14ac:dyDescent="0.25">
      <c r="A976" s="3">
        <v>41702.308298611111</v>
      </c>
      <c r="B976" s="6">
        <v>16233.749999999998</v>
      </c>
      <c r="C976" s="7">
        <f t="shared" si="15"/>
        <v>16.233749999999997</v>
      </c>
      <c r="I976" s="1"/>
    </row>
    <row r="977" spans="1:9" x14ac:dyDescent="0.25">
      <c r="A977" s="3">
        <v>41702.30841435185</v>
      </c>
      <c r="B977" s="6">
        <v>16250.399999999998</v>
      </c>
      <c r="C977" s="7">
        <f t="shared" si="15"/>
        <v>16.250399999999999</v>
      </c>
      <c r="I977" s="1"/>
    </row>
    <row r="978" spans="1:9" x14ac:dyDescent="0.25">
      <c r="A978" s="3">
        <v>41702.311423611114</v>
      </c>
      <c r="B978" s="6">
        <v>16267.05</v>
      </c>
      <c r="C978" s="7">
        <f t="shared" si="15"/>
        <v>16.267049999999998</v>
      </c>
      <c r="I978" s="1"/>
    </row>
    <row r="979" spans="1:9" x14ac:dyDescent="0.25">
      <c r="A979" s="3">
        <v>41702.311550925922</v>
      </c>
      <c r="B979" s="6">
        <v>16283.699999999999</v>
      </c>
      <c r="C979" s="7">
        <f t="shared" si="15"/>
        <v>16.2837</v>
      </c>
      <c r="I979" s="1"/>
    </row>
    <row r="980" spans="1:9" x14ac:dyDescent="0.25">
      <c r="A980" s="3">
        <v>41702.313854166663</v>
      </c>
      <c r="B980" s="6">
        <v>16300.349999999999</v>
      </c>
      <c r="C980" s="7">
        <f t="shared" si="15"/>
        <v>16.300349999999998</v>
      </c>
      <c r="I980" s="1"/>
    </row>
    <row r="981" spans="1:9" x14ac:dyDescent="0.25">
      <c r="A981" s="3">
        <v>41702.314027777778</v>
      </c>
      <c r="B981" s="6">
        <v>16316.999999999998</v>
      </c>
      <c r="C981" s="7">
        <f t="shared" si="15"/>
        <v>16.316999999999997</v>
      </c>
      <c r="I981" s="1"/>
    </row>
    <row r="982" spans="1:9" x14ac:dyDescent="0.25">
      <c r="A982" s="3">
        <v>41702.315729166665</v>
      </c>
      <c r="B982" s="6">
        <v>16333.649999999998</v>
      </c>
      <c r="C982" s="7">
        <f t="shared" si="15"/>
        <v>16.333649999999999</v>
      </c>
      <c r="I982" s="1"/>
    </row>
    <row r="983" spans="1:9" x14ac:dyDescent="0.25">
      <c r="A983" s="3">
        <v>41702.316574074073</v>
      </c>
      <c r="B983" s="6">
        <v>16350.3</v>
      </c>
      <c r="C983" s="7">
        <f t="shared" si="15"/>
        <v>16.350300000000001</v>
      </c>
      <c r="I983" s="1"/>
    </row>
    <row r="984" spans="1:9" x14ac:dyDescent="0.25">
      <c r="A984" s="3">
        <v>41702.319849537038</v>
      </c>
      <c r="B984" s="6">
        <v>16366.949999999999</v>
      </c>
      <c r="C984" s="7">
        <f t="shared" si="15"/>
        <v>16.366949999999999</v>
      </c>
      <c r="I984" s="1"/>
    </row>
    <row r="985" spans="1:9" x14ac:dyDescent="0.25">
      <c r="A985" s="3">
        <v>41702.320115740738</v>
      </c>
      <c r="B985" s="6">
        <v>16383.599999999999</v>
      </c>
      <c r="C985" s="7">
        <f t="shared" si="15"/>
        <v>16.383599999999998</v>
      </c>
      <c r="I985" s="1"/>
    </row>
    <row r="986" spans="1:9" x14ac:dyDescent="0.25">
      <c r="A986" s="3">
        <v>41702.322314814817</v>
      </c>
      <c r="B986" s="6">
        <v>16400.25</v>
      </c>
      <c r="C986" s="7">
        <f t="shared" si="15"/>
        <v>16.40025</v>
      </c>
      <c r="I986" s="1"/>
    </row>
    <row r="987" spans="1:9" x14ac:dyDescent="0.25">
      <c r="A987" s="3">
        <v>41702.322777777779</v>
      </c>
      <c r="B987" s="6">
        <v>16416.899999999998</v>
      </c>
      <c r="C987" s="7">
        <f t="shared" si="15"/>
        <v>16.416899999999998</v>
      </c>
      <c r="I987" s="1"/>
    </row>
    <row r="988" spans="1:9" x14ac:dyDescent="0.25">
      <c r="A988" s="3">
        <v>41702.32571759259</v>
      </c>
      <c r="B988" s="6">
        <v>16433.55</v>
      </c>
      <c r="C988" s="7">
        <f t="shared" si="15"/>
        <v>16.43355</v>
      </c>
      <c r="I988" s="1"/>
    </row>
    <row r="989" spans="1:9" x14ac:dyDescent="0.25">
      <c r="A989" s="3">
        <v>41702.325798611113</v>
      </c>
      <c r="B989" s="6">
        <v>16450.199999999997</v>
      </c>
      <c r="C989" s="7">
        <f t="shared" si="15"/>
        <v>16.450199999999999</v>
      </c>
      <c r="I989" s="1"/>
    </row>
    <row r="990" spans="1:9" x14ac:dyDescent="0.25">
      <c r="A990" s="3">
        <v>41702.326909722222</v>
      </c>
      <c r="B990" s="6">
        <v>16466.849999999999</v>
      </c>
      <c r="C990" s="7">
        <f t="shared" si="15"/>
        <v>16.466849999999997</v>
      </c>
      <c r="I990" s="1"/>
    </row>
    <row r="991" spans="1:9" x14ac:dyDescent="0.25">
      <c r="A991" s="3">
        <v>41702.327002314814</v>
      </c>
      <c r="B991" s="6">
        <v>16483.5</v>
      </c>
      <c r="C991" s="7">
        <f t="shared" si="15"/>
        <v>16.483499999999999</v>
      </c>
      <c r="I991" s="1"/>
    </row>
    <row r="992" spans="1:9" x14ac:dyDescent="0.25">
      <c r="A992" s="3">
        <v>41702.328020833331</v>
      </c>
      <c r="B992" s="6">
        <v>16500.149999999998</v>
      </c>
      <c r="C992" s="7">
        <f t="shared" si="15"/>
        <v>16.500149999999998</v>
      </c>
      <c r="I992" s="1"/>
    </row>
    <row r="993" spans="1:9" x14ac:dyDescent="0.25">
      <c r="A993" s="3">
        <v>41702.328182870369</v>
      </c>
      <c r="B993" s="6">
        <v>16516.8</v>
      </c>
      <c r="C993" s="7">
        <f t="shared" si="15"/>
        <v>16.5168</v>
      </c>
      <c r="I993" s="1"/>
    </row>
    <row r="994" spans="1:9" x14ac:dyDescent="0.25">
      <c r="A994" s="3">
        <v>41702.329606481479</v>
      </c>
      <c r="B994" s="6">
        <v>16533.449999999997</v>
      </c>
      <c r="C994" s="7">
        <f t="shared" si="15"/>
        <v>16.533449999999998</v>
      </c>
      <c r="I994" s="1"/>
    </row>
    <row r="995" spans="1:9" x14ac:dyDescent="0.25">
      <c r="A995" s="3">
        <v>41702.329699074071</v>
      </c>
      <c r="B995" s="6">
        <v>16550.099999999999</v>
      </c>
      <c r="C995" s="7">
        <f t="shared" si="15"/>
        <v>16.550099999999997</v>
      </c>
      <c r="I995" s="1"/>
    </row>
    <row r="996" spans="1:9" x14ac:dyDescent="0.25">
      <c r="A996" s="3">
        <v>41702.330428240741</v>
      </c>
      <c r="B996" s="6">
        <v>16566.75</v>
      </c>
      <c r="C996" s="7">
        <f t="shared" si="15"/>
        <v>16.566749999999999</v>
      </c>
      <c r="I996" s="1"/>
    </row>
    <row r="997" spans="1:9" x14ac:dyDescent="0.25">
      <c r="A997" s="3">
        <v>41702.330590277779</v>
      </c>
      <c r="B997" s="6">
        <v>16583.399999999998</v>
      </c>
      <c r="C997" s="7">
        <f t="shared" si="15"/>
        <v>16.583399999999997</v>
      </c>
      <c r="I997" s="1"/>
    </row>
    <row r="998" spans="1:9" x14ac:dyDescent="0.25">
      <c r="A998" s="3">
        <v>41702.332233796296</v>
      </c>
      <c r="B998" s="6">
        <v>16600.05</v>
      </c>
      <c r="C998" s="7">
        <f t="shared" si="15"/>
        <v>16.60005</v>
      </c>
      <c r="I998" s="1"/>
    </row>
    <row r="999" spans="1:9" x14ac:dyDescent="0.25">
      <c r="A999" s="3">
        <v>41702.33252314815</v>
      </c>
      <c r="B999" s="6">
        <v>16616.699999999997</v>
      </c>
      <c r="C999" s="7">
        <f t="shared" si="15"/>
        <v>16.616699999999998</v>
      </c>
      <c r="I999" s="1"/>
    </row>
    <row r="1000" spans="1:9" x14ac:dyDescent="0.25">
      <c r="A1000" s="3">
        <v>41702.334270833337</v>
      </c>
      <c r="B1000" s="6">
        <v>16633.349999999999</v>
      </c>
      <c r="C1000" s="7">
        <f t="shared" si="15"/>
        <v>16.63335</v>
      </c>
      <c r="I1000" s="1"/>
    </row>
    <row r="1001" spans="1:9" x14ac:dyDescent="0.25">
      <c r="A1001" s="3">
        <v>41702.334363425929</v>
      </c>
      <c r="B1001" s="6">
        <v>16650</v>
      </c>
      <c r="C1001" s="7">
        <f t="shared" si="15"/>
        <v>16.649999999999999</v>
      </c>
      <c r="I1001" s="1"/>
    </row>
    <row r="1002" spans="1:9" x14ac:dyDescent="0.25">
      <c r="A1002" s="3">
        <v>41702.335277777776</v>
      </c>
      <c r="B1002" s="6">
        <v>16666.649999999998</v>
      </c>
      <c r="C1002" s="7">
        <f t="shared" si="15"/>
        <v>16.666649999999997</v>
      </c>
      <c r="I1002" s="1"/>
    </row>
    <row r="1003" spans="1:9" x14ac:dyDescent="0.25">
      <c r="A1003" s="3">
        <v>41702.335428240738</v>
      </c>
      <c r="B1003" s="6">
        <v>16683.3</v>
      </c>
      <c r="C1003" s="7">
        <f t="shared" si="15"/>
        <v>16.683299999999999</v>
      </c>
      <c r="I1003" s="1"/>
    </row>
    <row r="1004" spans="1:9" x14ac:dyDescent="0.25">
      <c r="A1004" s="3">
        <v>41702.337372685186</v>
      </c>
      <c r="B1004" s="6">
        <v>16699.949999999997</v>
      </c>
      <c r="C1004" s="7">
        <f t="shared" si="15"/>
        <v>16.699949999999998</v>
      </c>
      <c r="I1004" s="1"/>
    </row>
    <row r="1005" spans="1:9" x14ac:dyDescent="0.25">
      <c r="A1005" s="3">
        <v>41702.337511574071</v>
      </c>
      <c r="B1005" s="6">
        <v>16716.599999999999</v>
      </c>
      <c r="C1005" s="7">
        <f t="shared" si="15"/>
        <v>16.7166</v>
      </c>
      <c r="I1005" s="1"/>
    </row>
    <row r="1006" spans="1:9" x14ac:dyDescent="0.25">
      <c r="A1006" s="3">
        <v>41702.339768518519</v>
      </c>
      <c r="B1006" s="6">
        <v>16733.25</v>
      </c>
      <c r="C1006" s="7">
        <f t="shared" si="15"/>
        <v>16.733250000000002</v>
      </c>
      <c r="I1006" s="1"/>
    </row>
    <row r="1007" spans="1:9" x14ac:dyDescent="0.25">
      <c r="A1007" s="3">
        <v>41702.339988425927</v>
      </c>
      <c r="B1007" s="6">
        <v>16749.899999999998</v>
      </c>
      <c r="C1007" s="7">
        <f t="shared" si="15"/>
        <v>16.749899999999997</v>
      </c>
      <c r="I1007" s="1"/>
    </row>
    <row r="1008" spans="1:9" x14ac:dyDescent="0.25">
      <c r="A1008" s="3">
        <v>41702.342060185183</v>
      </c>
      <c r="B1008" s="6">
        <v>16766.55</v>
      </c>
      <c r="C1008" s="7">
        <f t="shared" si="15"/>
        <v>16.766549999999999</v>
      </c>
      <c r="I1008" s="1"/>
    </row>
    <row r="1009" spans="1:9" x14ac:dyDescent="0.25">
      <c r="A1009" s="3">
        <v>41702.342141203706</v>
      </c>
      <c r="B1009" s="6">
        <v>16783.199999999997</v>
      </c>
      <c r="C1009" s="7">
        <f t="shared" si="15"/>
        <v>16.783199999999997</v>
      </c>
      <c r="I1009" s="1"/>
    </row>
    <row r="1010" spans="1:9" x14ac:dyDescent="0.25">
      <c r="A1010" s="3">
        <v>41702.343460648146</v>
      </c>
      <c r="B1010" s="6">
        <v>16799.849999999999</v>
      </c>
      <c r="C1010" s="7">
        <f t="shared" si="15"/>
        <v>16.799849999999999</v>
      </c>
      <c r="I1010" s="1"/>
    </row>
    <row r="1011" spans="1:9" x14ac:dyDescent="0.25">
      <c r="A1011" s="3">
        <v>41702.34375</v>
      </c>
      <c r="B1011" s="6">
        <v>16816.5</v>
      </c>
      <c r="C1011" s="7">
        <f t="shared" si="15"/>
        <v>16.816500000000001</v>
      </c>
      <c r="I1011" s="1"/>
    </row>
    <row r="1012" spans="1:9" x14ac:dyDescent="0.25">
      <c r="A1012" s="3">
        <v>41702.345636574071</v>
      </c>
      <c r="B1012" s="6">
        <v>16833.149999999998</v>
      </c>
      <c r="C1012" s="7">
        <f t="shared" si="15"/>
        <v>16.833149999999996</v>
      </c>
      <c r="I1012" s="1"/>
    </row>
    <row r="1013" spans="1:9" x14ac:dyDescent="0.25">
      <c r="A1013" s="3">
        <v>41702.34574074074</v>
      </c>
      <c r="B1013" s="6">
        <v>16849.8</v>
      </c>
      <c r="C1013" s="7">
        <f t="shared" si="15"/>
        <v>16.849799999999998</v>
      </c>
      <c r="I1013" s="1"/>
    </row>
    <row r="1014" spans="1:9" x14ac:dyDescent="0.25">
      <c r="A1014" s="3">
        <v>41702.351018518515</v>
      </c>
      <c r="B1014" s="6">
        <v>16866.449999999997</v>
      </c>
      <c r="C1014" s="7">
        <f t="shared" si="15"/>
        <v>16.866449999999997</v>
      </c>
      <c r="I1014" s="1"/>
    </row>
    <row r="1015" spans="1:9" x14ac:dyDescent="0.25">
      <c r="A1015" s="3">
        <v>41702.351087962961</v>
      </c>
      <c r="B1015" s="6">
        <v>16883.099999999999</v>
      </c>
      <c r="C1015" s="7">
        <f t="shared" si="15"/>
        <v>16.883099999999999</v>
      </c>
      <c r="I1015" s="1"/>
    </row>
    <row r="1016" spans="1:9" x14ac:dyDescent="0.25">
      <c r="A1016" s="3">
        <v>41702.353935185187</v>
      </c>
      <c r="B1016" s="6">
        <v>16899.75</v>
      </c>
      <c r="C1016" s="7">
        <f t="shared" si="15"/>
        <v>16.899750000000001</v>
      </c>
      <c r="I1016" s="1"/>
    </row>
    <row r="1017" spans="1:9" x14ac:dyDescent="0.25">
      <c r="A1017" s="3">
        <v>41702.354687500003</v>
      </c>
      <c r="B1017" s="6">
        <v>16916.399999999998</v>
      </c>
      <c r="C1017" s="7">
        <f t="shared" si="15"/>
        <v>16.916399999999999</v>
      </c>
      <c r="I1017" s="1"/>
    </row>
    <row r="1018" spans="1:9" x14ac:dyDescent="0.25">
      <c r="A1018" s="3">
        <v>41702.360474537039</v>
      </c>
      <c r="B1018" s="6">
        <v>16933.05</v>
      </c>
      <c r="C1018" s="7">
        <f t="shared" si="15"/>
        <v>16.933049999999998</v>
      </c>
      <c r="I1018" s="1"/>
    </row>
    <row r="1019" spans="1:9" x14ac:dyDescent="0.25">
      <c r="A1019" s="3">
        <v>41702.360752314817</v>
      </c>
      <c r="B1019" s="6">
        <v>16949.699999999997</v>
      </c>
      <c r="C1019" s="7">
        <f t="shared" si="15"/>
        <v>16.949699999999996</v>
      </c>
      <c r="I1019" s="1"/>
    </row>
    <row r="1020" spans="1:9" x14ac:dyDescent="0.25">
      <c r="A1020" s="3">
        <v>41702.365416666667</v>
      </c>
      <c r="B1020" s="6">
        <v>16966.349999999999</v>
      </c>
      <c r="C1020" s="7">
        <f t="shared" si="15"/>
        <v>16.966349999999998</v>
      </c>
      <c r="I1020" s="1"/>
    </row>
    <row r="1021" spans="1:9" x14ac:dyDescent="0.25">
      <c r="A1021" s="3">
        <v>41702.365578703706</v>
      </c>
      <c r="B1021" s="6">
        <v>16983</v>
      </c>
      <c r="C1021" s="7">
        <f t="shared" si="15"/>
        <v>16.983000000000001</v>
      </c>
      <c r="I1021" s="1"/>
    </row>
    <row r="1022" spans="1:9" x14ac:dyDescent="0.25">
      <c r="A1022" s="3">
        <v>41702.367048611108</v>
      </c>
      <c r="B1022" s="6">
        <v>16999.649999999998</v>
      </c>
      <c r="C1022" s="7">
        <f t="shared" si="15"/>
        <v>16.999649999999999</v>
      </c>
      <c r="I1022" s="1"/>
    </row>
    <row r="1023" spans="1:9" x14ac:dyDescent="0.25">
      <c r="A1023" s="3">
        <v>41702.3671412037</v>
      </c>
      <c r="B1023" s="6">
        <v>17016.3</v>
      </c>
      <c r="C1023" s="7">
        <f t="shared" si="15"/>
        <v>17.016299999999998</v>
      </c>
      <c r="I1023" s="1"/>
    </row>
    <row r="1024" spans="1:9" x14ac:dyDescent="0.25">
      <c r="A1024" s="3">
        <v>41702.368726851855</v>
      </c>
      <c r="B1024" s="6">
        <v>17032.949999999997</v>
      </c>
      <c r="C1024" s="7">
        <f t="shared" si="15"/>
        <v>17.032949999999996</v>
      </c>
      <c r="I1024" s="1"/>
    </row>
    <row r="1025" spans="1:9" x14ac:dyDescent="0.25">
      <c r="A1025" s="3">
        <v>41702.369895833333</v>
      </c>
      <c r="B1025" s="6">
        <v>17049.599999999999</v>
      </c>
      <c r="C1025" s="7">
        <f t="shared" si="15"/>
        <v>17.049599999999998</v>
      </c>
      <c r="I1025" s="1"/>
    </row>
    <row r="1026" spans="1:9" x14ac:dyDescent="0.25">
      <c r="A1026" s="3">
        <v>41702.374155092592</v>
      </c>
      <c r="B1026" s="6">
        <v>17066.25</v>
      </c>
      <c r="C1026" s="7">
        <f t="shared" si="15"/>
        <v>17.06625</v>
      </c>
      <c r="I1026" s="1"/>
    </row>
    <row r="1027" spans="1:9" x14ac:dyDescent="0.25">
      <c r="A1027" s="3">
        <v>41702.375879629632</v>
      </c>
      <c r="B1027" s="6">
        <v>17082.899999999998</v>
      </c>
      <c r="C1027" s="7">
        <f t="shared" ref="C1027:C1090" si="16">B1027/1000</f>
        <v>17.082899999999999</v>
      </c>
      <c r="I1027" s="1"/>
    </row>
    <row r="1028" spans="1:9" x14ac:dyDescent="0.25">
      <c r="A1028" s="3">
        <v>41702.377233796295</v>
      </c>
      <c r="B1028" s="6">
        <v>17099.55</v>
      </c>
      <c r="C1028" s="7">
        <f t="shared" si="16"/>
        <v>17.099550000000001</v>
      </c>
      <c r="I1028" s="1"/>
    </row>
    <row r="1029" spans="1:9" x14ac:dyDescent="0.25">
      <c r="A1029" s="3">
        <v>41702.377615740741</v>
      </c>
      <c r="B1029" s="6">
        <v>17116.199999999997</v>
      </c>
      <c r="C1029" s="7">
        <f t="shared" si="16"/>
        <v>17.116199999999996</v>
      </c>
      <c r="I1029" s="1"/>
    </row>
    <row r="1030" spans="1:9" x14ac:dyDescent="0.25">
      <c r="A1030" s="3">
        <v>41702.378599537034</v>
      </c>
      <c r="B1030" s="6">
        <v>17132.849999999999</v>
      </c>
      <c r="C1030" s="7">
        <f t="shared" si="16"/>
        <v>17.132849999999998</v>
      </c>
      <c r="I1030" s="1"/>
    </row>
    <row r="1031" spans="1:9" x14ac:dyDescent="0.25">
      <c r="A1031" s="3">
        <v>41702.379606481481</v>
      </c>
      <c r="B1031" s="6">
        <v>17149.5</v>
      </c>
      <c r="C1031" s="7">
        <f t="shared" si="16"/>
        <v>17.1495</v>
      </c>
      <c r="I1031" s="1"/>
    </row>
    <row r="1032" spans="1:9" x14ac:dyDescent="0.25">
      <c r="A1032" s="3">
        <v>41702.382349537038</v>
      </c>
      <c r="B1032" s="6">
        <v>17166.149999999998</v>
      </c>
      <c r="C1032" s="7">
        <f t="shared" si="16"/>
        <v>17.166149999999998</v>
      </c>
      <c r="I1032" s="1"/>
    </row>
    <row r="1033" spans="1:9" x14ac:dyDescent="0.25">
      <c r="A1033" s="3">
        <v>41702.382453703707</v>
      </c>
      <c r="B1033" s="6">
        <v>17182.8</v>
      </c>
      <c r="C1033" s="7">
        <f t="shared" si="16"/>
        <v>17.1828</v>
      </c>
      <c r="I1033" s="1"/>
    </row>
    <row r="1034" spans="1:9" x14ac:dyDescent="0.25">
      <c r="A1034" s="3">
        <v>41702.383923611109</v>
      </c>
      <c r="B1034" s="6">
        <v>17199.449999999997</v>
      </c>
      <c r="C1034" s="7">
        <f t="shared" si="16"/>
        <v>17.199449999999999</v>
      </c>
      <c r="I1034" s="1"/>
    </row>
    <row r="1035" spans="1:9" x14ac:dyDescent="0.25">
      <c r="A1035" s="3">
        <v>41702.384340277778</v>
      </c>
      <c r="B1035" s="6">
        <v>17216.099999999999</v>
      </c>
      <c r="C1035" s="7">
        <f t="shared" si="16"/>
        <v>17.216099999999997</v>
      </c>
      <c r="I1035" s="1"/>
    </row>
    <row r="1036" spans="1:9" x14ac:dyDescent="0.25">
      <c r="A1036" s="3">
        <v>41702.387326388889</v>
      </c>
      <c r="B1036" s="6">
        <v>17232.75</v>
      </c>
      <c r="C1036" s="7">
        <f t="shared" si="16"/>
        <v>17.232749999999999</v>
      </c>
      <c r="I1036" s="1"/>
    </row>
    <row r="1037" spans="1:9" x14ac:dyDescent="0.25">
      <c r="A1037" s="3">
        <v>41702.387592592589</v>
      </c>
      <c r="B1037" s="6">
        <v>17249.399999999998</v>
      </c>
      <c r="C1037" s="7">
        <f t="shared" si="16"/>
        <v>17.249399999999998</v>
      </c>
      <c r="I1037" s="1"/>
    </row>
    <row r="1038" spans="1:9" x14ac:dyDescent="0.25">
      <c r="A1038" s="3">
        <v>41702.389131944445</v>
      </c>
      <c r="B1038" s="6">
        <v>17266.05</v>
      </c>
      <c r="C1038" s="7">
        <f t="shared" si="16"/>
        <v>17.26605</v>
      </c>
      <c r="I1038" s="1"/>
    </row>
    <row r="1039" spans="1:9" x14ac:dyDescent="0.25">
      <c r="A1039" s="3">
        <v>41702.38921296296</v>
      </c>
      <c r="B1039" s="6">
        <v>17282.699999999997</v>
      </c>
      <c r="C1039" s="7">
        <f t="shared" si="16"/>
        <v>17.282699999999998</v>
      </c>
      <c r="I1039" s="1"/>
    </row>
    <row r="1040" spans="1:9" x14ac:dyDescent="0.25">
      <c r="A1040" s="3">
        <v>41702.391076388885</v>
      </c>
      <c r="B1040" s="6">
        <v>17299.349999999999</v>
      </c>
      <c r="C1040" s="7">
        <f t="shared" si="16"/>
        <v>17.299349999999997</v>
      </c>
      <c r="I1040" s="1"/>
    </row>
    <row r="1041" spans="1:9" x14ac:dyDescent="0.25">
      <c r="A1041" s="3">
        <v>41702.391250000001</v>
      </c>
      <c r="B1041" s="6">
        <v>17316</v>
      </c>
      <c r="C1041" s="7">
        <f t="shared" si="16"/>
        <v>17.315999999999999</v>
      </c>
      <c r="I1041" s="1"/>
    </row>
    <row r="1042" spans="1:9" x14ac:dyDescent="0.25">
      <c r="A1042" s="3">
        <v>41702.392638888887</v>
      </c>
      <c r="B1042" s="6">
        <v>17332.649999999998</v>
      </c>
      <c r="C1042" s="7">
        <f t="shared" si="16"/>
        <v>17.332649999999997</v>
      </c>
      <c r="I1042" s="1"/>
    </row>
    <row r="1043" spans="1:9" x14ac:dyDescent="0.25">
      <c r="A1043" s="3">
        <v>41702.392754629633</v>
      </c>
      <c r="B1043" s="6">
        <v>17349.3</v>
      </c>
      <c r="C1043" s="7">
        <f t="shared" si="16"/>
        <v>17.349299999999999</v>
      </c>
      <c r="I1043" s="1"/>
    </row>
    <row r="1044" spans="1:9" x14ac:dyDescent="0.25">
      <c r="A1044" s="3">
        <v>41702.394999999997</v>
      </c>
      <c r="B1044" s="6">
        <v>17365.949999999997</v>
      </c>
      <c r="C1044" s="7">
        <f t="shared" si="16"/>
        <v>17.365949999999998</v>
      </c>
      <c r="I1044" s="1"/>
    </row>
    <row r="1045" spans="1:9" x14ac:dyDescent="0.25">
      <c r="A1045" s="3">
        <v>41702.395127314812</v>
      </c>
      <c r="B1045" s="6">
        <v>17382.599999999999</v>
      </c>
      <c r="C1045" s="7">
        <f t="shared" si="16"/>
        <v>17.3826</v>
      </c>
      <c r="I1045" s="1"/>
    </row>
    <row r="1046" spans="1:9" x14ac:dyDescent="0.25">
      <c r="A1046" s="3">
        <v>41702.396666666667</v>
      </c>
      <c r="B1046" s="6">
        <v>17399.25</v>
      </c>
      <c r="C1046" s="7">
        <f t="shared" si="16"/>
        <v>17.399249999999999</v>
      </c>
      <c r="I1046" s="1"/>
    </row>
    <row r="1047" spans="1:9" x14ac:dyDescent="0.25">
      <c r="A1047" s="3">
        <v>41702.396782407406</v>
      </c>
      <c r="B1047" s="6">
        <v>17415.899999999998</v>
      </c>
      <c r="C1047" s="7">
        <f t="shared" si="16"/>
        <v>17.415899999999997</v>
      </c>
      <c r="I1047" s="1"/>
    </row>
    <row r="1048" spans="1:9" x14ac:dyDescent="0.25">
      <c r="A1048" s="3">
        <v>41702.397662037038</v>
      </c>
      <c r="B1048" s="6">
        <v>17432.55</v>
      </c>
      <c r="C1048" s="7">
        <f t="shared" si="16"/>
        <v>17.432549999999999</v>
      </c>
      <c r="I1048" s="1"/>
    </row>
    <row r="1049" spans="1:9" x14ac:dyDescent="0.25">
      <c r="A1049" s="3">
        <v>41702.397812499999</v>
      </c>
      <c r="B1049" s="6">
        <v>17449.199999999997</v>
      </c>
      <c r="C1049" s="7">
        <f t="shared" si="16"/>
        <v>17.449199999999998</v>
      </c>
      <c r="I1049" s="1"/>
    </row>
    <row r="1050" spans="1:9" x14ac:dyDescent="0.25">
      <c r="A1050" s="3">
        <v>41702.398553240739</v>
      </c>
      <c r="B1050" s="6">
        <v>17465.849999999999</v>
      </c>
      <c r="C1050" s="7">
        <f t="shared" si="16"/>
        <v>17.46585</v>
      </c>
      <c r="I1050" s="1"/>
    </row>
    <row r="1051" spans="1:9" x14ac:dyDescent="0.25">
      <c r="A1051" s="3">
        <v>41702.398645833331</v>
      </c>
      <c r="B1051" s="6">
        <v>17482.5</v>
      </c>
      <c r="C1051" s="7">
        <f t="shared" si="16"/>
        <v>17.482500000000002</v>
      </c>
      <c r="I1051" s="1"/>
    </row>
    <row r="1052" spans="1:9" x14ac:dyDescent="0.25">
      <c r="A1052" s="3">
        <v>41702.400868055556</v>
      </c>
      <c r="B1052" s="6">
        <v>17499.149999999998</v>
      </c>
      <c r="C1052" s="7">
        <f t="shared" si="16"/>
        <v>17.499149999999997</v>
      </c>
      <c r="I1052" s="1"/>
    </row>
    <row r="1053" spans="1:9" x14ac:dyDescent="0.25">
      <c r="A1053" s="3">
        <v>41702.40111111111</v>
      </c>
      <c r="B1053" s="6">
        <v>17515.8</v>
      </c>
      <c r="C1053" s="7">
        <f t="shared" si="16"/>
        <v>17.515799999999999</v>
      </c>
      <c r="I1053" s="1"/>
    </row>
    <row r="1054" spans="1:9" x14ac:dyDescent="0.25">
      <c r="A1054" s="3">
        <v>41702.402800925927</v>
      </c>
      <c r="B1054" s="6">
        <v>17532.449999999997</v>
      </c>
      <c r="C1054" s="7">
        <f t="shared" si="16"/>
        <v>17.532449999999997</v>
      </c>
      <c r="I1054" s="1"/>
    </row>
    <row r="1055" spans="1:9" x14ac:dyDescent="0.25">
      <c r="A1055" s="3">
        <v>41702.403020833335</v>
      </c>
      <c r="B1055" s="6">
        <v>17549.099999999999</v>
      </c>
      <c r="C1055" s="7">
        <f t="shared" si="16"/>
        <v>17.549099999999999</v>
      </c>
      <c r="I1055" s="1"/>
    </row>
    <row r="1056" spans="1:9" x14ac:dyDescent="0.25">
      <c r="A1056" s="3">
        <v>41702.404120370367</v>
      </c>
      <c r="B1056" s="6">
        <v>17565.75</v>
      </c>
      <c r="C1056" s="7">
        <f t="shared" si="16"/>
        <v>17.565750000000001</v>
      </c>
      <c r="I1056" s="1"/>
    </row>
    <row r="1057" spans="1:9" x14ac:dyDescent="0.25">
      <c r="A1057" s="3">
        <v>41702.404178240744</v>
      </c>
      <c r="B1057" s="6">
        <v>17582.399999999998</v>
      </c>
      <c r="C1057" s="7">
        <f t="shared" si="16"/>
        <v>17.582399999999996</v>
      </c>
      <c r="I1057" s="1"/>
    </row>
    <row r="1058" spans="1:9" x14ac:dyDescent="0.25">
      <c r="A1058" s="3">
        <v>41702.405266203707</v>
      </c>
      <c r="B1058" s="6">
        <v>17599.05</v>
      </c>
      <c r="C1058" s="7">
        <f t="shared" si="16"/>
        <v>17.599049999999998</v>
      </c>
      <c r="I1058" s="1"/>
    </row>
    <row r="1059" spans="1:9" x14ac:dyDescent="0.25">
      <c r="A1059" s="3">
        <v>41702.405370370368</v>
      </c>
      <c r="B1059" s="6">
        <v>17615.699999999997</v>
      </c>
      <c r="C1059" s="7">
        <f t="shared" si="16"/>
        <v>17.615699999999997</v>
      </c>
      <c r="I1059" s="1"/>
    </row>
    <row r="1060" spans="1:9" x14ac:dyDescent="0.25">
      <c r="A1060" s="3">
        <v>41702.407013888886</v>
      </c>
      <c r="B1060" s="6">
        <v>17632.349999999999</v>
      </c>
      <c r="C1060" s="7">
        <f t="shared" si="16"/>
        <v>17.632349999999999</v>
      </c>
      <c r="I1060" s="1"/>
    </row>
    <row r="1061" spans="1:9" x14ac:dyDescent="0.25">
      <c r="A1061" s="3">
        <v>41702.407442129632</v>
      </c>
      <c r="B1061" s="6">
        <v>17649</v>
      </c>
      <c r="C1061" s="7">
        <f t="shared" si="16"/>
        <v>17.649000000000001</v>
      </c>
      <c r="I1061" s="1"/>
    </row>
    <row r="1062" spans="1:9" x14ac:dyDescent="0.25">
      <c r="A1062" s="3">
        <v>41702.408703703702</v>
      </c>
      <c r="B1062" s="6">
        <v>17665.649999999998</v>
      </c>
      <c r="C1062" s="7">
        <f t="shared" si="16"/>
        <v>17.665649999999999</v>
      </c>
      <c r="I1062" s="1"/>
    </row>
    <row r="1063" spans="1:9" x14ac:dyDescent="0.25">
      <c r="A1063" s="3">
        <v>41702.408831018518</v>
      </c>
      <c r="B1063" s="6">
        <v>17682.3</v>
      </c>
      <c r="C1063" s="7">
        <f t="shared" si="16"/>
        <v>17.682299999999998</v>
      </c>
      <c r="I1063" s="1"/>
    </row>
    <row r="1064" spans="1:9" x14ac:dyDescent="0.25">
      <c r="A1064" s="3">
        <v>41702.40997685185</v>
      </c>
      <c r="B1064" s="6">
        <v>17698.949999999997</v>
      </c>
      <c r="C1064" s="7">
        <f t="shared" si="16"/>
        <v>17.698949999999996</v>
      </c>
      <c r="I1064" s="1"/>
    </row>
    <row r="1065" spans="1:9" x14ac:dyDescent="0.25">
      <c r="A1065" s="3">
        <v>41702.410115740742</v>
      </c>
      <c r="B1065" s="6">
        <v>17715.599999999999</v>
      </c>
      <c r="C1065" s="7">
        <f t="shared" si="16"/>
        <v>17.715599999999998</v>
      </c>
      <c r="I1065" s="1"/>
    </row>
    <row r="1066" spans="1:9" x14ac:dyDescent="0.25">
      <c r="A1066" s="3">
        <v>41702.411041666666</v>
      </c>
      <c r="B1066" s="6">
        <v>17732.25</v>
      </c>
      <c r="C1066" s="7">
        <f t="shared" si="16"/>
        <v>17.732250000000001</v>
      </c>
      <c r="I1066" s="1"/>
    </row>
    <row r="1067" spans="1:9" x14ac:dyDescent="0.25">
      <c r="A1067" s="3">
        <v>41702.411111111112</v>
      </c>
      <c r="B1067" s="6">
        <v>17748.899999999998</v>
      </c>
      <c r="C1067" s="7">
        <f t="shared" si="16"/>
        <v>17.748899999999999</v>
      </c>
      <c r="I1067" s="1"/>
    </row>
    <row r="1068" spans="1:9" x14ac:dyDescent="0.25">
      <c r="A1068" s="3">
        <v>41702.412187499998</v>
      </c>
      <c r="B1068" s="6">
        <v>17765.55</v>
      </c>
      <c r="C1068" s="7">
        <f t="shared" si="16"/>
        <v>17.765549999999998</v>
      </c>
      <c r="I1068" s="1"/>
    </row>
    <row r="1069" spans="1:9" x14ac:dyDescent="0.25">
      <c r="A1069" s="3">
        <v>41702.412268518521</v>
      </c>
      <c r="B1069" s="6">
        <v>17782.199999999997</v>
      </c>
      <c r="C1069" s="7">
        <f t="shared" si="16"/>
        <v>17.782199999999996</v>
      </c>
      <c r="I1069" s="1"/>
    </row>
    <row r="1070" spans="1:9" x14ac:dyDescent="0.25">
      <c r="A1070" s="3">
        <v>41702.412928240738</v>
      </c>
      <c r="B1070" s="6">
        <v>17798.849999999999</v>
      </c>
      <c r="C1070" s="7">
        <f t="shared" si="16"/>
        <v>17.798849999999998</v>
      </c>
      <c r="I1070" s="1"/>
    </row>
    <row r="1071" spans="1:9" x14ac:dyDescent="0.25">
      <c r="A1071" s="3">
        <v>41702.412974537037</v>
      </c>
      <c r="B1071" s="6">
        <v>17815.5</v>
      </c>
      <c r="C1071" s="7">
        <f t="shared" si="16"/>
        <v>17.8155</v>
      </c>
      <c r="I1071" s="1"/>
    </row>
    <row r="1072" spans="1:9" x14ac:dyDescent="0.25">
      <c r="A1072" s="3">
        <v>41702.413460648146</v>
      </c>
      <c r="B1072" s="6">
        <v>17832.149999999998</v>
      </c>
      <c r="C1072" s="7">
        <f t="shared" si="16"/>
        <v>17.832149999999999</v>
      </c>
      <c r="I1072" s="1"/>
    </row>
    <row r="1073" spans="1:9" x14ac:dyDescent="0.25">
      <c r="A1073" s="3">
        <v>41702.413530092592</v>
      </c>
      <c r="B1073" s="6">
        <v>17848.8</v>
      </c>
      <c r="C1073" s="7">
        <f t="shared" si="16"/>
        <v>17.848800000000001</v>
      </c>
      <c r="I1073" s="1"/>
    </row>
    <row r="1074" spans="1:9" x14ac:dyDescent="0.25">
      <c r="A1074" s="3">
        <v>41702.414409722223</v>
      </c>
      <c r="B1074" s="6">
        <v>17865.449999999997</v>
      </c>
      <c r="C1074" s="7">
        <f t="shared" si="16"/>
        <v>17.865449999999996</v>
      </c>
      <c r="I1074" s="1"/>
    </row>
    <row r="1075" spans="1:9" x14ac:dyDescent="0.25">
      <c r="A1075" s="3">
        <v>41702.414456018516</v>
      </c>
      <c r="B1075" s="6">
        <v>17882.099999999999</v>
      </c>
      <c r="C1075" s="7">
        <f t="shared" si="16"/>
        <v>17.882099999999998</v>
      </c>
      <c r="I1075" s="1"/>
    </row>
    <row r="1076" spans="1:9" x14ac:dyDescent="0.25">
      <c r="A1076" s="3">
        <v>41702.414849537039</v>
      </c>
      <c r="B1076" s="6">
        <v>17898.75</v>
      </c>
      <c r="C1076" s="7">
        <f t="shared" si="16"/>
        <v>17.89875</v>
      </c>
      <c r="I1076" s="1"/>
    </row>
    <row r="1077" spans="1:9" x14ac:dyDescent="0.25">
      <c r="A1077" s="3">
        <v>41702.414942129632</v>
      </c>
      <c r="B1077" s="6">
        <v>17915.399999999998</v>
      </c>
      <c r="C1077" s="7">
        <f t="shared" si="16"/>
        <v>17.915399999999998</v>
      </c>
      <c r="I1077" s="1"/>
    </row>
    <row r="1078" spans="1:9" x14ac:dyDescent="0.25">
      <c r="A1078" s="3">
        <v>41702.415613425925</v>
      </c>
      <c r="B1078" s="6">
        <v>17932.05</v>
      </c>
      <c r="C1078" s="7">
        <f t="shared" si="16"/>
        <v>17.93205</v>
      </c>
      <c r="I1078" s="1"/>
    </row>
    <row r="1079" spans="1:9" x14ac:dyDescent="0.25">
      <c r="A1079" s="3">
        <v>41702.415729166663</v>
      </c>
      <c r="B1079" s="6">
        <v>17948.699999999997</v>
      </c>
      <c r="C1079" s="7">
        <f t="shared" si="16"/>
        <v>17.948699999999999</v>
      </c>
      <c r="I1079" s="1"/>
    </row>
    <row r="1080" spans="1:9" x14ac:dyDescent="0.25">
      <c r="A1080" s="3">
        <v>41702.417129629626</v>
      </c>
      <c r="B1080" s="6">
        <v>17965.349999999999</v>
      </c>
      <c r="C1080" s="7">
        <f t="shared" si="16"/>
        <v>17.965349999999997</v>
      </c>
      <c r="I1080" s="1"/>
    </row>
    <row r="1081" spans="1:9" x14ac:dyDescent="0.25">
      <c r="A1081" s="3">
        <v>41702.417291666665</v>
      </c>
      <c r="B1081" s="6">
        <v>17982</v>
      </c>
      <c r="C1081" s="7">
        <f t="shared" si="16"/>
        <v>17.981999999999999</v>
      </c>
      <c r="I1081" s="1"/>
    </row>
    <row r="1082" spans="1:9" x14ac:dyDescent="0.25">
      <c r="A1082" s="3">
        <v>41702.418819444443</v>
      </c>
      <c r="B1082" s="6">
        <v>17998.649999999998</v>
      </c>
      <c r="C1082" s="7">
        <f t="shared" si="16"/>
        <v>17.998649999999998</v>
      </c>
      <c r="I1082" s="1"/>
    </row>
    <row r="1083" spans="1:9" x14ac:dyDescent="0.25">
      <c r="A1083" s="3">
        <v>41702.418969907405</v>
      </c>
      <c r="B1083" s="6">
        <v>18015.3</v>
      </c>
      <c r="C1083" s="7">
        <f t="shared" si="16"/>
        <v>18.0153</v>
      </c>
      <c r="I1083" s="1"/>
    </row>
    <row r="1084" spans="1:9" x14ac:dyDescent="0.25">
      <c r="A1084" s="3">
        <v>41702.420428240737</v>
      </c>
      <c r="B1084" s="6">
        <v>18031.949999999997</v>
      </c>
      <c r="C1084" s="7">
        <f t="shared" si="16"/>
        <v>18.031949999999998</v>
      </c>
      <c r="I1084" s="1"/>
    </row>
    <row r="1085" spans="1:9" x14ac:dyDescent="0.25">
      <c r="A1085" s="3">
        <v>41702.42050925926</v>
      </c>
      <c r="B1085" s="6">
        <v>18048.599999999999</v>
      </c>
      <c r="C1085" s="7">
        <f t="shared" si="16"/>
        <v>18.048599999999997</v>
      </c>
      <c r="I1085" s="1"/>
    </row>
    <row r="1086" spans="1:9" x14ac:dyDescent="0.25">
      <c r="A1086" s="3">
        <v>41702.421087962961</v>
      </c>
      <c r="B1086" s="6">
        <v>18065.25</v>
      </c>
      <c r="C1086" s="7">
        <f t="shared" si="16"/>
        <v>18.065249999999999</v>
      </c>
      <c r="I1086" s="1"/>
    </row>
    <row r="1087" spans="1:9" x14ac:dyDescent="0.25">
      <c r="A1087" s="3">
        <v>41702.421168981484</v>
      </c>
      <c r="B1087" s="6">
        <v>18081.899999999998</v>
      </c>
      <c r="C1087" s="7">
        <f t="shared" si="16"/>
        <v>18.081899999999997</v>
      </c>
      <c r="I1087" s="1"/>
    </row>
    <row r="1088" spans="1:9" x14ac:dyDescent="0.25">
      <c r="A1088" s="3">
        <v>41702.421863425923</v>
      </c>
      <c r="B1088" s="6">
        <v>18098.55</v>
      </c>
      <c r="C1088" s="7">
        <f t="shared" si="16"/>
        <v>18.098549999999999</v>
      </c>
      <c r="I1088" s="1"/>
    </row>
    <row r="1089" spans="1:9" x14ac:dyDescent="0.25">
      <c r="A1089" s="3">
        <v>41702.421909722223</v>
      </c>
      <c r="B1089" s="6">
        <v>18115.199999999997</v>
      </c>
      <c r="C1089" s="7">
        <f t="shared" si="16"/>
        <v>18.115199999999998</v>
      </c>
      <c r="I1089" s="1"/>
    </row>
    <row r="1090" spans="1:9" x14ac:dyDescent="0.25">
      <c r="A1090" s="3">
        <v>41702.422546296293</v>
      </c>
      <c r="B1090" s="6">
        <v>18131.849999999999</v>
      </c>
      <c r="C1090" s="7">
        <f t="shared" si="16"/>
        <v>18.13185</v>
      </c>
      <c r="I1090" s="1"/>
    </row>
    <row r="1091" spans="1:9" x14ac:dyDescent="0.25">
      <c r="A1091" s="3">
        <v>41702.422673611109</v>
      </c>
      <c r="B1091" s="6">
        <v>18148.5</v>
      </c>
      <c r="C1091" s="7">
        <f t="shared" ref="C1091:C1154" si="17">B1091/1000</f>
        <v>18.148499999999999</v>
      </c>
      <c r="I1091" s="1"/>
    </row>
    <row r="1092" spans="1:9" x14ac:dyDescent="0.25">
      <c r="A1092" s="3">
        <v>41702.423935185187</v>
      </c>
      <c r="B1092" s="6">
        <v>18165.149999999998</v>
      </c>
      <c r="C1092" s="7">
        <f t="shared" si="17"/>
        <v>18.165149999999997</v>
      </c>
      <c r="I1092" s="1"/>
    </row>
    <row r="1093" spans="1:9" x14ac:dyDescent="0.25">
      <c r="A1093" s="3">
        <v>41702.424074074072</v>
      </c>
      <c r="B1093" s="6">
        <v>18181.8</v>
      </c>
      <c r="C1093" s="7">
        <f t="shared" si="17"/>
        <v>18.181799999999999</v>
      </c>
      <c r="I1093" s="1"/>
    </row>
    <row r="1094" spans="1:9" x14ac:dyDescent="0.25">
      <c r="A1094" s="3">
        <v>41702.425810185188</v>
      </c>
      <c r="B1094" s="6">
        <v>18198.449999999997</v>
      </c>
      <c r="C1094" s="7">
        <f t="shared" si="17"/>
        <v>18.198449999999998</v>
      </c>
      <c r="I1094" s="1"/>
    </row>
    <row r="1095" spans="1:9" x14ac:dyDescent="0.25">
      <c r="A1095" s="3">
        <v>41702.426215277781</v>
      </c>
      <c r="B1095" s="6">
        <v>18215.099999999999</v>
      </c>
      <c r="C1095" s="7">
        <f t="shared" si="17"/>
        <v>18.2151</v>
      </c>
      <c r="I1095" s="1"/>
    </row>
    <row r="1096" spans="1:9" x14ac:dyDescent="0.25">
      <c r="A1096" s="3">
        <v>41702.427800925929</v>
      </c>
      <c r="B1096" s="6">
        <v>18231.75</v>
      </c>
      <c r="C1096" s="7">
        <f t="shared" si="17"/>
        <v>18.231750000000002</v>
      </c>
      <c r="I1096" s="1"/>
    </row>
    <row r="1097" spans="1:9" x14ac:dyDescent="0.25">
      <c r="A1097" s="3">
        <v>41702.427893518521</v>
      </c>
      <c r="B1097" s="6">
        <v>18248.399999999998</v>
      </c>
      <c r="C1097" s="7">
        <f t="shared" si="17"/>
        <v>18.248399999999997</v>
      </c>
      <c r="I1097" s="1"/>
    </row>
    <row r="1098" spans="1:9" x14ac:dyDescent="0.25">
      <c r="A1098" s="3">
        <v>41702.428900462961</v>
      </c>
      <c r="B1098" s="6">
        <v>18265.05</v>
      </c>
      <c r="C1098" s="7">
        <f t="shared" si="17"/>
        <v>18.265049999999999</v>
      </c>
      <c r="I1098" s="1"/>
    </row>
    <row r="1099" spans="1:9" x14ac:dyDescent="0.25">
      <c r="A1099" s="3">
        <v>41702.428981481484</v>
      </c>
      <c r="B1099" s="6">
        <v>18281.699999999997</v>
      </c>
      <c r="C1099" s="7">
        <f t="shared" si="17"/>
        <v>18.281699999999997</v>
      </c>
      <c r="I1099" s="1"/>
    </row>
    <row r="1100" spans="1:9" x14ac:dyDescent="0.25">
      <c r="A1100" s="3">
        <v>41702.4299537037</v>
      </c>
      <c r="B1100" s="6">
        <v>18298.349999999999</v>
      </c>
      <c r="C1100" s="7">
        <f t="shared" si="17"/>
        <v>18.298349999999999</v>
      </c>
      <c r="I1100" s="1"/>
    </row>
    <row r="1101" spans="1:9" x14ac:dyDescent="0.25">
      <c r="A1101" s="3">
        <v>41702.43005787037</v>
      </c>
      <c r="B1101" s="6">
        <v>18315</v>
      </c>
      <c r="C1101" s="7">
        <f t="shared" si="17"/>
        <v>18.315000000000001</v>
      </c>
      <c r="I1101" s="1"/>
    </row>
    <row r="1102" spans="1:9" x14ac:dyDescent="0.25">
      <c r="A1102" s="3">
        <v>41702.432071759256</v>
      </c>
      <c r="B1102" s="6">
        <v>18331.649999999998</v>
      </c>
      <c r="C1102" s="7">
        <f t="shared" si="17"/>
        <v>18.331649999999996</v>
      </c>
      <c r="I1102" s="1"/>
    </row>
    <row r="1103" spans="1:9" x14ac:dyDescent="0.25">
      <c r="A1103" s="3">
        <v>41702.432233796295</v>
      </c>
      <c r="B1103" s="6">
        <v>18348.3</v>
      </c>
      <c r="C1103" s="7">
        <f t="shared" si="17"/>
        <v>18.348299999999998</v>
      </c>
      <c r="I1103" s="1"/>
    </row>
    <row r="1104" spans="1:9" x14ac:dyDescent="0.25">
      <c r="A1104" s="3">
        <v>41702.433564814812</v>
      </c>
      <c r="B1104" s="6">
        <v>18364.949999999997</v>
      </c>
      <c r="C1104" s="7">
        <f t="shared" si="17"/>
        <v>18.364949999999997</v>
      </c>
      <c r="I1104" s="1"/>
    </row>
    <row r="1105" spans="1:9" x14ac:dyDescent="0.25">
      <c r="A1105" s="3">
        <v>41702.433703703704</v>
      </c>
      <c r="B1105" s="6">
        <v>18381.599999999999</v>
      </c>
      <c r="C1105" s="7">
        <f t="shared" si="17"/>
        <v>18.381599999999999</v>
      </c>
      <c r="I1105" s="1"/>
    </row>
    <row r="1106" spans="1:9" x14ac:dyDescent="0.25">
      <c r="A1106" s="3">
        <v>41702.434652777774</v>
      </c>
      <c r="B1106" s="6">
        <v>18398.25</v>
      </c>
      <c r="C1106" s="7">
        <f t="shared" si="17"/>
        <v>18.398250000000001</v>
      </c>
      <c r="I1106" s="1"/>
    </row>
    <row r="1107" spans="1:9" x14ac:dyDescent="0.25">
      <c r="A1107" s="3">
        <v>41702.434837962966</v>
      </c>
      <c r="B1107" s="6">
        <v>18414.899999999998</v>
      </c>
      <c r="C1107" s="7">
        <f t="shared" si="17"/>
        <v>18.414899999999999</v>
      </c>
      <c r="I1107" s="1"/>
    </row>
    <row r="1108" spans="1:9" x14ac:dyDescent="0.25">
      <c r="A1108" s="3">
        <v>41702.436203703706</v>
      </c>
      <c r="B1108" s="6">
        <v>18431.55</v>
      </c>
      <c r="C1108" s="7">
        <f t="shared" si="17"/>
        <v>18.431549999999998</v>
      </c>
      <c r="I1108" s="1"/>
    </row>
    <row r="1109" spans="1:9" x14ac:dyDescent="0.25">
      <c r="A1109" s="3">
        <v>41702.43644675926</v>
      </c>
      <c r="B1109" s="6">
        <v>18448.199999999997</v>
      </c>
      <c r="C1109" s="7">
        <f t="shared" si="17"/>
        <v>18.448199999999996</v>
      </c>
      <c r="I1109" s="1"/>
    </row>
    <row r="1110" spans="1:9" x14ac:dyDescent="0.25">
      <c r="A1110" s="3">
        <v>41702.437650462962</v>
      </c>
      <c r="B1110" s="6">
        <v>18464.849999999999</v>
      </c>
      <c r="C1110" s="7">
        <f t="shared" si="17"/>
        <v>18.464849999999998</v>
      </c>
      <c r="I1110" s="1"/>
    </row>
    <row r="1111" spans="1:9" x14ac:dyDescent="0.25">
      <c r="A1111" s="3">
        <v>41702.437777777777</v>
      </c>
      <c r="B1111" s="6">
        <v>18481.5</v>
      </c>
      <c r="C1111" s="7">
        <f t="shared" si="17"/>
        <v>18.4815</v>
      </c>
      <c r="I1111" s="1"/>
    </row>
    <row r="1112" spans="1:9" x14ac:dyDescent="0.25">
      <c r="A1112" s="3">
        <v>41702.438773148147</v>
      </c>
      <c r="B1112" s="6">
        <v>18498.149999999998</v>
      </c>
      <c r="C1112" s="7">
        <f t="shared" si="17"/>
        <v>18.498149999999999</v>
      </c>
      <c r="I1112" s="1"/>
    </row>
    <row r="1113" spans="1:9" x14ac:dyDescent="0.25">
      <c r="A1113" s="3">
        <v>41702.438888888886</v>
      </c>
      <c r="B1113" s="6">
        <v>18514.8</v>
      </c>
      <c r="C1113" s="7">
        <f t="shared" si="17"/>
        <v>18.514800000000001</v>
      </c>
      <c r="I1113" s="1"/>
    </row>
    <row r="1114" spans="1:9" x14ac:dyDescent="0.25">
      <c r="A1114" s="3">
        <v>41702.439652777779</v>
      </c>
      <c r="B1114" s="6">
        <v>18531.449999999997</v>
      </c>
      <c r="C1114" s="7">
        <f t="shared" si="17"/>
        <v>18.531449999999996</v>
      </c>
      <c r="I1114" s="1"/>
    </row>
    <row r="1115" spans="1:9" x14ac:dyDescent="0.25">
      <c r="A1115" s="3">
        <v>41702.439722222225</v>
      </c>
      <c r="B1115" s="6">
        <v>18548.099999999999</v>
      </c>
      <c r="C1115" s="7">
        <f t="shared" si="17"/>
        <v>18.548099999999998</v>
      </c>
      <c r="I1115" s="1"/>
    </row>
    <row r="1116" spans="1:9" x14ac:dyDescent="0.25">
      <c r="A1116" s="3">
        <v>41702.440532407411</v>
      </c>
      <c r="B1116" s="6">
        <v>18564.75</v>
      </c>
      <c r="C1116" s="7">
        <f t="shared" si="17"/>
        <v>18.56475</v>
      </c>
      <c r="I1116" s="1"/>
    </row>
    <row r="1117" spans="1:9" x14ac:dyDescent="0.25">
      <c r="A1117" s="3">
        <v>41702.440625000003</v>
      </c>
      <c r="B1117" s="6">
        <v>18581.399999999998</v>
      </c>
      <c r="C1117" s="7">
        <f t="shared" si="17"/>
        <v>18.581399999999999</v>
      </c>
      <c r="I1117" s="1"/>
    </row>
    <row r="1118" spans="1:9" x14ac:dyDescent="0.25">
      <c r="A1118" s="3">
        <v>41702.441527777781</v>
      </c>
      <c r="B1118" s="6">
        <v>18598.05</v>
      </c>
      <c r="C1118" s="7">
        <f t="shared" si="17"/>
        <v>18.598050000000001</v>
      </c>
      <c r="I1118" s="1"/>
    </row>
    <row r="1119" spans="1:9" x14ac:dyDescent="0.25">
      <c r="A1119" s="3">
        <v>41702.44159722222</v>
      </c>
      <c r="B1119" s="6">
        <v>18614.699999999997</v>
      </c>
      <c r="C1119" s="7">
        <f t="shared" si="17"/>
        <v>18.614699999999996</v>
      </c>
      <c r="I1119" s="1"/>
    </row>
    <row r="1120" spans="1:9" x14ac:dyDescent="0.25">
      <c r="A1120" s="3">
        <v>41702.442152777781</v>
      </c>
      <c r="B1120" s="6">
        <v>18631.349999999999</v>
      </c>
      <c r="C1120" s="7">
        <f t="shared" si="17"/>
        <v>18.631349999999998</v>
      </c>
      <c r="I1120" s="1"/>
    </row>
    <row r="1121" spans="1:9" x14ac:dyDescent="0.25">
      <c r="A1121" s="3">
        <v>41702.442210648151</v>
      </c>
      <c r="B1121" s="6">
        <v>18648</v>
      </c>
      <c r="C1121" s="7">
        <f t="shared" si="17"/>
        <v>18.648</v>
      </c>
      <c r="I1121" s="1"/>
    </row>
    <row r="1122" spans="1:9" x14ac:dyDescent="0.25">
      <c r="A1122" s="3">
        <v>41702.442685185182</v>
      </c>
      <c r="B1122" s="6">
        <v>18664.649999999998</v>
      </c>
      <c r="C1122" s="7">
        <f t="shared" si="17"/>
        <v>18.664649999999998</v>
      </c>
      <c r="I1122" s="1"/>
    </row>
    <row r="1123" spans="1:9" x14ac:dyDescent="0.25">
      <c r="A1123" s="3">
        <v>41702.442743055559</v>
      </c>
      <c r="B1123" s="6">
        <v>18681.3</v>
      </c>
      <c r="C1123" s="7">
        <f t="shared" si="17"/>
        <v>18.6813</v>
      </c>
      <c r="I1123" s="1"/>
    </row>
    <row r="1124" spans="1:9" x14ac:dyDescent="0.25">
      <c r="A1124" s="3">
        <v>41702.443715277775</v>
      </c>
      <c r="B1124" s="6">
        <v>18697.949999999997</v>
      </c>
      <c r="C1124" s="7">
        <f t="shared" si="17"/>
        <v>18.697949999999999</v>
      </c>
      <c r="I1124" s="1"/>
    </row>
    <row r="1125" spans="1:9" x14ac:dyDescent="0.25">
      <c r="A1125" s="3">
        <v>41702.443819444445</v>
      </c>
      <c r="B1125" s="6">
        <v>18714.599999999999</v>
      </c>
      <c r="C1125" s="7">
        <f t="shared" si="17"/>
        <v>18.714599999999997</v>
      </c>
      <c r="I1125" s="1"/>
    </row>
    <row r="1126" spans="1:9" x14ac:dyDescent="0.25">
      <c r="A1126" s="3">
        <v>41702.4450462963</v>
      </c>
      <c r="B1126" s="6">
        <v>18731.25</v>
      </c>
      <c r="C1126" s="7">
        <f t="shared" si="17"/>
        <v>18.731249999999999</v>
      </c>
      <c r="I1126" s="1"/>
    </row>
    <row r="1127" spans="1:9" x14ac:dyDescent="0.25">
      <c r="A1127" s="3">
        <v>41702.445127314815</v>
      </c>
      <c r="B1127" s="6">
        <v>18747.899999999998</v>
      </c>
      <c r="C1127" s="7">
        <f t="shared" si="17"/>
        <v>18.747899999999998</v>
      </c>
      <c r="I1127" s="1"/>
    </row>
    <row r="1128" spans="1:9" x14ac:dyDescent="0.25">
      <c r="A1128" s="3">
        <v>41702.446284722224</v>
      </c>
      <c r="B1128" s="6">
        <v>18764.55</v>
      </c>
      <c r="C1128" s="7">
        <f t="shared" si="17"/>
        <v>18.76455</v>
      </c>
      <c r="I1128" s="1"/>
    </row>
    <row r="1129" spans="1:9" x14ac:dyDescent="0.25">
      <c r="A1129" s="3">
        <v>41702.446412037039</v>
      </c>
      <c r="B1129" s="6">
        <v>18781.199999999997</v>
      </c>
      <c r="C1129" s="7">
        <f t="shared" si="17"/>
        <v>18.781199999999998</v>
      </c>
      <c r="I1129" s="1"/>
    </row>
    <row r="1130" spans="1:9" x14ac:dyDescent="0.25">
      <c r="A1130" s="3">
        <v>41702.448113425926</v>
      </c>
      <c r="B1130" s="6">
        <v>18797.849999999999</v>
      </c>
      <c r="C1130" s="7">
        <f t="shared" si="17"/>
        <v>18.797849999999997</v>
      </c>
      <c r="I1130" s="1"/>
    </row>
    <row r="1131" spans="1:9" x14ac:dyDescent="0.25">
      <c r="A1131" s="3">
        <v>41702.448368055557</v>
      </c>
      <c r="B1131" s="6">
        <v>18814.5</v>
      </c>
      <c r="C1131" s="7">
        <f t="shared" si="17"/>
        <v>18.814499999999999</v>
      </c>
      <c r="I1131" s="1"/>
    </row>
    <row r="1132" spans="1:9" x14ac:dyDescent="0.25">
      <c r="A1132" s="3">
        <v>41702.449016203704</v>
      </c>
      <c r="B1132" s="6">
        <v>18831.149999999998</v>
      </c>
      <c r="C1132" s="7">
        <f t="shared" si="17"/>
        <v>18.831149999999997</v>
      </c>
      <c r="I1132" s="1"/>
    </row>
    <row r="1133" spans="1:9" x14ac:dyDescent="0.25">
      <c r="A1133" s="3">
        <v>41702.449108796296</v>
      </c>
      <c r="B1133" s="6">
        <v>18847.8</v>
      </c>
      <c r="C1133" s="7">
        <f t="shared" si="17"/>
        <v>18.847799999999999</v>
      </c>
      <c r="I1133" s="1"/>
    </row>
    <row r="1134" spans="1:9" x14ac:dyDescent="0.25">
      <c r="A1134" s="3">
        <v>41702.449942129628</v>
      </c>
      <c r="B1134" s="6">
        <v>18864.449999999997</v>
      </c>
      <c r="C1134" s="7">
        <f t="shared" si="17"/>
        <v>18.864449999999998</v>
      </c>
      <c r="I1134" s="1"/>
    </row>
    <row r="1135" spans="1:9" x14ac:dyDescent="0.25">
      <c r="A1135" s="3">
        <v>41702.450196759259</v>
      </c>
      <c r="B1135" s="6">
        <v>18881.099999999999</v>
      </c>
      <c r="C1135" s="7">
        <f t="shared" si="17"/>
        <v>18.8811</v>
      </c>
      <c r="I1135" s="1"/>
    </row>
    <row r="1136" spans="1:9" x14ac:dyDescent="0.25">
      <c r="A1136" s="3">
        <v>41702.451620370368</v>
      </c>
      <c r="B1136" s="6">
        <v>18897.75</v>
      </c>
      <c r="C1136" s="7">
        <f t="shared" si="17"/>
        <v>18.897749999999998</v>
      </c>
      <c r="I1136" s="1"/>
    </row>
    <row r="1137" spans="1:9" x14ac:dyDescent="0.25">
      <c r="A1137" s="3">
        <v>41702.451782407406</v>
      </c>
      <c r="B1137" s="6">
        <v>18914.399999999998</v>
      </c>
      <c r="C1137" s="7">
        <f t="shared" si="17"/>
        <v>18.914399999999997</v>
      </c>
      <c r="I1137" s="1"/>
    </row>
    <row r="1138" spans="1:9" x14ac:dyDescent="0.25">
      <c r="A1138" s="3">
        <v>41702.452662037038</v>
      </c>
      <c r="B1138" s="6">
        <v>18931.05</v>
      </c>
      <c r="C1138" s="7">
        <f t="shared" si="17"/>
        <v>18.931049999999999</v>
      </c>
      <c r="I1138" s="1"/>
    </row>
    <row r="1139" spans="1:9" x14ac:dyDescent="0.25">
      <c r="A1139" s="3">
        <v>41702.45275462963</v>
      </c>
      <c r="B1139" s="6">
        <v>18947.699999999997</v>
      </c>
      <c r="C1139" s="7">
        <f t="shared" si="17"/>
        <v>18.947699999999998</v>
      </c>
      <c r="I1139" s="1"/>
    </row>
    <row r="1140" spans="1:9" x14ac:dyDescent="0.25">
      <c r="A1140" s="3">
        <v>41702.453321759262</v>
      </c>
      <c r="B1140" s="6">
        <v>18964.349999999999</v>
      </c>
      <c r="C1140" s="7">
        <f t="shared" si="17"/>
        <v>18.96435</v>
      </c>
      <c r="I1140" s="1"/>
    </row>
    <row r="1141" spans="1:9" x14ac:dyDescent="0.25">
      <c r="A1141" s="3">
        <v>41702.453425925924</v>
      </c>
      <c r="B1141" s="6">
        <v>18981</v>
      </c>
      <c r="C1141" s="7">
        <f t="shared" si="17"/>
        <v>18.981000000000002</v>
      </c>
      <c r="I1141" s="1"/>
    </row>
    <row r="1142" spans="1:9" x14ac:dyDescent="0.25">
      <c r="A1142" s="3">
        <v>41702.45417824074</v>
      </c>
      <c r="B1142" s="6">
        <v>18997.649999999998</v>
      </c>
      <c r="C1142" s="7">
        <f t="shared" si="17"/>
        <v>18.997649999999997</v>
      </c>
      <c r="I1142" s="1"/>
    </row>
    <row r="1143" spans="1:9" x14ac:dyDescent="0.25">
      <c r="A1143" s="3">
        <v>41702.454270833332</v>
      </c>
      <c r="B1143" s="6">
        <v>19014.3</v>
      </c>
      <c r="C1143" s="7">
        <f t="shared" si="17"/>
        <v>19.014299999999999</v>
      </c>
      <c r="I1143" s="1"/>
    </row>
    <row r="1144" spans="1:9" x14ac:dyDescent="0.25">
      <c r="A1144" s="3">
        <v>41702.455497685187</v>
      </c>
      <c r="B1144" s="6">
        <v>19030.949999999997</v>
      </c>
      <c r="C1144" s="7">
        <f t="shared" si="17"/>
        <v>19.030949999999997</v>
      </c>
      <c r="I1144" s="1"/>
    </row>
    <row r="1145" spans="1:9" x14ac:dyDescent="0.25">
      <c r="A1145" s="3">
        <v>41702.455601851849</v>
      </c>
      <c r="B1145" s="6">
        <v>19047.599999999999</v>
      </c>
      <c r="C1145" s="7">
        <f t="shared" si="17"/>
        <v>19.047599999999999</v>
      </c>
      <c r="I1145" s="1"/>
    </row>
    <row r="1146" spans="1:9" x14ac:dyDescent="0.25">
      <c r="A1146" s="3">
        <v>41702.456412037034</v>
      </c>
      <c r="B1146" s="6">
        <v>19064.25</v>
      </c>
      <c r="C1146" s="7">
        <f t="shared" si="17"/>
        <v>19.064250000000001</v>
      </c>
      <c r="I1146" s="1"/>
    </row>
    <row r="1147" spans="1:9" x14ac:dyDescent="0.25">
      <c r="A1147" s="3">
        <v>41702.45648148148</v>
      </c>
      <c r="B1147" s="6">
        <v>19080.899999999998</v>
      </c>
      <c r="C1147" s="7">
        <f t="shared" si="17"/>
        <v>19.080899999999996</v>
      </c>
      <c r="I1147" s="1"/>
    </row>
    <row r="1148" spans="1:9" x14ac:dyDescent="0.25">
      <c r="A1148" s="3">
        <v>41702.456921296296</v>
      </c>
      <c r="B1148" s="6">
        <v>19097.55</v>
      </c>
      <c r="C1148" s="7">
        <f t="shared" si="17"/>
        <v>19.097549999999998</v>
      </c>
      <c r="I1148" s="1"/>
    </row>
    <row r="1149" spans="1:9" x14ac:dyDescent="0.25">
      <c r="A1149" s="3">
        <v>41702.456967592596</v>
      </c>
      <c r="B1149" s="6">
        <v>19114.199999999997</v>
      </c>
      <c r="C1149" s="7">
        <f t="shared" si="17"/>
        <v>19.114199999999997</v>
      </c>
      <c r="I1149" s="1"/>
    </row>
    <row r="1150" spans="1:9" x14ac:dyDescent="0.25">
      <c r="A1150" s="3">
        <v>41702.457384259258</v>
      </c>
      <c r="B1150" s="6">
        <v>19130.849999999999</v>
      </c>
      <c r="C1150" s="7">
        <f t="shared" si="17"/>
        <v>19.130849999999999</v>
      </c>
      <c r="I1150" s="1"/>
    </row>
    <row r="1151" spans="1:9" x14ac:dyDescent="0.25">
      <c r="A1151" s="3">
        <v>41702.457465277781</v>
      </c>
      <c r="B1151" s="6">
        <v>19147.5</v>
      </c>
      <c r="C1151" s="7">
        <f t="shared" si="17"/>
        <v>19.147500000000001</v>
      </c>
      <c r="I1151" s="1"/>
    </row>
    <row r="1152" spans="1:9" x14ac:dyDescent="0.25">
      <c r="A1152" s="3">
        <v>41702.458472222221</v>
      </c>
      <c r="B1152" s="6">
        <v>19164.149999999998</v>
      </c>
      <c r="C1152" s="7">
        <f t="shared" si="17"/>
        <v>19.164149999999999</v>
      </c>
      <c r="I1152" s="1"/>
    </row>
    <row r="1153" spans="1:9" x14ac:dyDescent="0.25">
      <c r="A1153" s="3">
        <v>41702.458622685182</v>
      </c>
      <c r="B1153" s="6">
        <v>19180.8</v>
      </c>
      <c r="C1153" s="7">
        <f t="shared" si="17"/>
        <v>19.180799999999998</v>
      </c>
      <c r="I1153" s="1"/>
    </row>
    <row r="1154" spans="1:9" x14ac:dyDescent="0.25">
      <c r="A1154" s="3">
        <v>41702.459270833337</v>
      </c>
      <c r="B1154" s="6">
        <v>19197.449999999997</v>
      </c>
      <c r="C1154" s="7">
        <f t="shared" si="17"/>
        <v>19.197449999999996</v>
      </c>
      <c r="I1154" s="1"/>
    </row>
    <row r="1155" spans="1:9" x14ac:dyDescent="0.25">
      <c r="A1155" s="3">
        <v>41702.459363425929</v>
      </c>
      <c r="B1155" s="6">
        <v>19214.099999999999</v>
      </c>
      <c r="C1155" s="7">
        <f t="shared" ref="C1155:C1218" si="18">B1155/1000</f>
        <v>19.214099999999998</v>
      </c>
      <c r="I1155" s="1"/>
    </row>
    <row r="1156" spans="1:9" x14ac:dyDescent="0.25">
      <c r="A1156" s="3">
        <v>41702.460138888891</v>
      </c>
      <c r="B1156" s="6">
        <v>19230.75</v>
      </c>
      <c r="C1156" s="7">
        <f t="shared" si="18"/>
        <v>19.23075</v>
      </c>
      <c r="I1156" s="1"/>
    </row>
    <row r="1157" spans="1:9" x14ac:dyDescent="0.25">
      <c r="A1157" s="3">
        <v>41702.460381944446</v>
      </c>
      <c r="B1157" s="6">
        <v>19247.399999999998</v>
      </c>
      <c r="C1157" s="7">
        <f t="shared" si="18"/>
        <v>19.247399999999999</v>
      </c>
      <c r="I1157" s="1"/>
    </row>
    <row r="1158" spans="1:9" x14ac:dyDescent="0.25">
      <c r="A1158" s="3">
        <v>41702.461539351854</v>
      </c>
      <c r="B1158" s="6">
        <v>19264.05</v>
      </c>
      <c r="C1158" s="7">
        <f t="shared" si="18"/>
        <v>19.264050000000001</v>
      </c>
      <c r="I1158" s="1"/>
    </row>
    <row r="1159" spans="1:9" x14ac:dyDescent="0.25">
      <c r="A1159" s="3">
        <v>41702.461608796293</v>
      </c>
      <c r="B1159" s="6">
        <v>19280.699999999997</v>
      </c>
      <c r="C1159" s="7">
        <f t="shared" si="18"/>
        <v>19.280699999999996</v>
      </c>
      <c r="I1159" s="1"/>
    </row>
    <row r="1160" spans="1:9" x14ac:dyDescent="0.25">
      <c r="A1160" s="3">
        <v>41702.462141203701</v>
      </c>
      <c r="B1160" s="6">
        <v>19297.349999999999</v>
      </c>
      <c r="C1160" s="7">
        <f t="shared" si="18"/>
        <v>19.297349999999998</v>
      </c>
      <c r="I1160" s="1"/>
    </row>
    <row r="1161" spans="1:9" x14ac:dyDescent="0.25">
      <c r="A1161" s="3">
        <v>41702.462233796294</v>
      </c>
      <c r="B1161" s="6">
        <v>19314</v>
      </c>
      <c r="C1161" s="7">
        <f t="shared" si="18"/>
        <v>19.314</v>
      </c>
      <c r="I1161" s="1"/>
    </row>
    <row r="1162" spans="1:9" x14ac:dyDescent="0.25">
      <c r="A1162" s="3">
        <v>41702.462824074071</v>
      </c>
      <c r="B1162" s="6">
        <v>19330.649999999998</v>
      </c>
      <c r="C1162" s="7">
        <f t="shared" si="18"/>
        <v>19.330649999999999</v>
      </c>
      <c r="I1162" s="1"/>
    </row>
    <row r="1163" spans="1:9" x14ac:dyDescent="0.25">
      <c r="A1163" s="3">
        <v>41702.462962962964</v>
      </c>
      <c r="B1163" s="6">
        <v>19347.3</v>
      </c>
      <c r="C1163" s="7">
        <f t="shared" si="18"/>
        <v>19.347300000000001</v>
      </c>
      <c r="I1163" s="1"/>
    </row>
    <row r="1164" spans="1:9" x14ac:dyDescent="0.25">
      <c r="A1164" s="3">
        <v>41702.463946759257</v>
      </c>
      <c r="B1164" s="6">
        <v>19363.949999999997</v>
      </c>
      <c r="C1164" s="7">
        <f t="shared" si="18"/>
        <v>19.363949999999996</v>
      </c>
      <c r="I1164" s="1"/>
    </row>
    <row r="1165" spans="1:9" x14ac:dyDescent="0.25">
      <c r="A1165" s="3">
        <v>41702.464189814818</v>
      </c>
      <c r="B1165" s="6">
        <v>19380.599999999999</v>
      </c>
      <c r="C1165" s="7">
        <f t="shared" si="18"/>
        <v>19.380599999999998</v>
      </c>
      <c r="I1165" s="1"/>
    </row>
    <row r="1166" spans="1:9" x14ac:dyDescent="0.25">
      <c r="A1166" s="3">
        <v>41702.465312499997</v>
      </c>
      <c r="B1166" s="6">
        <v>19397.25</v>
      </c>
      <c r="C1166" s="7">
        <f t="shared" si="18"/>
        <v>19.39725</v>
      </c>
      <c r="I1166" s="1"/>
    </row>
    <row r="1167" spans="1:9" x14ac:dyDescent="0.25">
      <c r="A1167" s="3">
        <v>41702.465381944443</v>
      </c>
      <c r="B1167" s="6">
        <v>19413.899999999998</v>
      </c>
      <c r="C1167" s="7">
        <f t="shared" si="18"/>
        <v>19.413899999999998</v>
      </c>
      <c r="I1167" s="1"/>
    </row>
    <row r="1168" spans="1:9" x14ac:dyDescent="0.25">
      <c r="A1168" s="3">
        <v>41702.466307870367</v>
      </c>
      <c r="B1168" s="6">
        <v>19430.55</v>
      </c>
      <c r="C1168" s="7">
        <f t="shared" si="18"/>
        <v>19.43055</v>
      </c>
      <c r="I1168" s="1"/>
    </row>
    <row r="1169" spans="1:9" x14ac:dyDescent="0.25">
      <c r="A1169" s="3">
        <v>41702.466354166667</v>
      </c>
      <c r="B1169" s="6">
        <v>19447.199999999997</v>
      </c>
      <c r="C1169" s="7">
        <f t="shared" si="18"/>
        <v>19.447199999999999</v>
      </c>
      <c r="I1169" s="1"/>
    </row>
    <row r="1170" spans="1:9" x14ac:dyDescent="0.25">
      <c r="A1170" s="3">
        <v>41702.467199074075</v>
      </c>
      <c r="B1170" s="6">
        <v>19463.849999999999</v>
      </c>
      <c r="C1170" s="7">
        <f t="shared" si="18"/>
        <v>19.463849999999997</v>
      </c>
      <c r="I1170" s="1"/>
    </row>
    <row r="1171" spans="1:9" x14ac:dyDescent="0.25">
      <c r="A1171" s="3">
        <v>41702.46733796296</v>
      </c>
      <c r="B1171" s="6">
        <v>19480.5</v>
      </c>
      <c r="C1171" s="7">
        <f t="shared" si="18"/>
        <v>19.480499999999999</v>
      </c>
      <c r="I1171" s="1"/>
    </row>
    <row r="1172" spans="1:9" x14ac:dyDescent="0.25">
      <c r="A1172" s="3">
        <v>41702.468043981484</v>
      </c>
      <c r="B1172" s="6">
        <v>19497.149999999998</v>
      </c>
      <c r="C1172" s="7">
        <f t="shared" si="18"/>
        <v>19.497149999999998</v>
      </c>
      <c r="I1172" s="1"/>
    </row>
    <row r="1173" spans="1:9" x14ac:dyDescent="0.25">
      <c r="A1173" s="3">
        <v>41702.468136574076</v>
      </c>
      <c r="B1173" s="6">
        <v>19513.8</v>
      </c>
      <c r="C1173" s="7">
        <f t="shared" si="18"/>
        <v>19.5138</v>
      </c>
      <c r="I1173" s="1"/>
    </row>
    <row r="1174" spans="1:9" x14ac:dyDescent="0.25">
      <c r="A1174" s="3">
        <v>41702.468854166669</v>
      </c>
      <c r="B1174" s="6">
        <v>19530.449999999997</v>
      </c>
      <c r="C1174" s="7">
        <f t="shared" si="18"/>
        <v>19.530449999999998</v>
      </c>
      <c r="I1174" s="1"/>
    </row>
    <row r="1175" spans="1:9" x14ac:dyDescent="0.25">
      <c r="A1175" s="3">
        <v>41702.468900462962</v>
      </c>
      <c r="B1175" s="6">
        <v>19547.099999999999</v>
      </c>
      <c r="C1175" s="7">
        <f t="shared" si="18"/>
        <v>19.547099999999997</v>
      </c>
      <c r="I1175" s="1"/>
    </row>
    <row r="1176" spans="1:9" x14ac:dyDescent="0.25">
      <c r="A1176" s="3">
        <v>41702.469398148147</v>
      </c>
      <c r="B1176" s="6">
        <v>19563.75</v>
      </c>
      <c r="C1176" s="7">
        <f t="shared" si="18"/>
        <v>19.563749999999999</v>
      </c>
      <c r="I1176" s="1"/>
    </row>
    <row r="1177" spans="1:9" x14ac:dyDescent="0.25">
      <c r="A1177" s="3">
        <v>41702.469444444447</v>
      </c>
      <c r="B1177" s="6">
        <v>19580.399999999998</v>
      </c>
      <c r="C1177" s="7">
        <f t="shared" si="18"/>
        <v>19.580399999999997</v>
      </c>
      <c r="I1177" s="1"/>
    </row>
    <row r="1178" spans="1:9" x14ac:dyDescent="0.25">
      <c r="A1178" s="3">
        <v>41702.469953703701</v>
      </c>
      <c r="B1178" s="6">
        <v>19597.05</v>
      </c>
      <c r="C1178" s="7">
        <f t="shared" si="18"/>
        <v>19.597049999999999</v>
      </c>
      <c r="I1178" s="1"/>
    </row>
    <row r="1179" spans="1:9" x14ac:dyDescent="0.25">
      <c r="A1179" s="3">
        <v>41702.470023148147</v>
      </c>
      <c r="B1179" s="6">
        <v>19613.699999999997</v>
      </c>
      <c r="C1179" s="7">
        <f t="shared" si="18"/>
        <v>19.613699999999998</v>
      </c>
      <c r="I1179" s="1"/>
    </row>
    <row r="1180" spans="1:9" x14ac:dyDescent="0.25">
      <c r="A1180" s="3">
        <v>41702.470370370371</v>
      </c>
      <c r="B1180" s="6">
        <v>19630.349999999999</v>
      </c>
      <c r="C1180" s="7">
        <f t="shared" si="18"/>
        <v>19.63035</v>
      </c>
      <c r="I1180" s="1"/>
    </row>
    <row r="1181" spans="1:9" x14ac:dyDescent="0.25">
      <c r="A1181" s="3">
        <v>41702.470497685186</v>
      </c>
      <c r="B1181" s="6">
        <v>19647</v>
      </c>
      <c r="C1181" s="7">
        <f t="shared" si="18"/>
        <v>19.646999999999998</v>
      </c>
      <c r="I1181" s="1"/>
    </row>
    <row r="1182" spans="1:9" x14ac:dyDescent="0.25">
      <c r="A1182" s="3">
        <v>41702.471446759257</v>
      </c>
      <c r="B1182" s="6">
        <v>19663.649999999998</v>
      </c>
      <c r="C1182" s="7">
        <f t="shared" si="18"/>
        <v>19.663649999999997</v>
      </c>
      <c r="I1182" s="1"/>
    </row>
    <row r="1183" spans="1:9" x14ac:dyDescent="0.25">
      <c r="A1183" s="3">
        <v>41702.47152777778</v>
      </c>
      <c r="B1183" s="6">
        <v>19680.3</v>
      </c>
      <c r="C1183" s="7">
        <f t="shared" si="18"/>
        <v>19.680299999999999</v>
      </c>
      <c r="I1183" s="1"/>
    </row>
    <row r="1184" spans="1:9" x14ac:dyDescent="0.25">
      <c r="A1184" s="3">
        <v>41702.472245370373</v>
      </c>
      <c r="B1184" s="6">
        <v>19696.949999999997</v>
      </c>
      <c r="C1184" s="7">
        <f t="shared" si="18"/>
        <v>19.696949999999998</v>
      </c>
      <c r="I1184" s="1"/>
    </row>
    <row r="1185" spans="1:9" x14ac:dyDescent="0.25">
      <c r="A1185" s="3">
        <v>41702.472314814811</v>
      </c>
      <c r="B1185" s="6">
        <v>19713.599999999999</v>
      </c>
      <c r="C1185" s="7">
        <f t="shared" si="18"/>
        <v>19.7136</v>
      </c>
      <c r="I1185" s="1"/>
    </row>
    <row r="1186" spans="1:9" x14ac:dyDescent="0.25">
      <c r="A1186" s="3">
        <v>41702.47315972222</v>
      </c>
      <c r="B1186" s="6">
        <v>19730.25</v>
      </c>
      <c r="C1186" s="7">
        <f t="shared" si="18"/>
        <v>19.730250000000002</v>
      </c>
      <c r="I1186" s="1"/>
    </row>
    <row r="1187" spans="1:9" x14ac:dyDescent="0.25">
      <c r="A1187" s="3">
        <v>41702.473263888889</v>
      </c>
      <c r="B1187" s="6">
        <v>19746.899999999998</v>
      </c>
      <c r="C1187" s="7">
        <f t="shared" si="18"/>
        <v>19.746899999999997</v>
      </c>
      <c r="I1187" s="1"/>
    </row>
    <row r="1188" spans="1:9" x14ac:dyDescent="0.25">
      <c r="A1188" s="3">
        <v>41702.473854166667</v>
      </c>
      <c r="B1188" s="6">
        <v>19763.55</v>
      </c>
      <c r="C1188" s="7">
        <f t="shared" si="18"/>
        <v>19.763549999999999</v>
      </c>
      <c r="I1188" s="1"/>
    </row>
    <row r="1189" spans="1:9" x14ac:dyDescent="0.25">
      <c r="A1189" s="3">
        <v>41702.473923611113</v>
      </c>
      <c r="B1189" s="6">
        <v>19780.199999999997</v>
      </c>
      <c r="C1189" s="7">
        <f t="shared" si="18"/>
        <v>19.780199999999997</v>
      </c>
      <c r="I1189" s="1"/>
    </row>
    <row r="1190" spans="1:9" x14ac:dyDescent="0.25">
      <c r="A1190" s="3">
        <v>41702.474629629629</v>
      </c>
      <c r="B1190" s="6">
        <v>19796.849999999999</v>
      </c>
      <c r="C1190" s="7">
        <f t="shared" si="18"/>
        <v>19.796849999999999</v>
      </c>
      <c r="I1190" s="1"/>
    </row>
    <row r="1191" spans="1:9" x14ac:dyDescent="0.25">
      <c r="A1191" s="3">
        <v>41702.474699074075</v>
      </c>
      <c r="B1191" s="6">
        <v>19813.5</v>
      </c>
      <c r="C1191" s="7">
        <f t="shared" si="18"/>
        <v>19.813500000000001</v>
      </c>
      <c r="I1191" s="1"/>
    </row>
    <row r="1192" spans="1:9" x14ac:dyDescent="0.25">
      <c r="A1192" s="3">
        <v>41702.475439814814</v>
      </c>
      <c r="B1192" s="6">
        <v>19830.149999999998</v>
      </c>
      <c r="C1192" s="7">
        <f t="shared" si="18"/>
        <v>19.830149999999996</v>
      </c>
      <c r="I1192" s="1"/>
    </row>
    <row r="1193" spans="1:9" x14ac:dyDescent="0.25">
      <c r="A1193" s="3">
        <v>41702.475613425922</v>
      </c>
      <c r="B1193" s="6">
        <v>19846.8</v>
      </c>
      <c r="C1193" s="7">
        <f t="shared" si="18"/>
        <v>19.846799999999998</v>
      </c>
      <c r="I1193" s="1"/>
    </row>
    <row r="1194" spans="1:9" x14ac:dyDescent="0.25">
      <c r="A1194" s="3">
        <v>41702.477268518516</v>
      </c>
      <c r="B1194" s="6">
        <v>19863.449999999997</v>
      </c>
      <c r="C1194" s="7">
        <f t="shared" si="18"/>
        <v>19.863449999999997</v>
      </c>
      <c r="I1194" s="1"/>
    </row>
    <row r="1195" spans="1:9" x14ac:dyDescent="0.25">
      <c r="A1195" s="3">
        <v>41702.477326388886</v>
      </c>
      <c r="B1195" s="6">
        <v>19880.099999999999</v>
      </c>
      <c r="C1195" s="7">
        <f t="shared" si="18"/>
        <v>19.880099999999999</v>
      </c>
      <c r="I1195" s="1"/>
    </row>
    <row r="1196" spans="1:9" x14ac:dyDescent="0.25">
      <c r="A1196" s="3">
        <v>41702.478043981479</v>
      </c>
      <c r="B1196" s="6">
        <v>19896.75</v>
      </c>
      <c r="C1196" s="7">
        <f t="shared" si="18"/>
        <v>19.896750000000001</v>
      </c>
      <c r="I1196" s="1"/>
    </row>
    <row r="1197" spans="1:9" x14ac:dyDescent="0.25">
      <c r="A1197" s="3">
        <v>41702.478136574071</v>
      </c>
      <c r="B1197" s="6">
        <v>19913.399999999998</v>
      </c>
      <c r="C1197" s="7">
        <f t="shared" si="18"/>
        <v>19.913399999999999</v>
      </c>
      <c r="I1197" s="1"/>
    </row>
    <row r="1198" spans="1:9" x14ac:dyDescent="0.25">
      <c r="A1198" s="3">
        <v>41702.479004629633</v>
      </c>
      <c r="B1198" s="6">
        <v>19930.05</v>
      </c>
      <c r="C1198" s="7">
        <f t="shared" si="18"/>
        <v>19.930049999999998</v>
      </c>
      <c r="I1198" s="1"/>
    </row>
    <row r="1199" spans="1:9" x14ac:dyDescent="0.25">
      <c r="A1199" s="3">
        <v>41702.479062500002</v>
      </c>
      <c r="B1199" s="6">
        <v>19946.699999999997</v>
      </c>
      <c r="C1199" s="7">
        <f t="shared" si="18"/>
        <v>19.946699999999996</v>
      </c>
      <c r="I1199" s="1"/>
    </row>
    <row r="1200" spans="1:9" x14ac:dyDescent="0.25">
      <c r="A1200" s="3">
        <v>41702.479745370372</v>
      </c>
      <c r="B1200" s="6">
        <v>19963.349999999999</v>
      </c>
      <c r="C1200" s="7">
        <f t="shared" si="18"/>
        <v>19.963349999999998</v>
      </c>
      <c r="I1200" s="1"/>
    </row>
    <row r="1201" spans="1:9" x14ac:dyDescent="0.25">
      <c r="A1201" s="3">
        <v>41702.479837962965</v>
      </c>
      <c r="B1201" s="6">
        <v>19980</v>
      </c>
      <c r="C1201" s="7">
        <f t="shared" si="18"/>
        <v>19.98</v>
      </c>
      <c r="I1201" s="1"/>
    </row>
    <row r="1202" spans="1:9" x14ac:dyDescent="0.25">
      <c r="A1202" s="3">
        <v>41702.481134259258</v>
      </c>
      <c r="B1202" s="6">
        <v>19996.649999999998</v>
      </c>
      <c r="C1202" s="7">
        <f t="shared" si="18"/>
        <v>19.996649999999999</v>
      </c>
      <c r="I1202" s="1"/>
    </row>
    <row r="1203" spans="1:9" x14ac:dyDescent="0.25">
      <c r="A1203" s="3">
        <v>41702.481238425928</v>
      </c>
      <c r="B1203" s="6">
        <v>20013.3</v>
      </c>
      <c r="C1203" s="7">
        <f t="shared" si="18"/>
        <v>20.013300000000001</v>
      </c>
      <c r="I1203" s="1"/>
    </row>
    <row r="1204" spans="1:9" x14ac:dyDescent="0.25">
      <c r="A1204" s="3">
        <v>41702.48170138889</v>
      </c>
      <c r="B1204" s="6">
        <v>20029.949999999997</v>
      </c>
      <c r="C1204" s="7">
        <f t="shared" si="18"/>
        <v>20.029949999999996</v>
      </c>
      <c r="I1204" s="1"/>
    </row>
    <row r="1205" spans="1:9" x14ac:dyDescent="0.25">
      <c r="A1205" s="3">
        <v>41702.481736111113</v>
      </c>
      <c r="B1205" s="6">
        <v>20046.599999999999</v>
      </c>
      <c r="C1205" s="7">
        <f t="shared" si="18"/>
        <v>20.046599999999998</v>
      </c>
      <c r="I1205" s="1"/>
    </row>
    <row r="1206" spans="1:9" x14ac:dyDescent="0.25">
      <c r="A1206" s="3">
        <v>41702.482187499998</v>
      </c>
      <c r="B1206" s="6">
        <v>20063.25</v>
      </c>
      <c r="C1206" s="7">
        <f t="shared" si="18"/>
        <v>20.06325</v>
      </c>
      <c r="I1206" s="1"/>
    </row>
    <row r="1207" spans="1:9" x14ac:dyDescent="0.25">
      <c r="A1207" s="3">
        <v>41702.482256944444</v>
      </c>
      <c r="B1207" s="6">
        <v>20079.899999999998</v>
      </c>
      <c r="C1207" s="7">
        <f t="shared" si="18"/>
        <v>20.079899999999999</v>
      </c>
      <c r="I1207" s="1"/>
    </row>
    <row r="1208" spans="1:9" x14ac:dyDescent="0.25">
      <c r="A1208" s="3">
        <v>41702.482824074075</v>
      </c>
      <c r="B1208" s="6">
        <v>20096.55</v>
      </c>
      <c r="C1208" s="7">
        <f t="shared" si="18"/>
        <v>20.096550000000001</v>
      </c>
      <c r="I1208" s="1"/>
    </row>
    <row r="1209" spans="1:9" x14ac:dyDescent="0.25">
      <c r="A1209" s="3">
        <v>41702.482858796298</v>
      </c>
      <c r="B1209" s="6">
        <v>20113.199999999997</v>
      </c>
      <c r="C1209" s="7">
        <f t="shared" si="18"/>
        <v>20.113199999999996</v>
      </c>
      <c r="I1209" s="1"/>
    </row>
    <row r="1210" spans="1:9" x14ac:dyDescent="0.25">
      <c r="A1210" s="3">
        <v>41702.48337962963</v>
      </c>
      <c r="B1210" s="6">
        <v>20129.849999999999</v>
      </c>
      <c r="C1210" s="7">
        <f t="shared" si="18"/>
        <v>20.129849999999998</v>
      </c>
      <c r="I1210" s="1"/>
    </row>
    <row r="1211" spans="1:9" x14ac:dyDescent="0.25">
      <c r="A1211" s="3">
        <v>41702.483437499999</v>
      </c>
      <c r="B1211" s="6">
        <v>20146.5</v>
      </c>
      <c r="C1211" s="7">
        <f t="shared" si="18"/>
        <v>20.1465</v>
      </c>
      <c r="I1211" s="1"/>
    </row>
    <row r="1212" spans="1:9" x14ac:dyDescent="0.25">
      <c r="A1212" s="3">
        <v>41702.484143518515</v>
      </c>
      <c r="B1212" s="6">
        <v>20163.149999999998</v>
      </c>
      <c r="C1212" s="7">
        <f t="shared" si="18"/>
        <v>20.163149999999998</v>
      </c>
      <c r="I1212" s="1"/>
    </row>
    <row r="1213" spans="1:9" x14ac:dyDescent="0.25">
      <c r="A1213" s="3">
        <v>41702.484201388892</v>
      </c>
      <c r="B1213" s="6">
        <v>20179.8</v>
      </c>
      <c r="C1213" s="7">
        <f t="shared" si="18"/>
        <v>20.1798</v>
      </c>
      <c r="I1213" s="1"/>
    </row>
    <row r="1214" spans="1:9" x14ac:dyDescent="0.25">
      <c r="A1214" s="3">
        <v>41702.485254629632</v>
      </c>
      <c r="B1214" s="6">
        <v>20196.449999999997</v>
      </c>
      <c r="C1214" s="7">
        <f t="shared" si="18"/>
        <v>20.196449999999999</v>
      </c>
      <c r="I1214" s="1"/>
    </row>
    <row r="1215" spans="1:9" x14ac:dyDescent="0.25">
      <c r="A1215" s="3">
        <v>41702.485347222224</v>
      </c>
      <c r="B1215" s="6">
        <v>20213.099999999999</v>
      </c>
      <c r="C1215" s="7">
        <f t="shared" si="18"/>
        <v>20.213099999999997</v>
      </c>
      <c r="I1215" s="1"/>
    </row>
    <row r="1216" spans="1:9" x14ac:dyDescent="0.25">
      <c r="A1216" s="3">
        <v>41702.48636574074</v>
      </c>
      <c r="B1216" s="6">
        <v>20229.75</v>
      </c>
      <c r="C1216" s="7">
        <f t="shared" si="18"/>
        <v>20.229749999999999</v>
      </c>
      <c r="I1216" s="1"/>
    </row>
    <row r="1217" spans="1:9" x14ac:dyDescent="0.25">
      <c r="A1217" s="3">
        <v>41702.486435185187</v>
      </c>
      <c r="B1217" s="6">
        <v>20246.399999999998</v>
      </c>
      <c r="C1217" s="7">
        <f t="shared" si="18"/>
        <v>20.246399999999998</v>
      </c>
      <c r="I1217" s="1"/>
    </row>
    <row r="1218" spans="1:9" x14ac:dyDescent="0.25">
      <c r="A1218" s="3">
        <v>41702.487083333333</v>
      </c>
      <c r="B1218" s="6">
        <v>20263.05</v>
      </c>
      <c r="C1218" s="7">
        <f t="shared" si="18"/>
        <v>20.26305</v>
      </c>
      <c r="I1218" s="1"/>
    </row>
    <row r="1219" spans="1:9" x14ac:dyDescent="0.25">
      <c r="A1219" s="3">
        <v>41702.487164351849</v>
      </c>
      <c r="B1219" s="6">
        <v>20279.699999999997</v>
      </c>
      <c r="C1219" s="7">
        <f t="shared" ref="C1219:C1282" si="19">B1219/1000</f>
        <v>20.279699999999998</v>
      </c>
      <c r="I1219" s="1"/>
    </row>
    <row r="1220" spans="1:9" x14ac:dyDescent="0.25">
      <c r="A1220" s="3">
        <v>41702.487569444442</v>
      </c>
      <c r="B1220" s="6">
        <v>20296.349999999999</v>
      </c>
      <c r="C1220" s="7">
        <f t="shared" si="19"/>
        <v>20.296349999999997</v>
      </c>
      <c r="I1220" s="1"/>
    </row>
    <row r="1221" spans="1:9" x14ac:dyDescent="0.25">
      <c r="A1221" s="3">
        <v>41702.487627314818</v>
      </c>
      <c r="B1221" s="6">
        <v>20313</v>
      </c>
      <c r="C1221" s="7">
        <f t="shared" si="19"/>
        <v>20.312999999999999</v>
      </c>
      <c r="I1221" s="1"/>
    </row>
    <row r="1222" spans="1:9" x14ac:dyDescent="0.25">
      <c r="A1222" s="3">
        <v>41702.488495370373</v>
      </c>
      <c r="B1222" s="6">
        <v>20329.649999999998</v>
      </c>
      <c r="C1222" s="7">
        <f t="shared" si="19"/>
        <v>20.329649999999997</v>
      </c>
      <c r="I1222" s="1"/>
    </row>
    <row r="1223" spans="1:9" x14ac:dyDescent="0.25">
      <c r="A1223" s="3">
        <v>41702.488587962966</v>
      </c>
      <c r="B1223" s="6">
        <v>20346.3</v>
      </c>
      <c r="C1223" s="7">
        <f t="shared" si="19"/>
        <v>20.346299999999999</v>
      </c>
      <c r="I1223" s="1"/>
    </row>
    <row r="1224" spans="1:9" x14ac:dyDescent="0.25">
      <c r="A1224" s="3">
        <v>41702.489189814813</v>
      </c>
      <c r="B1224" s="6">
        <v>20362.949999999997</v>
      </c>
      <c r="C1224" s="7">
        <f t="shared" si="19"/>
        <v>20.362949999999998</v>
      </c>
      <c r="I1224" s="1"/>
    </row>
    <row r="1225" spans="1:9" x14ac:dyDescent="0.25">
      <c r="A1225" s="3">
        <v>41702.489270833335</v>
      </c>
      <c r="B1225" s="6">
        <v>20379.599999999999</v>
      </c>
      <c r="C1225" s="7">
        <f t="shared" si="19"/>
        <v>20.3796</v>
      </c>
      <c r="I1225" s="1"/>
    </row>
    <row r="1226" spans="1:9" x14ac:dyDescent="0.25">
      <c r="A1226" s="3">
        <v>41702.490729166668</v>
      </c>
      <c r="B1226" s="6">
        <v>20396.25</v>
      </c>
      <c r="C1226" s="7">
        <f t="shared" si="19"/>
        <v>20.396249999999998</v>
      </c>
      <c r="I1226" s="1"/>
    </row>
    <row r="1227" spans="1:9" x14ac:dyDescent="0.25">
      <c r="A1227" s="3">
        <v>41702.490810185183</v>
      </c>
      <c r="B1227" s="6">
        <v>20412.899999999998</v>
      </c>
      <c r="C1227" s="7">
        <f t="shared" si="19"/>
        <v>20.412899999999997</v>
      </c>
      <c r="I1227" s="1"/>
    </row>
    <row r="1228" spans="1:9" x14ac:dyDescent="0.25">
      <c r="A1228" s="3">
        <v>41702.49181712963</v>
      </c>
      <c r="B1228" s="6">
        <v>20429.55</v>
      </c>
      <c r="C1228" s="7">
        <f t="shared" si="19"/>
        <v>20.429549999999999</v>
      </c>
      <c r="I1228" s="1"/>
    </row>
    <row r="1229" spans="1:9" x14ac:dyDescent="0.25">
      <c r="A1229" s="3">
        <v>41702.491932870369</v>
      </c>
      <c r="B1229" s="6">
        <v>20446.199999999997</v>
      </c>
      <c r="C1229" s="7">
        <f t="shared" si="19"/>
        <v>20.446199999999997</v>
      </c>
      <c r="I1229" s="1"/>
    </row>
    <row r="1230" spans="1:9" x14ac:dyDescent="0.25">
      <c r="A1230" s="3">
        <v>41702.492824074077</v>
      </c>
      <c r="B1230" s="6">
        <v>20462.849999999999</v>
      </c>
      <c r="C1230" s="7">
        <f t="shared" si="19"/>
        <v>20.46285</v>
      </c>
      <c r="I1230" s="1"/>
    </row>
    <row r="1231" spans="1:9" x14ac:dyDescent="0.25">
      <c r="A1231" s="3">
        <v>41702.492881944447</v>
      </c>
      <c r="B1231" s="6">
        <v>20479.5</v>
      </c>
      <c r="C1231" s="7">
        <f t="shared" si="19"/>
        <v>20.479500000000002</v>
      </c>
      <c r="I1231" s="1"/>
    </row>
    <row r="1232" spans="1:9" x14ac:dyDescent="0.25">
      <c r="A1232" s="3">
        <v>41702.493576388886</v>
      </c>
      <c r="B1232" s="6">
        <v>20496.149999999998</v>
      </c>
      <c r="C1232" s="7">
        <f t="shared" si="19"/>
        <v>20.496149999999997</v>
      </c>
      <c r="I1232" s="1"/>
    </row>
    <row r="1233" spans="1:9" x14ac:dyDescent="0.25">
      <c r="A1233" s="3">
        <v>41702.49386574074</v>
      </c>
      <c r="B1233" s="6">
        <v>20512.8</v>
      </c>
      <c r="C1233" s="7">
        <f t="shared" si="19"/>
        <v>20.512799999999999</v>
      </c>
      <c r="I1233" s="1"/>
    </row>
    <row r="1234" spans="1:9" x14ac:dyDescent="0.25">
      <c r="A1234" s="3">
        <v>41702.49523148148</v>
      </c>
      <c r="B1234" s="6">
        <v>20529.449999999997</v>
      </c>
      <c r="C1234" s="7">
        <f t="shared" si="19"/>
        <v>20.529449999999997</v>
      </c>
      <c r="I1234" s="1"/>
    </row>
    <row r="1235" spans="1:9" x14ac:dyDescent="0.25">
      <c r="A1235" s="3">
        <v>41702.495335648149</v>
      </c>
      <c r="B1235" s="6">
        <v>20546.099999999999</v>
      </c>
      <c r="C1235" s="7">
        <f t="shared" si="19"/>
        <v>20.546099999999999</v>
      </c>
      <c r="I1235" s="1"/>
    </row>
    <row r="1236" spans="1:9" x14ac:dyDescent="0.25">
      <c r="A1236" s="3">
        <v>41702.496331018519</v>
      </c>
      <c r="B1236" s="6">
        <v>20562.75</v>
      </c>
      <c r="C1236" s="7">
        <f t="shared" si="19"/>
        <v>20.562750000000001</v>
      </c>
      <c r="I1236" s="1"/>
    </row>
    <row r="1237" spans="1:9" x14ac:dyDescent="0.25">
      <c r="A1237" s="3">
        <v>41702.496423611112</v>
      </c>
      <c r="B1237" s="6">
        <v>20579.399999999998</v>
      </c>
      <c r="C1237" s="7">
        <f t="shared" si="19"/>
        <v>20.579399999999996</v>
      </c>
      <c r="I1237" s="1"/>
    </row>
    <row r="1238" spans="1:9" x14ac:dyDescent="0.25">
      <c r="A1238" s="3">
        <v>41702.497847222221</v>
      </c>
      <c r="B1238" s="6">
        <v>20596.05</v>
      </c>
      <c r="C1238" s="7">
        <f t="shared" si="19"/>
        <v>20.596049999999998</v>
      </c>
      <c r="I1238" s="1"/>
    </row>
    <row r="1239" spans="1:9" x14ac:dyDescent="0.25">
      <c r="A1239" s="3">
        <v>41702.497974537036</v>
      </c>
      <c r="B1239" s="6">
        <v>20612.699999999997</v>
      </c>
      <c r="C1239" s="7">
        <f t="shared" si="19"/>
        <v>20.612699999999997</v>
      </c>
      <c r="I1239" s="1"/>
    </row>
    <row r="1240" spans="1:9" x14ac:dyDescent="0.25">
      <c r="A1240" s="3">
        <v>41702.49900462963</v>
      </c>
      <c r="B1240" s="6">
        <v>20629.349999999999</v>
      </c>
      <c r="C1240" s="7">
        <f t="shared" si="19"/>
        <v>20.629349999999999</v>
      </c>
      <c r="I1240" s="1"/>
    </row>
    <row r="1241" spans="1:9" x14ac:dyDescent="0.25">
      <c r="A1241" s="3">
        <v>41702.499108796299</v>
      </c>
      <c r="B1241" s="6">
        <v>20646</v>
      </c>
      <c r="C1241" s="7">
        <f t="shared" si="19"/>
        <v>20.646000000000001</v>
      </c>
      <c r="I1241" s="1"/>
    </row>
    <row r="1242" spans="1:9" x14ac:dyDescent="0.25">
      <c r="A1242" s="3">
        <v>41702.500011574077</v>
      </c>
      <c r="B1242" s="6">
        <v>20662.649999999998</v>
      </c>
      <c r="C1242" s="7">
        <f t="shared" si="19"/>
        <v>20.662649999999999</v>
      </c>
      <c r="I1242" s="1"/>
    </row>
    <row r="1243" spans="1:9" x14ac:dyDescent="0.25">
      <c r="A1243" s="3">
        <v>41702.500138888892</v>
      </c>
      <c r="B1243" s="6">
        <v>20679.3</v>
      </c>
      <c r="C1243" s="7">
        <f t="shared" si="19"/>
        <v>20.679299999999998</v>
      </c>
      <c r="I1243" s="1"/>
    </row>
    <row r="1244" spans="1:9" x14ac:dyDescent="0.25">
      <c r="A1244" s="3">
        <v>41702.50068287037</v>
      </c>
      <c r="B1244" s="6">
        <v>20695.949999999997</v>
      </c>
      <c r="C1244" s="7">
        <f t="shared" si="19"/>
        <v>20.695949999999996</v>
      </c>
      <c r="I1244" s="1"/>
    </row>
    <row r="1245" spans="1:9" x14ac:dyDescent="0.25">
      <c r="A1245" s="3">
        <v>41702.500752314816</v>
      </c>
      <c r="B1245" s="6">
        <v>20712.599999999999</v>
      </c>
      <c r="C1245" s="7">
        <f t="shared" si="19"/>
        <v>20.712599999999998</v>
      </c>
      <c r="I1245" s="1"/>
    </row>
    <row r="1246" spans="1:9" x14ac:dyDescent="0.25">
      <c r="A1246" s="3">
        <v>41702.501469907409</v>
      </c>
      <c r="B1246" s="6">
        <v>20729.25</v>
      </c>
      <c r="C1246" s="7">
        <f t="shared" si="19"/>
        <v>20.72925</v>
      </c>
      <c r="I1246" s="1"/>
    </row>
    <row r="1247" spans="1:9" x14ac:dyDescent="0.25">
      <c r="A1247" s="3">
        <v>41702.501574074071</v>
      </c>
      <c r="B1247" s="6">
        <v>20745.899999999998</v>
      </c>
      <c r="C1247" s="7">
        <f t="shared" si="19"/>
        <v>20.745899999999999</v>
      </c>
      <c r="I1247" s="1"/>
    </row>
    <row r="1248" spans="1:9" x14ac:dyDescent="0.25">
      <c r="A1248" s="3">
        <v>41702.50267361111</v>
      </c>
      <c r="B1248" s="6">
        <v>20762.55</v>
      </c>
      <c r="C1248" s="7">
        <f t="shared" si="19"/>
        <v>20.762550000000001</v>
      </c>
      <c r="I1248" s="1"/>
    </row>
    <row r="1249" spans="1:9" x14ac:dyDescent="0.25">
      <c r="A1249" s="3">
        <v>41702.502939814818</v>
      </c>
      <c r="B1249" s="6">
        <v>20779.199999999997</v>
      </c>
      <c r="C1249" s="7">
        <f t="shared" si="19"/>
        <v>20.779199999999996</v>
      </c>
      <c r="I1249" s="1"/>
    </row>
    <row r="1250" spans="1:9" x14ac:dyDescent="0.25">
      <c r="A1250" s="3">
        <v>41702.503657407404</v>
      </c>
      <c r="B1250" s="6">
        <v>20795.849999999999</v>
      </c>
      <c r="C1250" s="7">
        <f t="shared" si="19"/>
        <v>20.795849999999998</v>
      </c>
      <c r="I1250" s="1"/>
    </row>
    <row r="1251" spans="1:9" x14ac:dyDescent="0.25">
      <c r="A1251" s="3">
        <v>41702.503819444442</v>
      </c>
      <c r="B1251" s="6">
        <v>20812.5</v>
      </c>
      <c r="C1251" s="7">
        <f t="shared" si="19"/>
        <v>20.8125</v>
      </c>
      <c r="I1251" s="1"/>
    </row>
    <row r="1252" spans="1:9" x14ac:dyDescent="0.25">
      <c r="A1252" s="3">
        <v>41702.504421296297</v>
      </c>
      <c r="B1252" s="6">
        <v>20829.149999999998</v>
      </c>
      <c r="C1252" s="7">
        <f t="shared" si="19"/>
        <v>20.829149999999998</v>
      </c>
      <c r="I1252" s="1"/>
    </row>
    <row r="1253" spans="1:9" x14ac:dyDescent="0.25">
      <c r="A1253" s="3">
        <v>41702.504548611112</v>
      </c>
      <c r="B1253" s="6">
        <v>20845.8</v>
      </c>
      <c r="C1253" s="7">
        <f t="shared" si="19"/>
        <v>20.845800000000001</v>
      </c>
      <c r="I1253" s="1"/>
    </row>
    <row r="1254" spans="1:9" x14ac:dyDescent="0.25">
      <c r="A1254" s="3">
        <v>41702.50644675926</v>
      </c>
      <c r="B1254" s="6">
        <v>20862.449999999997</v>
      </c>
      <c r="C1254" s="7">
        <f t="shared" si="19"/>
        <v>20.862449999999995</v>
      </c>
      <c r="I1254" s="1"/>
    </row>
    <row r="1255" spans="1:9" x14ac:dyDescent="0.25">
      <c r="A1255" s="3">
        <v>41702.506793981483</v>
      </c>
      <c r="B1255" s="6">
        <v>20879.099999999999</v>
      </c>
      <c r="C1255" s="7">
        <f t="shared" si="19"/>
        <v>20.879099999999998</v>
      </c>
      <c r="I1255" s="1"/>
    </row>
    <row r="1256" spans="1:9" x14ac:dyDescent="0.25">
      <c r="A1256" s="3">
        <v>41702.507303240738</v>
      </c>
      <c r="B1256" s="6">
        <v>20895.75</v>
      </c>
      <c r="C1256" s="7">
        <f t="shared" si="19"/>
        <v>20.89575</v>
      </c>
      <c r="I1256" s="1"/>
    </row>
    <row r="1257" spans="1:9" x14ac:dyDescent="0.25">
      <c r="A1257" s="3">
        <v>41702.507349537038</v>
      </c>
      <c r="B1257" s="6">
        <v>20912.399999999998</v>
      </c>
      <c r="C1257" s="7">
        <f t="shared" si="19"/>
        <v>20.912399999999998</v>
      </c>
      <c r="I1257" s="1"/>
    </row>
    <row r="1258" spans="1:9" x14ac:dyDescent="0.25">
      <c r="A1258" s="3">
        <v>41702.508020833331</v>
      </c>
      <c r="B1258" s="6">
        <v>20929.05</v>
      </c>
      <c r="C1258" s="7">
        <f t="shared" si="19"/>
        <v>20.92905</v>
      </c>
      <c r="I1258" s="1"/>
    </row>
    <row r="1259" spans="1:9" x14ac:dyDescent="0.25">
      <c r="A1259" s="3">
        <v>41702.5080787037</v>
      </c>
      <c r="B1259" s="6">
        <v>20945.699999999997</v>
      </c>
      <c r="C1259" s="7">
        <f t="shared" si="19"/>
        <v>20.945699999999999</v>
      </c>
      <c r="I1259" s="1"/>
    </row>
    <row r="1260" spans="1:9" x14ac:dyDescent="0.25">
      <c r="A1260" s="3">
        <v>41702.508900462963</v>
      </c>
      <c r="B1260" s="6">
        <v>20962.349999999999</v>
      </c>
      <c r="C1260" s="7">
        <f t="shared" si="19"/>
        <v>20.962349999999997</v>
      </c>
      <c r="I1260" s="1"/>
    </row>
    <row r="1261" spans="1:9" x14ac:dyDescent="0.25">
      <c r="A1261" s="3">
        <v>41702.509039351855</v>
      </c>
      <c r="B1261" s="6">
        <v>20979</v>
      </c>
      <c r="C1261" s="7">
        <f t="shared" si="19"/>
        <v>20.978999999999999</v>
      </c>
      <c r="I1261" s="1"/>
    </row>
    <row r="1262" spans="1:9" x14ac:dyDescent="0.25">
      <c r="A1262" s="3">
        <v>41702.510023148148</v>
      </c>
      <c r="B1262" s="6">
        <v>20995.649999999998</v>
      </c>
      <c r="C1262" s="7">
        <f t="shared" si="19"/>
        <v>20.995649999999998</v>
      </c>
      <c r="I1262" s="1"/>
    </row>
    <row r="1263" spans="1:9" x14ac:dyDescent="0.25">
      <c r="A1263" s="3">
        <v>41702.510196759256</v>
      </c>
      <c r="B1263" s="6">
        <v>21012.3</v>
      </c>
      <c r="C1263" s="7">
        <f t="shared" si="19"/>
        <v>21.0123</v>
      </c>
      <c r="I1263" s="1"/>
    </row>
    <row r="1264" spans="1:9" x14ac:dyDescent="0.25">
      <c r="A1264" s="3">
        <v>41702.510868055557</v>
      </c>
      <c r="B1264" s="6">
        <v>21028.949999999997</v>
      </c>
      <c r="C1264" s="7">
        <f t="shared" si="19"/>
        <v>21.028949999999998</v>
      </c>
      <c r="I1264" s="1"/>
    </row>
    <row r="1265" spans="1:9" x14ac:dyDescent="0.25">
      <c r="A1265" s="3">
        <v>41702.510949074072</v>
      </c>
      <c r="B1265" s="6">
        <v>21045.599999999999</v>
      </c>
      <c r="C1265" s="7">
        <f t="shared" si="19"/>
        <v>21.0456</v>
      </c>
      <c r="I1265" s="1"/>
    </row>
    <row r="1266" spans="1:9" x14ac:dyDescent="0.25">
      <c r="A1266" s="3">
        <v>41702.511736111112</v>
      </c>
      <c r="B1266" s="6">
        <v>21062.25</v>
      </c>
      <c r="C1266" s="7">
        <f t="shared" si="19"/>
        <v>21.062249999999999</v>
      </c>
      <c r="I1266" s="1"/>
    </row>
    <row r="1267" spans="1:9" x14ac:dyDescent="0.25">
      <c r="A1267" s="3">
        <v>41702.511840277781</v>
      </c>
      <c r="B1267" s="6">
        <v>21078.899999999998</v>
      </c>
      <c r="C1267" s="7">
        <f t="shared" si="19"/>
        <v>21.078899999999997</v>
      </c>
      <c r="I1267" s="1"/>
    </row>
    <row r="1268" spans="1:9" x14ac:dyDescent="0.25">
      <c r="A1268" s="3">
        <v>41702.51258101852</v>
      </c>
      <c r="B1268" s="6">
        <v>21095.55</v>
      </c>
      <c r="C1268" s="7">
        <f t="shared" si="19"/>
        <v>21.095549999999999</v>
      </c>
      <c r="I1268" s="1"/>
    </row>
    <row r="1269" spans="1:9" x14ac:dyDescent="0.25">
      <c r="A1269" s="3">
        <v>41702.512673611112</v>
      </c>
      <c r="B1269" s="6">
        <v>21112.199999999997</v>
      </c>
      <c r="C1269" s="7">
        <f t="shared" si="19"/>
        <v>21.112199999999998</v>
      </c>
      <c r="I1269" s="1"/>
    </row>
    <row r="1270" spans="1:9" x14ac:dyDescent="0.25">
      <c r="A1270" s="3">
        <v>41702.513472222221</v>
      </c>
      <c r="B1270" s="6">
        <v>21128.85</v>
      </c>
      <c r="C1270" s="7">
        <f t="shared" si="19"/>
        <v>21.12885</v>
      </c>
      <c r="I1270" s="1"/>
    </row>
    <row r="1271" spans="1:9" x14ac:dyDescent="0.25">
      <c r="A1271" s="3">
        <v>41702.513564814813</v>
      </c>
      <c r="B1271" s="6">
        <v>21145.5</v>
      </c>
      <c r="C1271" s="7">
        <f t="shared" si="19"/>
        <v>21.145499999999998</v>
      </c>
      <c r="I1271" s="1"/>
    </row>
    <row r="1272" spans="1:9" x14ac:dyDescent="0.25">
      <c r="A1272" s="3">
        <v>41702.514236111114</v>
      </c>
      <c r="B1272" s="6">
        <v>21162.149999999998</v>
      </c>
      <c r="C1272" s="7">
        <f t="shared" si="19"/>
        <v>21.162149999999997</v>
      </c>
      <c r="I1272" s="1"/>
    </row>
    <row r="1273" spans="1:9" x14ac:dyDescent="0.25">
      <c r="A1273" s="3">
        <v>41702.514293981483</v>
      </c>
      <c r="B1273" s="6">
        <v>21178.799999999999</v>
      </c>
      <c r="C1273" s="7">
        <f t="shared" si="19"/>
        <v>21.178799999999999</v>
      </c>
      <c r="I1273" s="1"/>
    </row>
    <row r="1274" spans="1:9" x14ac:dyDescent="0.25">
      <c r="A1274" s="3">
        <v>41702.515011574076</v>
      </c>
      <c r="B1274" s="6">
        <v>21195.449999999997</v>
      </c>
      <c r="C1274" s="7">
        <f t="shared" si="19"/>
        <v>21.195449999999997</v>
      </c>
      <c r="I1274" s="1"/>
    </row>
    <row r="1275" spans="1:9" x14ac:dyDescent="0.25">
      <c r="A1275" s="3">
        <v>41702.515127314815</v>
      </c>
      <c r="B1275" s="6">
        <v>21212.1</v>
      </c>
      <c r="C1275" s="7">
        <f t="shared" si="19"/>
        <v>21.2121</v>
      </c>
      <c r="I1275" s="1"/>
    </row>
    <row r="1276" spans="1:9" x14ac:dyDescent="0.25">
      <c r="A1276" s="3">
        <v>41702.515682870369</v>
      </c>
      <c r="B1276" s="6">
        <v>21228.75</v>
      </c>
      <c r="C1276" s="7">
        <f t="shared" si="19"/>
        <v>21.228750000000002</v>
      </c>
      <c r="I1276" s="1"/>
    </row>
    <row r="1277" spans="1:9" x14ac:dyDescent="0.25">
      <c r="A1277" s="3">
        <v>41702.515740740739</v>
      </c>
      <c r="B1277" s="6">
        <v>21245.399999999998</v>
      </c>
      <c r="C1277" s="7">
        <f t="shared" si="19"/>
        <v>21.245399999999997</v>
      </c>
      <c r="I1277" s="1"/>
    </row>
    <row r="1278" spans="1:9" x14ac:dyDescent="0.25">
      <c r="A1278" s="3">
        <v>41702.516064814816</v>
      </c>
      <c r="B1278" s="6">
        <v>21262.05</v>
      </c>
      <c r="C1278" s="7">
        <f t="shared" si="19"/>
        <v>21.262049999999999</v>
      </c>
      <c r="I1278" s="1"/>
    </row>
    <row r="1279" spans="1:9" x14ac:dyDescent="0.25">
      <c r="A1279" s="3">
        <v>41702.516134259262</v>
      </c>
      <c r="B1279" s="6">
        <v>21278.699999999997</v>
      </c>
      <c r="C1279" s="7">
        <f t="shared" si="19"/>
        <v>21.278699999999997</v>
      </c>
      <c r="I1279" s="1"/>
    </row>
    <row r="1280" spans="1:9" x14ac:dyDescent="0.25">
      <c r="A1280" s="3">
        <v>41702.516574074078</v>
      </c>
      <c r="B1280" s="6">
        <v>21295.35</v>
      </c>
      <c r="C1280" s="7">
        <f t="shared" si="19"/>
        <v>21.295349999999999</v>
      </c>
      <c r="I1280" s="1"/>
    </row>
    <row r="1281" spans="1:9" x14ac:dyDescent="0.25">
      <c r="A1281" s="3">
        <v>41702.516631944447</v>
      </c>
      <c r="B1281" s="6">
        <v>21312</v>
      </c>
      <c r="C1281" s="7">
        <f t="shared" si="19"/>
        <v>21.312000000000001</v>
      </c>
      <c r="I1281" s="1"/>
    </row>
    <row r="1282" spans="1:9" x14ac:dyDescent="0.25">
      <c r="A1282" s="3">
        <v>41702.517060185186</v>
      </c>
      <c r="B1282" s="6">
        <v>21328.649999999998</v>
      </c>
      <c r="C1282" s="7">
        <f t="shared" si="19"/>
        <v>21.328649999999996</v>
      </c>
      <c r="I1282" s="1"/>
    </row>
    <row r="1283" spans="1:9" x14ac:dyDescent="0.25">
      <c r="A1283" s="3">
        <v>41702.517106481479</v>
      </c>
      <c r="B1283" s="6">
        <v>21345.3</v>
      </c>
      <c r="C1283" s="7">
        <f t="shared" ref="C1283:C1346" si="20">B1283/1000</f>
        <v>21.345299999999998</v>
      </c>
      <c r="I1283" s="1"/>
    </row>
    <row r="1284" spans="1:9" x14ac:dyDescent="0.25">
      <c r="A1284" s="3">
        <v>41702.517916666664</v>
      </c>
      <c r="B1284" s="6">
        <v>21361.949999999997</v>
      </c>
      <c r="C1284" s="7">
        <f t="shared" si="20"/>
        <v>21.361949999999997</v>
      </c>
      <c r="I1284" s="1"/>
    </row>
    <row r="1285" spans="1:9" x14ac:dyDescent="0.25">
      <c r="A1285" s="3">
        <v>41702.518020833333</v>
      </c>
      <c r="B1285" s="6">
        <v>21378.6</v>
      </c>
      <c r="C1285" s="7">
        <f t="shared" si="20"/>
        <v>21.378599999999999</v>
      </c>
      <c r="I1285" s="1"/>
    </row>
    <row r="1286" spans="1:9" x14ac:dyDescent="0.25">
      <c r="A1286" s="3">
        <v>41702.518958333334</v>
      </c>
      <c r="B1286" s="6">
        <v>21395.249999999996</v>
      </c>
      <c r="C1286" s="7">
        <f t="shared" si="20"/>
        <v>21.395249999999997</v>
      </c>
      <c r="I1286" s="1"/>
    </row>
    <row r="1287" spans="1:9" x14ac:dyDescent="0.25">
      <c r="A1287" s="3">
        <v>41702.51903935185</v>
      </c>
      <c r="B1287" s="6">
        <v>21411.899999999998</v>
      </c>
      <c r="C1287" s="7">
        <f t="shared" si="20"/>
        <v>21.411899999999999</v>
      </c>
      <c r="I1287" s="1"/>
    </row>
    <row r="1288" spans="1:9" x14ac:dyDescent="0.25">
      <c r="A1288" s="3">
        <v>41702.520324074074</v>
      </c>
      <c r="B1288" s="6">
        <v>21428.55</v>
      </c>
      <c r="C1288" s="7">
        <f t="shared" si="20"/>
        <v>21.428549999999998</v>
      </c>
      <c r="I1288" s="1"/>
    </row>
    <row r="1289" spans="1:9" x14ac:dyDescent="0.25">
      <c r="A1289" s="3">
        <v>41702.520486111112</v>
      </c>
      <c r="B1289" s="6">
        <v>21445.199999999997</v>
      </c>
      <c r="C1289" s="7">
        <f t="shared" si="20"/>
        <v>21.445199999999996</v>
      </c>
      <c r="I1289" s="1"/>
    </row>
    <row r="1290" spans="1:9" x14ac:dyDescent="0.25">
      <c r="A1290" s="3">
        <v>41702.521678240744</v>
      </c>
      <c r="B1290" s="6">
        <v>21461.85</v>
      </c>
      <c r="C1290" s="7">
        <f t="shared" si="20"/>
        <v>21.461849999999998</v>
      </c>
      <c r="I1290" s="1"/>
    </row>
    <row r="1291" spans="1:9" x14ac:dyDescent="0.25">
      <c r="A1291" s="3">
        <v>41702.521724537037</v>
      </c>
      <c r="B1291" s="6">
        <v>21478.499999999996</v>
      </c>
      <c r="C1291" s="7">
        <f t="shared" si="20"/>
        <v>21.478499999999997</v>
      </c>
      <c r="I1291" s="1"/>
    </row>
    <row r="1292" spans="1:9" x14ac:dyDescent="0.25">
      <c r="A1292" s="3">
        <v>41702.522106481483</v>
      </c>
      <c r="B1292" s="6">
        <v>21495.149999999998</v>
      </c>
      <c r="C1292" s="7">
        <f t="shared" si="20"/>
        <v>21.495149999999999</v>
      </c>
      <c r="I1292" s="1"/>
    </row>
    <row r="1293" spans="1:9" x14ac:dyDescent="0.25">
      <c r="A1293" s="3">
        <v>41702.522175925929</v>
      </c>
      <c r="B1293" s="6">
        <v>21511.8</v>
      </c>
      <c r="C1293" s="7">
        <f t="shared" si="20"/>
        <v>21.511800000000001</v>
      </c>
      <c r="I1293" s="1"/>
    </row>
    <row r="1294" spans="1:9" x14ac:dyDescent="0.25">
      <c r="A1294" s="3">
        <v>41702.522870370369</v>
      </c>
      <c r="B1294" s="6">
        <v>21528.449999999997</v>
      </c>
      <c r="C1294" s="7">
        <f t="shared" si="20"/>
        <v>21.528449999999996</v>
      </c>
      <c r="I1294" s="1"/>
    </row>
    <row r="1295" spans="1:9" x14ac:dyDescent="0.25">
      <c r="A1295" s="3">
        <v>41702.522939814815</v>
      </c>
      <c r="B1295" s="6">
        <v>21545.1</v>
      </c>
      <c r="C1295" s="7">
        <f t="shared" si="20"/>
        <v>21.545099999999998</v>
      </c>
      <c r="I1295" s="1"/>
    </row>
    <row r="1296" spans="1:9" x14ac:dyDescent="0.25">
      <c r="A1296" s="3">
        <v>41702.523657407408</v>
      </c>
      <c r="B1296" s="6">
        <v>21561.749999999996</v>
      </c>
      <c r="C1296" s="7">
        <f t="shared" si="20"/>
        <v>21.561749999999996</v>
      </c>
      <c r="I1296" s="1"/>
    </row>
    <row r="1297" spans="1:9" x14ac:dyDescent="0.25">
      <c r="A1297" s="3">
        <v>41702.523726851854</v>
      </c>
      <c r="B1297" s="6">
        <v>21578.399999999998</v>
      </c>
      <c r="C1297" s="7">
        <f t="shared" si="20"/>
        <v>21.578399999999998</v>
      </c>
      <c r="I1297" s="1"/>
    </row>
    <row r="1298" spans="1:9" x14ac:dyDescent="0.25">
      <c r="A1298" s="3">
        <v>41702.52412037037</v>
      </c>
      <c r="B1298" s="6">
        <v>21595.05</v>
      </c>
      <c r="C1298" s="7">
        <f t="shared" si="20"/>
        <v>21.595050000000001</v>
      </c>
      <c r="I1298" s="1"/>
    </row>
    <row r="1299" spans="1:9" x14ac:dyDescent="0.25">
      <c r="A1299" s="3">
        <v>41702.524212962962</v>
      </c>
      <c r="B1299" s="6">
        <v>21611.699999999997</v>
      </c>
      <c r="C1299" s="7">
        <f t="shared" si="20"/>
        <v>21.611699999999995</v>
      </c>
      <c r="I1299" s="1"/>
    </row>
    <row r="1300" spans="1:9" x14ac:dyDescent="0.25">
      <c r="A1300" s="3">
        <v>41702.525092592594</v>
      </c>
      <c r="B1300" s="6">
        <v>21628.35</v>
      </c>
      <c r="C1300" s="7">
        <f t="shared" si="20"/>
        <v>21.628349999999998</v>
      </c>
      <c r="I1300" s="1"/>
    </row>
    <row r="1301" spans="1:9" x14ac:dyDescent="0.25">
      <c r="A1301" s="3">
        <v>41702.52516203704</v>
      </c>
      <c r="B1301" s="6">
        <v>21644.999999999996</v>
      </c>
      <c r="C1301" s="7">
        <f t="shared" si="20"/>
        <v>21.644999999999996</v>
      </c>
      <c r="I1301" s="1"/>
    </row>
    <row r="1302" spans="1:9" x14ac:dyDescent="0.25">
      <c r="A1302" s="3">
        <v>41702.52548611111</v>
      </c>
      <c r="B1302" s="6">
        <v>21661.649999999998</v>
      </c>
      <c r="C1302" s="7">
        <f t="shared" si="20"/>
        <v>21.661649999999998</v>
      </c>
      <c r="I1302" s="1"/>
    </row>
    <row r="1303" spans="1:9" x14ac:dyDescent="0.25">
      <c r="A1303" s="3">
        <v>41702.52553240741</v>
      </c>
      <c r="B1303" s="6">
        <v>21678.3</v>
      </c>
      <c r="C1303" s="7">
        <f t="shared" si="20"/>
        <v>21.6783</v>
      </c>
      <c r="I1303" s="1"/>
    </row>
    <row r="1304" spans="1:9" x14ac:dyDescent="0.25">
      <c r="A1304" s="3">
        <v>41702.526192129626</v>
      </c>
      <c r="B1304" s="6">
        <v>21694.949999999997</v>
      </c>
      <c r="C1304" s="7">
        <f t="shared" si="20"/>
        <v>21.694949999999999</v>
      </c>
      <c r="I1304" s="1"/>
    </row>
    <row r="1305" spans="1:9" x14ac:dyDescent="0.25">
      <c r="A1305" s="3">
        <v>41702.526273148149</v>
      </c>
      <c r="B1305" s="6">
        <v>21711.599999999999</v>
      </c>
      <c r="C1305" s="7">
        <f t="shared" si="20"/>
        <v>21.711599999999997</v>
      </c>
      <c r="I1305" s="1"/>
    </row>
    <row r="1306" spans="1:9" x14ac:dyDescent="0.25">
      <c r="A1306" s="3">
        <v>41702.527083333334</v>
      </c>
      <c r="B1306" s="6">
        <v>21728.249999999996</v>
      </c>
      <c r="C1306" s="7">
        <f t="shared" si="20"/>
        <v>21.728249999999996</v>
      </c>
      <c r="I1306" s="1"/>
    </row>
    <row r="1307" spans="1:9" x14ac:dyDescent="0.25">
      <c r="A1307" s="3">
        <v>41702.527268518519</v>
      </c>
      <c r="B1307" s="6">
        <v>21744.899999999998</v>
      </c>
      <c r="C1307" s="7">
        <f t="shared" si="20"/>
        <v>21.744899999999998</v>
      </c>
      <c r="I1307" s="1"/>
    </row>
    <row r="1308" spans="1:9" x14ac:dyDescent="0.25">
      <c r="A1308" s="3">
        <v>41702.527662037035</v>
      </c>
      <c r="B1308" s="6">
        <v>21761.55</v>
      </c>
      <c r="C1308" s="7">
        <f t="shared" si="20"/>
        <v>21.76155</v>
      </c>
      <c r="I1308" s="1"/>
    </row>
    <row r="1309" spans="1:9" x14ac:dyDescent="0.25">
      <c r="A1309" s="3">
        <v>41702.527696759258</v>
      </c>
      <c r="B1309" s="6">
        <v>21778.199999999997</v>
      </c>
      <c r="C1309" s="7">
        <f t="shared" si="20"/>
        <v>21.778199999999998</v>
      </c>
      <c r="I1309" s="1"/>
    </row>
    <row r="1310" spans="1:9" x14ac:dyDescent="0.25">
      <c r="A1310" s="3">
        <v>41702.527962962966</v>
      </c>
      <c r="B1310" s="6">
        <v>21794.85</v>
      </c>
      <c r="C1310" s="7">
        <f t="shared" si="20"/>
        <v>21.79485</v>
      </c>
      <c r="I1310" s="1"/>
    </row>
    <row r="1311" spans="1:9" x14ac:dyDescent="0.25">
      <c r="A1311" s="3">
        <v>41702.528009259258</v>
      </c>
      <c r="B1311" s="6">
        <v>21811.499999999996</v>
      </c>
      <c r="C1311" s="7">
        <f t="shared" si="20"/>
        <v>21.811499999999995</v>
      </c>
      <c r="I1311" s="1"/>
    </row>
    <row r="1312" spans="1:9" x14ac:dyDescent="0.25">
      <c r="A1312" s="3">
        <v>41702.529456018521</v>
      </c>
      <c r="B1312" s="6">
        <v>21828.149999999998</v>
      </c>
      <c r="C1312" s="7">
        <f t="shared" si="20"/>
        <v>21.828149999999997</v>
      </c>
      <c r="I1312" s="1"/>
    </row>
    <row r="1313" spans="1:9" x14ac:dyDescent="0.25">
      <c r="A1313" s="3">
        <v>41702.529606481483</v>
      </c>
      <c r="B1313" s="6">
        <v>21844.799999999999</v>
      </c>
      <c r="C1313" s="7">
        <f t="shared" si="20"/>
        <v>21.844799999999999</v>
      </c>
      <c r="I1313" s="1"/>
    </row>
    <row r="1314" spans="1:9" x14ac:dyDescent="0.25">
      <c r="A1314" s="3">
        <v>41702.530787037038</v>
      </c>
      <c r="B1314" s="6">
        <v>21861.449999999997</v>
      </c>
      <c r="C1314" s="7">
        <f t="shared" si="20"/>
        <v>21.861449999999998</v>
      </c>
      <c r="I1314" s="1"/>
    </row>
    <row r="1315" spans="1:9" x14ac:dyDescent="0.25">
      <c r="A1315" s="3">
        <v>41702.530833333331</v>
      </c>
      <c r="B1315" s="6">
        <v>21878.1</v>
      </c>
      <c r="C1315" s="7">
        <f t="shared" si="20"/>
        <v>21.8781</v>
      </c>
      <c r="I1315" s="1"/>
    </row>
    <row r="1316" spans="1:9" x14ac:dyDescent="0.25">
      <c r="A1316" s="3">
        <v>41702.531875000001</v>
      </c>
      <c r="B1316" s="6">
        <v>21894.749999999996</v>
      </c>
      <c r="C1316" s="7">
        <f t="shared" si="20"/>
        <v>21.894749999999995</v>
      </c>
      <c r="I1316" s="1"/>
    </row>
    <row r="1317" spans="1:9" x14ac:dyDescent="0.25">
      <c r="A1317" s="3">
        <v>41702.532141203701</v>
      </c>
      <c r="B1317" s="6">
        <v>21911.399999999998</v>
      </c>
      <c r="C1317" s="7">
        <f t="shared" si="20"/>
        <v>21.911399999999997</v>
      </c>
      <c r="I1317" s="1"/>
    </row>
    <row r="1318" spans="1:9" x14ac:dyDescent="0.25">
      <c r="A1318" s="3">
        <v>41702.532951388886</v>
      </c>
      <c r="B1318" s="6">
        <v>21928.05</v>
      </c>
      <c r="C1318" s="7">
        <f t="shared" si="20"/>
        <v>21.928049999999999</v>
      </c>
      <c r="I1318" s="1"/>
    </row>
    <row r="1319" spans="1:9" x14ac:dyDescent="0.25">
      <c r="A1319" s="3">
        <v>41702.532986111109</v>
      </c>
      <c r="B1319" s="6">
        <v>21944.699999999997</v>
      </c>
      <c r="C1319" s="7">
        <f t="shared" si="20"/>
        <v>21.944699999999997</v>
      </c>
      <c r="I1319" s="1"/>
    </row>
    <row r="1320" spans="1:9" x14ac:dyDescent="0.25">
      <c r="A1320" s="3">
        <v>41702.533391203702</v>
      </c>
      <c r="B1320" s="6">
        <v>21961.35</v>
      </c>
      <c r="C1320" s="7">
        <f t="shared" si="20"/>
        <v>21.961349999999999</v>
      </c>
      <c r="I1320" s="1"/>
    </row>
    <row r="1321" spans="1:9" x14ac:dyDescent="0.25">
      <c r="A1321" s="3">
        <v>41702.533437500002</v>
      </c>
      <c r="B1321" s="6">
        <v>21977.999999999996</v>
      </c>
      <c r="C1321" s="7">
        <f t="shared" si="20"/>
        <v>21.977999999999998</v>
      </c>
      <c r="I1321" s="1"/>
    </row>
    <row r="1322" spans="1:9" x14ac:dyDescent="0.25">
      <c r="A1322" s="3">
        <v>41702.534050925926</v>
      </c>
      <c r="B1322" s="6">
        <v>21994.649999999998</v>
      </c>
      <c r="C1322" s="7">
        <f t="shared" si="20"/>
        <v>21.994649999999996</v>
      </c>
      <c r="I1322" s="1"/>
    </row>
    <row r="1323" spans="1:9" x14ac:dyDescent="0.25">
      <c r="A1323" s="3">
        <v>41702.534247685187</v>
      </c>
      <c r="B1323" s="6">
        <v>22011.3</v>
      </c>
      <c r="C1323" s="7">
        <f t="shared" si="20"/>
        <v>22.011299999999999</v>
      </c>
      <c r="I1323" s="1"/>
    </row>
    <row r="1324" spans="1:9" x14ac:dyDescent="0.25">
      <c r="A1324" s="3">
        <v>41702.535034722219</v>
      </c>
      <c r="B1324" s="6">
        <v>22027.949999999997</v>
      </c>
      <c r="C1324" s="7">
        <f t="shared" si="20"/>
        <v>22.027949999999997</v>
      </c>
      <c r="I1324" s="1"/>
    </row>
    <row r="1325" spans="1:9" x14ac:dyDescent="0.25">
      <c r="A1325" s="3">
        <v>41702.535127314812</v>
      </c>
      <c r="B1325" s="6">
        <v>22044.6</v>
      </c>
      <c r="C1325" s="7">
        <f t="shared" si="20"/>
        <v>22.044599999999999</v>
      </c>
      <c r="I1325" s="1"/>
    </row>
    <row r="1326" spans="1:9" x14ac:dyDescent="0.25">
      <c r="A1326" s="3">
        <v>41702.53633101852</v>
      </c>
      <c r="B1326" s="6">
        <v>22061.249999999996</v>
      </c>
      <c r="C1326" s="7">
        <f t="shared" si="20"/>
        <v>22.061249999999998</v>
      </c>
      <c r="I1326" s="1"/>
    </row>
    <row r="1327" spans="1:9" x14ac:dyDescent="0.25">
      <c r="A1327" s="3">
        <v>41702.536446759259</v>
      </c>
      <c r="B1327" s="6">
        <v>22077.899999999998</v>
      </c>
      <c r="C1327" s="7">
        <f t="shared" si="20"/>
        <v>22.077899999999996</v>
      </c>
      <c r="I1327" s="1"/>
    </row>
    <row r="1328" spans="1:9" x14ac:dyDescent="0.25">
      <c r="A1328" s="3">
        <v>41702.538043981483</v>
      </c>
      <c r="B1328" s="6">
        <v>22094.55</v>
      </c>
      <c r="C1328" s="7">
        <f t="shared" si="20"/>
        <v>22.094549999999998</v>
      </c>
      <c r="I1328" s="1"/>
    </row>
    <row r="1329" spans="1:9" x14ac:dyDescent="0.25">
      <c r="A1329" s="3">
        <v>41702.538171296299</v>
      </c>
      <c r="B1329" s="6">
        <v>22111.199999999997</v>
      </c>
      <c r="C1329" s="7">
        <f t="shared" si="20"/>
        <v>22.111199999999997</v>
      </c>
      <c r="I1329" s="1"/>
    </row>
    <row r="1330" spans="1:9" x14ac:dyDescent="0.25">
      <c r="A1330" s="3">
        <v>41702.539039351854</v>
      </c>
      <c r="B1330" s="6">
        <v>22127.85</v>
      </c>
      <c r="C1330" s="7">
        <f t="shared" si="20"/>
        <v>22.127849999999999</v>
      </c>
      <c r="I1330" s="1"/>
    </row>
    <row r="1331" spans="1:9" x14ac:dyDescent="0.25">
      <c r="A1331" s="3">
        <v>41702.539189814815</v>
      </c>
      <c r="B1331" s="6">
        <v>22144.499999999996</v>
      </c>
      <c r="C1331" s="7">
        <f t="shared" si="20"/>
        <v>22.144499999999997</v>
      </c>
      <c r="I1331" s="1"/>
    </row>
    <row r="1332" spans="1:9" x14ac:dyDescent="0.25">
      <c r="A1332" s="3">
        <v>41702.539872685185</v>
      </c>
      <c r="B1332" s="6">
        <v>22161.149999999998</v>
      </c>
      <c r="C1332" s="7">
        <f t="shared" si="20"/>
        <v>22.161149999999999</v>
      </c>
      <c r="I1332" s="1"/>
    </row>
    <row r="1333" spans="1:9" x14ac:dyDescent="0.25">
      <c r="A1333" s="3">
        <v>41702.539930555555</v>
      </c>
      <c r="B1333" s="6">
        <v>22177.8</v>
      </c>
      <c r="C1333" s="7">
        <f t="shared" si="20"/>
        <v>22.177799999999998</v>
      </c>
      <c r="I1333" s="1"/>
    </row>
    <row r="1334" spans="1:9" x14ac:dyDescent="0.25">
      <c r="A1334" s="3">
        <v>41702.540578703702</v>
      </c>
      <c r="B1334" s="6">
        <v>22194.449999999997</v>
      </c>
      <c r="C1334" s="7">
        <f t="shared" si="20"/>
        <v>22.194449999999996</v>
      </c>
      <c r="I1334" s="1"/>
    </row>
    <row r="1335" spans="1:9" x14ac:dyDescent="0.25">
      <c r="A1335" s="3">
        <v>41702.540682870371</v>
      </c>
      <c r="B1335" s="6">
        <v>22211.1</v>
      </c>
      <c r="C1335" s="7">
        <f t="shared" si="20"/>
        <v>22.211099999999998</v>
      </c>
      <c r="I1335" s="1"/>
    </row>
    <row r="1336" spans="1:9" x14ac:dyDescent="0.25">
      <c r="A1336" s="3">
        <v>41702.541932870372</v>
      </c>
      <c r="B1336" s="6">
        <v>22227.749999999996</v>
      </c>
      <c r="C1336" s="7">
        <f t="shared" si="20"/>
        <v>22.227749999999997</v>
      </c>
      <c r="I1336" s="1"/>
    </row>
    <row r="1337" spans="1:9" x14ac:dyDescent="0.25">
      <c r="A1337" s="3">
        <v>41702.542071759257</v>
      </c>
      <c r="B1337" s="6">
        <v>22244.399999999998</v>
      </c>
      <c r="C1337" s="7">
        <f t="shared" si="20"/>
        <v>22.244399999999999</v>
      </c>
      <c r="I1337" s="1"/>
    </row>
    <row r="1338" spans="1:9" x14ac:dyDescent="0.25">
      <c r="A1338" s="3">
        <v>41702.54277777778</v>
      </c>
      <c r="B1338" s="6">
        <v>22261.05</v>
      </c>
      <c r="C1338" s="7">
        <f t="shared" si="20"/>
        <v>22.261050000000001</v>
      </c>
      <c r="I1338" s="1"/>
    </row>
    <row r="1339" spans="1:9" x14ac:dyDescent="0.25">
      <c r="A1339" s="3">
        <v>41702.543009259258</v>
      </c>
      <c r="B1339" s="6">
        <v>22277.699999999997</v>
      </c>
      <c r="C1339" s="7">
        <f t="shared" si="20"/>
        <v>22.277699999999996</v>
      </c>
      <c r="I1339" s="1"/>
    </row>
    <row r="1340" spans="1:9" x14ac:dyDescent="0.25">
      <c r="A1340" s="3">
        <v>41702.543680555558</v>
      </c>
      <c r="B1340" s="6">
        <v>22294.35</v>
      </c>
      <c r="C1340" s="7">
        <f t="shared" si="20"/>
        <v>22.294349999999998</v>
      </c>
      <c r="I1340" s="1"/>
    </row>
    <row r="1341" spans="1:9" x14ac:dyDescent="0.25">
      <c r="A1341" s="3">
        <v>41702.543738425928</v>
      </c>
      <c r="B1341" s="6">
        <v>22310.999999999996</v>
      </c>
      <c r="C1341" s="7">
        <f t="shared" si="20"/>
        <v>22.310999999999996</v>
      </c>
      <c r="I1341" s="1"/>
    </row>
    <row r="1342" spans="1:9" x14ac:dyDescent="0.25">
      <c r="A1342" s="3">
        <v>41702.544293981482</v>
      </c>
      <c r="B1342" s="6">
        <v>22327.649999999998</v>
      </c>
      <c r="C1342" s="7">
        <f t="shared" si="20"/>
        <v>22.327649999999998</v>
      </c>
      <c r="I1342" s="1"/>
    </row>
    <row r="1343" spans="1:9" x14ac:dyDescent="0.25">
      <c r="A1343" s="3">
        <v>41702.544374999998</v>
      </c>
      <c r="B1343" s="6">
        <v>22344.3</v>
      </c>
      <c r="C1343" s="7">
        <f t="shared" si="20"/>
        <v>22.3443</v>
      </c>
      <c r="I1343" s="1"/>
    </row>
    <row r="1344" spans="1:9" x14ac:dyDescent="0.25">
      <c r="A1344" s="3">
        <v>41702.544942129629</v>
      </c>
      <c r="B1344" s="6">
        <v>22360.949999999997</v>
      </c>
      <c r="C1344" s="7">
        <f t="shared" si="20"/>
        <v>22.360949999999995</v>
      </c>
      <c r="I1344" s="1"/>
    </row>
    <row r="1345" spans="1:9" x14ac:dyDescent="0.25">
      <c r="A1345" s="3">
        <v>41702.545034722221</v>
      </c>
      <c r="B1345" s="6">
        <v>22377.599999999999</v>
      </c>
      <c r="C1345" s="7">
        <f t="shared" si="20"/>
        <v>22.377599999999997</v>
      </c>
      <c r="I1345" s="1"/>
    </row>
    <row r="1346" spans="1:9" x14ac:dyDescent="0.25">
      <c r="A1346" s="3">
        <v>41702.546481481484</v>
      </c>
      <c r="B1346" s="6">
        <v>22394.249999999996</v>
      </c>
      <c r="C1346" s="7">
        <f t="shared" si="20"/>
        <v>22.394249999999996</v>
      </c>
      <c r="I1346" s="1"/>
    </row>
    <row r="1347" spans="1:9" x14ac:dyDescent="0.25">
      <c r="A1347" s="3">
        <v>41702.546527777777</v>
      </c>
      <c r="B1347" s="6">
        <v>22410.899999999998</v>
      </c>
      <c r="C1347" s="7">
        <f t="shared" ref="C1347:C1410" si="21">B1347/1000</f>
        <v>22.410899999999998</v>
      </c>
      <c r="I1347" s="1"/>
    </row>
    <row r="1348" spans="1:9" x14ac:dyDescent="0.25">
      <c r="A1348" s="3">
        <v>41702.547025462962</v>
      </c>
      <c r="B1348" s="6">
        <v>22427.55</v>
      </c>
      <c r="C1348" s="7">
        <f t="shared" si="21"/>
        <v>22.42755</v>
      </c>
      <c r="I1348" s="1"/>
    </row>
    <row r="1349" spans="1:9" x14ac:dyDescent="0.25">
      <c r="A1349" s="3">
        <v>41702.5471412037</v>
      </c>
      <c r="B1349" s="6">
        <v>22444.199999999997</v>
      </c>
      <c r="C1349" s="7">
        <f t="shared" si="21"/>
        <v>22.444199999999999</v>
      </c>
      <c r="I1349" s="1"/>
    </row>
    <row r="1350" spans="1:9" x14ac:dyDescent="0.25">
      <c r="A1350" s="3">
        <v>41702.548206018517</v>
      </c>
      <c r="B1350" s="6">
        <v>22460.85</v>
      </c>
      <c r="C1350" s="7">
        <f t="shared" si="21"/>
        <v>22.460849999999997</v>
      </c>
      <c r="I1350" s="1"/>
    </row>
    <row r="1351" spans="1:9" x14ac:dyDescent="0.25">
      <c r="A1351" s="3">
        <v>41702.548275462963</v>
      </c>
      <c r="B1351" s="6">
        <v>22477.499999999996</v>
      </c>
      <c r="C1351" s="7">
        <f t="shared" si="21"/>
        <v>22.477499999999996</v>
      </c>
      <c r="I1351" s="1"/>
    </row>
    <row r="1352" spans="1:9" x14ac:dyDescent="0.25">
      <c r="A1352" s="3">
        <v>41702.549004629633</v>
      </c>
      <c r="B1352" s="6">
        <v>22494.149999999998</v>
      </c>
      <c r="C1352" s="7">
        <f t="shared" si="21"/>
        <v>22.494149999999998</v>
      </c>
      <c r="I1352" s="1"/>
    </row>
    <row r="1353" spans="1:9" x14ac:dyDescent="0.25">
      <c r="A1353" s="3">
        <v>41702.549120370371</v>
      </c>
      <c r="B1353" s="6">
        <v>22510.799999999999</v>
      </c>
      <c r="C1353" s="7">
        <f t="shared" si="21"/>
        <v>22.5108</v>
      </c>
      <c r="I1353" s="1"/>
    </row>
    <row r="1354" spans="1:9" x14ac:dyDescent="0.25">
      <c r="A1354" s="3">
        <v>41702.550000000003</v>
      </c>
      <c r="B1354" s="6">
        <v>22527.449999999997</v>
      </c>
      <c r="C1354" s="7">
        <f t="shared" si="21"/>
        <v>22.527449999999998</v>
      </c>
      <c r="I1354" s="1"/>
    </row>
    <row r="1355" spans="1:9" x14ac:dyDescent="0.25">
      <c r="A1355" s="3">
        <v>41702.550104166665</v>
      </c>
      <c r="B1355" s="6">
        <v>22544.1</v>
      </c>
      <c r="C1355" s="7">
        <f t="shared" si="21"/>
        <v>22.5441</v>
      </c>
      <c r="I1355" s="1"/>
    </row>
    <row r="1356" spans="1:9" x14ac:dyDescent="0.25">
      <c r="A1356" s="3">
        <v>41702.552083333336</v>
      </c>
      <c r="B1356" s="6">
        <v>22560.749999999996</v>
      </c>
      <c r="C1356" s="7">
        <f t="shared" si="21"/>
        <v>22.560749999999995</v>
      </c>
      <c r="I1356" s="1"/>
    </row>
    <row r="1357" spans="1:9" x14ac:dyDescent="0.25">
      <c r="A1357" s="3">
        <v>41702.552256944444</v>
      </c>
      <c r="B1357" s="6">
        <v>22577.399999999998</v>
      </c>
      <c r="C1357" s="7">
        <f t="shared" si="21"/>
        <v>22.577399999999997</v>
      </c>
      <c r="I1357" s="1"/>
    </row>
    <row r="1358" spans="1:9" x14ac:dyDescent="0.25">
      <c r="A1358" s="3">
        <v>41702.552986111114</v>
      </c>
      <c r="B1358" s="6">
        <v>22594.05</v>
      </c>
      <c r="C1358" s="7">
        <f t="shared" si="21"/>
        <v>22.594049999999999</v>
      </c>
      <c r="I1358" s="1"/>
    </row>
    <row r="1359" spans="1:9" x14ac:dyDescent="0.25">
      <c r="A1359" s="3">
        <v>41702.553148148145</v>
      </c>
      <c r="B1359" s="6">
        <v>22610.699999999997</v>
      </c>
      <c r="C1359" s="7">
        <f t="shared" si="21"/>
        <v>22.610699999999998</v>
      </c>
      <c r="I1359" s="1"/>
    </row>
    <row r="1360" spans="1:9" x14ac:dyDescent="0.25">
      <c r="A1360" s="3">
        <v>41702.553935185184</v>
      </c>
      <c r="B1360" s="6">
        <v>22627.35</v>
      </c>
      <c r="C1360" s="7">
        <f t="shared" si="21"/>
        <v>22.62735</v>
      </c>
      <c r="I1360" s="1"/>
    </row>
    <row r="1361" spans="1:9" x14ac:dyDescent="0.25">
      <c r="A1361" s="3">
        <v>41702.55400462963</v>
      </c>
      <c r="B1361" s="6">
        <v>22643.999999999996</v>
      </c>
      <c r="C1361" s="7">
        <f t="shared" si="21"/>
        <v>22.643999999999995</v>
      </c>
      <c r="I1361" s="1"/>
    </row>
    <row r="1362" spans="1:9" x14ac:dyDescent="0.25">
      <c r="A1362" s="3">
        <v>41702.554699074077</v>
      </c>
      <c r="B1362" s="6">
        <v>22660.649999999998</v>
      </c>
      <c r="C1362" s="7">
        <f t="shared" si="21"/>
        <v>22.660649999999997</v>
      </c>
      <c r="I1362" s="1"/>
    </row>
    <row r="1363" spans="1:9" x14ac:dyDescent="0.25">
      <c r="A1363" s="3">
        <v>41702.554768518516</v>
      </c>
      <c r="B1363" s="6">
        <v>22677.3</v>
      </c>
      <c r="C1363" s="7">
        <f t="shared" si="21"/>
        <v>22.677299999999999</v>
      </c>
      <c r="I1363" s="1"/>
    </row>
    <row r="1364" spans="1:9" x14ac:dyDescent="0.25">
      <c r="A1364" s="3">
        <v>41702.555335648147</v>
      </c>
      <c r="B1364" s="6">
        <v>22693.949999999997</v>
      </c>
      <c r="C1364" s="7">
        <f t="shared" si="21"/>
        <v>22.693949999999997</v>
      </c>
      <c r="I1364" s="1"/>
    </row>
    <row r="1365" spans="1:9" x14ac:dyDescent="0.25">
      <c r="A1365" s="3">
        <v>41702.55537037037</v>
      </c>
      <c r="B1365" s="6">
        <v>22710.6</v>
      </c>
      <c r="C1365" s="7">
        <f t="shared" si="21"/>
        <v>22.710599999999999</v>
      </c>
      <c r="I1365" s="1"/>
    </row>
    <row r="1366" spans="1:9" x14ac:dyDescent="0.25">
      <c r="A1366" s="3">
        <v>41702.555821759262</v>
      </c>
      <c r="B1366" s="6">
        <v>22727.249999999996</v>
      </c>
      <c r="C1366" s="7">
        <f t="shared" si="21"/>
        <v>22.727249999999998</v>
      </c>
      <c r="I1366" s="1"/>
    </row>
    <row r="1367" spans="1:9" x14ac:dyDescent="0.25">
      <c r="A1367" s="3">
        <v>41702.555902777778</v>
      </c>
      <c r="B1367" s="6">
        <v>22743.899999999998</v>
      </c>
      <c r="C1367" s="7">
        <f t="shared" si="21"/>
        <v>22.743899999999996</v>
      </c>
      <c r="I1367" s="1"/>
    </row>
    <row r="1368" spans="1:9" x14ac:dyDescent="0.25">
      <c r="A1368" s="3">
        <v>41702.556550925925</v>
      </c>
      <c r="B1368" s="6">
        <v>22760.55</v>
      </c>
      <c r="C1368" s="7">
        <f t="shared" si="21"/>
        <v>22.760549999999999</v>
      </c>
      <c r="I1368" s="1"/>
    </row>
    <row r="1369" spans="1:9" x14ac:dyDescent="0.25">
      <c r="A1369" s="3">
        <v>41702.556608796294</v>
      </c>
      <c r="B1369" s="6">
        <v>22777.199999999997</v>
      </c>
      <c r="C1369" s="7">
        <f t="shared" si="21"/>
        <v>22.777199999999997</v>
      </c>
      <c r="I1369" s="1"/>
    </row>
    <row r="1370" spans="1:9" x14ac:dyDescent="0.25">
      <c r="A1370" s="3">
        <v>41702.557326388887</v>
      </c>
      <c r="B1370" s="6">
        <v>22793.85</v>
      </c>
      <c r="C1370" s="7">
        <f t="shared" si="21"/>
        <v>22.793849999999999</v>
      </c>
      <c r="I1370" s="1"/>
    </row>
    <row r="1371" spans="1:9" x14ac:dyDescent="0.25">
      <c r="A1371" s="3">
        <v>41702.557395833333</v>
      </c>
      <c r="B1371" s="6">
        <v>22810.499999999996</v>
      </c>
      <c r="C1371" s="7">
        <f t="shared" si="21"/>
        <v>22.810499999999998</v>
      </c>
      <c r="I1371" s="1"/>
    </row>
    <row r="1372" spans="1:9" x14ac:dyDescent="0.25">
      <c r="A1372" s="3">
        <v>41702.557928240742</v>
      </c>
      <c r="B1372" s="6">
        <v>22827.149999999998</v>
      </c>
      <c r="C1372" s="7">
        <f t="shared" si="21"/>
        <v>22.827149999999996</v>
      </c>
      <c r="I1372" s="1"/>
    </row>
    <row r="1373" spans="1:9" x14ac:dyDescent="0.25">
      <c r="A1373" s="3">
        <v>41702.557997685188</v>
      </c>
      <c r="B1373" s="6">
        <v>22843.8</v>
      </c>
      <c r="C1373" s="7">
        <f t="shared" si="21"/>
        <v>22.843799999999998</v>
      </c>
      <c r="I1373" s="1"/>
    </row>
    <row r="1374" spans="1:9" x14ac:dyDescent="0.25">
      <c r="A1374" s="3">
        <v>41702.558483796296</v>
      </c>
      <c r="B1374" s="6">
        <v>22860.449999999997</v>
      </c>
      <c r="C1374" s="7">
        <f t="shared" si="21"/>
        <v>22.860449999999997</v>
      </c>
      <c r="I1374" s="1"/>
    </row>
    <row r="1375" spans="1:9" x14ac:dyDescent="0.25">
      <c r="A1375" s="3">
        <v>41702.558530092596</v>
      </c>
      <c r="B1375" s="6">
        <v>22877.1</v>
      </c>
      <c r="C1375" s="7">
        <f t="shared" si="21"/>
        <v>22.877099999999999</v>
      </c>
      <c r="I1375" s="1"/>
    </row>
    <row r="1376" spans="1:9" x14ac:dyDescent="0.25">
      <c r="A1376" s="3">
        <v>41702.559467592589</v>
      </c>
      <c r="B1376" s="6">
        <v>22893.749999999996</v>
      </c>
      <c r="C1376" s="7">
        <f t="shared" si="21"/>
        <v>22.893749999999997</v>
      </c>
      <c r="I1376" s="1"/>
    </row>
    <row r="1377" spans="1:9" x14ac:dyDescent="0.25">
      <c r="A1377" s="3">
        <v>41702.559583333335</v>
      </c>
      <c r="B1377" s="6">
        <v>22910.399999999998</v>
      </c>
      <c r="C1377" s="7">
        <f t="shared" si="21"/>
        <v>22.910399999999999</v>
      </c>
      <c r="I1377" s="1"/>
    </row>
    <row r="1378" spans="1:9" x14ac:dyDescent="0.25">
      <c r="A1378" s="3">
        <v>41702.560787037037</v>
      </c>
      <c r="B1378" s="6">
        <v>22927.05</v>
      </c>
      <c r="C1378" s="7">
        <f t="shared" si="21"/>
        <v>22.927049999999998</v>
      </c>
      <c r="I1378" s="1"/>
    </row>
    <row r="1379" spans="1:9" x14ac:dyDescent="0.25">
      <c r="A1379" s="3">
        <v>41702.560879629629</v>
      </c>
      <c r="B1379" s="6">
        <v>22943.699999999997</v>
      </c>
      <c r="C1379" s="7">
        <f t="shared" si="21"/>
        <v>22.943699999999996</v>
      </c>
      <c r="I1379" s="1"/>
    </row>
    <row r="1380" spans="1:9" x14ac:dyDescent="0.25">
      <c r="A1380" s="3">
        <v>41702.562430555554</v>
      </c>
      <c r="B1380" s="6">
        <v>22960.35</v>
      </c>
      <c r="C1380" s="7">
        <f t="shared" si="21"/>
        <v>22.960349999999998</v>
      </c>
      <c r="I1380" s="1"/>
    </row>
    <row r="1381" spans="1:9" x14ac:dyDescent="0.25">
      <c r="A1381" s="3">
        <v>41702.562581018516</v>
      </c>
      <c r="B1381" s="6">
        <v>22976.999999999996</v>
      </c>
      <c r="C1381" s="7">
        <f t="shared" si="21"/>
        <v>22.976999999999997</v>
      </c>
      <c r="I1381" s="1"/>
    </row>
    <row r="1382" spans="1:9" x14ac:dyDescent="0.25">
      <c r="A1382" s="3">
        <v>41702.56386574074</v>
      </c>
      <c r="B1382" s="6">
        <v>22993.649999999998</v>
      </c>
      <c r="C1382" s="7">
        <f t="shared" si="21"/>
        <v>22.993649999999999</v>
      </c>
      <c r="I1382" s="1"/>
    </row>
    <row r="1383" spans="1:9" x14ac:dyDescent="0.25">
      <c r="A1383" s="3">
        <v>41702.563958333332</v>
      </c>
      <c r="B1383" s="6">
        <v>23010.3</v>
      </c>
      <c r="C1383" s="7">
        <f t="shared" si="21"/>
        <v>23.010300000000001</v>
      </c>
      <c r="I1383" s="1"/>
    </row>
    <row r="1384" spans="1:9" x14ac:dyDescent="0.25">
      <c r="A1384" s="3">
        <v>41702.564710648148</v>
      </c>
      <c r="B1384" s="6">
        <v>23026.949999999997</v>
      </c>
      <c r="C1384" s="7">
        <f t="shared" si="21"/>
        <v>23.026949999999996</v>
      </c>
      <c r="I1384" s="1"/>
    </row>
    <row r="1385" spans="1:9" x14ac:dyDescent="0.25">
      <c r="A1385" s="3">
        <v>41702.564849537041</v>
      </c>
      <c r="B1385" s="6">
        <v>23043.599999999999</v>
      </c>
      <c r="C1385" s="7">
        <f t="shared" si="21"/>
        <v>23.043599999999998</v>
      </c>
      <c r="I1385" s="1"/>
    </row>
    <row r="1386" spans="1:9" x14ac:dyDescent="0.25">
      <c r="A1386" s="3">
        <v>41702.56554398148</v>
      </c>
      <c r="B1386" s="6">
        <v>23060.249999999996</v>
      </c>
      <c r="C1386" s="7">
        <f t="shared" si="21"/>
        <v>23.060249999999996</v>
      </c>
      <c r="I1386" s="1"/>
    </row>
    <row r="1387" spans="1:9" x14ac:dyDescent="0.25">
      <c r="A1387" s="3">
        <v>41702.565636574072</v>
      </c>
      <c r="B1387" s="6">
        <v>23076.899999999998</v>
      </c>
      <c r="C1387" s="7">
        <f t="shared" si="21"/>
        <v>23.076899999999998</v>
      </c>
      <c r="I1387" s="1"/>
    </row>
    <row r="1388" spans="1:9" x14ac:dyDescent="0.25">
      <c r="A1388" s="3">
        <v>41702.566099537034</v>
      </c>
      <c r="B1388" s="6">
        <v>23093.55</v>
      </c>
      <c r="C1388" s="7">
        <f t="shared" si="21"/>
        <v>23.09355</v>
      </c>
      <c r="I1388" s="1"/>
    </row>
    <row r="1389" spans="1:9" x14ac:dyDescent="0.25">
      <c r="A1389" s="3">
        <v>41702.566157407404</v>
      </c>
      <c r="B1389" s="6">
        <v>23110.199999999997</v>
      </c>
      <c r="C1389" s="7">
        <f t="shared" si="21"/>
        <v>23.110199999999995</v>
      </c>
      <c r="I1389" s="1"/>
    </row>
    <row r="1390" spans="1:9" x14ac:dyDescent="0.25">
      <c r="A1390" s="3">
        <v>41702.566655092596</v>
      </c>
      <c r="B1390" s="6">
        <v>23126.85</v>
      </c>
      <c r="C1390" s="7">
        <f t="shared" si="21"/>
        <v>23.126849999999997</v>
      </c>
      <c r="I1390" s="1"/>
    </row>
    <row r="1391" spans="1:9" x14ac:dyDescent="0.25">
      <c r="A1391" s="3">
        <v>41702.566759259258</v>
      </c>
      <c r="B1391" s="6">
        <v>23143.499999999996</v>
      </c>
      <c r="C1391" s="7">
        <f t="shared" si="21"/>
        <v>23.143499999999996</v>
      </c>
      <c r="I1391" s="1"/>
    </row>
    <row r="1392" spans="1:9" x14ac:dyDescent="0.25">
      <c r="A1392" s="3">
        <v>41702.56726851852</v>
      </c>
      <c r="B1392" s="6">
        <v>23160.149999999998</v>
      </c>
      <c r="C1392" s="7">
        <f t="shared" si="21"/>
        <v>23.160149999999998</v>
      </c>
      <c r="I1392" s="1"/>
    </row>
    <row r="1393" spans="1:9" x14ac:dyDescent="0.25">
      <c r="A1393" s="3">
        <v>41702.567337962966</v>
      </c>
      <c r="B1393" s="6">
        <v>23176.799999999999</v>
      </c>
      <c r="C1393" s="7">
        <f t="shared" si="21"/>
        <v>23.1768</v>
      </c>
      <c r="I1393" s="1"/>
    </row>
    <row r="1394" spans="1:9" x14ac:dyDescent="0.25">
      <c r="A1394" s="3">
        <v>41702.567766203705</v>
      </c>
      <c r="B1394" s="6">
        <v>23193.449999999997</v>
      </c>
      <c r="C1394" s="7">
        <f t="shared" si="21"/>
        <v>23.193449999999999</v>
      </c>
      <c r="I1394" s="1"/>
    </row>
    <row r="1395" spans="1:9" x14ac:dyDescent="0.25">
      <c r="A1395" s="3">
        <v>41702.567870370367</v>
      </c>
      <c r="B1395" s="6">
        <v>23210.1</v>
      </c>
      <c r="C1395" s="7">
        <f t="shared" si="21"/>
        <v>23.210099999999997</v>
      </c>
      <c r="I1395" s="1"/>
    </row>
    <row r="1396" spans="1:9" x14ac:dyDescent="0.25">
      <c r="A1396" s="3">
        <v>41702.568518518521</v>
      </c>
      <c r="B1396" s="6">
        <v>23226.749999999996</v>
      </c>
      <c r="C1396" s="7">
        <f t="shared" si="21"/>
        <v>23.226749999999996</v>
      </c>
      <c r="I1396" s="1"/>
    </row>
    <row r="1397" spans="1:9" x14ac:dyDescent="0.25">
      <c r="A1397" s="3">
        <v>41702.568564814814</v>
      </c>
      <c r="B1397" s="6">
        <v>23243.399999999998</v>
      </c>
      <c r="C1397" s="7">
        <f t="shared" si="21"/>
        <v>23.243399999999998</v>
      </c>
      <c r="I1397" s="1"/>
    </row>
    <row r="1398" spans="1:9" x14ac:dyDescent="0.25">
      <c r="A1398" s="3">
        <v>41702.570092592592</v>
      </c>
      <c r="B1398" s="6">
        <v>23260.05</v>
      </c>
      <c r="C1398" s="7">
        <f t="shared" si="21"/>
        <v>23.26005</v>
      </c>
      <c r="I1398" s="1"/>
    </row>
    <row r="1399" spans="1:9" x14ac:dyDescent="0.25">
      <c r="A1399" s="3">
        <v>41702.570219907408</v>
      </c>
      <c r="B1399" s="6">
        <v>23276.699999999997</v>
      </c>
      <c r="C1399" s="7">
        <f t="shared" si="21"/>
        <v>23.276699999999998</v>
      </c>
      <c r="I1399" s="1"/>
    </row>
    <row r="1400" spans="1:9" x14ac:dyDescent="0.25">
      <c r="A1400" s="3">
        <v>41702.570902777778</v>
      </c>
      <c r="B1400" s="6">
        <v>23293.35</v>
      </c>
      <c r="C1400" s="7">
        <f t="shared" si="21"/>
        <v>23.29335</v>
      </c>
      <c r="I1400" s="1"/>
    </row>
    <row r="1401" spans="1:9" x14ac:dyDescent="0.25">
      <c r="A1401" s="3">
        <v>41702.570949074077</v>
      </c>
      <c r="B1401" s="6">
        <v>23309.999999999996</v>
      </c>
      <c r="C1401" s="7">
        <f t="shared" si="21"/>
        <v>23.309999999999995</v>
      </c>
      <c r="I1401" s="1"/>
    </row>
    <row r="1402" spans="1:9" x14ac:dyDescent="0.25">
      <c r="A1402" s="3">
        <v>41702.571516203701</v>
      </c>
      <c r="B1402" s="6">
        <v>23326.649999999998</v>
      </c>
      <c r="C1402" s="7">
        <f t="shared" si="21"/>
        <v>23.326649999999997</v>
      </c>
      <c r="I1402" s="1"/>
    </row>
    <row r="1403" spans="1:9" x14ac:dyDescent="0.25">
      <c r="A1403" s="3">
        <v>41702.571620370371</v>
      </c>
      <c r="B1403" s="6">
        <v>23343.3</v>
      </c>
      <c r="C1403" s="7">
        <f t="shared" si="21"/>
        <v>23.343299999999999</v>
      </c>
      <c r="I1403" s="1"/>
    </row>
    <row r="1404" spans="1:9" x14ac:dyDescent="0.25">
      <c r="A1404" s="3">
        <v>41702.572442129633</v>
      </c>
      <c r="B1404" s="6">
        <v>23359.949999999997</v>
      </c>
      <c r="C1404" s="7">
        <f t="shared" si="21"/>
        <v>23.359949999999998</v>
      </c>
      <c r="I1404" s="1"/>
    </row>
    <row r="1405" spans="1:9" x14ac:dyDescent="0.25">
      <c r="A1405" s="3">
        <v>41702.572534722225</v>
      </c>
      <c r="B1405" s="6">
        <v>23376.6</v>
      </c>
      <c r="C1405" s="7">
        <f t="shared" si="21"/>
        <v>23.3766</v>
      </c>
      <c r="I1405" s="1"/>
    </row>
    <row r="1406" spans="1:9" x14ac:dyDescent="0.25">
      <c r="A1406" s="3">
        <v>41702.573310185187</v>
      </c>
      <c r="B1406" s="6">
        <v>23393.249999999996</v>
      </c>
      <c r="C1406" s="7">
        <f t="shared" si="21"/>
        <v>23.393249999999995</v>
      </c>
      <c r="I1406" s="1"/>
    </row>
    <row r="1407" spans="1:9" x14ac:dyDescent="0.25">
      <c r="A1407" s="3">
        <v>41702.573414351849</v>
      </c>
      <c r="B1407" s="6">
        <v>23409.899999999998</v>
      </c>
      <c r="C1407" s="7">
        <f t="shared" si="21"/>
        <v>23.409899999999997</v>
      </c>
      <c r="I1407" s="1"/>
    </row>
    <row r="1408" spans="1:9" x14ac:dyDescent="0.25">
      <c r="A1408" s="3">
        <v>41702.575335648151</v>
      </c>
      <c r="B1408" s="6">
        <v>23426.55</v>
      </c>
      <c r="C1408" s="7">
        <f t="shared" si="21"/>
        <v>23.426549999999999</v>
      </c>
      <c r="I1408" s="1"/>
    </row>
    <row r="1409" spans="1:9" x14ac:dyDescent="0.25">
      <c r="A1409" s="3">
        <v>41702.575462962966</v>
      </c>
      <c r="B1409" s="6">
        <v>23443.199999999997</v>
      </c>
      <c r="C1409" s="7">
        <f t="shared" si="21"/>
        <v>23.443199999999997</v>
      </c>
      <c r="I1409" s="1"/>
    </row>
    <row r="1410" spans="1:9" x14ac:dyDescent="0.25">
      <c r="A1410" s="3">
        <v>41702.57640046296</v>
      </c>
      <c r="B1410" s="6">
        <v>23459.85</v>
      </c>
      <c r="C1410" s="7">
        <f t="shared" si="21"/>
        <v>23.459849999999999</v>
      </c>
      <c r="I1410" s="1"/>
    </row>
    <row r="1411" spans="1:9" x14ac:dyDescent="0.25">
      <c r="A1411" s="3">
        <v>41702.576597222222</v>
      </c>
      <c r="B1411" s="6">
        <v>23476.499999999996</v>
      </c>
      <c r="C1411" s="7">
        <f t="shared" ref="C1411:C1474" si="22">B1411/1000</f>
        <v>23.476499999999998</v>
      </c>
      <c r="I1411" s="1"/>
    </row>
    <row r="1412" spans="1:9" x14ac:dyDescent="0.25">
      <c r="A1412" s="3">
        <v>41702.577314814815</v>
      </c>
      <c r="B1412" s="6">
        <v>23493.149999999998</v>
      </c>
      <c r="C1412" s="7">
        <f t="shared" si="22"/>
        <v>23.493149999999996</v>
      </c>
      <c r="I1412" s="1"/>
    </row>
    <row r="1413" spans="1:9" x14ac:dyDescent="0.25">
      <c r="A1413" s="3">
        <v>41702.577453703707</v>
      </c>
      <c r="B1413" s="6">
        <v>23509.8</v>
      </c>
      <c r="C1413" s="7">
        <f t="shared" si="22"/>
        <v>23.509799999999998</v>
      </c>
      <c r="I1413" s="1"/>
    </row>
    <row r="1414" spans="1:9" x14ac:dyDescent="0.25">
      <c r="A1414" s="3">
        <v>41702.578761574077</v>
      </c>
      <c r="B1414" s="6">
        <v>23526.449999999997</v>
      </c>
      <c r="C1414" s="7">
        <f t="shared" si="22"/>
        <v>23.526449999999997</v>
      </c>
      <c r="I1414" s="1"/>
    </row>
    <row r="1415" spans="1:9" x14ac:dyDescent="0.25">
      <c r="A1415" s="3">
        <v>41702.578981481478</v>
      </c>
      <c r="B1415" s="6">
        <v>23543.1</v>
      </c>
      <c r="C1415" s="7">
        <f t="shared" si="22"/>
        <v>23.543099999999999</v>
      </c>
      <c r="I1415" s="1"/>
    </row>
    <row r="1416" spans="1:9" x14ac:dyDescent="0.25">
      <c r="A1416" s="3">
        <v>41702.58152777778</v>
      </c>
      <c r="B1416" s="6">
        <v>23559.749999999996</v>
      </c>
      <c r="C1416" s="7">
        <f t="shared" si="22"/>
        <v>23.559749999999998</v>
      </c>
      <c r="I1416" s="1"/>
    </row>
    <row r="1417" spans="1:9" x14ac:dyDescent="0.25">
      <c r="A1417" s="3">
        <v>41702.581712962965</v>
      </c>
      <c r="B1417" s="6">
        <v>23576.399999999998</v>
      </c>
      <c r="C1417" s="7">
        <f t="shared" si="22"/>
        <v>23.5764</v>
      </c>
      <c r="I1417" s="1"/>
    </row>
    <row r="1418" spans="1:9" x14ac:dyDescent="0.25">
      <c r="A1418" s="3">
        <v>41702.582743055558</v>
      </c>
      <c r="B1418" s="6">
        <v>23593.05</v>
      </c>
      <c r="C1418" s="7">
        <f t="shared" si="22"/>
        <v>23.593049999999998</v>
      </c>
      <c r="I1418" s="1"/>
    </row>
    <row r="1419" spans="1:9" x14ac:dyDescent="0.25">
      <c r="A1419" s="3">
        <v>41702.582812499997</v>
      </c>
      <c r="B1419" s="6">
        <v>23609.699999999997</v>
      </c>
      <c r="C1419" s="7">
        <f t="shared" si="22"/>
        <v>23.609699999999997</v>
      </c>
      <c r="I1419" s="1"/>
    </row>
    <row r="1420" spans="1:9" x14ac:dyDescent="0.25">
      <c r="A1420" s="3">
        <v>41702.584097222221</v>
      </c>
      <c r="B1420" s="6">
        <v>23626.35</v>
      </c>
      <c r="C1420" s="7">
        <f t="shared" si="22"/>
        <v>23.626349999999999</v>
      </c>
      <c r="I1420" s="1"/>
    </row>
    <row r="1421" spans="1:9" x14ac:dyDescent="0.25">
      <c r="A1421" s="3">
        <v>41702.584305555552</v>
      </c>
      <c r="B1421" s="6">
        <v>23642.999999999996</v>
      </c>
      <c r="C1421" s="7">
        <f t="shared" si="22"/>
        <v>23.642999999999997</v>
      </c>
      <c r="I1421" s="1"/>
    </row>
    <row r="1422" spans="1:9" x14ac:dyDescent="0.25">
      <c r="A1422" s="3">
        <v>41702.585115740738</v>
      </c>
      <c r="B1422" s="6">
        <v>23659.649999999998</v>
      </c>
      <c r="C1422" s="7">
        <f t="shared" si="22"/>
        <v>23.659649999999999</v>
      </c>
      <c r="I1422" s="1"/>
    </row>
    <row r="1423" spans="1:9" x14ac:dyDescent="0.25">
      <c r="A1423" s="3">
        <v>41702.585150462961</v>
      </c>
      <c r="B1423" s="6">
        <v>23676.3</v>
      </c>
      <c r="C1423" s="7">
        <f t="shared" si="22"/>
        <v>23.676299999999998</v>
      </c>
      <c r="I1423" s="1"/>
    </row>
    <row r="1424" spans="1:9" x14ac:dyDescent="0.25">
      <c r="A1424" s="3">
        <v>41702.58556712963</v>
      </c>
      <c r="B1424" s="6">
        <v>23692.949999999997</v>
      </c>
      <c r="C1424" s="7">
        <f t="shared" si="22"/>
        <v>23.692949999999996</v>
      </c>
      <c r="I1424" s="1"/>
    </row>
    <row r="1425" spans="1:9" x14ac:dyDescent="0.25">
      <c r="A1425" s="3">
        <v>41702.585613425923</v>
      </c>
      <c r="B1425" s="6">
        <v>23709.599999999999</v>
      </c>
      <c r="C1425" s="7">
        <f t="shared" si="22"/>
        <v>23.709599999999998</v>
      </c>
      <c r="I1425" s="1"/>
    </row>
    <row r="1426" spans="1:9" x14ac:dyDescent="0.25">
      <c r="A1426" s="3">
        <v>41702.586111111108</v>
      </c>
      <c r="B1426" s="6">
        <v>23726.249999999996</v>
      </c>
      <c r="C1426" s="7">
        <f t="shared" si="22"/>
        <v>23.726249999999997</v>
      </c>
      <c r="I1426" s="1"/>
    </row>
    <row r="1427" spans="1:9" x14ac:dyDescent="0.25">
      <c r="A1427" s="3">
        <v>41702.586157407408</v>
      </c>
      <c r="B1427" s="6">
        <v>23742.899999999998</v>
      </c>
      <c r="C1427" s="7">
        <f t="shared" si="22"/>
        <v>23.742899999999999</v>
      </c>
      <c r="I1427" s="1"/>
    </row>
    <row r="1428" spans="1:9" x14ac:dyDescent="0.25">
      <c r="A1428" s="3">
        <v>41702.586423611108</v>
      </c>
      <c r="B1428" s="6">
        <v>23759.55</v>
      </c>
      <c r="C1428" s="7">
        <f t="shared" si="22"/>
        <v>23.759550000000001</v>
      </c>
      <c r="I1428" s="1"/>
    </row>
    <row r="1429" spans="1:9" x14ac:dyDescent="0.25">
      <c r="A1429" s="3">
        <v>41702.586481481485</v>
      </c>
      <c r="B1429" s="6">
        <v>23776.199999999997</v>
      </c>
      <c r="C1429" s="7">
        <f t="shared" si="22"/>
        <v>23.776199999999996</v>
      </c>
      <c r="I1429" s="1"/>
    </row>
    <row r="1430" spans="1:9" x14ac:dyDescent="0.25">
      <c r="A1430" s="3">
        <v>41702.587199074071</v>
      </c>
      <c r="B1430" s="6">
        <v>23792.85</v>
      </c>
      <c r="C1430" s="7">
        <f t="shared" si="22"/>
        <v>23.792849999999998</v>
      </c>
      <c r="I1430" s="1"/>
    </row>
    <row r="1431" spans="1:9" x14ac:dyDescent="0.25">
      <c r="A1431" s="3">
        <v>41702.587268518517</v>
      </c>
      <c r="B1431" s="6">
        <v>23809.499999999996</v>
      </c>
      <c r="C1431" s="7">
        <f t="shared" si="22"/>
        <v>23.809499999999996</v>
      </c>
      <c r="I1431" s="1"/>
    </row>
    <row r="1432" spans="1:9" x14ac:dyDescent="0.25">
      <c r="A1432" s="3">
        <v>41702.588020833333</v>
      </c>
      <c r="B1432" s="6">
        <v>23826.149999999998</v>
      </c>
      <c r="C1432" s="7">
        <f t="shared" si="22"/>
        <v>23.826149999999998</v>
      </c>
      <c r="I1432" s="1"/>
    </row>
    <row r="1433" spans="1:9" x14ac:dyDescent="0.25">
      <c r="A1433" s="3">
        <v>41702.588182870371</v>
      </c>
      <c r="B1433" s="6">
        <v>23842.799999999999</v>
      </c>
      <c r="C1433" s="7">
        <f t="shared" si="22"/>
        <v>23.8428</v>
      </c>
      <c r="I1433" s="1"/>
    </row>
    <row r="1434" spans="1:9" x14ac:dyDescent="0.25">
      <c r="A1434" s="3">
        <v>41702.589155092595</v>
      </c>
      <c r="B1434" s="6">
        <v>23859.449999999997</v>
      </c>
      <c r="C1434" s="7">
        <f t="shared" si="22"/>
        <v>23.859449999999995</v>
      </c>
      <c r="I1434" s="1"/>
    </row>
    <row r="1435" spans="1:9" x14ac:dyDescent="0.25">
      <c r="A1435" s="3">
        <v>41702.58929398148</v>
      </c>
      <c r="B1435" s="6">
        <v>23876.1</v>
      </c>
      <c r="C1435" s="7">
        <f t="shared" si="22"/>
        <v>23.876099999999997</v>
      </c>
      <c r="I1435" s="1"/>
    </row>
    <row r="1436" spans="1:9" x14ac:dyDescent="0.25">
      <c r="A1436" s="3">
        <v>41702.59002314815</v>
      </c>
      <c r="B1436" s="6">
        <v>23892.749999999996</v>
      </c>
      <c r="C1436" s="7">
        <f t="shared" si="22"/>
        <v>23.892749999999996</v>
      </c>
      <c r="I1436" s="1"/>
    </row>
    <row r="1437" spans="1:9" x14ac:dyDescent="0.25">
      <c r="A1437" s="3">
        <v>41702.590150462966</v>
      </c>
      <c r="B1437" s="6">
        <v>23909.399999999998</v>
      </c>
      <c r="C1437" s="7">
        <f t="shared" si="22"/>
        <v>23.909399999999998</v>
      </c>
      <c r="I1437" s="1"/>
    </row>
    <row r="1438" spans="1:9" x14ac:dyDescent="0.25">
      <c r="A1438" s="3">
        <v>41702.591111111113</v>
      </c>
      <c r="B1438" s="6">
        <v>23926.05</v>
      </c>
      <c r="C1438" s="7">
        <f t="shared" si="22"/>
        <v>23.92605</v>
      </c>
      <c r="I1438" s="1"/>
    </row>
    <row r="1439" spans="1:9" x14ac:dyDescent="0.25">
      <c r="A1439" s="3">
        <v>41702.591319444444</v>
      </c>
      <c r="B1439" s="6">
        <v>23942.699999999997</v>
      </c>
      <c r="C1439" s="7">
        <f t="shared" si="22"/>
        <v>23.942699999999999</v>
      </c>
      <c r="I1439" s="1"/>
    </row>
    <row r="1440" spans="1:9" x14ac:dyDescent="0.25">
      <c r="A1440" s="3">
        <v>41702.592094907406</v>
      </c>
      <c r="B1440" s="6">
        <v>23959.35</v>
      </c>
      <c r="C1440" s="7">
        <f t="shared" si="22"/>
        <v>23.959349999999997</v>
      </c>
      <c r="I1440" s="1"/>
    </row>
    <row r="1441" spans="1:9" x14ac:dyDescent="0.25">
      <c r="A1441" s="3">
        <v>41702.592164351852</v>
      </c>
      <c r="B1441" s="6">
        <v>23975.999999999996</v>
      </c>
      <c r="C1441" s="7">
        <f t="shared" si="22"/>
        <v>23.975999999999996</v>
      </c>
      <c r="I1441" s="1"/>
    </row>
    <row r="1442" spans="1:9" x14ac:dyDescent="0.25">
      <c r="A1442" s="3">
        <v>41702.593032407407</v>
      </c>
      <c r="B1442" s="6">
        <v>23992.649999999998</v>
      </c>
      <c r="C1442" s="7">
        <f t="shared" si="22"/>
        <v>23.992649999999998</v>
      </c>
      <c r="I1442" s="1"/>
    </row>
    <row r="1443" spans="1:9" x14ac:dyDescent="0.25">
      <c r="A1443" s="3">
        <v>41702.593090277776</v>
      </c>
      <c r="B1443" s="6">
        <v>24009.3</v>
      </c>
      <c r="C1443" s="7">
        <f t="shared" si="22"/>
        <v>24.0093</v>
      </c>
      <c r="I1443" s="1"/>
    </row>
    <row r="1444" spans="1:9" x14ac:dyDescent="0.25">
      <c r="A1444" s="3">
        <v>41702.593958333331</v>
      </c>
      <c r="B1444" s="6">
        <v>24025.949999999997</v>
      </c>
      <c r="C1444" s="7">
        <f t="shared" si="22"/>
        <v>24.025949999999998</v>
      </c>
      <c r="I1444" s="1"/>
    </row>
    <row r="1445" spans="1:9" x14ac:dyDescent="0.25">
      <c r="A1445" s="3">
        <v>41702.594155092593</v>
      </c>
      <c r="B1445" s="6">
        <v>24042.6</v>
      </c>
      <c r="C1445" s="7">
        <f t="shared" si="22"/>
        <v>24.0426</v>
      </c>
      <c r="I1445" s="1"/>
    </row>
    <row r="1446" spans="1:9" x14ac:dyDescent="0.25">
      <c r="A1446" s="3">
        <v>41702.595023148147</v>
      </c>
      <c r="B1446" s="6">
        <v>24059.249999999996</v>
      </c>
      <c r="C1446" s="7">
        <f t="shared" si="22"/>
        <v>24.059249999999995</v>
      </c>
      <c r="I1446" s="1"/>
    </row>
    <row r="1447" spans="1:9" x14ac:dyDescent="0.25">
      <c r="A1447" s="3">
        <v>41702.595069444447</v>
      </c>
      <c r="B1447" s="6">
        <v>24075.899999999998</v>
      </c>
      <c r="C1447" s="7">
        <f t="shared" si="22"/>
        <v>24.075899999999997</v>
      </c>
      <c r="I1447" s="1"/>
    </row>
    <row r="1448" spans="1:9" x14ac:dyDescent="0.25">
      <c r="A1448" s="3">
        <v>41702.59547453704</v>
      </c>
      <c r="B1448" s="6">
        <v>24092.55</v>
      </c>
      <c r="C1448" s="7">
        <f t="shared" si="22"/>
        <v>24.092549999999999</v>
      </c>
      <c r="I1448" s="1"/>
    </row>
    <row r="1449" spans="1:9" x14ac:dyDescent="0.25">
      <c r="A1449" s="3">
        <v>41702.595520833333</v>
      </c>
      <c r="B1449" s="6">
        <v>24109.199999999997</v>
      </c>
      <c r="C1449" s="7">
        <f t="shared" si="22"/>
        <v>24.109199999999998</v>
      </c>
      <c r="I1449" s="1"/>
    </row>
    <row r="1450" spans="1:9" x14ac:dyDescent="0.25">
      <c r="A1450" s="3">
        <v>41702.596284722225</v>
      </c>
      <c r="B1450" s="6">
        <v>24125.85</v>
      </c>
      <c r="C1450" s="7">
        <f t="shared" si="22"/>
        <v>24.12585</v>
      </c>
      <c r="I1450" s="1"/>
    </row>
    <row r="1451" spans="1:9" x14ac:dyDescent="0.25">
      <c r="A1451" s="3">
        <v>41702.596365740741</v>
      </c>
      <c r="B1451" s="6">
        <v>24142.499999999996</v>
      </c>
      <c r="C1451" s="7">
        <f t="shared" si="22"/>
        <v>24.142499999999995</v>
      </c>
      <c r="I1451" s="1"/>
    </row>
    <row r="1452" spans="1:9" x14ac:dyDescent="0.25">
      <c r="A1452" s="3">
        <v>41702.596851851849</v>
      </c>
      <c r="B1452" s="6">
        <v>24159.149999999998</v>
      </c>
      <c r="C1452" s="7">
        <f t="shared" si="22"/>
        <v>24.159149999999997</v>
      </c>
      <c r="I1452" s="1"/>
    </row>
    <row r="1453" spans="1:9" x14ac:dyDescent="0.25">
      <c r="A1453" s="3">
        <v>41702.596921296295</v>
      </c>
      <c r="B1453" s="6">
        <v>24175.8</v>
      </c>
      <c r="C1453" s="7">
        <f t="shared" si="22"/>
        <v>24.175799999999999</v>
      </c>
      <c r="I1453" s="1"/>
    </row>
    <row r="1454" spans="1:9" x14ac:dyDescent="0.25">
      <c r="A1454" s="3">
        <v>41702.597962962966</v>
      </c>
      <c r="B1454" s="6">
        <v>24192.449999999997</v>
      </c>
      <c r="C1454" s="7">
        <f t="shared" si="22"/>
        <v>24.192449999999997</v>
      </c>
      <c r="I1454" s="1"/>
    </row>
    <row r="1455" spans="1:9" x14ac:dyDescent="0.25">
      <c r="A1455" s="3">
        <v>41702.598090277781</v>
      </c>
      <c r="B1455" s="6">
        <v>24209.1</v>
      </c>
      <c r="C1455" s="7">
        <f t="shared" si="22"/>
        <v>24.209099999999999</v>
      </c>
      <c r="I1455" s="1"/>
    </row>
    <row r="1456" spans="1:9" x14ac:dyDescent="0.25">
      <c r="A1456" s="3">
        <v>41702.598877314813</v>
      </c>
      <c r="B1456" s="6">
        <v>24225.749999999996</v>
      </c>
      <c r="C1456" s="7">
        <f t="shared" si="22"/>
        <v>24.225749999999998</v>
      </c>
      <c r="I1456" s="1"/>
    </row>
    <row r="1457" spans="1:9" x14ac:dyDescent="0.25">
      <c r="A1457" s="3">
        <v>41702.598969907405</v>
      </c>
      <c r="B1457" s="6">
        <v>24242.399999999998</v>
      </c>
      <c r="C1457" s="7">
        <f t="shared" si="22"/>
        <v>24.242399999999996</v>
      </c>
      <c r="I1457" s="1"/>
    </row>
    <row r="1458" spans="1:9" x14ac:dyDescent="0.25">
      <c r="A1458" s="3">
        <v>41702.599664351852</v>
      </c>
      <c r="B1458" s="6">
        <v>24259.05</v>
      </c>
      <c r="C1458" s="7">
        <f t="shared" si="22"/>
        <v>24.259049999999998</v>
      </c>
      <c r="I1458" s="1"/>
    </row>
    <row r="1459" spans="1:9" x14ac:dyDescent="0.25">
      <c r="A1459" s="3">
        <v>41702.599710648145</v>
      </c>
      <c r="B1459" s="6">
        <v>24275.699999999997</v>
      </c>
      <c r="C1459" s="7">
        <f t="shared" si="22"/>
        <v>24.275699999999997</v>
      </c>
      <c r="I1459" s="1"/>
    </row>
    <row r="1460" spans="1:9" x14ac:dyDescent="0.25">
      <c r="A1460" s="3">
        <v>41702.600439814814</v>
      </c>
      <c r="B1460" s="6">
        <v>24292.35</v>
      </c>
      <c r="C1460" s="7">
        <f t="shared" si="22"/>
        <v>24.292349999999999</v>
      </c>
      <c r="I1460" s="1"/>
    </row>
    <row r="1461" spans="1:9" x14ac:dyDescent="0.25">
      <c r="A1461" s="3">
        <v>41702.600486111114</v>
      </c>
      <c r="B1461" s="6">
        <v>24308.999999999996</v>
      </c>
      <c r="C1461" s="7">
        <f t="shared" si="22"/>
        <v>24.308999999999997</v>
      </c>
      <c r="I1461" s="1"/>
    </row>
    <row r="1462" spans="1:9" x14ac:dyDescent="0.25">
      <c r="A1462" s="3">
        <v>41702.601273148146</v>
      </c>
      <c r="B1462" s="6">
        <v>24325.649999999998</v>
      </c>
      <c r="C1462" s="7">
        <f t="shared" si="22"/>
        <v>24.32565</v>
      </c>
      <c r="I1462" s="1"/>
    </row>
    <row r="1463" spans="1:9" x14ac:dyDescent="0.25">
      <c r="A1463" s="3">
        <v>41702.601446759261</v>
      </c>
      <c r="B1463" s="6">
        <v>24342.3</v>
      </c>
      <c r="C1463" s="7">
        <f t="shared" si="22"/>
        <v>24.342299999999998</v>
      </c>
      <c r="I1463" s="1"/>
    </row>
    <row r="1464" spans="1:9" x14ac:dyDescent="0.25">
      <c r="A1464" s="3">
        <v>41702.602164351854</v>
      </c>
      <c r="B1464" s="6">
        <v>24358.949999999997</v>
      </c>
      <c r="C1464" s="7">
        <f t="shared" si="22"/>
        <v>24.358949999999997</v>
      </c>
      <c r="I1464" s="1"/>
    </row>
    <row r="1465" spans="1:9" x14ac:dyDescent="0.25">
      <c r="A1465" s="3">
        <v>41702.602256944447</v>
      </c>
      <c r="B1465" s="6">
        <v>24375.599999999999</v>
      </c>
      <c r="C1465" s="7">
        <f t="shared" si="22"/>
        <v>24.375599999999999</v>
      </c>
      <c r="I1465" s="1"/>
    </row>
    <row r="1466" spans="1:9" x14ac:dyDescent="0.25">
      <c r="A1466" s="3">
        <v>41702.603032407409</v>
      </c>
      <c r="B1466" s="6">
        <v>24392.249999999996</v>
      </c>
      <c r="C1466" s="7">
        <f t="shared" si="22"/>
        <v>24.392249999999997</v>
      </c>
      <c r="I1466" s="1"/>
    </row>
    <row r="1467" spans="1:9" x14ac:dyDescent="0.25">
      <c r="A1467" s="3">
        <v>41702.603113425925</v>
      </c>
      <c r="B1467" s="6">
        <v>24408.899999999998</v>
      </c>
      <c r="C1467" s="7">
        <f t="shared" si="22"/>
        <v>24.408899999999999</v>
      </c>
      <c r="I1467" s="1"/>
    </row>
    <row r="1468" spans="1:9" x14ac:dyDescent="0.25">
      <c r="A1468" s="3">
        <v>41702.603819444441</v>
      </c>
      <c r="B1468" s="6">
        <v>24425.55</v>
      </c>
      <c r="C1468" s="7">
        <f t="shared" si="22"/>
        <v>24.425549999999998</v>
      </c>
      <c r="I1468" s="1"/>
    </row>
    <row r="1469" spans="1:9" x14ac:dyDescent="0.25">
      <c r="A1469" s="3">
        <v>41702.603865740741</v>
      </c>
      <c r="B1469" s="6">
        <v>24442.199999999997</v>
      </c>
      <c r="C1469" s="7">
        <f t="shared" si="22"/>
        <v>24.442199999999996</v>
      </c>
      <c r="I1469" s="1"/>
    </row>
    <row r="1470" spans="1:9" x14ac:dyDescent="0.25">
      <c r="A1470" s="3">
        <v>41702.604421296295</v>
      </c>
      <c r="B1470" s="6">
        <v>24458.85</v>
      </c>
      <c r="C1470" s="7">
        <f t="shared" si="22"/>
        <v>24.458849999999998</v>
      </c>
      <c r="I1470" s="1"/>
    </row>
    <row r="1471" spans="1:9" x14ac:dyDescent="0.25">
      <c r="A1471" s="3">
        <v>41702.604467592595</v>
      </c>
      <c r="B1471" s="6">
        <v>24475.499999999996</v>
      </c>
      <c r="C1471" s="7">
        <f t="shared" si="22"/>
        <v>24.475499999999997</v>
      </c>
      <c r="I1471" s="1"/>
    </row>
    <row r="1472" spans="1:9" x14ac:dyDescent="0.25">
      <c r="A1472" s="3">
        <v>41702.605138888888</v>
      </c>
      <c r="B1472" s="6">
        <v>24492.149999999998</v>
      </c>
      <c r="C1472" s="7">
        <f t="shared" si="22"/>
        <v>24.492149999999999</v>
      </c>
      <c r="I1472" s="1"/>
    </row>
    <row r="1473" spans="1:9" x14ac:dyDescent="0.25">
      <c r="A1473" s="3">
        <v>41702.605347222219</v>
      </c>
      <c r="B1473" s="6">
        <v>24508.799999999999</v>
      </c>
      <c r="C1473" s="7">
        <f t="shared" si="22"/>
        <v>24.508800000000001</v>
      </c>
      <c r="I1473" s="1"/>
    </row>
    <row r="1474" spans="1:9" x14ac:dyDescent="0.25">
      <c r="A1474" s="3">
        <v>41702.606666666667</v>
      </c>
      <c r="B1474" s="6">
        <v>24525.449999999997</v>
      </c>
      <c r="C1474" s="7">
        <f t="shared" si="22"/>
        <v>24.525449999999996</v>
      </c>
      <c r="I1474" s="1"/>
    </row>
    <row r="1475" spans="1:9" x14ac:dyDescent="0.25">
      <c r="A1475" s="3">
        <v>41702.606782407405</v>
      </c>
      <c r="B1475" s="6">
        <v>24542.1</v>
      </c>
      <c r="C1475" s="7">
        <f t="shared" ref="C1475:C1538" si="23">B1475/1000</f>
        <v>24.542099999999998</v>
      </c>
      <c r="I1475" s="1"/>
    </row>
    <row r="1476" spans="1:9" x14ac:dyDescent="0.25">
      <c r="A1476" s="3">
        <v>41702.607627314814</v>
      </c>
      <c r="B1476" s="6">
        <v>24558.749999999996</v>
      </c>
      <c r="C1476" s="7">
        <f t="shared" si="23"/>
        <v>24.558749999999996</v>
      </c>
      <c r="I1476" s="1"/>
    </row>
    <row r="1477" spans="1:9" x14ac:dyDescent="0.25">
      <c r="A1477" s="3">
        <v>41702.607881944445</v>
      </c>
      <c r="B1477" s="6">
        <v>24575.399999999998</v>
      </c>
      <c r="C1477" s="7">
        <f t="shared" si="23"/>
        <v>24.575399999999998</v>
      </c>
      <c r="I1477" s="1"/>
    </row>
    <row r="1478" spans="1:9" x14ac:dyDescent="0.25">
      <c r="A1478" s="3">
        <v>41702.608888888892</v>
      </c>
      <c r="B1478" s="6">
        <v>24592.05</v>
      </c>
      <c r="C1478" s="7">
        <f t="shared" si="23"/>
        <v>24.59205</v>
      </c>
      <c r="I1478" s="1"/>
    </row>
    <row r="1479" spans="1:9" x14ac:dyDescent="0.25">
      <c r="A1479" s="3">
        <v>41702.608923611115</v>
      </c>
      <c r="B1479" s="6">
        <v>24608.699999999997</v>
      </c>
      <c r="C1479" s="7">
        <f t="shared" si="23"/>
        <v>24.608699999999995</v>
      </c>
      <c r="I1479" s="1"/>
    </row>
    <row r="1480" spans="1:9" x14ac:dyDescent="0.25">
      <c r="A1480" s="3">
        <v>41702.609837962962</v>
      </c>
      <c r="B1480" s="6">
        <v>24625.35</v>
      </c>
      <c r="C1480" s="7">
        <f t="shared" si="23"/>
        <v>24.625349999999997</v>
      </c>
      <c r="I1480" s="1"/>
    </row>
    <row r="1481" spans="1:9" x14ac:dyDescent="0.25">
      <c r="A1481" s="3">
        <v>41702.610046296293</v>
      </c>
      <c r="B1481" s="6">
        <v>24641.999999999996</v>
      </c>
      <c r="C1481" s="7">
        <f t="shared" si="23"/>
        <v>24.641999999999996</v>
      </c>
      <c r="I1481" s="1"/>
    </row>
    <row r="1482" spans="1:9" x14ac:dyDescent="0.25">
      <c r="A1482" s="3">
        <v>41702.611273148148</v>
      </c>
      <c r="B1482" s="6">
        <v>24658.649999999998</v>
      </c>
      <c r="C1482" s="7">
        <f t="shared" si="23"/>
        <v>24.658649999999998</v>
      </c>
      <c r="I1482" s="1"/>
    </row>
    <row r="1483" spans="1:9" x14ac:dyDescent="0.25">
      <c r="A1483" s="3">
        <v>41702.611400462964</v>
      </c>
      <c r="B1483" s="6">
        <v>24675.3</v>
      </c>
      <c r="C1483" s="7">
        <f t="shared" si="23"/>
        <v>24.6753</v>
      </c>
      <c r="I1483" s="1"/>
    </row>
    <row r="1484" spans="1:9" x14ac:dyDescent="0.25">
      <c r="A1484" s="3">
        <v>41702.612395833334</v>
      </c>
      <c r="B1484" s="6">
        <v>24691.949999999997</v>
      </c>
      <c r="C1484" s="7">
        <f t="shared" si="23"/>
        <v>24.691949999999999</v>
      </c>
      <c r="I1484" s="1"/>
    </row>
    <row r="1485" spans="1:9" x14ac:dyDescent="0.25">
      <c r="A1485" s="3">
        <v>41702.612476851849</v>
      </c>
      <c r="B1485" s="6">
        <v>24708.6</v>
      </c>
      <c r="C1485" s="7">
        <f t="shared" si="23"/>
        <v>24.708599999999997</v>
      </c>
      <c r="I1485" s="1"/>
    </row>
    <row r="1486" spans="1:9" x14ac:dyDescent="0.25">
      <c r="A1486" s="3">
        <v>41702.612951388888</v>
      </c>
      <c r="B1486" s="6">
        <v>24725.249999999996</v>
      </c>
      <c r="C1486" s="7">
        <f t="shared" si="23"/>
        <v>24.725249999999996</v>
      </c>
      <c r="I1486" s="1"/>
    </row>
    <row r="1487" spans="1:9" x14ac:dyDescent="0.25">
      <c r="A1487" s="3">
        <v>41702.613043981481</v>
      </c>
      <c r="B1487" s="6">
        <v>24741.899999999998</v>
      </c>
      <c r="C1487" s="7">
        <f t="shared" si="23"/>
        <v>24.741899999999998</v>
      </c>
      <c r="I1487" s="1"/>
    </row>
    <row r="1488" spans="1:9" x14ac:dyDescent="0.25">
      <c r="A1488" s="3">
        <v>41702.613587962966</v>
      </c>
      <c r="B1488" s="6">
        <v>24758.55</v>
      </c>
      <c r="C1488" s="7">
        <f t="shared" si="23"/>
        <v>24.75855</v>
      </c>
      <c r="I1488" s="1"/>
    </row>
    <row r="1489" spans="1:9" x14ac:dyDescent="0.25">
      <c r="A1489" s="3">
        <v>41702.613703703704</v>
      </c>
      <c r="B1489" s="6">
        <v>24775.199999999997</v>
      </c>
      <c r="C1489" s="7">
        <f t="shared" si="23"/>
        <v>24.775199999999998</v>
      </c>
      <c r="I1489" s="1"/>
    </row>
    <row r="1490" spans="1:9" x14ac:dyDescent="0.25">
      <c r="A1490" s="3">
        <v>41702.614502314813</v>
      </c>
      <c r="B1490" s="6">
        <v>24791.85</v>
      </c>
      <c r="C1490" s="7">
        <f t="shared" si="23"/>
        <v>24.79185</v>
      </c>
      <c r="I1490" s="1"/>
    </row>
    <row r="1491" spans="1:9" x14ac:dyDescent="0.25">
      <c r="A1491" s="3">
        <v>41702.614571759259</v>
      </c>
      <c r="B1491" s="6">
        <v>24808.499999999996</v>
      </c>
      <c r="C1491" s="7">
        <f t="shared" si="23"/>
        <v>24.808499999999995</v>
      </c>
      <c r="I1491" s="1"/>
    </row>
    <row r="1492" spans="1:9" x14ac:dyDescent="0.25">
      <c r="A1492" s="3">
        <v>41702.615393518521</v>
      </c>
      <c r="B1492" s="6">
        <v>24825.149999999998</v>
      </c>
      <c r="C1492" s="7">
        <f t="shared" si="23"/>
        <v>24.825149999999997</v>
      </c>
      <c r="I1492" s="1"/>
    </row>
    <row r="1493" spans="1:9" x14ac:dyDescent="0.25">
      <c r="A1493" s="3">
        <v>41702.615474537037</v>
      </c>
      <c r="B1493" s="6">
        <v>24841.8</v>
      </c>
      <c r="C1493" s="7">
        <f t="shared" si="23"/>
        <v>24.841799999999999</v>
      </c>
      <c r="I1493" s="1"/>
    </row>
    <row r="1494" spans="1:9" x14ac:dyDescent="0.25">
      <c r="A1494" s="3">
        <v>41702.616574074076</v>
      </c>
      <c r="B1494" s="6">
        <v>24858.449999999997</v>
      </c>
      <c r="C1494" s="7">
        <f t="shared" si="23"/>
        <v>24.858449999999998</v>
      </c>
      <c r="I1494" s="1"/>
    </row>
    <row r="1495" spans="1:9" x14ac:dyDescent="0.25">
      <c r="A1495" s="3">
        <v>41702.616678240738</v>
      </c>
      <c r="B1495" s="6">
        <v>24875.1</v>
      </c>
      <c r="C1495" s="7">
        <f t="shared" si="23"/>
        <v>24.8751</v>
      </c>
      <c r="I1495" s="1"/>
    </row>
    <row r="1496" spans="1:9" x14ac:dyDescent="0.25">
      <c r="A1496" s="3">
        <v>41702.617384259262</v>
      </c>
      <c r="B1496" s="6">
        <v>24891.749999999996</v>
      </c>
      <c r="C1496" s="7">
        <f t="shared" si="23"/>
        <v>24.891749999999995</v>
      </c>
      <c r="I1496" s="1"/>
    </row>
    <row r="1497" spans="1:9" x14ac:dyDescent="0.25">
      <c r="A1497" s="3">
        <v>41702.617476851854</v>
      </c>
      <c r="B1497" s="6">
        <v>24908.399999999998</v>
      </c>
      <c r="C1497" s="7">
        <f t="shared" si="23"/>
        <v>24.908399999999997</v>
      </c>
      <c r="I1497" s="1"/>
    </row>
    <row r="1498" spans="1:9" x14ac:dyDescent="0.25">
      <c r="A1498" s="3">
        <v>41702.618541666663</v>
      </c>
      <c r="B1498" s="6">
        <v>24925.05</v>
      </c>
      <c r="C1498" s="7">
        <f t="shared" si="23"/>
        <v>24.925049999999999</v>
      </c>
      <c r="I1498" s="1"/>
    </row>
    <row r="1499" spans="1:9" x14ac:dyDescent="0.25">
      <c r="A1499" s="3">
        <v>41702.618634259263</v>
      </c>
      <c r="B1499" s="6">
        <v>24941.699999999997</v>
      </c>
      <c r="C1499" s="7">
        <f t="shared" si="23"/>
        <v>24.941699999999997</v>
      </c>
      <c r="I1499" s="1"/>
    </row>
    <row r="1500" spans="1:9" x14ac:dyDescent="0.25">
      <c r="A1500" s="3">
        <v>41702.619120370371</v>
      </c>
      <c r="B1500" s="6">
        <v>24958.35</v>
      </c>
      <c r="C1500" s="7">
        <f t="shared" si="23"/>
        <v>24.958349999999999</v>
      </c>
      <c r="I1500" s="1"/>
    </row>
    <row r="1501" spans="1:9" x14ac:dyDescent="0.25">
      <c r="A1501" s="3">
        <v>41702.619189814817</v>
      </c>
      <c r="B1501" s="6">
        <v>24974.999999999996</v>
      </c>
      <c r="C1501" s="7">
        <f t="shared" si="23"/>
        <v>24.974999999999998</v>
      </c>
      <c r="I1501" s="1"/>
    </row>
    <row r="1502" spans="1:9" x14ac:dyDescent="0.25">
      <c r="A1502" s="3">
        <v>41702.619733796295</v>
      </c>
      <c r="B1502" s="6">
        <v>24991.649999999998</v>
      </c>
      <c r="C1502" s="7">
        <f t="shared" si="23"/>
        <v>24.991649999999996</v>
      </c>
      <c r="I1502" s="1"/>
    </row>
    <row r="1503" spans="1:9" x14ac:dyDescent="0.25">
      <c r="A1503" s="3">
        <v>41702.619791666664</v>
      </c>
      <c r="B1503" s="6">
        <v>25008.3</v>
      </c>
      <c r="C1503" s="7">
        <f t="shared" si="23"/>
        <v>25.008299999999998</v>
      </c>
      <c r="I1503" s="1"/>
    </row>
    <row r="1504" spans="1:9" x14ac:dyDescent="0.25">
      <c r="A1504" s="3">
        <v>41702.620324074072</v>
      </c>
      <c r="B1504" s="6">
        <v>25024.949999999997</v>
      </c>
      <c r="C1504" s="7">
        <f t="shared" si="23"/>
        <v>25.024949999999997</v>
      </c>
      <c r="I1504" s="1"/>
    </row>
    <row r="1505" spans="1:9" x14ac:dyDescent="0.25">
      <c r="A1505" s="3">
        <v>41702.620509259257</v>
      </c>
      <c r="B1505" s="6">
        <v>25041.599999999999</v>
      </c>
      <c r="C1505" s="7">
        <f t="shared" si="23"/>
        <v>25.041599999999999</v>
      </c>
      <c r="I1505" s="1"/>
    </row>
    <row r="1506" spans="1:9" x14ac:dyDescent="0.25">
      <c r="A1506" s="3">
        <v>41702.621446759258</v>
      </c>
      <c r="B1506" s="6">
        <v>25058.249999999996</v>
      </c>
      <c r="C1506" s="7">
        <f t="shared" si="23"/>
        <v>25.058249999999997</v>
      </c>
      <c r="I1506" s="1"/>
    </row>
    <row r="1507" spans="1:9" x14ac:dyDescent="0.25">
      <c r="A1507" s="3">
        <v>41702.621550925927</v>
      </c>
      <c r="B1507" s="6">
        <v>25074.899999999998</v>
      </c>
      <c r="C1507" s="7">
        <f t="shared" si="23"/>
        <v>25.0749</v>
      </c>
      <c r="I1507" s="1"/>
    </row>
    <row r="1508" spans="1:9" x14ac:dyDescent="0.25">
      <c r="A1508" s="3">
        <v>41702.622418981482</v>
      </c>
      <c r="B1508" s="6">
        <v>25091.55</v>
      </c>
      <c r="C1508" s="7">
        <f t="shared" si="23"/>
        <v>25.091549999999998</v>
      </c>
      <c r="I1508" s="1"/>
    </row>
    <row r="1509" spans="1:9" x14ac:dyDescent="0.25">
      <c r="A1509" s="3">
        <v>41702.622465277775</v>
      </c>
      <c r="B1509" s="6">
        <v>25108.199999999997</v>
      </c>
      <c r="C1509" s="7">
        <f t="shared" si="23"/>
        <v>25.108199999999997</v>
      </c>
      <c r="I1509" s="1"/>
    </row>
    <row r="1510" spans="1:9" x14ac:dyDescent="0.25">
      <c r="A1510" s="3">
        <v>41702.62296296296</v>
      </c>
      <c r="B1510" s="6">
        <v>25124.85</v>
      </c>
      <c r="C1510" s="7">
        <f t="shared" si="23"/>
        <v>25.124849999999999</v>
      </c>
      <c r="I1510" s="1"/>
    </row>
    <row r="1511" spans="1:9" x14ac:dyDescent="0.25">
      <c r="A1511" s="3">
        <v>41702.623043981483</v>
      </c>
      <c r="B1511" s="6">
        <v>25141.499999999996</v>
      </c>
      <c r="C1511" s="7">
        <f t="shared" si="23"/>
        <v>25.141499999999997</v>
      </c>
      <c r="I1511" s="1"/>
    </row>
    <row r="1512" spans="1:9" x14ac:dyDescent="0.25">
      <c r="A1512" s="3">
        <v>41702.624108796299</v>
      </c>
      <c r="B1512" s="6">
        <v>25158.149999999998</v>
      </c>
      <c r="C1512" s="7">
        <f t="shared" si="23"/>
        <v>25.158149999999999</v>
      </c>
      <c r="I1512" s="1"/>
    </row>
    <row r="1513" spans="1:9" x14ac:dyDescent="0.25">
      <c r="A1513" s="3">
        <v>41702.624282407407</v>
      </c>
      <c r="B1513" s="6">
        <v>25174.799999999999</v>
      </c>
      <c r="C1513" s="7">
        <f t="shared" si="23"/>
        <v>25.174799999999998</v>
      </c>
      <c r="I1513" s="1"/>
    </row>
    <row r="1514" spans="1:9" x14ac:dyDescent="0.25">
      <c r="A1514" s="3">
        <v>41702.625486111108</v>
      </c>
      <c r="B1514" s="6">
        <v>25191.449999999997</v>
      </c>
      <c r="C1514" s="7">
        <f t="shared" si="23"/>
        <v>25.191449999999996</v>
      </c>
      <c r="I1514" s="1"/>
    </row>
    <row r="1515" spans="1:9" x14ac:dyDescent="0.25">
      <c r="A1515" s="3">
        <v>41702.625543981485</v>
      </c>
      <c r="B1515" s="6">
        <v>25208.1</v>
      </c>
      <c r="C1515" s="7">
        <f t="shared" si="23"/>
        <v>25.208099999999998</v>
      </c>
      <c r="I1515" s="1"/>
    </row>
    <row r="1516" spans="1:9" x14ac:dyDescent="0.25">
      <c r="A1516" s="3">
        <v>41702.626342592594</v>
      </c>
      <c r="B1516" s="6">
        <v>25224.749999999996</v>
      </c>
      <c r="C1516" s="7">
        <f t="shared" si="23"/>
        <v>25.224749999999997</v>
      </c>
      <c r="I1516" s="1"/>
    </row>
    <row r="1517" spans="1:9" x14ac:dyDescent="0.25">
      <c r="A1517" s="3">
        <v>41702.626539351855</v>
      </c>
      <c r="B1517" s="6">
        <v>25241.399999999998</v>
      </c>
      <c r="C1517" s="7">
        <f t="shared" si="23"/>
        <v>25.241399999999999</v>
      </c>
      <c r="I1517" s="1"/>
    </row>
    <row r="1518" spans="1:9" x14ac:dyDescent="0.25">
      <c r="A1518" s="3">
        <v>41702.627766203703</v>
      </c>
      <c r="B1518" s="6">
        <v>25258.05</v>
      </c>
      <c r="C1518" s="7">
        <f t="shared" si="23"/>
        <v>25.258050000000001</v>
      </c>
      <c r="I1518" s="1"/>
    </row>
    <row r="1519" spans="1:9" x14ac:dyDescent="0.25">
      <c r="A1519" s="3">
        <v>41702.627881944441</v>
      </c>
      <c r="B1519" s="6">
        <v>25274.699999999997</v>
      </c>
      <c r="C1519" s="7">
        <f t="shared" si="23"/>
        <v>25.274699999999996</v>
      </c>
      <c r="I1519" s="1"/>
    </row>
    <row r="1520" spans="1:9" x14ac:dyDescent="0.25">
      <c r="A1520" s="3">
        <v>41702.628645833334</v>
      </c>
      <c r="B1520" s="6">
        <v>25291.35</v>
      </c>
      <c r="C1520" s="7">
        <f t="shared" si="23"/>
        <v>25.291349999999998</v>
      </c>
      <c r="I1520" s="1"/>
    </row>
    <row r="1521" spans="1:9" x14ac:dyDescent="0.25">
      <c r="A1521" s="3">
        <v>41702.628923611112</v>
      </c>
      <c r="B1521" s="6">
        <v>25307.999999999996</v>
      </c>
      <c r="C1521" s="7">
        <f t="shared" si="23"/>
        <v>25.307999999999996</v>
      </c>
      <c r="I1521" s="1"/>
    </row>
    <row r="1522" spans="1:9" x14ac:dyDescent="0.25">
      <c r="A1522" s="3">
        <v>41702.629953703705</v>
      </c>
      <c r="B1522" s="6">
        <v>25324.649999999998</v>
      </c>
      <c r="C1522" s="7">
        <f t="shared" si="23"/>
        <v>25.324649999999998</v>
      </c>
      <c r="I1522" s="1"/>
    </row>
    <row r="1523" spans="1:9" x14ac:dyDescent="0.25">
      <c r="A1523" s="3">
        <v>41702.63008101852</v>
      </c>
      <c r="B1523" s="6">
        <v>25341.3</v>
      </c>
      <c r="C1523" s="7">
        <f t="shared" si="23"/>
        <v>25.3413</v>
      </c>
      <c r="I1523" s="1"/>
    </row>
    <row r="1524" spans="1:9" x14ac:dyDescent="0.25">
      <c r="A1524" s="3">
        <v>41702.631122685183</v>
      </c>
      <c r="B1524" s="6">
        <v>25357.949999999997</v>
      </c>
      <c r="C1524" s="7">
        <f t="shared" si="23"/>
        <v>25.357949999999995</v>
      </c>
      <c r="I1524" s="1"/>
    </row>
    <row r="1525" spans="1:9" x14ac:dyDescent="0.25">
      <c r="A1525" s="3">
        <v>41702.631307870368</v>
      </c>
      <c r="B1525" s="6">
        <v>25374.6</v>
      </c>
      <c r="C1525" s="7">
        <f t="shared" si="23"/>
        <v>25.374599999999997</v>
      </c>
      <c r="I1525" s="1"/>
    </row>
    <row r="1526" spans="1:9" x14ac:dyDescent="0.25">
      <c r="A1526" s="3">
        <v>41702.632048611114</v>
      </c>
      <c r="B1526" s="6">
        <v>25391.249999999996</v>
      </c>
      <c r="C1526" s="7">
        <f t="shared" si="23"/>
        <v>25.391249999999996</v>
      </c>
      <c r="I1526" s="1"/>
    </row>
    <row r="1527" spans="1:9" x14ac:dyDescent="0.25">
      <c r="A1527" s="3">
        <v>41702.632106481484</v>
      </c>
      <c r="B1527" s="6">
        <v>25407.899999999998</v>
      </c>
      <c r="C1527" s="7">
        <f t="shared" si="23"/>
        <v>25.407899999999998</v>
      </c>
      <c r="I1527" s="1"/>
    </row>
    <row r="1528" spans="1:9" x14ac:dyDescent="0.25">
      <c r="A1528" s="3">
        <v>41702.632777777777</v>
      </c>
      <c r="B1528" s="6">
        <v>25424.55</v>
      </c>
      <c r="C1528" s="7">
        <f t="shared" si="23"/>
        <v>25.42455</v>
      </c>
      <c r="I1528" s="1"/>
    </row>
    <row r="1529" spans="1:9" x14ac:dyDescent="0.25">
      <c r="A1529" s="3">
        <v>41702.6328587963</v>
      </c>
      <c r="B1529" s="6">
        <v>25441.199999999997</v>
      </c>
      <c r="C1529" s="7">
        <f t="shared" si="23"/>
        <v>25.441199999999998</v>
      </c>
      <c r="I1529" s="1"/>
    </row>
    <row r="1530" spans="1:9" x14ac:dyDescent="0.25">
      <c r="A1530" s="3">
        <v>41702.633680555555</v>
      </c>
      <c r="B1530" s="6">
        <v>25457.85</v>
      </c>
      <c r="C1530" s="7">
        <f t="shared" si="23"/>
        <v>25.457849999999997</v>
      </c>
      <c r="I1530" s="1"/>
    </row>
    <row r="1531" spans="1:9" x14ac:dyDescent="0.25">
      <c r="A1531" s="3">
        <v>41702.633796296293</v>
      </c>
      <c r="B1531" s="6">
        <v>25474.499999999996</v>
      </c>
      <c r="C1531" s="7">
        <f t="shared" si="23"/>
        <v>25.474499999999995</v>
      </c>
      <c r="I1531" s="1"/>
    </row>
    <row r="1532" spans="1:9" x14ac:dyDescent="0.25">
      <c r="A1532" s="3">
        <v>41702.634525462963</v>
      </c>
      <c r="B1532" s="6">
        <v>25491.149999999998</v>
      </c>
      <c r="C1532" s="7">
        <f t="shared" si="23"/>
        <v>25.491149999999998</v>
      </c>
      <c r="I1532" s="1"/>
    </row>
    <row r="1533" spans="1:9" x14ac:dyDescent="0.25">
      <c r="A1533" s="3">
        <v>41702.634606481479</v>
      </c>
      <c r="B1533" s="6">
        <v>25507.8</v>
      </c>
      <c r="C1533" s="7">
        <f t="shared" si="23"/>
        <v>25.5078</v>
      </c>
      <c r="I1533" s="1"/>
    </row>
    <row r="1534" spans="1:9" x14ac:dyDescent="0.25">
      <c r="A1534" s="3">
        <v>41702.635949074072</v>
      </c>
      <c r="B1534" s="6">
        <v>25524.449999999997</v>
      </c>
      <c r="C1534" s="7">
        <f t="shared" si="23"/>
        <v>25.524449999999998</v>
      </c>
      <c r="I1534" s="1"/>
    </row>
    <row r="1535" spans="1:9" x14ac:dyDescent="0.25">
      <c r="A1535" s="3">
        <v>41702.635995370372</v>
      </c>
      <c r="B1535" s="6">
        <v>25541.1</v>
      </c>
      <c r="C1535" s="7">
        <f t="shared" si="23"/>
        <v>25.5411</v>
      </c>
      <c r="I1535" s="1"/>
    </row>
    <row r="1536" spans="1:9" x14ac:dyDescent="0.25">
      <c r="A1536" s="3">
        <v>41702.637002314812</v>
      </c>
      <c r="B1536" s="6">
        <v>25557.749999999996</v>
      </c>
      <c r="C1536" s="7">
        <f t="shared" si="23"/>
        <v>25.557749999999995</v>
      </c>
      <c r="I1536" s="1"/>
    </row>
    <row r="1537" spans="1:9" x14ac:dyDescent="0.25">
      <c r="A1537" s="3">
        <v>41702.637187499997</v>
      </c>
      <c r="B1537" s="6">
        <v>25574.399999999998</v>
      </c>
      <c r="C1537" s="7">
        <f t="shared" si="23"/>
        <v>25.574399999999997</v>
      </c>
      <c r="I1537" s="1"/>
    </row>
    <row r="1538" spans="1:9" x14ac:dyDescent="0.25">
      <c r="A1538" s="3">
        <v>41702.637696759259</v>
      </c>
      <c r="B1538" s="6">
        <v>25591.05</v>
      </c>
      <c r="C1538" s="7">
        <f t="shared" si="23"/>
        <v>25.591049999999999</v>
      </c>
      <c r="I1538" s="1"/>
    </row>
    <row r="1539" spans="1:9" x14ac:dyDescent="0.25">
      <c r="A1539" s="3">
        <v>41702.637800925928</v>
      </c>
      <c r="B1539" s="6">
        <v>25607.699999999997</v>
      </c>
      <c r="C1539" s="7">
        <f t="shared" ref="C1539:C1602" si="24">B1539/1000</f>
        <v>25.607699999999998</v>
      </c>
      <c r="I1539" s="1"/>
    </row>
    <row r="1540" spans="1:9" x14ac:dyDescent="0.25">
      <c r="A1540" s="3">
        <v>41702.638657407406</v>
      </c>
      <c r="B1540" s="6">
        <v>25624.35</v>
      </c>
      <c r="C1540" s="7">
        <f t="shared" si="24"/>
        <v>25.62435</v>
      </c>
      <c r="I1540" s="1"/>
    </row>
    <row r="1541" spans="1:9" x14ac:dyDescent="0.25">
      <c r="A1541" s="3">
        <v>41702.638726851852</v>
      </c>
      <c r="B1541" s="6">
        <v>25640.999999999996</v>
      </c>
      <c r="C1541" s="7">
        <f t="shared" si="24"/>
        <v>25.640999999999995</v>
      </c>
      <c r="I1541" s="1"/>
    </row>
    <row r="1542" spans="1:9" x14ac:dyDescent="0.25">
      <c r="A1542" s="3">
        <v>41702.639363425929</v>
      </c>
      <c r="B1542" s="6">
        <v>25657.649999999998</v>
      </c>
      <c r="C1542" s="7">
        <f t="shared" si="24"/>
        <v>25.657649999999997</v>
      </c>
      <c r="I1542" s="1"/>
    </row>
    <row r="1543" spans="1:9" x14ac:dyDescent="0.25">
      <c r="A1543" s="3">
        <v>41702.639525462961</v>
      </c>
      <c r="B1543" s="6">
        <v>25674.3</v>
      </c>
      <c r="C1543" s="7">
        <f t="shared" si="24"/>
        <v>25.674299999999999</v>
      </c>
      <c r="I1543" s="1"/>
    </row>
    <row r="1544" spans="1:9" x14ac:dyDescent="0.25">
      <c r="A1544" s="3">
        <v>41702.640601851854</v>
      </c>
      <c r="B1544" s="6">
        <v>25690.949999999997</v>
      </c>
      <c r="C1544" s="7">
        <f t="shared" si="24"/>
        <v>25.690949999999997</v>
      </c>
      <c r="I1544" s="1"/>
    </row>
    <row r="1545" spans="1:9" x14ac:dyDescent="0.25">
      <c r="A1545" s="3">
        <v>41702.640682870369</v>
      </c>
      <c r="B1545" s="6">
        <v>25707.599999999999</v>
      </c>
      <c r="C1545" s="7">
        <f t="shared" si="24"/>
        <v>25.707599999999999</v>
      </c>
      <c r="I1545" s="1"/>
    </row>
    <row r="1546" spans="1:9" x14ac:dyDescent="0.25">
      <c r="A1546" s="3">
        <v>41702.641342592593</v>
      </c>
      <c r="B1546" s="6">
        <v>25724.249999999996</v>
      </c>
      <c r="C1546" s="7">
        <f t="shared" si="24"/>
        <v>25.724249999999998</v>
      </c>
      <c r="I1546" s="1"/>
    </row>
    <row r="1547" spans="1:9" x14ac:dyDescent="0.25">
      <c r="A1547" s="3">
        <v>41702.641446759262</v>
      </c>
      <c r="B1547" s="6">
        <v>25740.899999999998</v>
      </c>
      <c r="C1547" s="7">
        <f t="shared" si="24"/>
        <v>25.740899999999996</v>
      </c>
      <c r="I1547" s="1"/>
    </row>
    <row r="1548" spans="1:9" x14ac:dyDescent="0.25">
      <c r="A1548" s="3">
        <v>41702.642870370371</v>
      </c>
      <c r="B1548" s="6">
        <v>25757.55</v>
      </c>
      <c r="C1548" s="7">
        <f t="shared" si="24"/>
        <v>25.757549999999998</v>
      </c>
      <c r="I1548" s="1"/>
    </row>
    <row r="1549" spans="1:9" x14ac:dyDescent="0.25">
      <c r="A1549" s="3">
        <v>41702.642962962964</v>
      </c>
      <c r="B1549" s="6">
        <v>25774.199999999997</v>
      </c>
      <c r="C1549" s="7">
        <f t="shared" si="24"/>
        <v>25.774199999999997</v>
      </c>
      <c r="I1549" s="1"/>
    </row>
    <row r="1550" spans="1:9" x14ac:dyDescent="0.25">
      <c r="A1550" s="3">
        <v>41702.643738425926</v>
      </c>
      <c r="B1550" s="6">
        <v>25790.85</v>
      </c>
      <c r="C1550" s="7">
        <f t="shared" si="24"/>
        <v>25.790849999999999</v>
      </c>
      <c r="I1550" s="1"/>
    </row>
    <row r="1551" spans="1:9" x14ac:dyDescent="0.25">
      <c r="A1551" s="3">
        <v>41702.643784722219</v>
      </c>
      <c r="B1551" s="6">
        <v>25807.499999999996</v>
      </c>
      <c r="C1551" s="7">
        <f t="shared" si="24"/>
        <v>25.807499999999997</v>
      </c>
      <c r="I1551" s="1"/>
    </row>
    <row r="1552" spans="1:9" x14ac:dyDescent="0.25">
      <c r="A1552" s="3">
        <v>41702.644259259258</v>
      </c>
      <c r="B1552" s="6">
        <v>25824.149999999998</v>
      </c>
      <c r="C1552" s="7">
        <f t="shared" si="24"/>
        <v>25.824149999999999</v>
      </c>
      <c r="I1552" s="1"/>
    </row>
    <row r="1553" spans="1:9" x14ac:dyDescent="0.25">
      <c r="A1553" s="3">
        <v>41702.644328703704</v>
      </c>
      <c r="B1553" s="6">
        <v>25840.799999999999</v>
      </c>
      <c r="C1553" s="7">
        <f t="shared" si="24"/>
        <v>25.840799999999998</v>
      </c>
      <c r="I1553" s="1"/>
    </row>
    <row r="1554" spans="1:9" x14ac:dyDescent="0.25">
      <c r="A1554" s="3">
        <v>41702.645057870373</v>
      </c>
      <c r="B1554" s="6">
        <v>25857.449999999997</v>
      </c>
      <c r="C1554" s="7">
        <f t="shared" si="24"/>
        <v>25.857449999999996</v>
      </c>
      <c r="I1554" s="1"/>
    </row>
    <row r="1555" spans="1:9" x14ac:dyDescent="0.25">
      <c r="A1555" s="3">
        <v>41702.645208333335</v>
      </c>
      <c r="B1555" s="6">
        <v>25874.1</v>
      </c>
      <c r="C1555" s="7">
        <f t="shared" si="24"/>
        <v>25.874099999999999</v>
      </c>
      <c r="I1555" s="1"/>
    </row>
    <row r="1556" spans="1:9" x14ac:dyDescent="0.25">
      <c r="A1556" s="3">
        <v>41702.64644675926</v>
      </c>
      <c r="B1556" s="6">
        <v>25890.749999999996</v>
      </c>
      <c r="C1556" s="7">
        <f t="shared" si="24"/>
        <v>25.890749999999997</v>
      </c>
      <c r="I1556" s="1"/>
    </row>
    <row r="1557" spans="1:9" x14ac:dyDescent="0.25">
      <c r="A1557" s="3">
        <v>41702.646562499998</v>
      </c>
      <c r="B1557" s="6">
        <v>25907.399999999998</v>
      </c>
      <c r="C1557" s="7">
        <f t="shared" si="24"/>
        <v>25.907399999999999</v>
      </c>
      <c r="I1557" s="1"/>
    </row>
    <row r="1558" spans="1:9" x14ac:dyDescent="0.25">
      <c r="A1558" s="3">
        <v>41702.647465277776</v>
      </c>
      <c r="B1558" s="6">
        <v>25924.05</v>
      </c>
      <c r="C1558" s="7">
        <f t="shared" si="24"/>
        <v>25.924049999999998</v>
      </c>
      <c r="I1558" s="1"/>
    </row>
    <row r="1559" spans="1:9" x14ac:dyDescent="0.25">
      <c r="A1559" s="3">
        <v>41702.647615740738</v>
      </c>
      <c r="B1559" s="6">
        <v>25940.699999999997</v>
      </c>
      <c r="C1559" s="7">
        <f t="shared" si="24"/>
        <v>25.940699999999996</v>
      </c>
      <c r="I1559" s="1"/>
    </row>
    <row r="1560" spans="1:9" x14ac:dyDescent="0.25">
      <c r="A1560" s="3">
        <v>41702.648877314816</v>
      </c>
      <c r="B1560" s="6">
        <v>25957.35</v>
      </c>
      <c r="C1560" s="7">
        <f t="shared" si="24"/>
        <v>25.957349999999998</v>
      </c>
      <c r="I1560" s="1"/>
    </row>
    <row r="1561" spans="1:9" x14ac:dyDescent="0.25">
      <c r="A1561" s="3">
        <v>41702.648923611108</v>
      </c>
      <c r="B1561" s="6">
        <v>25973.999999999996</v>
      </c>
      <c r="C1561" s="7">
        <f t="shared" si="24"/>
        <v>25.973999999999997</v>
      </c>
      <c r="I1561" s="1"/>
    </row>
    <row r="1562" spans="1:9" x14ac:dyDescent="0.25">
      <c r="A1562" s="3">
        <v>41702.649444444447</v>
      </c>
      <c r="B1562" s="6">
        <v>25990.649999999998</v>
      </c>
      <c r="C1562" s="7">
        <f t="shared" si="24"/>
        <v>25.990649999999999</v>
      </c>
      <c r="I1562" s="1"/>
    </row>
    <row r="1563" spans="1:9" x14ac:dyDescent="0.25">
      <c r="A1563" s="3">
        <v>41702.649560185186</v>
      </c>
      <c r="B1563" s="6">
        <v>26007.3</v>
      </c>
      <c r="C1563" s="7">
        <f t="shared" si="24"/>
        <v>26.007300000000001</v>
      </c>
      <c r="I1563" s="1"/>
    </row>
    <row r="1564" spans="1:9" x14ac:dyDescent="0.25">
      <c r="A1564" s="3">
        <v>41702.650231481479</v>
      </c>
      <c r="B1564" s="6">
        <v>26023.949999999997</v>
      </c>
      <c r="C1564" s="7">
        <f t="shared" si="24"/>
        <v>26.023949999999996</v>
      </c>
      <c r="I1564" s="1"/>
    </row>
    <row r="1565" spans="1:9" x14ac:dyDescent="0.25">
      <c r="A1565" s="3">
        <v>41702.650358796294</v>
      </c>
      <c r="B1565" s="6">
        <v>26040.6</v>
      </c>
      <c r="C1565" s="7">
        <f t="shared" si="24"/>
        <v>26.040599999999998</v>
      </c>
      <c r="I1565" s="1"/>
    </row>
    <row r="1566" spans="1:9" x14ac:dyDescent="0.25">
      <c r="A1566" s="3">
        <v>41702.651597222219</v>
      </c>
      <c r="B1566" s="6">
        <v>26057.249999999996</v>
      </c>
      <c r="C1566" s="7">
        <f t="shared" si="24"/>
        <v>26.057249999999996</v>
      </c>
      <c r="I1566" s="1"/>
    </row>
    <row r="1567" spans="1:9" x14ac:dyDescent="0.25">
      <c r="A1567" s="3">
        <v>41702.651666666665</v>
      </c>
      <c r="B1567" s="6">
        <v>26073.899999999998</v>
      </c>
      <c r="C1567" s="7">
        <f t="shared" si="24"/>
        <v>26.073899999999998</v>
      </c>
      <c r="I1567" s="1"/>
    </row>
    <row r="1568" spans="1:9" x14ac:dyDescent="0.25">
      <c r="A1568" s="3">
        <v>41702.652187500003</v>
      </c>
      <c r="B1568" s="6">
        <v>26090.55</v>
      </c>
      <c r="C1568" s="7">
        <f t="shared" si="24"/>
        <v>26.09055</v>
      </c>
      <c r="I1568" s="1"/>
    </row>
    <row r="1569" spans="1:9" x14ac:dyDescent="0.25">
      <c r="A1569" s="3">
        <v>41702.652256944442</v>
      </c>
      <c r="B1569" s="6">
        <v>26107.199999999997</v>
      </c>
      <c r="C1569" s="7">
        <f t="shared" si="24"/>
        <v>26.107199999999999</v>
      </c>
      <c r="I1569" s="1"/>
    </row>
    <row r="1570" spans="1:9" x14ac:dyDescent="0.25">
      <c r="A1570" s="3">
        <v>41702.653124999997</v>
      </c>
      <c r="B1570" s="6">
        <v>26123.85</v>
      </c>
      <c r="C1570" s="7">
        <f t="shared" si="24"/>
        <v>26.123849999999997</v>
      </c>
      <c r="I1570" s="1"/>
    </row>
    <row r="1571" spans="1:9" x14ac:dyDescent="0.25">
      <c r="A1571" s="3">
        <v>41702.653182870374</v>
      </c>
      <c r="B1571" s="6">
        <v>26140.499999999996</v>
      </c>
      <c r="C1571" s="7">
        <f t="shared" si="24"/>
        <v>26.140499999999996</v>
      </c>
      <c r="I1571" s="1"/>
    </row>
    <row r="1572" spans="1:9" x14ac:dyDescent="0.25">
      <c r="A1572" s="3">
        <v>41702.653692129628</v>
      </c>
      <c r="B1572" s="6">
        <v>26157.149999999998</v>
      </c>
      <c r="C1572" s="7">
        <f t="shared" si="24"/>
        <v>26.157149999999998</v>
      </c>
      <c r="I1572" s="1"/>
    </row>
    <row r="1573" spans="1:9" x14ac:dyDescent="0.25">
      <c r="A1573" s="3">
        <v>41702.653912037036</v>
      </c>
      <c r="B1573" s="6">
        <v>26173.8</v>
      </c>
      <c r="C1573" s="7">
        <f t="shared" si="24"/>
        <v>26.1738</v>
      </c>
      <c r="I1573" s="1"/>
    </row>
    <row r="1574" spans="1:9" x14ac:dyDescent="0.25">
      <c r="A1574" s="3">
        <v>41702.655405092592</v>
      </c>
      <c r="B1574" s="6">
        <v>26190.449999999997</v>
      </c>
      <c r="C1574" s="7">
        <f t="shared" si="24"/>
        <v>26.190449999999998</v>
      </c>
      <c r="I1574" s="1"/>
    </row>
    <row r="1575" spans="1:9" x14ac:dyDescent="0.25">
      <c r="A1575" s="3">
        <v>41702.655543981484</v>
      </c>
      <c r="B1575" s="6">
        <v>26207.1</v>
      </c>
      <c r="C1575" s="7">
        <f t="shared" si="24"/>
        <v>26.207099999999997</v>
      </c>
      <c r="I1575" s="1"/>
    </row>
    <row r="1576" spans="1:9" x14ac:dyDescent="0.25">
      <c r="A1576" s="3">
        <v>41702.6565162037</v>
      </c>
      <c r="B1576" s="6">
        <v>26223.749999999996</v>
      </c>
      <c r="C1576" s="7">
        <f t="shared" si="24"/>
        <v>26.223749999999995</v>
      </c>
      <c r="I1576" s="1"/>
    </row>
    <row r="1577" spans="1:9" x14ac:dyDescent="0.25">
      <c r="A1577" s="3">
        <v>41702.656643518516</v>
      </c>
      <c r="B1577" s="6">
        <v>26240.399999999998</v>
      </c>
      <c r="C1577" s="7">
        <f t="shared" si="24"/>
        <v>26.240399999999998</v>
      </c>
      <c r="I1577" s="1"/>
    </row>
    <row r="1578" spans="1:9" x14ac:dyDescent="0.25">
      <c r="A1578" s="3">
        <v>41702.657442129632</v>
      </c>
      <c r="B1578" s="6">
        <v>26257.05</v>
      </c>
      <c r="C1578" s="7">
        <f t="shared" si="24"/>
        <v>26.25705</v>
      </c>
      <c r="I1578" s="1"/>
    </row>
    <row r="1579" spans="1:9" x14ac:dyDescent="0.25">
      <c r="A1579" s="3">
        <v>41702.657511574071</v>
      </c>
      <c r="B1579" s="6">
        <v>26273.699999999997</v>
      </c>
      <c r="C1579" s="7">
        <f t="shared" si="24"/>
        <v>26.273699999999998</v>
      </c>
      <c r="I1579" s="1"/>
    </row>
    <row r="1580" spans="1:9" x14ac:dyDescent="0.25">
      <c r="A1580" s="3">
        <v>41702.658518518518</v>
      </c>
      <c r="B1580" s="6">
        <v>26290.35</v>
      </c>
      <c r="C1580" s="7">
        <f t="shared" si="24"/>
        <v>26.29035</v>
      </c>
      <c r="I1580" s="1"/>
    </row>
    <row r="1581" spans="1:9" x14ac:dyDescent="0.25">
      <c r="A1581" s="3">
        <v>41702.658634259256</v>
      </c>
      <c r="B1581" s="6">
        <v>26306.999999999996</v>
      </c>
      <c r="C1581" s="7">
        <f t="shared" si="24"/>
        <v>26.306999999999995</v>
      </c>
      <c r="I1581" s="1"/>
    </row>
    <row r="1582" spans="1:9" x14ac:dyDescent="0.25">
      <c r="A1582" s="3">
        <v>41702.659351851849</v>
      </c>
      <c r="B1582" s="6">
        <v>26323.649999999998</v>
      </c>
      <c r="C1582" s="7">
        <f t="shared" si="24"/>
        <v>26.323649999999997</v>
      </c>
      <c r="I1582" s="1"/>
    </row>
    <row r="1583" spans="1:9" x14ac:dyDescent="0.25">
      <c r="A1583" s="3">
        <v>41702.659444444442</v>
      </c>
      <c r="B1583" s="6">
        <v>26340.3</v>
      </c>
      <c r="C1583" s="7">
        <f t="shared" si="24"/>
        <v>26.340299999999999</v>
      </c>
      <c r="I1583" s="1"/>
    </row>
    <row r="1584" spans="1:9" x14ac:dyDescent="0.25">
      <c r="A1584" s="3">
        <v>41702.660277777781</v>
      </c>
      <c r="B1584" s="6">
        <v>26356.949999999997</v>
      </c>
      <c r="C1584" s="7">
        <f t="shared" si="24"/>
        <v>26.356949999999998</v>
      </c>
      <c r="I1584" s="1"/>
    </row>
    <row r="1585" spans="1:9" x14ac:dyDescent="0.25">
      <c r="A1585" s="3">
        <v>41702.660370370373</v>
      </c>
      <c r="B1585" s="6">
        <v>26373.599999999999</v>
      </c>
      <c r="C1585" s="7">
        <f t="shared" si="24"/>
        <v>26.3736</v>
      </c>
      <c r="I1585" s="1"/>
    </row>
    <row r="1586" spans="1:9" x14ac:dyDescent="0.25">
      <c r="A1586" s="3">
        <v>41702.661412037036</v>
      </c>
      <c r="B1586" s="6">
        <v>26390.249999999996</v>
      </c>
      <c r="C1586" s="7">
        <f t="shared" si="24"/>
        <v>26.390249999999995</v>
      </c>
      <c r="I1586" s="1"/>
    </row>
    <row r="1587" spans="1:9" x14ac:dyDescent="0.25">
      <c r="A1587" s="3">
        <v>41702.661516203705</v>
      </c>
      <c r="B1587" s="6">
        <v>26406.899999999998</v>
      </c>
      <c r="C1587" s="7">
        <f t="shared" si="24"/>
        <v>26.406899999999997</v>
      </c>
      <c r="I1587" s="1"/>
    </row>
    <row r="1588" spans="1:9" x14ac:dyDescent="0.25">
      <c r="A1588" s="3">
        <v>41702.663460648146</v>
      </c>
      <c r="B1588" s="6">
        <v>26423.55</v>
      </c>
      <c r="C1588" s="7">
        <f t="shared" si="24"/>
        <v>26.423549999999999</v>
      </c>
      <c r="I1588" s="1"/>
    </row>
    <row r="1589" spans="1:9" x14ac:dyDescent="0.25">
      <c r="A1589" s="3">
        <v>41702.663645833331</v>
      </c>
      <c r="B1589" s="6">
        <v>26440.199999999997</v>
      </c>
      <c r="C1589" s="7">
        <f t="shared" si="24"/>
        <v>26.440199999999997</v>
      </c>
      <c r="I1589" s="1"/>
    </row>
    <row r="1590" spans="1:9" x14ac:dyDescent="0.25">
      <c r="A1590" s="3">
        <v>41702.665902777779</v>
      </c>
      <c r="B1590" s="6">
        <v>26456.85</v>
      </c>
      <c r="C1590" s="7">
        <f t="shared" si="24"/>
        <v>26.456849999999999</v>
      </c>
      <c r="I1590" s="1"/>
    </row>
    <row r="1591" spans="1:9" x14ac:dyDescent="0.25">
      <c r="A1591" s="3">
        <v>41702.666296296295</v>
      </c>
      <c r="B1591" s="6">
        <v>26473.499999999996</v>
      </c>
      <c r="C1591" s="7">
        <f t="shared" si="24"/>
        <v>26.473499999999998</v>
      </c>
      <c r="I1591" s="1"/>
    </row>
    <row r="1592" spans="1:9" x14ac:dyDescent="0.25">
      <c r="A1592" s="3">
        <v>41702.669386574074</v>
      </c>
      <c r="B1592" s="6">
        <v>26490.149999999998</v>
      </c>
      <c r="C1592" s="7">
        <f t="shared" si="24"/>
        <v>26.490149999999996</v>
      </c>
      <c r="I1592" s="1"/>
    </row>
    <row r="1593" spans="1:9" x14ac:dyDescent="0.25">
      <c r="A1593" s="3">
        <v>41702.669502314813</v>
      </c>
      <c r="B1593" s="6">
        <v>26506.799999999999</v>
      </c>
      <c r="C1593" s="7">
        <f t="shared" si="24"/>
        <v>26.506799999999998</v>
      </c>
      <c r="I1593" s="1"/>
    </row>
    <row r="1594" spans="1:9" x14ac:dyDescent="0.25">
      <c r="A1594" s="3">
        <v>41702.670393518521</v>
      </c>
      <c r="B1594" s="6">
        <v>26523.449999999997</v>
      </c>
      <c r="C1594" s="7">
        <f t="shared" si="24"/>
        <v>26.523449999999997</v>
      </c>
      <c r="I1594" s="1"/>
    </row>
    <row r="1595" spans="1:9" x14ac:dyDescent="0.25">
      <c r="A1595" s="3">
        <v>41702.67050925926</v>
      </c>
      <c r="B1595" s="6">
        <v>26540.1</v>
      </c>
      <c r="C1595" s="7">
        <f t="shared" si="24"/>
        <v>26.540099999999999</v>
      </c>
      <c r="I1595" s="1"/>
    </row>
    <row r="1596" spans="1:9" x14ac:dyDescent="0.25">
      <c r="A1596" s="3">
        <v>41702.671296296299</v>
      </c>
      <c r="B1596" s="6">
        <v>26556.749999999996</v>
      </c>
      <c r="C1596" s="7">
        <f t="shared" si="24"/>
        <v>26.556749999999997</v>
      </c>
      <c r="I1596" s="1"/>
    </row>
    <row r="1597" spans="1:9" x14ac:dyDescent="0.25">
      <c r="A1597" s="3">
        <v>41702.671550925923</v>
      </c>
      <c r="B1597" s="6">
        <v>26573.399999999998</v>
      </c>
      <c r="C1597" s="7">
        <f t="shared" si="24"/>
        <v>26.573399999999999</v>
      </c>
      <c r="I1597" s="1"/>
    </row>
    <row r="1598" spans="1:9" x14ac:dyDescent="0.25">
      <c r="A1598" s="3">
        <v>41702.672384259262</v>
      </c>
      <c r="B1598" s="6">
        <v>26590.05</v>
      </c>
      <c r="C1598" s="7">
        <f t="shared" si="24"/>
        <v>26.590049999999998</v>
      </c>
      <c r="I1598" s="1"/>
    </row>
    <row r="1599" spans="1:9" x14ac:dyDescent="0.25">
      <c r="A1599" s="3">
        <v>41702.672546296293</v>
      </c>
      <c r="B1599" s="6">
        <v>26606.699999999997</v>
      </c>
      <c r="C1599" s="7">
        <f t="shared" si="24"/>
        <v>26.606699999999996</v>
      </c>
      <c r="I1599" s="1"/>
    </row>
    <row r="1600" spans="1:9" x14ac:dyDescent="0.25">
      <c r="A1600" s="3">
        <v>41702.67396990741</v>
      </c>
      <c r="B1600" s="6">
        <v>26623.35</v>
      </c>
      <c r="C1600" s="7">
        <f t="shared" si="24"/>
        <v>26.623349999999999</v>
      </c>
      <c r="I1600" s="1"/>
    </row>
    <row r="1601" spans="1:9" x14ac:dyDescent="0.25">
      <c r="A1601" s="3">
        <v>41702.674085648148</v>
      </c>
      <c r="B1601" s="6">
        <v>26639.999999999996</v>
      </c>
      <c r="C1601" s="7">
        <f t="shared" si="24"/>
        <v>26.639999999999997</v>
      </c>
      <c r="I1601" s="1"/>
    </row>
    <row r="1602" spans="1:9" x14ac:dyDescent="0.25">
      <c r="A1602" s="3">
        <v>41702.675393518519</v>
      </c>
      <c r="B1602" s="6">
        <v>26656.649999999998</v>
      </c>
      <c r="C1602" s="7">
        <f t="shared" si="24"/>
        <v>26.656649999999999</v>
      </c>
      <c r="I1602" s="1"/>
    </row>
    <row r="1603" spans="1:9" x14ac:dyDescent="0.25">
      <c r="A1603" s="3">
        <v>41702.675659722219</v>
      </c>
      <c r="B1603" s="6">
        <v>26673.3</v>
      </c>
      <c r="C1603" s="7">
        <f t="shared" ref="C1603:C1666" si="25">B1603/1000</f>
        <v>26.673299999999998</v>
      </c>
      <c r="I1603" s="1"/>
    </row>
    <row r="1604" spans="1:9" x14ac:dyDescent="0.25">
      <c r="A1604" s="3">
        <v>41702.677071759259</v>
      </c>
      <c r="B1604" s="6">
        <v>26689.949999999997</v>
      </c>
      <c r="C1604" s="7">
        <f t="shared" si="25"/>
        <v>26.689949999999996</v>
      </c>
      <c r="I1604" s="1"/>
    </row>
    <row r="1605" spans="1:9" x14ac:dyDescent="0.25">
      <c r="A1605" s="3">
        <v>41702.677256944444</v>
      </c>
      <c r="B1605" s="6">
        <v>26706.6</v>
      </c>
      <c r="C1605" s="7">
        <f t="shared" si="25"/>
        <v>26.706599999999998</v>
      </c>
      <c r="I1605" s="1"/>
    </row>
    <row r="1606" spans="1:9" x14ac:dyDescent="0.25">
      <c r="A1606" s="3">
        <v>41702.678715277776</v>
      </c>
      <c r="B1606" s="6">
        <v>26723.249999999996</v>
      </c>
      <c r="C1606" s="7">
        <f t="shared" si="25"/>
        <v>26.723249999999997</v>
      </c>
      <c r="I1606" s="1"/>
    </row>
    <row r="1607" spans="1:9" x14ac:dyDescent="0.25">
      <c r="A1607" s="3">
        <v>41702.678888888891</v>
      </c>
      <c r="B1607" s="6">
        <v>26739.899999999998</v>
      </c>
      <c r="C1607" s="7">
        <f t="shared" si="25"/>
        <v>26.739899999999999</v>
      </c>
      <c r="I1607" s="1"/>
    </row>
    <row r="1608" spans="1:9" x14ac:dyDescent="0.25">
      <c r="A1608" s="3">
        <v>41702.680324074077</v>
      </c>
      <c r="B1608" s="6">
        <v>26756.55</v>
      </c>
      <c r="C1608" s="7">
        <f t="shared" si="25"/>
        <v>26.756550000000001</v>
      </c>
      <c r="I1608" s="1"/>
    </row>
    <row r="1609" spans="1:9" x14ac:dyDescent="0.25">
      <c r="A1609" s="3">
        <v>41702.680833333332</v>
      </c>
      <c r="B1609" s="6">
        <v>26773.199999999997</v>
      </c>
      <c r="C1609" s="7">
        <f t="shared" si="25"/>
        <v>26.773199999999996</v>
      </c>
      <c r="I1609" s="1"/>
    </row>
    <row r="1610" spans="1:9" x14ac:dyDescent="0.25">
      <c r="A1610" s="3">
        <v>41702.682129629633</v>
      </c>
      <c r="B1610" s="6">
        <v>26789.85</v>
      </c>
      <c r="C1610" s="7">
        <f t="shared" si="25"/>
        <v>26.789849999999998</v>
      </c>
      <c r="I1610" s="1"/>
    </row>
    <row r="1611" spans="1:9" x14ac:dyDescent="0.25">
      <c r="A1611" s="3">
        <v>41702.682210648149</v>
      </c>
      <c r="B1611" s="6">
        <v>26806.499999999996</v>
      </c>
      <c r="C1611" s="7">
        <f t="shared" si="25"/>
        <v>26.806499999999996</v>
      </c>
      <c r="I1611" s="1"/>
    </row>
    <row r="1612" spans="1:9" x14ac:dyDescent="0.25">
      <c r="A1612" s="3">
        <v>41702.683541666665</v>
      </c>
      <c r="B1612" s="6">
        <v>26823.149999999998</v>
      </c>
      <c r="C1612" s="7">
        <f t="shared" si="25"/>
        <v>26.823149999999998</v>
      </c>
      <c r="I1612" s="1"/>
    </row>
    <row r="1613" spans="1:9" x14ac:dyDescent="0.25">
      <c r="A1613" s="3">
        <v>41702.683657407404</v>
      </c>
      <c r="B1613" s="6">
        <v>26839.8</v>
      </c>
      <c r="C1613" s="7">
        <f t="shared" si="25"/>
        <v>26.8398</v>
      </c>
      <c r="I1613" s="1"/>
    </row>
    <row r="1614" spans="1:9" x14ac:dyDescent="0.25">
      <c r="A1614" s="3">
        <v>41702.684571759259</v>
      </c>
      <c r="B1614" s="6">
        <v>26856.449999999997</v>
      </c>
      <c r="C1614" s="7">
        <f t="shared" si="25"/>
        <v>26.856449999999999</v>
      </c>
      <c r="I1614" s="1"/>
    </row>
    <row r="1615" spans="1:9" x14ac:dyDescent="0.25">
      <c r="A1615" s="3">
        <v>41702.684687499997</v>
      </c>
      <c r="B1615" s="6">
        <v>26873.1</v>
      </c>
      <c r="C1615" s="7">
        <f t="shared" si="25"/>
        <v>26.873099999999997</v>
      </c>
      <c r="I1615" s="1"/>
    </row>
    <row r="1616" spans="1:9" x14ac:dyDescent="0.25">
      <c r="A1616" s="3">
        <v>41702.686527777776</v>
      </c>
      <c r="B1616" s="6">
        <v>26889.749999999996</v>
      </c>
      <c r="C1616" s="7">
        <f t="shared" si="25"/>
        <v>26.889749999999996</v>
      </c>
      <c r="I1616" s="1"/>
    </row>
    <row r="1617" spans="1:9" x14ac:dyDescent="0.25">
      <c r="A1617" s="3">
        <v>41702.686724537038</v>
      </c>
      <c r="B1617" s="6">
        <v>26906.399999999998</v>
      </c>
      <c r="C1617" s="7">
        <f t="shared" si="25"/>
        <v>26.906399999999998</v>
      </c>
      <c r="I1617" s="1"/>
    </row>
    <row r="1618" spans="1:9" x14ac:dyDescent="0.25">
      <c r="A1618" s="3">
        <v>41702.68954861111</v>
      </c>
      <c r="B1618" s="6">
        <v>26923.05</v>
      </c>
      <c r="C1618" s="7">
        <f t="shared" si="25"/>
        <v>26.92305</v>
      </c>
      <c r="I1618" s="1"/>
    </row>
    <row r="1619" spans="1:9" x14ac:dyDescent="0.25">
      <c r="A1619" s="3">
        <v>41702.689699074072</v>
      </c>
      <c r="B1619" s="6">
        <v>26939.699999999997</v>
      </c>
      <c r="C1619" s="7">
        <f t="shared" si="25"/>
        <v>26.939699999999998</v>
      </c>
      <c r="I1619" s="1"/>
    </row>
    <row r="1620" spans="1:9" x14ac:dyDescent="0.25">
      <c r="A1620" s="3">
        <v>41702.691307870373</v>
      </c>
      <c r="B1620" s="6">
        <v>26956.35</v>
      </c>
      <c r="C1620" s="7">
        <f t="shared" si="25"/>
        <v>26.956349999999997</v>
      </c>
      <c r="I1620" s="1"/>
    </row>
    <row r="1621" spans="1:9" x14ac:dyDescent="0.25">
      <c r="A1621" s="3">
        <v>41702.691446759258</v>
      </c>
      <c r="B1621" s="6">
        <v>26972.999999999996</v>
      </c>
      <c r="C1621" s="7">
        <f t="shared" si="25"/>
        <v>26.972999999999995</v>
      </c>
      <c r="I1621" s="1"/>
    </row>
    <row r="1622" spans="1:9" x14ac:dyDescent="0.25">
      <c r="A1622" s="3">
        <v>41702.693229166667</v>
      </c>
      <c r="B1622" s="6">
        <v>26989.649999999998</v>
      </c>
      <c r="C1622" s="7">
        <f t="shared" si="25"/>
        <v>26.989649999999997</v>
      </c>
      <c r="I1622" s="1"/>
    </row>
    <row r="1623" spans="1:9" x14ac:dyDescent="0.25">
      <c r="A1623" s="3">
        <v>41702.693379629629</v>
      </c>
      <c r="B1623" s="6">
        <v>27006.3</v>
      </c>
      <c r="C1623" s="7">
        <f t="shared" si="25"/>
        <v>27.0063</v>
      </c>
      <c r="I1623" s="1"/>
    </row>
    <row r="1624" spans="1:9" x14ac:dyDescent="0.25">
      <c r="A1624" s="3">
        <v>41702.695289351854</v>
      </c>
      <c r="B1624" s="6">
        <v>27022.949999999997</v>
      </c>
      <c r="C1624" s="7">
        <f t="shared" si="25"/>
        <v>27.022949999999998</v>
      </c>
      <c r="I1624" s="1"/>
    </row>
    <row r="1625" spans="1:9" x14ac:dyDescent="0.25">
      <c r="A1625" s="3">
        <v>41702.695474537039</v>
      </c>
      <c r="B1625" s="6">
        <v>27039.599999999999</v>
      </c>
      <c r="C1625" s="7">
        <f t="shared" si="25"/>
        <v>27.0396</v>
      </c>
      <c r="I1625" s="1"/>
    </row>
    <row r="1626" spans="1:9" x14ac:dyDescent="0.25">
      <c r="A1626" s="3">
        <v>41702.69736111111</v>
      </c>
      <c r="B1626" s="6">
        <v>27056.249999999996</v>
      </c>
      <c r="C1626" s="7">
        <f t="shared" si="25"/>
        <v>27.056249999999995</v>
      </c>
      <c r="I1626" s="1"/>
    </row>
    <row r="1627" spans="1:9" x14ac:dyDescent="0.25">
      <c r="A1627" s="3">
        <v>41702.697430555556</v>
      </c>
      <c r="B1627" s="6">
        <v>27072.899999999998</v>
      </c>
      <c r="C1627" s="7">
        <f t="shared" si="25"/>
        <v>27.072899999999997</v>
      </c>
      <c r="I1627" s="1"/>
    </row>
    <row r="1628" spans="1:9" x14ac:dyDescent="0.25">
      <c r="A1628" s="3">
        <v>41702.699444444443</v>
      </c>
      <c r="B1628" s="6">
        <v>27089.55</v>
      </c>
      <c r="C1628" s="7">
        <f t="shared" si="25"/>
        <v>27.089549999999999</v>
      </c>
      <c r="I1628" s="1"/>
    </row>
    <row r="1629" spans="1:9" x14ac:dyDescent="0.25">
      <c r="A1629" s="3">
        <v>41702.699606481481</v>
      </c>
      <c r="B1629" s="6">
        <v>27106.199999999997</v>
      </c>
      <c r="C1629" s="7">
        <f t="shared" si="25"/>
        <v>27.106199999999998</v>
      </c>
      <c r="I1629" s="1"/>
    </row>
    <row r="1630" spans="1:9" x14ac:dyDescent="0.25">
      <c r="A1630" s="3">
        <v>41702.701793981483</v>
      </c>
      <c r="B1630" s="6">
        <v>27122.85</v>
      </c>
      <c r="C1630" s="7">
        <f t="shared" si="25"/>
        <v>27.12285</v>
      </c>
      <c r="I1630" s="1"/>
    </row>
    <row r="1631" spans="1:9" x14ac:dyDescent="0.25">
      <c r="A1631" s="3">
        <v>41702.702175925922</v>
      </c>
      <c r="B1631" s="6">
        <v>27139.499999999996</v>
      </c>
      <c r="C1631" s="7">
        <f t="shared" si="25"/>
        <v>27.139499999999995</v>
      </c>
      <c r="I1631" s="1"/>
    </row>
    <row r="1632" spans="1:9" x14ac:dyDescent="0.25">
      <c r="A1632" s="3">
        <v>41702.708668981482</v>
      </c>
      <c r="B1632" s="6">
        <v>27156.149999999998</v>
      </c>
      <c r="C1632" s="7">
        <f t="shared" si="25"/>
        <v>27.156149999999997</v>
      </c>
      <c r="I1632" s="1"/>
    </row>
    <row r="1633" spans="1:9" x14ac:dyDescent="0.25">
      <c r="A1633" s="3">
        <v>41702.708796296298</v>
      </c>
      <c r="B1633" s="6">
        <v>27172.799999999999</v>
      </c>
      <c r="C1633" s="7">
        <f t="shared" si="25"/>
        <v>27.172799999999999</v>
      </c>
      <c r="I1633" s="1"/>
    </row>
    <row r="1634" spans="1:9" x14ac:dyDescent="0.25">
      <c r="A1634" s="3">
        <v>41702.711157407408</v>
      </c>
      <c r="B1634" s="6">
        <v>27189.449999999997</v>
      </c>
      <c r="C1634" s="7">
        <f t="shared" si="25"/>
        <v>27.189449999999997</v>
      </c>
      <c r="I1634" s="1"/>
    </row>
    <row r="1635" spans="1:9" x14ac:dyDescent="0.25">
      <c r="A1635" s="3">
        <v>41702.711423611108</v>
      </c>
      <c r="B1635" s="6">
        <v>27206.1</v>
      </c>
      <c r="C1635" s="7">
        <f t="shared" si="25"/>
        <v>27.206099999999999</v>
      </c>
      <c r="I1635" s="1"/>
    </row>
    <row r="1636" spans="1:9" x14ac:dyDescent="0.25">
      <c r="A1636" s="3">
        <v>41702.712384259263</v>
      </c>
      <c r="B1636" s="6">
        <v>27222.749999999996</v>
      </c>
      <c r="C1636" s="7">
        <f t="shared" si="25"/>
        <v>27.222749999999998</v>
      </c>
      <c r="I1636" s="1"/>
    </row>
    <row r="1637" spans="1:9" x14ac:dyDescent="0.25">
      <c r="A1637" s="3">
        <v>41702.712453703702</v>
      </c>
      <c r="B1637" s="6">
        <v>27239.399999999998</v>
      </c>
      <c r="C1637" s="7">
        <f t="shared" si="25"/>
        <v>27.239399999999996</v>
      </c>
      <c r="I1637" s="1"/>
    </row>
    <row r="1638" spans="1:9" x14ac:dyDescent="0.25">
      <c r="A1638" s="3">
        <v>41702.715567129628</v>
      </c>
      <c r="B1638" s="6">
        <v>27256.05</v>
      </c>
      <c r="C1638" s="7">
        <f t="shared" si="25"/>
        <v>27.256049999999998</v>
      </c>
      <c r="I1638" s="1"/>
    </row>
    <row r="1639" spans="1:9" x14ac:dyDescent="0.25">
      <c r="A1639" s="3">
        <v>41702.715682870374</v>
      </c>
      <c r="B1639" s="6">
        <v>27272.699999999997</v>
      </c>
      <c r="C1639" s="7">
        <f t="shared" si="25"/>
        <v>27.272699999999997</v>
      </c>
      <c r="I1639" s="1"/>
    </row>
    <row r="1640" spans="1:9" x14ac:dyDescent="0.25">
      <c r="A1640" s="3">
        <v>41702.717106481483</v>
      </c>
      <c r="B1640" s="6">
        <v>27289.35</v>
      </c>
      <c r="C1640" s="7">
        <f t="shared" si="25"/>
        <v>27.289349999999999</v>
      </c>
      <c r="I1640" s="1"/>
    </row>
    <row r="1641" spans="1:9" x14ac:dyDescent="0.25">
      <c r="A1641" s="3">
        <v>41702.718518518515</v>
      </c>
      <c r="B1641" s="6">
        <v>27305.999999999996</v>
      </c>
      <c r="C1641" s="7">
        <f t="shared" si="25"/>
        <v>27.305999999999997</v>
      </c>
      <c r="I1641" s="1"/>
    </row>
    <row r="1642" spans="1:9" x14ac:dyDescent="0.25">
      <c r="A1642" s="3">
        <v>41702.719537037039</v>
      </c>
      <c r="B1642" s="6">
        <v>27322.649999999998</v>
      </c>
      <c r="C1642" s="7">
        <f t="shared" si="25"/>
        <v>27.322649999999999</v>
      </c>
      <c r="I1642" s="1"/>
    </row>
    <row r="1643" spans="1:9" x14ac:dyDescent="0.25">
      <c r="A1643" s="3">
        <v>41702.719606481478</v>
      </c>
      <c r="B1643" s="6">
        <v>27339.3</v>
      </c>
      <c r="C1643" s="7">
        <f t="shared" si="25"/>
        <v>27.339299999999998</v>
      </c>
      <c r="I1643" s="1"/>
    </row>
    <row r="1644" spans="1:9" x14ac:dyDescent="0.25">
      <c r="A1644" s="3">
        <v>41702.720486111109</v>
      </c>
      <c r="B1644" s="6">
        <v>27355.949999999997</v>
      </c>
      <c r="C1644" s="7">
        <f t="shared" si="25"/>
        <v>27.355949999999996</v>
      </c>
      <c r="I1644" s="1"/>
    </row>
    <row r="1645" spans="1:9" x14ac:dyDescent="0.25">
      <c r="A1645" s="3">
        <v>41702.720578703702</v>
      </c>
      <c r="B1645" s="6">
        <v>27372.6</v>
      </c>
      <c r="C1645" s="7">
        <f t="shared" si="25"/>
        <v>27.372599999999998</v>
      </c>
      <c r="I1645" s="1"/>
    </row>
    <row r="1646" spans="1:9" x14ac:dyDescent="0.25">
      <c r="A1646" s="3">
        <v>41702.721493055556</v>
      </c>
      <c r="B1646" s="6">
        <v>27389.249999999996</v>
      </c>
      <c r="C1646" s="7">
        <f t="shared" si="25"/>
        <v>27.389249999999997</v>
      </c>
      <c r="I1646" s="1"/>
    </row>
    <row r="1647" spans="1:9" x14ac:dyDescent="0.25">
      <c r="A1647" s="3">
        <v>41702.721574074072</v>
      </c>
      <c r="B1647" s="6">
        <v>27405.899999999998</v>
      </c>
      <c r="C1647" s="7">
        <f t="shared" si="25"/>
        <v>27.405899999999999</v>
      </c>
      <c r="I1647" s="1"/>
    </row>
    <row r="1648" spans="1:9" x14ac:dyDescent="0.25">
      <c r="A1648" s="3">
        <v>41702.722812499997</v>
      </c>
      <c r="B1648" s="6">
        <v>27422.55</v>
      </c>
      <c r="C1648" s="7">
        <f t="shared" si="25"/>
        <v>27.422549999999998</v>
      </c>
      <c r="I1648" s="1"/>
    </row>
    <row r="1649" spans="1:9" x14ac:dyDescent="0.25">
      <c r="A1649" s="3">
        <v>41702.723009259258</v>
      </c>
      <c r="B1649" s="6">
        <v>27439.199999999997</v>
      </c>
      <c r="C1649" s="7">
        <f t="shared" si="25"/>
        <v>27.439199999999996</v>
      </c>
      <c r="I1649" s="1"/>
    </row>
    <row r="1650" spans="1:9" x14ac:dyDescent="0.25">
      <c r="A1650" s="3">
        <v>41702.726076388892</v>
      </c>
      <c r="B1650" s="6">
        <v>27455.85</v>
      </c>
      <c r="C1650" s="7">
        <f t="shared" si="25"/>
        <v>27.455849999999998</v>
      </c>
      <c r="I1650" s="1"/>
    </row>
    <row r="1651" spans="1:9" x14ac:dyDescent="0.25">
      <c r="A1651" s="3">
        <v>41702.726226851853</v>
      </c>
      <c r="B1651" s="6">
        <v>27472.499999999996</v>
      </c>
      <c r="C1651" s="7">
        <f t="shared" si="25"/>
        <v>27.472499999999997</v>
      </c>
      <c r="I1651" s="1"/>
    </row>
    <row r="1652" spans="1:9" x14ac:dyDescent="0.25">
      <c r="A1652" s="3">
        <v>41702.728668981479</v>
      </c>
      <c r="B1652" s="6">
        <v>27489.149999999998</v>
      </c>
      <c r="C1652" s="7">
        <f t="shared" si="25"/>
        <v>27.489149999999999</v>
      </c>
      <c r="I1652" s="1"/>
    </row>
    <row r="1653" spans="1:9" x14ac:dyDescent="0.25">
      <c r="A1653" s="3">
        <v>41702.728842592594</v>
      </c>
      <c r="B1653" s="6">
        <v>27505.8</v>
      </c>
      <c r="C1653" s="7">
        <f t="shared" si="25"/>
        <v>27.505800000000001</v>
      </c>
      <c r="I1653" s="1"/>
    </row>
    <row r="1654" spans="1:9" x14ac:dyDescent="0.25">
      <c r="A1654" s="3">
        <v>41702.730370370373</v>
      </c>
      <c r="B1654" s="6">
        <v>27522.449999999997</v>
      </c>
      <c r="C1654" s="7">
        <f t="shared" si="25"/>
        <v>27.522449999999996</v>
      </c>
      <c r="I1654" s="1"/>
    </row>
    <row r="1655" spans="1:9" x14ac:dyDescent="0.25">
      <c r="A1655" s="3">
        <v>41702.730428240742</v>
      </c>
      <c r="B1655" s="6">
        <v>27539.1</v>
      </c>
      <c r="C1655" s="7">
        <f t="shared" si="25"/>
        <v>27.539099999999998</v>
      </c>
      <c r="I1655" s="1"/>
    </row>
    <row r="1656" spans="1:9" x14ac:dyDescent="0.25">
      <c r="A1656" s="3">
        <v>41702.731307870374</v>
      </c>
      <c r="B1656" s="6">
        <v>27555.749999999996</v>
      </c>
      <c r="C1656" s="7">
        <f t="shared" si="25"/>
        <v>27.555749999999996</v>
      </c>
      <c r="I1656" s="1"/>
    </row>
    <row r="1657" spans="1:9" x14ac:dyDescent="0.25">
      <c r="A1657" s="3">
        <v>41702.732418981483</v>
      </c>
      <c r="B1657" s="6">
        <v>27572.399999999998</v>
      </c>
      <c r="C1657" s="7">
        <f t="shared" si="25"/>
        <v>27.572399999999998</v>
      </c>
      <c r="I1657" s="1"/>
    </row>
    <row r="1658" spans="1:9" x14ac:dyDescent="0.25">
      <c r="A1658" s="3">
        <v>41702.733113425929</v>
      </c>
      <c r="B1658" s="6">
        <v>27589.05</v>
      </c>
      <c r="C1658" s="7">
        <f t="shared" si="25"/>
        <v>27.58905</v>
      </c>
      <c r="I1658" s="1"/>
    </row>
    <row r="1659" spans="1:9" x14ac:dyDescent="0.25">
      <c r="A1659" s="3">
        <v>41702.733344907407</v>
      </c>
      <c r="B1659" s="6">
        <v>27605.699999999997</v>
      </c>
      <c r="C1659" s="7">
        <f t="shared" si="25"/>
        <v>27.605699999999999</v>
      </c>
      <c r="I1659" s="1"/>
    </row>
    <row r="1660" spans="1:9" x14ac:dyDescent="0.25">
      <c r="A1660" s="3">
        <v>41702.735289351855</v>
      </c>
      <c r="B1660" s="6">
        <v>27622.35</v>
      </c>
      <c r="C1660" s="7">
        <f t="shared" si="25"/>
        <v>27.622349999999997</v>
      </c>
      <c r="I1660" s="1"/>
    </row>
    <row r="1661" spans="1:9" x14ac:dyDescent="0.25">
      <c r="A1661" s="3">
        <v>41702.73542824074</v>
      </c>
      <c r="B1661" s="6">
        <v>27638.999999999996</v>
      </c>
      <c r="C1661" s="7">
        <f t="shared" si="25"/>
        <v>27.638999999999996</v>
      </c>
      <c r="I1661" s="1"/>
    </row>
    <row r="1662" spans="1:9" x14ac:dyDescent="0.25">
      <c r="A1662" s="3">
        <v>41702.736597222225</v>
      </c>
      <c r="B1662" s="6">
        <v>27655.649999999998</v>
      </c>
      <c r="C1662" s="7">
        <f t="shared" si="25"/>
        <v>27.655649999999998</v>
      </c>
      <c r="I1662" s="1"/>
    </row>
    <row r="1663" spans="1:9" x14ac:dyDescent="0.25">
      <c r="A1663" s="3">
        <v>41702.736805555556</v>
      </c>
      <c r="B1663" s="6">
        <v>27672.3</v>
      </c>
      <c r="C1663" s="7">
        <f t="shared" si="25"/>
        <v>27.6723</v>
      </c>
      <c r="I1663" s="1"/>
    </row>
    <row r="1664" spans="1:9" x14ac:dyDescent="0.25">
      <c r="A1664" s="3">
        <v>41702.738125000003</v>
      </c>
      <c r="B1664" s="6">
        <v>27688.949999999997</v>
      </c>
      <c r="C1664" s="7">
        <f t="shared" si="25"/>
        <v>27.688949999999998</v>
      </c>
      <c r="I1664" s="1"/>
    </row>
    <row r="1665" spans="1:9" x14ac:dyDescent="0.25">
      <c r="A1665" s="3">
        <v>41702.738263888888</v>
      </c>
      <c r="B1665" s="6">
        <v>27705.599999999999</v>
      </c>
      <c r="C1665" s="7">
        <f t="shared" si="25"/>
        <v>27.705599999999997</v>
      </c>
      <c r="I1665" s="1"/>
    </row>
    <row r="1666" spans="1:9" x14ac:dyDescent="0.25">
      <c r="A1666" s="3">
        <v>41702.741770833331</v>
      </c>
      <c r="B1666" s="6">
        <v>27722.249999999996</v>
      </c>
      <c r="C1666" s="7">
        <f t="shared" si="25"/>
        <v>27.722249999999995</v>
      </c>
      <c r="I1666" s="1"/>
    </row>
    <row r="1667" spans="1:9" x14ac:dyDescent="0.25">
      <c r="A1667" s="3">
        <v>41702.7421412037</v>
      </c>
      <c r="B1667" s="6">
        <v>27738.899999999998</v>
      </c>
      <c r="C1667" s="7">
        <f t="shared" ref="C1667:C1730" si="26">B1667/1000</f>
        <v>27.738899999999997</v>
      </c>
      <c r="I1667" s="1"/>
    </row>
    <row r="1668" spans="1:9" x14ac:dyDescent="0.25">
      <c r="A1668" s="3">
        <v>41702.74322916667</v>
      </c>
      <c r="B1668" s="6">
        <v>27755.55</v>
      </c>
      <c r="C1668" s="7">
        <f t="shared" si="26"/>
        <v>27.755549999999999</v>
      </c>
      <c r="I1668" s="1"/>
    </row>
    <row r="1669" spans="1:9" x14ac:dyDescent="0.25">
      <c r="A1669" s="3">
        <v>41702.743333333332</v>
      </c>
      <c r="B1669" s="6">
        <v>27772.199999999997</v>
      </c>
      <c r="C1669" s="7">
        <f t="shared" si="26"/>
        <v>27.772199999999998</v>
      </c>
      <c r="I1669" s="1"/>
    </row>
    <row r="1670" spans="1:9" x14ac:dyDescent="0.25">
      <c r="A1670" s="3">
        <v>41702.743981481479</v>
      </c>
      <c r="B1670" s="6">
        <v>27788.85</v>
      </c>
      <c r="C1670" s="7">
        <f t="shared" si="26"/>
        <v>27.78885</v>
      </c>
      <c r="I1670" s="1"/>
    </row>
    <row r="1671" spans="1:9" x14ac:dyDescent="0.25">
      <c r="A1671" s="3">
        <v>41702.744016203702</v>
      </c>
      <c r="B1671" s="6">
        <v>27805.499999999996</v>
      </c>
      <c r="C1671" s="7">
        <f t="shared" si="26"/>
        <v>27.805499999999995</v>
      </c>
      <c r="I1671" s="1"/>
    </row>
    <row r="1672" spans="1:9" x14ac:dyDescent="0.25">
      <c r="A1672" s="3">
        <v>41702.74486111111</v>
      </c>
      <c r="B1672" s="6">
        <v>27822.149999999998</v>
      </c>
      <c r="C1672" s="7">
        <f t="shared" si="26"/>
        <v>27.822149999999997</v>
      </c>
      <c r="I1672" s="1"/>
    </row>
    <row r="1673" spans="1:9" x14ac:dyDescent="0.25">
      <c r="A1673" s="3">
        <v>41702.744976851849</v>
      </c>
      <c r="B1673" s="6">
        <v>27838.799999999999</v>
      </c>
      <c r="C1673" s="7">
        <f t="shared" si="26"/>
        <v>27.838799999999999</v>
      </c>
      <c r="I1673" s="1"/>
    </row>
    <row r="1674" spans="1:9" x14ac:dyDescent="0.25">
      <c r="A1674" s="3">
        <v>41702.74591435185</v>
      </c>
      <c r="B1674" s="6">
        <v>27855.449999999997</v>
      </c>
      <c r="C1674" s="7">
        <f t="shared" si="26"/>
        <v>27.855449999999998</v>
      </c>
      <c r="I1674" s="1"/>
    </row>
    <row r="1675" spans="1:9" x14ac:dyDescent="0.25">
      <c r="A1675" s="3">
        <v>41702.745983796296</v>
      </c>
      <c r="B1675" s="6">
        <v>27872.1</v>
      </c>
      <c r="C1675" s="7">
        <f t="shared" si="26"/>
        <v>27.8721</v>
      </c>
      <c r="I1675" s="1"/>
    </row>
    <row r="1676" spans="1:9" x14ac:dyDescent="0.25">
      <c r="A1676" s="3">
        <v>41702.747511574074</v>
      </c>
      <c r="B1676" s="6">
        <v>27888.749999999996</v>
      </c>
      <c r="C1676" s="7">
        <f t="shared" si="26"/>
        <v>27.888749999999995</v>
      </c>
      <c r="I1676" s="1"/>
    </row>
    <row r="1677" spans="1:9" x14ac:dyDescent="0.25">
      <c r="A1677" s="3">
        <v>41702.74763888889</v>
      </c>
      <c r="B1677" s="6">
        <v>27905.399999999998</v>
      </c>
      <c r="C1677" s="7">
        <f t="shared" si="26"/>
        <v>27.905399999999997</v>
      </c>
      <c r="I1677" s="1"/>
    </row>
    <row r="1678" spans="1:9" x14ac:dyDescent="0.25">
      <c r="A1678" s="3">
        <v>41702.749930555554</v>
      </c>
      <c r="B1678" s="6">
        <v>27922.05</v>
      </c>
      <c r="C1678" s="7">
        <f t="shared" si="26"/>
        <v>27.922049999999999</v>
      </c>
      <c r="I1678" s="1"/>
    </row>
    <row r="1679" spans="1:9" x14ac:dyDescent="0.25">
      <c r="A1679" s="3">
        <v>41702.750162037039</v>
      </c>
      <c r="B1679" s="6">
        <v>27938.699999999997</v>
      </c>
      <c r="C1679" s="7">
        <f t="shared" si="26"/>
        <v>27.938699999999997</v>
      </c>
      <c r="I1679" s="1"/>
    </row>
    <row r="1680" spans="1:9" x14ac:dyDescent="0.25">
      <c r="A1680" s="3">
        <v>41702.751655092594</v>
      </c>
      <c r="B1680" s="6">
        <v>27955.35</v>
      </c>
      <c r="C1680" s="7">
        <f t="shared" si="26"/>
        <v>27.955349999999999</v>
      </c>
      <c r="I1680" s="1"/>
    </row>
    <row r="1681" spans="1:9" x14ac:dyDescent="0.25">
      <c r="A1681" s="3">
        <v>41702.751817129632</v>
      </c>
      <c r="B1681" s="6">
        <v>27971.999999999996</v>
      </c>
      <c r="C1681" s="7">
        <f t="shared" si="26"/>
        <v>27.971999999999998</v>
      </c>
      <c r="I1681" s="1"/>
    </row>
    <row r="1682" spans="1:9" x14ac:dyDescent="0.25">
      <c r="A1682" s="3">
        <v>41702.753483796296</v>
      </c>
      <c r="B1682" s="6">
        <v>27988.649999999998</v>
      </c>
      <c r="C1682" s="7">
        <f t="shared" si="26"/>
        <v>27.988649999999996</v>
      </c>
      <c r="I1682" s="1"/>
    </row>
    <row r="1683" spans="1:9" x14ac:dyDescent="0.25">
      <c r="A1683" s="3">
        <v>41702.753564814811</v>
      </c>
      <c r="B1683" s="6">
        <v>28005.3</v>
      </c>
      <c r="C1683" s="7">
        <f t="shared" si="26"/>
        <v>28.005299999999998</v>
      </c>
      <c r="I1683" s="1"/>
    </row>
    <row r="1684" spans="1:9" x14ac:dyDescent="0.25">
      <c r="A1684" s="3">
        <v>41702.754259259258</v>
      </c>
      <c r="B1684" s="6">
        <v>28021.949999999997</v>
      </c>
      <c r="C1684" s="7">
        <f t="shared" si="26"/>
        <v>28.021949999999997</v>
      </c>
      <c r="I1684" s="1"/>
    </row>
    <row r="1685" spans="1:9" x14ac:dyDescent="0.25">
      <c r="A1685" s="3">
        <v>41702.754293981481</v>
      </c>
      <c r="B1685" s="6">
        <v>28038.6</v>
      </c>
      <c r="C1685" s="7">
        <f t="shared" si="26"/>
        <v>28.038599999999999</v>
      </c>
      <c r="I1685" s="1"/>
    </row>
    <row r="1686" spans="1:9" x14ac:dyDescent="0.25">
      <c r="A1686" s="3">
        <v>41702.755069444444</v>
      </c>
      <c r="B1686" s="6">
        <v>28055.249999999996</v>
      </c>
      <c r="C1686" s="7">
        <f t="shared" si="26"/>
        <v>28.055249999999997</v>
      </c>
      <c r="I1686" s="1"/>
    </row>
    <row r="1687" spans="1:9" x14ac:dyDescent="0.25">
      <c r="A1687" s="3">
        <v>41702.755358796298</v>
      </c>
      <c r="B1687" s="6">
        <v>28071.899999999998</v>
      </c>
      <c r="C1687" s="7">
        <f t="shared" si="26"/>
        <v>28.071899999999999</v>
      </c>
      <c r="I1687" s="1"/>
    </row>
    <row r="1688" spans="1:9" x14ac:dyDescent="0.25">
      <c r="A1688" s="3">
        <v>41702.756458333337</v>
      </c>
      <c r="B1688" s="6">
        <v>28088.55</v>
      </c>
      <c r="C1688" s="7">
        <f t="shared" si="26"/>
        <v>28.088549999999998</v>
      </c>
      <c r="I1688" s="1"/>
    </row>
    <row r="1689" spans="1:9" x14ac:dyDescent="0.25">
      <c r="A1689" s="3">
        <v>41702.756527777776</v>
      </c>
      <c r="B1689" s="6">
        <v>28105.199999999997</v>
      </c>
      <c r="C1689" s="7">
        <f t="shared" si="26"/>
        <v>28.105199999999996</v>
      </c>
      <c r="I1689" s="1"/>
    </row>
    <row r="1690" spans="1:9" x14ac:dyDescent="0.25">
      <c r="A1690" s="3">
        <v>41702.757685185185</v>
      </c>
      <c r="B1690" s="6">
        <v>28121.85</v>
      </c>
      <c r="C1690" s="7">
        <f t="shared" si="26"/>
        <v>28.121849999999998</v>
      </c>
      <c r="I1690" s="1"/>
    </row>
    <row r="1691" spans="1:9" x14ac:dyDescent="0.25">
      <c r="A1691" s="3">
        <v>41702.7577662037</v>
      </c>
      <c r="B1691" s="6">
        <v>28138.499999999996</v>
      </c>
      <c r="C1691" s="7">
        <f t="shared" si="26"/>
        <v>28.138499999999997</v>
      </c>
      <c r="I1691" s="1"/>
    </row>
    <row r="1692" spans="1:9" x14ac:dyDescent="0.25">
      <c r="A1692" s="3">
        <v>41702.759351851855</v>
      </c>
      <c r="B1692" s="6">
        <v>28155.149999999998</v>
      </c>
      <c r="C1692" s="7">
        <f t="shared" si="26"/>
        <v>28.155149999999999</v>
      </c>
      <c r="I1692" s="1"/>
    </row>
    <row r="1693" spans="1:9" x14ac:dyDescent="0.25">
      <c r="A1693" s="3">
        <v>41702.759467592594</v>
      </c>
      <c r="B1693" s="6">
        <v>28171.8</v>
      </c>
      <c r="C1693" s="7">
        <f t="shared" si="26"/>
        <v>28.171799999999998</v>
      </c>
      <c r="I1693" s="1"/>
    </row>
    <row r="1694" spans="1:9" x14ac:dyDescent="0.25">
      <c r="A1694" s="3">
        <v>41702.761041666665</v>
      </c>
      <c r="B1694" s="6">
        <v>28188.449999999997</v>
      </c>
      <c r="C1694" s="7">
        <f t="shared" si="26"/>
        <v>28.188449999999996</v>
      </c>
      <c r="I1694" s="1"/>
    </row>
    <row r="1695" spans="1:9" x14ac:dyDescent="0.25">
      <c r="A1695" s="3">
        <v>41702.761203703703</v>
      </c>
      <c r="B1695" s="6">
        <v>28205.1</v>
      </c>
      <c r="C1695" s="7">
        <f t="shared" si="26"/>
        <v>28.205099999999998</v>
      </c>
      <c r="I1695" s="1"/>
    </row>
    <row r="1696" spans="1:9" x14ac:dyDescent="0.25">
      <c r="A1696" s="3">
        <v>41702.762615740743</v>
      </c>
      <c r="B1696" s="6">
        <v>28221.749999999996</v>
      </c>
      <c r="C1696" s="7">
        <f t="shared" si="26"/>
        <v>28.221749999999997</v>
      </c>
      <c r="I1696" s="1"/>
    </row>
    <row r="1697" spans="1:9" x14ac:dyDescent="0.25">
      <c r="A1697" s="3">
        <v>41702.762743055559</v>
      </c>
      <c r="B1697" s="6">
        <v>28238.399999999998</v>
      </c>
      <c r="C1697" s="7">
        <f t="shared" si="26"/>
        <v>28.238399999999999</v>
      </c>
      <c r="I1697" s="1"/>
    </row>
    <row r="1698" spans="1:9" x14ac:dyDescent="0.25">
      <c r="A1698" s="3">
        <v>41702.764224537037</v>
      </c>
      <c r="B1698" s="6">
        <v>28255.05</v>
      </c>
      <c r="C1698" s="7">
        <f t="shared" si="26"/>
        <v>28.255050000000001</v>
      </c>
      <c r="I1698" s="1"/>
    </row>
    <row r="1699" spans="1:9" x14ac:dyDescent="0.25">
      <c r="A1699" s="3">
        <v>41702.764317129629</v>
      </c>
      <c r="B1699" s="6">
        <v>28271.699999999997</v>
      </c>
      <c r="C1699" s="7">
        <f t="shared" si="26"/>
        <v>28.271699999999996</v>
      </c>
      <c r="I1699" s="1"/>
    </row>
    <row r="1700" spans="1:9" x14ac:dyDescent="0.25">
      <c r="A1700" s="3">
        <v>41702.765231481484</v>
      </c>
      <c r="B1700" s="6">
        <v>28288.35</v>
      </c>
      <c r="C1700" s="7">
        <f t="shared" si="26"/>
        <v>28.288349999999998</v>
      </c>
      <c r="I1700" s="1"/>
    </row>
    <row r="1701" spans="1:9" x14ac:dyDescent="0.25">
      <c r="A1701" s="3">
        <v>41702.765393518515</v>
      </c>
      <c r="B1701" s="6">
        <v>28304.999999999996</v>
      </c>
      <c r="C1701" s="7">
        <f t="shared" si="26"/>
        <v>28.304999999999996</v>
      </c>
      <c r="I1701" s="1"/>
    </row>
    <row r="1702" spans="1:9" x14ac:dyDescent="0.25">
      <c r="A1702" s="3">
        <v>41702.766736111109</v>
      </c>
      <c r="B1702" s="6">
        <v>28321.649999999998</v>
      </c>
      <c r="C1702" s="7">
        <f t="shared" si="26"/>
        <v>28.321649999999998</v>
      </c>
      <c r="I1702" s="1"/>
    </row>
    <row r="1703" spans="1:9" x14ac:dyDescent="0.25">
      <c r="A1703" s="3">
        <v>41702.766898148147</v>
      </c>
      <c r="B1703" s="6">
        <v>28338.3</v>
      </c>
      <c r="C1703" s="7">
        <f t="shared" si="26"/>
        <v>28.3383</v>
      </c>
      <c r="I1703" s="1"/>
    </row>
    <row r="1704" spans="1:9" x14ac:dyDescent="0.25">
      <c r="A1704" s="3">
        <v>41702.76871527778</v>
      </c>
      <c r="B1704" s="6">
        <v>28354.949999999997</v>
      </c>
      <c r="C1704" s="7">
        <f t="shared" si="26"/>
        <v>28.354949999999999</v>
      </c>
      <c r="I1704" s="1"/>
    </row>
    <row r="1705" spans="1:9" x14ac:dyDescent="0.25">
      <c r="A1705" s="3">
        <v>41702.768784722219</v>
      </c>
      <c r="B1705" s="6">
        <v>28371.599999999999</v>
      </c>
      <c r="C1705" s="7">
        <f t="shared" si="26"/>
        <v>28.371599999999997</v>
      </c>
      <c r="I1705" s="1"/>
    </row>
    <row r="1706" spans="1:9" x14ac:dyDescent="0.25">
      <c r="A1706" s="3">
        <v>41702.769583333335</v>
      </c>
      <c r="B1706" s="6">
        <v>28388.249999999996</v>
      </c>
      <c r="C1706" s="7">
        <f t="shared" si="26"/>
        <v>28.388249999999996</v>
      </c>
      <c r="I1706" s="1"/>
    </row>
    <row r="1707" spans="1:9" x14ac:dyDescent="0.25">
      <c r="A1707" s="3">
        <v>41702.769675925927</v>
      </c>
      <c r="B1707" s="6">
        <v>28404.899999999998</v>
      </c>
      <c r="C1707" s="7">
        <f t="shared" si="26"/>
        <v>28.404899999999998</v>
      </c>
      <c r="I1707" s="1"/>
    </row>
    <row r="1708" spans="1:9" x14ac:dyDescent="0.25">
      <c r="A1708" s="3">
        <v>41702.770092592589</v>
      </c>
      <c r="B1708" s="6">
        <v>28421.55</v>
      </c>
      <c r="C1708" s="7">
        <f t="shared" si="26"/>
        <v>28.42155</v>
      </c>
      <c r="I1708" s="1"/>
    </row>
    <row r="1709" spans="1:9" x14ac:dyDescent="0.25">
      <c r="A1709" s="3">
        <v>41702.770208333335</v>
      </c>
      <c r="B1709" s="6">
        <v>28438.199999999997</v>
      </c>
      <c r="C1709" s="7">
        <f t="shared" si="26"/>
        <v>28.438199999999998</v>
      </c>
      <c r="I1709" s="1"/>
    </row>
    <row r="1710" spans="1:9" x14ac:dyDescent="0.25">
      <c r="A1710" s="3">
        <v>41702.771469907406</v>
      </c>
      <c r="B1710" s="6">
        <v>28454.85</v>
      </c>
      <c r="C1710" s="7">
        <f t="shared" si="26"/>
        <v>28.454849999999997</v>
      </c>
      <c r="I1710" s="1"/>
    </row>
    <row r="1711" spans="1:9" x14ac:dyDescent="0.25">
      <c r="A1711" s="3">
        <v>41702.771550925929</v>
      </c>
      <c r="B1711" s="6">
        <v>28471.499999999996</v>
      </c>
      <c r="C1711" s="7">
        <f t="shared" si="26"/>
        <v>28.471499999999995</v>
      </c>
      <c r="I1711" s="1"/>
    </row>
    <row r="1712" spans="1:9" x14ac:dyDescent="0.25">
      <c r="A1712" s="3">
        <v>41702.773344907408</v>
      </c>
      <c r="B1712" s="6">
        <v>28488.149999999998</v>
      </c>
      <c r="C1712" s="7">
        <f t="shared" si="26"/>
        <v>28.488149999999997</v>
      </c>
      <c r="I1712" s="1"/>
    </row>
    <row r="1713" spans="1:9" x14ac:dyDescent="0.25">
      <c r="A1713" s="3">
        <v>41702.773425925923</v>
      </c>
      <c r="B1713" s="6">
        <v>28504.799999999999</v>
      </c>
      <c r="C1713" s="7">
        <f t="shared" si="26"/>
        <v>28.504799999999999</v>
      </c>
      <c r="I1713" s="1"/>
    </row>
    <row r="1714" spans="1:9" x14ac:dyDescent="0.25">
      <c r="A1714" s="3">
        <v>41702.774409722224</v>
      </c>
      <c r="B1714" s="6">
        <v>28521.449999999997</v>
      </c>
      <c r="C1714" s="7">
        <f t="shared" si="26"/>
        <v>28.521449999999998</v>
      </c>
      <c r="I1714" s="1"/>
    </row>
    <row r="1715" spans="1:9" x14ac:dyDescent="0.25">
      <c r="A1715" s="3">
        <v>41702.77447916667</v>
      </c>
      <c r="B1715" s="6">
        <v>28538.1</v>
      </c>
      <c r="C1715" s="7">
        <f t="shared" si="26"/>
        <v>28.5381</v>
      </c>
      <c r="I1715" s="1"/>
    </row>
    <row r="1716" spans="1:9" x14ac:dyDescent="0.25">
      <c r="A1716" s="3">
        <v>41702.775416666664</v>
      </c>
      <c r="B1716" s="6">
        <v>28554.749999999996</v>
      </c>
      <c r="C1716" s="7">
        <f t="shared" si="26"/>
        <v>28.554749999999995</v>
      </c>
      <c r="I1716" s="1"/>
    </row>
    <row r="1717" spans="1:9" x14ac:dyDescent="0.25">
      <c r="A1717" s="3">
        <v>41702.775567129633</v>
      </c>
      <c r="B1717" s="6">
        <v>28571.399999999998</v>
      </c>
      <c r="C1717" s="7">
        <f t="shared" si="26"/>
        <v>28.571399999999997</v>
      </c>
      <c r="I1717" s="1"/>
    </row>
    <row r="1718" spans="1:9" x14ac:dyDescent="0.25">
      <c r="A1718" s="3">
        <v>41702.776689814818</v>
      </c>
      <c r="B1718" s="6">
        <v>28588.05</v>
      </c>
      <c r="C1718" s="7">
        <f t="shared" si="26"/>
        <v>28.588049999999999</v>
      </c>
      <c r="I1718" s="1"/>
    </row>
    <row r="1719" spans="1:9" x14ac:dyDescent="0.25">
      <c r="A1719" s="3">
        <v>41702.776736111111</v>
      </c>
      <c r="B1719" s="6">
        <v>28604.699999999997</v>
      </c>
      <c r="C1719" s="7">
        <f t="shared" si="26"/>
        <v>28.604699999999998</v>
      </c>
      <c r="I1719" s="1"/>
    </row>
    <row r="1720" spans="1:9" x14ac:dyDescent="0.25">
      <c r="A1720" s="3">
        <v>41702.77789351852</v>
      </c>
      <c r="B1720" s="6">
        <v>28621.35</v>
      </c>
      <c r="C1720" s="7">
        <f t="shared" si="26"/>
        <v>28.62135</v>
      </c>
      <c r="I1720" s="1"/>
    </row>
    <row r="1721" spans="1:9" x14ac:dyDescent="0.25">
      <c r="A1721" s="3">
        <v>41702.778055555558</v>
      </c>
      <c r="B1721" s="6">
        <v>28637.999999999996</v>
      </c>
      <c r="C1721" s="7">
        <f t="shared" si="26"/>
        <v>28.637999999999998</v>
      </c>
      <c r="I1721" s="1"/>
    </row>
    <row r="1722" spans="1:9" x14ac:dyDescent="0.25">
      <c r="A1722" s="3">
        <v>41702.779386574075</v>
      </c>
      <c r="B1722" s="6">
        <v>28654.649999999998</v>
      </c>
      <c r="C1722" s="7">
        <f t="shared" si="26"/>
        <v>28.654649999999997</v>
      </c>
      <c r="I1722" s="1"/>
    </row>
    <row r="1723" spans="1:9" x14ac:dyDescent="0.25">
      <c r="A1723" s="3">
        <v>41702.779479166667</v>
      </c>
      <c r="B1723" s="6">
        <v>28671.3</v>
      </c>
      <c r="C1723" s="7">
        <f t="shared" si="26"/>
        <v>28.671299999999999</v>
      </c>
      <c r="I1723" s="1"/>
    </row>
    <row r="1724" spans="1:9" x14ac:dyDescent="0.25">
      <c r="A1724" s="3">
        <v>41702.781180555554</v>
      </c>
      <c r="B1724" s="6">
        <v>28687.949999999997</v>
      </c>
      <c r="C1724" s="7">
        <f t="shared" si="26"/>
        <v>28.687949999999997</v>
      </c>
      <c r="I1724" s="1"/>
    </row>
    <row r="1725" spans="1:9" x14ac:dyDescent="0.25">
      <c r="A1725" s="3">
        <v>41702.781400462962</v>
      </c>
      <c r="B1725" s="6">
        <v>28704.6</v>
      </c>
      <c r="C1725" s="7">
        <f t="shared" si="26"/>
        <v>28.704599999999999</v>
      </c>
      <c r="I1725" s="1"/>
    </row>
    <row r="1726" spans="1:9" x14ac:dyDescent="0.25">
      <c r="A1726" s="3">
        <v>41702.782233796293</v>
      </c>
      <c r="B1726" s="6">
        <v>28721.249999999996</v>
      </c>
      <c r="C1726" s="7">
        <f t="shared" si="26"/>
        <v>28.721249999999998</v>
      </c>
      <c r="I1726" s="1"/>
    </row>
    <row r="1727" spans="1:9" x14ac:dyDescent="0.25">
      <c r="A1727" s="3">
        <v>41702.782407407409</v>
      </c>
      <c r="B1727" s="6">
        <v>28737.899999999998</v>
      </c>
      <c r="C1727" s="7">
        <f t="shared" si="26"/>
        <v>28.737899999999996</v>
      </c>
      <c r="I1727" s="1"/>
    </row>
    <row r="1728" spans="1:9" x14ac:dyDescent="0.25">
      <c r="A1728" s="3">
        <v>41702.783645833333</v>
      </c>
      <c r="B1728" s="6">
        <v>28754.55</v>
      </c>
      <c r="C1728" s="7">
        <f t="shared" si="26"/>
        <v>28.754549999999998</v>
      </c>
      <c r="I1728" s="1"/>
    </row>
    <row r="1729" spans="1:9" x14ac:dyDescent="0.25">
      <c r="A1729" s="3">
        <v>41702.783703703702</v>
      </c>
      <c r="B1729" s="6">
        <v>28771.199999999997</v>
      </c>
      <c r="C1729" s="7">
        <f t="shared" si="26"/>
        <v>28.771199999999997</v>
      </c>
      <c r="I1729" s="1"/>
    </row>
    <row r="1730" spans="1:9" x14ac:dyDescent="0.25">
      <c r="A1730" s="3">
        <v>41702.78434027778</v>
      </c>
      <c r="B1730" s="6">
        <v>28787.85</v>
      </c>
      <c r="C1730" s="7">
        <f t="shared" si="26"/>
        <v>28.787849999999999</v>
      </c>
      <c r="I1730" s="1"/>
    </row>
    <row r="1731" spans="1:9" x14ac:dyDescent="0.25">
      <c r="A1731" s="3">
        <v>41702.784432870372</v>
      </c>
      <c r="B1731" s="6">
        <v>28804.499999999996</v>
      </c>
      <c r="C1731" s="7">
        <f t="shared" ref="C1731:C1794" si="27">B1731/1000</f>
        <v>28.804499999999997</v>
      </c>
      <c r="I1731" s="1"/>
    </row>
    <row r="1732" spans="1:9" x14ac:dyDescent="0.25">
      <c r="A1732" s="3">
        <v>41702.785208333335</v>
      </c>
      <c r="B1732" s="6">
        <v>28821.149999999998</v>
      </c>
      <c r="C1732" s="7">
        <f t="shared" si="27"/>
        <v>28.821149999999999</v>
      </c>
      <c r="I1732" s="1"/>
    </row>
    <row r="1733" spans="1:9" x14ac:dyDescent="0.25">
      <c r="A1733" s="3">
        <v>41702.785405092596</v>
      </c>
      <c r="B1733" s="6">
        <v>28837.8</v>
      </c>
      <c r="C1733" s="7">
        <f t="shared" si="27"/>
        <v>28.837799999999998</v>
      </c>
      <c r="I1733" s="1"/>
    </row>
    <row r="1734" spans="1:9" x14ac:dyDescent="0.25">
      <c r="A1734" s="3">
        <v>41702.786377314813</v>
      </c>
      <c r="B1734" s="6">
        <v>28854.449999999997</v>
      </c>
      <c r="C1734" s="7">
        <f t="shared" si="27"/>
        <v>28.854449999999996</v>
      </c>
      <c r="I1734" s="1"/>
    </row>
    <row r="1735" spans="1:9" x14ac:dyDescent="0.25">
      <c r="A1735" s="3">
        <v>41702.786469907405</v>
      </c>
      <c r="B1735" s="6">
        <v>28871.1</v>
      </c>
      <c r="C1735" s="7">
        <f t="shared" si="27"/>
        <v>28.871099999999998</v>
      </c>
      <c r="I1735" s="1"/>
    </row>
    <row r="1736" spans="1:9" x14ac:dyDescent="0.25">
      <c r="A1736" s="3">
        <v>41702.78733796296</v>
      </c>
      <c r="B1736" s="6">
        <v>28887.749999999996</v>
      </c>
      <c r="C1736" s="7">
        <f t="shared" si="27"/>
        <v>28.887749999999997</v>
      </c>
      <c r="I1736" s="1"/>
    </row>
    <row r="1737" spans="1:9" x14ac:dyDescent="0.25">
      <c r="A1737" s="3">
        <v>41702.787418981483</v>
      </c>
      <c r="B1737" s="6">
        <v>28904.399999999998</v>
      </c>
      <c r="C1737" s="7">
        <f t="shared" si="27"/>
        <v>28.904399999999999</v>
      </c>
      <c r="I1737" s="1"/>
    </row>
    <row r="1738" spans="1:9" x14ac:dyDescent="0.25">
      <c r="A1738" s="3">
        <v>41702.788090277776</v>
      </c>
      <c r="B1738" s="6">
        <v>28921.05</v>
      </c>
      <c r="C1738" s="7">
        <f t="shared" si="27"/>
        <v>28.921050000000001</v>
      </c>
      <c r="I1738" s="1"/>
    </row>
    <row r="1739" spans="1:9" x14ac:dyDescent="0.25">
      <c r="A1739" s="3">
        <v>41702.788136574076</v>
      </c>
      <c r="B1739" s="6">
        <v>28937.699999999997</v>
      </c>
      <c r="C1739" s="7">
        <f t="shared" si="27"/>
        <v>28.937699999999996</v>
      </c>
      <c r="I1739" s="1"/>
    </row>
    <row r="1740" spans="1:9" x14ac:dyDescent="0.25">
      <c r="A1740" s="3">
        <v>41702.788761574076</v>
      </c>
      <c r="B1740" s="6">
        <v>28954.35</v>
      </c>
      <c r="C1740" s="7">
        <f t="shared" si="27"/>
        <v>28.954349999999998</v>
      </c>
      <c r="I1740" s="1"/>
    </row>
    <row r="1741" spans="1:9" x14ac:dyDescent="0.25">
      <c r="A1741" s="3">
        <v>41702.788900462961</v>
      </c>
      <c r="B1741" s="6">
        <v>28970.999999999996</v>
      </c>
      <c r="C1741" s="7">
        <f t="shared" si="27"/>
        <v>28.970999999999997</v>
      </c>
      <c r="I1741" s="1"/>
    </row>
    <row r="1742" spans="1:9" x14ac:dyDescent="0.25">
      <c r="A1742" s="3">
        <v>41702.789780092593</v>
      </c>
      <c r="B1742" s="6">
        <v>28987.649999999998</v>
      </c>
      <c r="C1742" s="7">
        <f t="shared" si="27"/>
        <v>28.987649999999999</v>
      </c>
      <c r="I1742" s="1"/>
    </row>
    <row r="1743" spans="1:9" x14ac:dyDescent="0.25">
      <c r="A1743" s="3">
        <v>41702.789837962962</v>
      </c>
      <c r="B1743" s="6">
        <v>29004.3</v>
      </c>
      <c r="C1743" s="7">
        <f t="shared" si="27"/>
        <v>29.004300000000001</v>
      </c>
      <c r="I1743" s="1"/>
    </row>
    <row r="1744" spans="1:9" x14ac:dyDescent="0.25">
      <c r="A1744" s="3">
        <v>41702.790497685186</v>
      </c>
      <c r="B1744" s="6">
        <v>29020.949999999997</v>
      </c>
      <c r="C1744" s="7">
        <f t="shared" si="27"/>
        <v>29.020949999999996</v>
      </c>
      <c r="I1744" s="1"/>
    </row>
    <row r="1745" spans="1:9" x14ac:dyDescent="0.25">
      <c r="A1745" s="3">
        <v>41702.790578703702</v>
      </c>
      <c r="B1745" s="6">
        <v>29037.599999999999</v>
      </c>
      <c r="C1745" s="7">
        <f t="shared" si="27"/>
        <v>29.037599999999998</v>
      </c>
      <c r="I1745" s="1"/>
    </row>
    <row r="1746" spans="1:9" x14ac:dyDescent="0.25">
      <c r="A1746" s="3">
        <v>41702.791238425925</v>
      </c>
      <c r="B1746" s="6">
        <v>29054.249999999996</v>
      </c>
      <c r="C1746" s="7">
        <f t="shared" si="27"/>
        <v>29.054249999999996</v>
      </c>
      <c r="I1746" s="1"/>
    </row>
    <row r="1747" spans="1:9" x14ac:dyDescent="0.25">
      <c r="A1747" s="3">
        <v>41702.791354166664</v>
      </c>
      <c r="B1747" s="6">
        <v>29070.899999999998</v>
      </c>
      <c r="C1747" s="7">
        <f t="shared" si="27"/>
        <v>29.070899999999998</v>
      </c>
      <c r="I1747" s="1"/>
    </row>
    <row r="1748" spans="1:9" x14ac:dyDescent="0.25">
      <c r="A1748" s="3">
        <v>41702.79246527778</v>
      </c>
      <c r="B1748" s="6">
        <v>29087.55</v>
      </c>
      <c r="C1748" s="7">
        <f t="shared" si="27"/>
        <v>29.08755</v>
      </c>
      <c r="I1748" s="1"/>
    </row>
    <row r="1749" spans="1:9" x14ac:dyDescent="0.25">
      <c r="A1749" s="3">
        <v>41702.792546296296</v>
      </c>
      <c r="B1749" s="6">
        <v>29104.199999999997</v>
      </c>
      <c r="C1749" s="7">
        <f t="shared" si="27"/>
        <v>29.104199999999999</v>
      </c>
      <c r="I1749" s="1"/>
    </row>
    <row r="1750" spans="1:9" x14ac:dyDescent="0.25">
      <c r="A1750" s="3">
        <v>41702.795115740744</v>
      </c>
      <c r="B1750" s="6">
        <v>29120.85</v>
      </c>
      <c r="C1750" s="7">
        <f t="shared" si="27"/>
        <v>29.120849999999997</v>
      </c>
      <c r="I1750" s="1"/>
    </row>
    <row r="1751" spans="1:9" x14ac:dyDescent="0.25">
      <c r="A1751" s="3">
        <v>41702.795266203706</v>
      </c>
      <c r="B1751" s="6">
        <v>29137.499999999996</v>
      </c>
      <c r="C1751" s="7">
        <f t="shared" si="27"/>
        <v>29.137499999999996</v>
      </c>
      <c r="I1751" s="1"/>
    </row>
    <row r="1752" spans="1:9" x14ac:dyDescent="0.25">
      <c r="A1752" s="3">
        <v>41702.796122685184</v>
      </c>
      <c r="B1752" s="6">
        <v>29154.149999999998</v>
      </c>
      <c r="C1752" s="7">
        <f t="shared" si="27"/>
        <v>29.154149999999998</v>
      </c>
      <c r="I1752" s="1"/>
    </row>
    <row r="1753" spans="1:9" x14ac:dyDescent="0.25">
      <c r="A1753" s="3">
        <v>41702.796261574076</v>
      </c>
      <c r="B1753" s="6">
        <v>29170.799999999999</v>
      </c>
      <c r="C1753" s="7">
        <f t="shared" si="27"/>
        <v>29.1708</v>
      </c>
      <c r="I1753" s="1"/>
    </row>
    <row r="1754" spans="1:9" x14ac:dyDescent="0.25">
      <c r="A1754" s="3">
        <v>41702.799421296295</v>
      </c>
      <c r="B1754" s="6">
        <v>29187.449999999997</v>
      </c>
      <c r="C1754" s="7">
        <f t="shared" si="27"/>
        <v>29.187449999999998</v>
      </c>
      <c r="I1754" s="1"/>
    </row>
    <row r="1755" spans="1:9" x14ac:dyDescent="0.25">
      <c r="A1755" s="3">
        <v>41702.799490740741</v>
      </c>
      <c r="B1755" s="6">
        <v>29204.1</v>
      </c>
      <c r="C1755" s="7">
        <f t="shared" si="27"/>
        <v>29.204099999999997</v>
      </c>
      <c r="I1755" s="1"/>
    </row>
    <row r="1756" spans="1:9" x14ac:dyDescent="0.25">
      <c r="A1756" s="3">
        <v>41702.801388888889</v>
      </c>
      <c r="B1756" s="6">
        <v>29220.749999999996</v>
      </c>
      <c r="C1756" s="7">
        <f t="shared" si="27"/>
        <v>29.220749999999995</v>
      </c>
      <c r="I1756" s="1"/>
    </row>
    <row r="1757" spans="1:9" x14ac:dyDescent="0.25">
      <c r="A1757" s="3">
        <v>41702.801493055558</v>
      </c>
      <c r="B1757" s="6">
        <v>29237.399999999998</v>
      </c>
      <c r="C1757" s="7">
        <f t="shared" si="27"/>
        <v>29.237399999999997</v>
      </c>
      <c r="I1757" s="1"/>
    </row>
    <row r="1758" spans="1:9" x14ac:dyDescent="0.25">
      <c r="A1758" s="3">
        <v>41702.803379629629</v>
      </c>
      <c r="B1758" s="6">
        <v>29254.05</v>
      </c>
      <c r="C1758" s="7">
        <f t="shared" si="27"/>
        <v>29.254049999999999</v>
      </c>
      <c r="I1758" s="1"/>
    </row>
    <row r="1759" spans="1:9" x14ac:dyDescent="0.25">
      <c r="A1759" s="3">
        <v>41702.803622685184</v>
      </c>
      <c r="B1759" s="6">
        <v>29270.699999999997</v>
      </c>
      <c r="C1759" s="7">
        <f t="shared" si="27"/>
        <v>29.270699999999998</v>
      </c>
      <c r="I1759" s="1"/>
    </row>
    <row r="1760" spans="1:9" x14ac:dyDescent="0.25">
      <c r="A1760" s="3">
        <v>41702.804594907408</v>
      </c>
      <c r="B1760" s="6">
        <v>29287.35</v>
      </c>
      <c r="C1760" s="7">
        <f t="shared" si="27"/>
        <v>29.28735</v>
      </c>
      <c r="I1760" s="1"/>
    </row>
    <row r="1761" spans="1:9" x14ac:dyDescent="0.25">
      <c r="A1761" s="3">
        <v>41702.804710648146</v>
      </c>
      <c r="B1761" s="6">
        <v>29303.999999999996</v>
      </c>
      <c r="C1761" s="7">
        <f t="shared" si="27"/>
        <v>29.303999999999995</v>
      </c>
      <c r="I1761" s="1"/>
    </row>
    <row r="1762" spans="1:9" x14ac:dyDescent="0.25">
      <c r="A1762" s="3">
        <v>41702.807372685187</v>
      </c>
      <c r="B1762" s="6">
        <v>29320.649999999998</v>
      </c>
      <c r="C1762" s="7">
        <f t="shared" si="27"/>
        <v>29.320649999999997</v>
      </c>
      <c r="I1762" s="1"/>
    </row>
    <row r="1763" spans="1:9" x14ac:dyDescent="0.25">
      <c r="A1763" s="3">
        <v>41702.807534722226</v>
      </c>
      <c r="B1763" s="6">
        <v>29337.3</v>
      </c>
      <c r="C1763" s="7">
        <f t="shared" si="27"/>
        <v>29.337299999999999</v>
      </c>
      <c r="I1763" s="1"/>
    </row>
    <row r="1764" spans="1:9" x14ac:dyDescent="0.25">
      <c r="A1764" s="3">
        <v>41702.809386574074</v>
      </c>
      <c r="B1764" s="6">
        <v>29353.949999999997</v>
      </c>
      <c r="C1764" s="7">
        <f t="shared" si="27"/>
        <v>29.353949999999998</v>
      </c>
      <c r="I1764" s="1"/>
    </row>
    <row r="1765" spans="1:9" x14ac:dyDescent="0.25">
      <c r="A1765" s="3">
        <v>41702.809513888889</v>
      </c>
      <c r="B1765" s="6">
        <v>29370.6</v>
      </c>
      <c r="C1765" s="7">
        <f t="shared" si="27"/>
        <v>29.3706</v>
      </c>
      <c r="I1765" s="1"/>
    </row>
    <row r="1766" spans="1:9" x14ac:dyDescent="0.25">
      <c r="A1766" s="3">
        <v>41702.810810185183</v>
      </c>
      <c r="B1766" s="6">
        <v>29387.249999999996</v>
      </c>
      <c r="C1766" s="7">
        <f t="shared" si="27"/>
        <v>29.387249999999998</v>
      </c>
      <c r="I1766" s="1"/>
    </row>
    <row r="1767" spans="1:9" x14ac:dyDescent="0.25">
      <c r="A1767" s="3">
        <v>41702.810856481483</v>
      </c>
      <c r="B1767" s="6">
        <v>29403.899999999998</v>
      </c>
      <c r="C1767" s="7">
        <f t="shared" si="27"/>
        <v>29.403899999999997</v>
      </c>
      <c r="I1767" s="1"/>
    </row>
    <row r="1768" spans="1:9" x14ac:dyDescent="0.25">
      <c r="A1768" s="3">
        <v>41702.81453703704</v>
      </c>
      <c r="B1768" s="6">
        <v>29420.55</v>
      </c>
      <c r="C1768" s="7">
        <f t="shared" si="27"/>
        <v>29.420549999999999</v>
      </c>
      <c r="I1768" s="1"/>
    </row>
    <row r="1769" spans="1:9" x14ac:dyDescent="0.25">
      <c r="A1769" s="3">
        <v>41702.814629629633</v>
      </c>
      <c r="B1769" s="6">
        <v>29437.199999999997</v>
      </c>
      <c r="C1769" s="7">
        <f t="shared" si="27"/>
        <v>29.437199999999997</v>
      </c>
      <c r="I1769" s="1"/>
    </row>
    <row r="1770" spans="1:9" x14ac:dyDescent="0.25">
      <c r="A1770" s="3">
        <v>41702.817499999997</v>
      </c>
      <c r="B1770" s="6">
        <v>29453.85</v>
      </c>
      <c r="C1770" s="7">
        <f t="shared" si="27"/>
        <v>29.453849999999999</v>
      </c>
      <c r="I1770" s="1"/>
    </row>
    <row r="1771" spans="1:9" x14ac:dyDescent="0.25">
      <c r="A1771" s="3">
        <v>41702.820474537039</v>
      </c>
      <c r="B1771" s="6">
        <v>29470.499999999996</v>
      </c>
      <c r="C1771" s="7">
        <f t="shared" si="27"/>
        <v>29.470499999999998</v>
      </c>
      <c r="I1771" s="1"/>
    </row>
    <row r="1772" spans="1:9" x14ac:dyDescent="0.25">
      <c r="A1772" s="3">
        <v>41702.823078703703</v>
      </c>
      <c r="B1772" s="6">
        <v>29487.149999999998</v>
      </c>
      <c r="C1772" s="7">
        <f t="shared" si="27"/>
        <v>29.487149999999996</v>
      </c>
      <c r="I1772" s="1"/>
    </row>
    <row r="1773" spans="1:9" x14ac:dyDescent="0.25">
      <c r="A1773" s="3">
        <v>41702.823229166665</v>
      </c>
      <c r="B1773" s="6">
        <v>29503.8</v>
      </c>
      <c r="C1773" s="7">
        <f t="shared" si="27"/>
        <v>29.503799999999998</v>
      </c>
      <c r="I1773" s="1"/>
    </row>
    <row r="1774" spans="1:9" x14ac:dyDescent="0.25">
      <c r="A1774" s="3">
        <v>41702.825138888889</v>
      </c>
      <c r="B1774" s="6">
        <v>29520.449999999997</v>
      </c>
      <c r="C1774" s="7">
        <f t="shared" si="27"/>
        <v>29.520449999999997</v>
      </c>
      <c r="I1774" s="1"/>
    </row>
    <row r="1775" spans="1:9" x14ac:dyDescent="0.25">
      <c r="A1775" s="3">
        <v>41702.825775462959</v>
      </c>
      <c r="B1775" s="6">
        <v>29537.1</v>
      </c>
      <c r="C1775" s="7">
        <f t="shared" si="27"/>
        <v>29.537099999999999</v>
      </c>
      <c r="I1775" s="1"/>
    </row>
    <row r="1776" spans="1:9" x14ac:dyDescent="0.25">
      <c r="A1776" s="3">
        <v>41702.832812499997</v>
      </c>
      <c r="B1776" s="6">
        <v>29553.749999999996</v>
      </c>
      <c r="C1776" s="7">
        <f t="shared" si="27"/>
        <v>29.553749999999997</v>
      </c>
      <c r="I1776" s="1"/>
    </row>
    <row r="1777" spans="1:9" x14ac:dyDescent="0.25">
      <c r="A1777" s="3">
        <v>41702.832974537036</v>
      </c>
      <c r="B1777" s="6">
        <v>29570.399999999998</v>
      </c>
      <c r="C1777" s="7">
        <f t="shared" si="27"/>
        <v>29.570399999999999</v>
      </c>
      <c r="I1777" s="1"/>
    </row>
    <row r="1778" spans="1:9" x14ac:dyDescent="0.25">
      <c r="A1778" s="3">
        <v>41702.836087962962</v>
      </c>
      <c r="B1778" s="6">
        <v>29587.05</v>
      </c>
      <c r="C1778" s="7">
        <f t="shared" si="27"/>
        <v>29.587049999999998</v>
      </c>
      <c r="I1778" s="1"/>
    </row>
    <row r="1779" spans="1:9" x14ac:dyDescent="0.25">
      <c r="A1779" s="3">
        <v>41702.836238425924</v>
      </c>
      <c r="B1779" s="6">
        <v>29603.699999999997</v>
      </c>
      <c r="C1779" s="7">
        <f t="shared" si="27"/>
        <v>29.603699999999996</v>
      </c>
      <c r="I1779" s="1"/>
    </row>
    <row r="1780" spans="1:9" x14ac:dyDescent="0.25">
      <c r="A1780" s="3">
        <v>41702.839050925926</v>
      </c>
      <c r="B1780" s="6">
        <v>29620.35</v>
      </c>
      <c r="C1780" s="7">
        <f t="shared" si="27"/>
        <v>29.620349999999998</v>
      </c>
      <c r="I1780" s="1"/>
    </row>
    <row r="1781" spans="1:9" x14ac:dyDescent="0.25">
      <c r="A1781" s="3">
        <v>41702.839212962965</v>
      </c>
      <c r="B1781" s="6">
        <v>29636.999999999996</v>
      </c>
      <c r="C1781" s="7">
        <f t="shared" si="27"/>
        <v>29.636999999999997</v>
      </c>
      <c r="I1781" s="1"/>
    </row>
    <row r="1782" spans="1:9" x14ac:dyDescent="0.25">
      <c r="A1782" s="3">
        <v>41702.84039351852</v>
      </c>
      <c r="B1782" s="6">
        <v>29653.649999999998</v>
      </c>
      <c r="C1782" s="7">
        <f t="shared" si="27"/>
        <v>29.653649999999999</v>
      </c>
      <c r="I1782" s="1"/>
    </row>
    <row r="1783" spans="1:9" x14ac:dyDescent="0.25">
      <c r="A1783" s="3">
        <v>41702.842106481483</v>
      </c>
      <c r="B1783" s="6">
        <v>29670.3</v>
      </c>
      <c r="C1783" s="7">
        <f t="shared" si="27"/>
        <v>29.670300000000001</v>
      </c>
      <c r="I1783" s="1"/>
    </row>
    <row r="1784" spans="1:9" x14ac:dyDescent="0.25">
      <c r="A1784" s="3">
        <v>41702.846944444442</v>
      </c>
      <c r="B1784" s="6">
        <v>29686.949999999997</v>
      </c>
      <c r="C1784" s="7">
        <f t="shared" si="27"/>
        <v>29.686949999999996</v>
      </c>
      <c r="I1784" s="1"/>
    </row>
    <row r="1785" spans="1:9" x14ac:dyDescent="0.25">
      <c r="A1785" s="3">
        <v>41702.847060185188</v>
      </c>
      <c r="B1785" s="6">
        <v>29703.599999999999</v>
      </c>
      <c r="C1785" s="7">
        <f t="shared" si="27"/>
        <v>29.703599999999998</v>
      </c>
      <c r="I1785" s="1"/>
    </row>
    <row r="1786" spans="1:9" x14ac:dyDescent="0.25">
      <c r="A1786" s="3">
        <v>41702.849409722221</v>
      </c>
      <c r="B1786" s="6">
        <v>29720.249999999996</v>
      </c>
      <c r="C1786" s="7">
        <f t="shared" si="27"/>
        <v>29.720249999999997</v>
      </c>
      <c r="I1786" s="1"/>
    </row>
    <row r="1787" spans="1:9" x14ac:dyDescent="0.25">
      <c r="A1787" s="3">
        <v>41702.849548611113</v>
      </c>
      <c r="B1787" s="6">
        <v>29736.899999999998</v>
      </c>
      <c r="C1787" s="7">
        <f t="shared" si="27"/>
        <v>29.736899999999999</v>
      </c>
      <c r="I1787" s="1"/>
    </row>
    <row r="1788" spans="1:9" x14ac:dyDescent="0.25">
      <c r="A1788" s="3">
        <v>41702.853020833332</v>
      </c>
      <c r="B1788" s="6">
        <v>29753.55</v>
      </c>
      <c r="C1788" s="7">
        <f t="shared" si="27"/>
        <v>29.753550000000001</v>
      </c>
      <c r="I1788" s="1"/>
    </row>
    <row r="1789" spans="1:9" x14ac:dyDescent="0.25">
      <c r="A1789" s="3">
        <v>41702.853159722225</v>
      </c>
      <c r="B1789" s="6">
        <v>29770.199999999997</v>
      </c>
      <c r="C1789" s="7">
        <f t="shared" si="27"/>
        <v>29.770199999999996</v>
      </c>
      <c r="I1789" s="1"/>
    </row>
    <row r="1790" spans="1:9" x14ac:dyDescent="0.25">
      <c r="A1790" s="3">
        <v>41702.855694444443</v>
      </c>
      <c r="B1790" s="6">
        <v>29786.85</v>
      </c>
      <c r="C1790" s="7">
        <f t="shared" si="27"/>
        <v>29.786849999999998</v>
      </c>
      <c r="I1790" s="1"/>
    </row>
    <row r="1791" spans="1:9" x14ac:dyDescent="0.25">
      <c r="A1791" s="3">
        <v>41702.855821759258</v>
      </c>
      <c r="B1791" s="6">
        <v>29803.499999999996</v>
      </c>
      <c r="C1791" s="7">
        <f t="shared" si="27"/>
        <v>29.803499999999996</v>
      </c>
      <c r="I1791" s="1"/>
    </row>
    <row r="1792" spans="1:9" x14ac:dyDescent="0.25">
      <c r="A1792" s="3">
        <v>41702.857916666668</v>
      </c>
      <c r="B1792" s="6">
        <v>29820.149999999998</v>
      </c>
      <c r="C1792" s="7">
        <f t="shared" si="27"/>
        <v>29.820149999999998</v>
      </c>
      <c r="I1792" s="1"/>
    </row>
    <row r="1793" spans="1:9" x14ac:dyDescent="0.25">
      <c r="A1793" s="3">
        <v>41702.858101851853</v>
      </c>
      <c r="B1793" s="6">
        <v>29836.799999999996</v>
      </c>
      <c r="C1793" s="7">
        <f t="shared" si="27"/>
        <v>29.836799999999997</v>
      </c>
      <c r="I1793" s="1"/>
    </row>
    <row r="1794" spans="1:9" x14ac:dyDescent="0.25">
      <c r="A1794" s="3">
        <v>41702.867268518516</v>
      </c>
      <c r="B1794" s="6">
        <v>29853.449999999997</v>
      </c>
      <c r="C1794" s="7">
        <f t="shared" si="27"/>
        <v>29.853449999999999</v>
      </c>
      <c r="I1794" s="1"/>
    </row>
    <row r="1795" spans="1:9" x14ac:dyDescent="0.25">
      <c r="A1795" s="3">
        <v>41702.867430555554</v>
      </c>
      <c r="B1795" s="6">
        <v>29870.1</v>
      </c>
      <c r="C1795" s="7">
        <f t="shared" ref="C1795:C1858" si="28">B1795/1000</f>
        <v>29.870099999999997</v>
      </c>
      <c r="I1795" s="1"/>
    </row>
    <row r="1796" spans="1:9" x14ac:dyDescent="0.25">
      <c r="A1796" s="3">
        <v>41702.935393518521</v>
      </c>
      <c r="B1796" s="6">
        <v>29886.749999999996</v>
      </c>
      <c r="C1796" s="7">
        <f t="shared" si="28"/>
        <v>29.886749999999996</v>
      </c>
      <c r="I1796" s="1"/>
    </row>
    <row r="1797" spans="1:9" x14ac:dyDescent="0.25">
      <c r="A1797" s="3">
        <v>41702.935798611114</v>
      </c>
      <c r="B1797" s="6">
        <v>29903.399999999998</v>
      </c>
      <c r="C1797" s="7">
        <f t="shared" si="28"/>
        <v>29.903399999999998</v>
      </c>
      <c r="I1797" s="1"/>
    </row>
    <row r="1798" spans="1:9" x14ac:dyDescent="0.25">
      <c r="A1798" s="3">
        <v>41702.946585648147</v>
      </c>
      <c r="B1798" s="6">
        <v>29920.049999999996</v>
      </c>
      <c r="C1798" s="7">
        <f t="shared" si="28"/>
        <v>29.920049999999996</v>
      </c>
      <c r="I1798" s="1"/>
    </row>
    <row r="1799" spans="1:9" x14ac:dyDescent="0.25">
      <c r="A1799" s="3">
        <v>41702.950555555559</v>
      </c>
      <c r="B1799" s="6">
        <v>29936.699999999997</v>
      </c>
      <c r="C1799" s="7">
        <f t="shared" si="28"/>
        <v>29.936699999999998</v>
      </c>
      <c r="I1799" s="1"/>
    </row>
    <row r="1800" spans="1:9" x14ac:dyDescent="0.25">
      <c r="A1800" s="3">
        <v>41733.01458333333</v>
      </c>
      <c r="B1800" s="6">
        <v>29953.35</v>
      </c>
      <c r="C1800" s="7">
        <f t="shared" si="28"/>
        <v>29.953349999999997</v>
      </c>
      <c r="I1800" s="1"/>
    </row>
    <row r="1801" spans="1:9" x14ac:dyDescent="0.25">
      <c r="A1801" s="3">
        <v>41733.015625</v>
      </c>
      <c r="B1801" s="6">
        <v>29969.999999999996</v>
      </c>
      <c r="C1801" s="7">
        <f t="shared" si="28"/>
        <v>29.969999999999995</v>
      </c>
      <c r="I1801" s="1"/>
    </row>
    <row r="1802" spans="1:9" x14ac:dyDescent="0.25">
      <c r="A1802" s="3">
        <v>41733.360243055555</v>
      </c>
      <c r="B1802" s="6">
        <v>29986.649999999998</v>
      </c>
      <c r="C1802" s="7">
        <f t="shared" si="28"/>
        <v>29.986649999999997</v>
      </c>
      <c r="I1802" s="1"/>
    </row>
    <row r="1803" spans="1:9" x14ac:dyDescent="0.25">
      <c r="A1803" s="3">
        <v>41733.360451388886</v>
      </c>
      <c r="B1803" s="6">
        <v>30003.299999999996</v>
      </c>
      <c r="C1803" s="7">
        <f t="shared" si="28"/>
        <v>30.003299999999996</v>
      </c>
      <c r="I1803" s="1"/>
    </row>
    <row r="1804" spans="1:9" x14ac:dyDescent="0.25">
      <c r="A1804" s="3">
        <v>41733.362592592595</v>
      </c>
      <c r="B1804" s="6">
        <v>30019.949999999997</v>
      </c>
      <c r="C1804" s="7">
        <f t="shared" si="28"/>
        <v>30.019949999999998</v>
      </c>
      <c r="I1804" s="1"/>
    </row>
    <row r="1805" spans="1:9" x14ac:dyDescent="0.25">
      <c r="A1805" s="3">
        <v>41733.362800925926</v>
      </c>
      <c r="B1805" s="6">
        <v>30036.6</v>
      </c>
      <c r="C1805" s="7">
        <f t="shared" si="28"/>
        <v>30.0366</v>
      </c>
      <c r="I1805" s="1"/>
    </row>
    <row r="1806" spans="1:9" x14ac:dyDescent="0.25">
      <c r="A1806" s="3">
        <v>41733.382280092592</v>
      </c>
      <c r="B1806" s="6">
        <v>30053.249999999996</v>
      </c>
      <c r="C1806" s="7">
        <f t="shared" si="28"/>
        <v>30.053249999999995</v>
      </c>
      <c r="I1806" s="1"/>
    </row>
    <row r="1807" spans="1:9" x14ac:dyDescent="0.25">
      <c r="A1807" s="3">
        <v>41733.391585648147</v>
      </c>
      <c r="B1807" s="6">
        <v>30069.899999999998</v>
      </c>
      <c r="C1807" s="7">
        <f t="shared" si="28"/>
        <v>30.069899999999997</v>
      </c>
      <c r="I1807" s="1"/>
    </row>
    <row r="1808" spans="1:9" x14ac:dyDescent="0.25">
      <c r="A1808" s="3">
        <v>41733.399409722224</v>
      </c>
      <c r="B1808" s="6">
        <v>30086.549999999996</v>
      </c>
      <c r="C1808" s="7">
        <f t="shared" si="28"/>
        <v>30.086549999999995</v>
      </c>
      <c r="I1808" s="1"/>
    </row>
    <row r="1809" spans="1:9" x14ac:dyDescent="0.25">
      <c r="A1809" s="3">
        <v>41733.402465277781</v>
      </c>
      <c r="B1809" s="6">
        <v>30103.199999999997</v>
      </c>
      <c r="C1809" s="7">
        <f t="shared" si="28"/>
        <v>30.103199999999998</v>
      </c>
      <c r="I1809" s="1"/>
    </row>
    <row r="1810" spans="1:9" x14ac:dyDescent="0.25">
      <c r="A1810" s="3">
        <v>41733.413530092592</v>
      </c>
      <c r="B1810" s="6">
        <v>30119.85</v>
      </c>
      <c r="C1810" s="7">
        <f t="shared" si="28"/>
        <v>30.11985</v>
      </c>
      <c r="I1810" s="1"/>
    </row>
    <row r="1811" spans="1:9" x14ac:dyDescent="0.25">
      <c r="A1811" s="3">
        <v>41733.414548611108</v>
      </c>
      <c r="B1811" s="6">
        <v>30136.499999999996</v>
      </c>
      <c r="C1811" s="7">
        <f t="shared" si="28"/>
        <v>30.136499999999998</v>
      </c>
      <c r="I1811" s="1"/>
    </row>
    <row r="1812" spans="1:9" x14ac:dyDescent="0.25">
      <c r="A1812" s="3">
        <v>41733.418946759259</v>
      </c>
      <c r="B1812" s="6">
        <v>30153.149999999998</v>
      </c>
      <c r="C1812" s="7">
        <f t="shared" si="28"/>
        <v>30.153149999999997</v>
      </c>
      <c r="I1812" s="1"/>
    </row>
    <row r="1813" spans="1:9" x14ac:dyDescent="0.25">
      <c r="A1813" s="3">
        <v>41733.419039351851</v>
      </c>
      <c r="B1813" s="6">
        <v>30169.799999999996</v>
      </c>
      <c r="C1813" s="7">
        <f t="shared" si="28"/>
        <v>30.169799999999995</v>
      </c>
      <c r="I1813" s="1"/>
    </row>
    <row r="1814" spans="1:9" x14ac:dyDescent="0.25">
      <c r="A1814" s="3">
        <v>41733.42150462963</v>
      </c>
      <c r="B1814" s="6">
        <v>30186.449999999997</v>
      </c>
      <c r="C1814" s="7">
        <f t="shared" si="28"/>
        <v>30.186449999999997</v>
      </c>
      <c r="I1814" s="1"/>
    </row>
    <row r="1815" spans="1:9" x14ac:dyDescent="0.25">
      <c r="A1815" s="3">
        <v>41733.422071759262</v>
      </c>
      <c r="B1815" s="6">
        <v>30203.1</v>
      </c>
      <c r="C1815" s="7">
        <f t="shared" si="28"/>
        <v>30.203099999999999</v>
      </c>
      <c r="I1815" s="1"/>
    </row>
    <row r="1816" spans="1:9" x14ac:dyDescent="0.25">
      <c r="A1816" s="3">
        <v>41733.424849537034</v>
      </c>
      <c r="B1816" s="6">
        <v>30219.749999999996</v>
      </c>
      <c r="C1816" s="7">
        <f t="shared" si="28"/>
        <v>30.219749999999998</v>
      </c>
      <c r="I1816" s="1"/>
    </row>
    <row r="1817" spans="1:9" x14ac:dyDescent="0.25">
      <c r="A1817" s="3">
        <v>41733.425069444442</v>
      </c>
      <c r="B1817" s="6">
        <v>30236.399999999998</v>
      </c>
      <c r="C1817" s="7">
        <f t="shared" si="28"/>
        <v>30.236399999999996</v>
      </c>
      <c r="I1817" s="1"/>
    </row>
    <row r="1818" spans="1:9" x14ac:dyDescent="0.25">
      <c r="A1818" s="3">
        <v>41733.427407407406</v>
      </c>
      <c r="B1818" s="6">
        <v>30253.049999999996</v>
      </c>
      <c r="C1818" s="7">
        <f t="shared" si="28"/>
        <v>30.253049999999995</v>
      </c>
      <c r="I1818" s="1"/>
    </row>
    <row r="1819" spans="1:9" x14ac:dyDescent="0.25">
      <c r="A1819" s="3">
        <v>41733.428946759261</v>
      </c>
      <c r="B1819" s="6">
        <v>30269.699999999997</v>
      </c>
      <c r="C1819" s="7">
        <f t="shared" si="28"/>
        <v>30.269699999999997</v>
      </c>
      <c r="I1819" s="1"/>
    </row>
    <row r="1820" spans="1:9" x14ac:dyDescent="0.25">
      <c r="A1820" s="3">
        <v>41733.444351851853</v>
      </c>
      <c r="B1820" s="6">
        <v>30286.35</v>
      </c>
      <c r="C1820" s="7">
        <f t="shared" si="28"/>
        <v>30.286349999999999</v>
      </c>
      <c r="I1820" s="1"/>
    </row>
    <row r="1821" spans="1:9" x14ac:dyDescent="0.25">
      <c r="A1821" s="3">
        <v>41733.444803240738</v>
      </c>
      <c r="B1821" s="6">
        <v>30302.999999999996</v>
      </c>
      <c r="C1821" s="7">
        <f t="shared" si="28"/>
        <v>30.302999999999997</v>
      </c>
      <c r="I1821" s="1"/>
    </row>
    <row r="1822" spans="1:9" x14ac:dyDescent="0.25">
      <c r="A1822" s="3">
        <v>41733.450300925928</v>
      </c>
      <c r="B1822" s="6">
        <v>30319.649999999998</v>
      </c>
      <c r="C1822" s="7">
        <f t="shared" si="28"/>
        <v>30.319649999999999</v>
      </c>
      <c r="I1822" s="1"/>
    </row>
    <row r="1823" spans="1:9" x14ac:dyDescent="0.25">
      <c r="A1823" s="3">
        <v>41733.450914351852</v>
      </c>
      <c r="B1823" s="6">
        <v>30336.299999999996</v>
      </c>
      <c r="C1823" s="7">
        <f t="shared" si="28"/>
        <v>30.336299999999994</v>
      </c>
      <c r="I1823" s="1"/>
    </row>
    <row r="1824" spans="1:9" x14ac:dyDescent="0.25">
      <c r="A1824" s="3">
        <v>41733.455289351848</v>
      </c>
      <c r="B1824" s="6">
        <v>30352.949999999997</v>
      </c>
      <c r="C1824" s="7">
        <f t="shared" si="28"/>
        <v>30.352949999999996</v>
      </c>
      <c r="I1824" s="1"/>
    </row>
    <row r="1825" spans="1:9" x14ac:dyDescent="0.25">
      <c r="A1825" s="3">
        <v>41733.455462962964</v>
      </c>
      <c r="B1825" s="6">
        <v>30369.599999999999</v>
      </c>
      <c r="C1825" s="7">
        <f t="shared" si="28"/>
        <v>30.369599999999998</v>
      </c>
      <c r="I1825" s="1"/>
    </row>
    <row r="1826" spans="1:9" x14ac:dyDescent="0.25">
      <c r="A1826" s="3">
        <v>41733.458784722221</v>
      </c>
      <c r="B1826" s="6">
        <v>30386.249999999996</v>
      </c>
      <c r="C1826" s="7">
        <f t="shared" si="28"/>
        <v>30.386249999999997</v>
      </c>
      <c r="I1826" s="1"/>
    </row>
    <row r="1827" spans="1:9" x14ac:dyDescent="0.25">
      <c r="A1827" s="3">
        <v>41733.459745370368</v>
      </c>
      <c r="B1827" s="6">
        <v>30402.899999999998</v>
      </c>
      <c r="C1827" s="7">
        <f t="shared" si="28"/>
        <v>30.402899999999999</v>
      </c>
      <c r="I1827" s="1"/>
    </row>
    <row r="1828" spans="1:9" x14ac:dyDescent="0.25">
      <c r="A1828" s="3">
        <v>41733.46565972222</v>
      </c>
      <c r="B1828" s="6">
        <v>30419.549999999996</v>
      </c>
      <c r="C1828" s="7">
        <f t="shared" si="28"/>
        <v>30.419549999999994</v>
      </c>
      <c r="I1828" s="1"/>
    </row>
    <row r="1829" spans="1:9" x14ac:dyDescent="0.25">
      <c r="A1829" s="3">
        <v>41733.46775462963</v>
      </c>
      <c r="B1829" s="6">
        <v>30436.199999999997</v>
      </c>
      <c r="C1829" s="7">
        <f t="shared" si="28"/>
        <v>30.436199999999996</v>
      </c>
      <c r="I1829" s="1"/>
    </row>
    <row r="1830" spans="1:9" x14ac:dyDescent="0.25">
      <c r="A1830" s="3">
        <v>41733.477083333331</v>
      </c>
      <c r="B1830" s="6">
        <v>30452.85</v>
      </c>
      <c r="C1830" s="7">
        <f t="shared" si="28"/>
        <v>30.452849999999998</v>
      </c>
      <c r="I1830" s="1"/>
    </row>
    <row r="1831" spans="1:9" x14ac:dyDescent="0.25">
      <c r="A1831" s="3">
        <v>41733.477187500001</v>
      </c>
      <c r="B1831" s="6">
        <v>30469.499999999996</v>
      </c>
      <c r="C1831" s="7">
        <f t="shared" si="28"/>
        <v>30.469499999999996</v>
      </c>
      <c r="I1831" s="1"/>
    </row>
    <row r="1832" spans="1:9" x14ac:dyDescent="0.25">
      <c r="A1832" s="3">
        <v>41733.479525462964</v>
      </c>
      <c r="B1832" s="6">
        <v>30486.149999999998</v>
      </c>
      <c r="C1832" s="7">
        <f t="shared" si="28"/>
        <v>30.486149999999999</v>
      </c>
      <c r="I1832" s="1"/>
    </row>
    <row r="1833" spans="1:9" x14ac:dyDescent="0.25">
      <c r="A1833" s="3">
        <v>41733.479687500003</v>
      </c>
      <c r="B1833" s="6">
        <v>30502.799999999996</v>
      </c>
      <c r="C1833" s="7">
        <f t="shared" si="28"/>
        <v>30.502799999999997</v>
      </c>
      <c r="I1833" s="1"/>
    </row>
    <row r="1834" spans="1:9" x14ac:dyDescent="0.25">
      <c r="A1834" s="3">
        <v>41733.481990740744</v>
      </c>
      <c r="B1834" s="6">
        <v>30519.449999999997</v>
      </c>
      <c r="C1834" s="7">
        <f t="shared" si="28"/>
        <v>30.519449999999996</v>
      </c>
      <c r="I1834" s="1"/>
    </row>
    <row r="1835" spans="1:9" x14ac:dyDescent="0.25">
      <c r="A1835" s="3">
        <v>41733.482418981483</v>
      </c>
      <c r="B1835" s="6">
        <v>30536.1</v>
      </c>
      <c r="C1835" s="7">
        <f t="shared" si="28"/>
        <v>30.536099999999998</v>
      </c>
      <c r="I1835" s="1"/>
    </row>
    <row r="1836" spans="1:9" x14ac:dyDescent="0.25">
      <c r="A1836" s="3">
        <v>41733.484293981484</v>
      </c>
      <c r="B1836" s="6">
        <v>30552.749999999996</v>
      </c>
      <c r="C1836" s="7">
        <f t="shared" si="28"/>
        <v>30.552749999999996</v>
      </c>
      <c r="I1836" s="1"/>
    </row>
    <row r="1837" spans="1:9" x14ac:dyDescent="0.25">
      <c r="A1837" s="3">
        <v>41733.484479166669</v>
      </c>
      <c r="B1837" s="6">
        <v>30569.399999999998</v>
      </c>
      <c r="C1837" s="7">
        <f t="shared" si="28"/>
        <v>30.569399999999998</v>
      </c>
      <c r="I1837" s="1"/>
    </row>
    <row r="1838" spans="1:9" x14ac:dyDescent="0.25">
      <c r="A1838" s="3">
        <v>41733.48646990741</v>
      </c>
      <c r="B1838" s="6">
        <v>30586.049999999996</v>
      </c>
      <c r="C1838" s="7">
        <f t="shared" si="28"/>
        <v>30.586049999999997</v>
      </c>
      <c r="I1838" s="1"/>
    </row>
    <row r="1839" spans="1:9" x14ac:dyDescent="0.25">
      <c r="A1839" s="3">
        <v>41733.486817129633</v>
      </c>
      <c r="B1839" s="6">
        <v>30602.699999999997</v>
      </c>
      <c r="C1839" s="7">
        <f t="shared" si="28"/>
        <v>30.602699999999999</v>
      </c>
      <c r="I1839" s="1"/>
    </row>
    <row r="1840" spans="1:9" x14ac:dyDescent="0.25">
      <c r="A1840" s="3">
        <v>41733.488796296297</v>
      </c>
      <c r="B1840" s="6">
        <v>30619.35</v>
      </c>
      <c r="C1840" s="7">
        <f t="shared" si="28"/>
        <v>30.619349999999997</v>
      </c>
      <c r="I1840" s="1"/>
    </row>
    <row r="1841" spans="1:9" x14ac:dyDescent="0.25">
      <c r="A1841" s="3">
        <v>41733.488935185182</v>
      </c>
      <c r="B1841" s="6">
        <v>30635.999999999996</v>
      </c>
      <c r="C1841" s="7">
        <f t="shared" si="28"/>
        <v>30.635999999999996</v>
      </c>
      <c r="I1841" s="1"/>
    </row>
    <row r="1842" spans="1:9" x14ac:dyDescent="0.25">
      <c r="A1842" s="3">
        <v>41733.490937499999</v>
      </c>
      <c r="B1842" s="6">
        <v>30652.649999999998</v>
      </c>
      <c r="C1842" s="7">
        <f t="shared" si="28"/>
        <v>30.652649999999998</v>
      </c>
      <c r="I1842" s="1"/>
    </row>
    <row r="1843" spans="1:9" x14ac:dyDescent="0.25">
      <c r="A1843" s="3">
        <v>41733.491909722223</v>
      </c>
      <c r="B1843" s="6">
        <v>30669.299999999996</v>
      </c>
      <c r="C1843" s="7">
        <f t="shared" si="28"/>
        <v>30.669299999999996</v>
      </c>
      <c r="I1843" s="1"/>
    </row>
    <row r="1844" spans="1:9" x14ac:dyDescent="0.25">
      <c r="A1844" s="3">
        <v>41733.496041666665</v>
      </c>
      <c r="B1844" s="6">
        <v>30685.949999999997</v>
      </c>
      <c r="C1844" s="7">
        <f t="shared" si="28"/>
        <v>30.685949999999998</v>
      </c>
      <c r="I1844" s="1"/>
    </row>
    <row r="1845" spans="1:9" x14ac:dyDescent="0.25">
      <c r="A1845" s="3">
        <v>41733.49627314815</v>
      </c>
      <c r="B1845" s="6">
        <v>30702.6</v>
      </c>
      <c r="C1845" s="7">
        <f t="shared" si="28"/>
        <v>30.702599999999997</v>
      </c>
      <c r="I1845" s="1"/>
    </row>
    <row r="1846" spans="1:9" x14ac:dyDescent="0.25">
      <c r="A1846" s="3">
        <v>41733.499560185184</v>
      </c>
      <c r="B1846" s="6">
        <v>30719.249999999996</v>
      </c>
      <c r="C1846" s="7">
        <f t="shared" si="28"/>
        <v>30.719249999999995</v>
      </c>
      <c r="I1846" s="1"/>
    </row>
    <row r="1847" spans="1:9" x14ac:dyDescent="0.25">
      <c r="A1847" s="3">
        <v>41733.499664351853</v>
      </c>
      <c r="B1847" s="6">
        <v>30735.899999999998</v>
      </c>
      <c r="C1847" s="7">
        <f t="shared" si="28"/>
        <v>30.735899999999997</v>
      </c>
      <c r="I1847" s="1"/>
    </row>
    <row r="1848" spans="1:9" x14ac:dyDescent="0.25">
      <c r="A1848" s="3">
        <v>41733.501921296294</v>
      </c>
      <c r="B1848" s="6">
        <v>30752.549999999996</v>
      </c>
      <c r="C1848" s="7">
        <f t="shared" si="28"/>
        <v>30.752549999999996</v>
      </c>
      <c r="I1848" s="1"/>
    </row>
    <row r="1849" spans="1:9" x14ac:dyDescent="0.25">
      <c r="A1849" s="3">
        <v>41733.50236111111</v>
      </c>
      <c r="B1849" s="6">
        <v>30769.199999999997</v>
      </c>
      <c r="C1849" s="7">
        <f t="shared" si="28"/>
        <v>30.769199999999998</v>
      </c>
      <c r="I1849" s="1"/>
    </row>
    <row r="1850" spans="1:9" x14ac:dyDescent="0.25">
      <c r="A1850" s="3">
        <v>41733.505810185183</v>
      </c>
      <c r="B1850" s="6">
        <v>30785.85</v>
      </c>
      <c r="C1850" s="7">
        <f t="shared" si="28"/>
        <v>30.78585</v>
      </c>
      <c r="I1850" s="1"/>
    </row>
    <row r="1851" spans="1:9" x14ac:dyDescent="0.25">
      <c r="A1851" s="3">
        <v>41733.506006944444</v>
      </c>
      <c r="B1851" s="6">
        <v>30802.499999999996</v>
      </c>
      <c r="C1851" s="7">
        <f t="shared" si="28"/>
        <v>30.802499999999995</v>
      </c>
      <c r="I1851" s="1"/>
    </row>
    <row r="1852" spans="1:9" x14ac:dyDescent="0.25">
      <c r="A1852" s="3">
        <v>41733.510069444441</v>
      </c>
      <c r="B1852" s="6">
        <v>30819.149999999998</v>
      </c>
      <c r="C1852" s="7">
        <f t="shared" si="28"/>
        <v>30.819149999999997</v>
      </c>
      <c r="I1852" s="1"/>
    </row>
    <row r="1853" spans="1:9" x14ac:dyDescent="0.25">
      <c r="A1853" s="3">
        <v>41733.510868055557</v>
      </c>
      <c r="B1853" s="6">
        <v>30835.799999999996</v>
      </c>
      <c r="C1853" s="7">
        <f t="shared" si="28"/>
        <v>30.835799999999995</v>
      </c>
      <c r="I1853" s="1"/>
    </row>
    <row r="1854" spans="1:9" x14ac:dyDescent="0.25">
      <c r="A1854" s="3">
        <v>41733.513113425928</v>
      </c>
      <c r="B1854" s="6">
        <v>30852.449999999997</v>
      </c>
      <c r="C1854" s="7">
        <f t="shared" si="28"/>
        <v>30.852449999999997</v>
      </c>
      <c r="I1854" s="1"/>
    </row>
    <row r="1855" spans="1:9" x14ac:dyDescent="0.25">
      <c r="A1855" s="3">
        <v>41733.51326388889</v>
      </c>
      <c r="B1855" s="6">
        <v>30869.1</v>
      </c>
      <c r="C1855" s="7">
        <f t="shared" si="28"/>
        <v>30.8691</v>
      </c>
      <c r="I1855" s="1"/>
    </row>
    <row r="1856" spans="1:9" x14ac:dyDescent="0.25">
      <c r="A1856" s="3">
        <v>41733.514155092591</v>
      </c>
      <c r="B1856" s="6">
        <v>30885.749999999996</v>
      </c>
      <c r="C1856" s="7">
        <f t="shared" si="28"/>
        <v>30.885749999999998</v>
      </c>
      <c r="I1856" s="1"/>
    </row>
    <row r="1857" spans="1:9" x14ac:dyDescent="0.25">
      <c r="A1857" s="3">
        <v>41733.514293981483</v>
      </c>
      <c r="B1857" s="6">
        <v>30902.399999999998</v>
      </c>
      <c r="C1857" s="7">
        <f t="shared" si="28"/>
        <v>30.902399999999997</v>
      </c>
      <c r="I1857" s="1"/>
    </row>
    <row r="1858" spans="1:9" x14ac:dyDescent="0.25">
      <c r="A1858" s="3">
        <v>41733.515393518515</v>
      </c>
      <c r="B1858" s="6">
        <v>30919.049999999996</v>
      </c>
      <c r="C1858" s="7">
        <f t="shared" si="28"/>
        <v>30.919049999999995</v>
      </c>
      <c r="I1858" s="1"/>
    </row>
    <row r="1859" spans="1:9" x14ac:dyDescent="0.25">
      <c r="A1859" s="3">
        <v>41733.515509259261</v>
      </c>
      <c r="B1859" s="6">
        <v>30935.699999999997</v>
      </c>
      <c r="C1859" s="7">
        <f t="shared" ref="C1859:C1922" si="29">B1859/1000</f>
        <v>30.935699999999997</v>
      </c>
      <c r="I1859" s="1"/>
    </row>
    <row r="1860" spans="1:9" x14ac:dyDescent="0.25">
      <c r="A1860" s="3">
        <v>41733.516747685186</v>
      </c>
      <c r="B1860" s="6">
        <v>30952.35</v>
      </c>
      <c r="C1860" s="7">
        <f t="shared" si="29"/>
        <v>30.952349999999999</v>
      </c>
      <c r="I1860" s="1"/>
    </row>
    <row r="1861" spans="1:9" x14ac:dyDescent="0.25">
      <c r="A1861" s="3">
        <v>41733.516967592594</v>
      </c>
      <c r="B1861" s="6">
        <v>30968.999999999996</v>
      </c>
      <c r="C1861" s="7">
        <f t="shared" si="29"/>
        <v>30.968999999999998</v>
      </c>
      <c r="I1861" s="1"/>
    </row>
    <row r="1862" spans="1:9" x14ac:dyDescent="0.25">
      <c r="A1862" s="3">
        <v>41733.518449074072</v>
      </c>
      <c r="B1862" s="6">
        <v>30985.649999999998</v>
      </c>
      <c r="C1862" s="7">
        <f t="shared" si="29"/>
        <v>30.985649999999996</v>
      </c>
      <c r="I1862" s="1"/>
    </row>
    <row r="1863" spans="1:9" x14ac:dyDescent="0.25">
      <c r="A1863" s="3">
        <v>41733.518553240741</v>
      </c>
      <c r="B1863" s="6">
        <v>31002.299999999996</v>
      </c>
      <c r="C1863" s="7">
        <f t="shared" si="29"/>
        <v>31.002299999999995</v>
      </c>
      <c r="I1863" s="1"/>
    </row>
    <row r="1864" spans="1:9" x14ac:dyDescent="0.25">
      <c r="A1864" s="3">
        <v>41733.519999999997</v>
      </c>
      <c r="B1864" s="6">
        <v>31018.949999999997</v>
      </c>
      <c r="C1864" s="7">
        <f t="shared" si="29"/>
        <v>31.018949999999997</v>
      </c>
      <c r="I1864" s="1"/>
    </row>
    <row r="1865" spans="1:9" x14ac:dyDescent="0.25">
      <c r="A1865" s="3">
        <v>41733.520208333335</v>
      </c>
      <c r="B1865" s="6">
        <v>31035.599999999999</v>
      </c>
      <c r="C1865" s="7">
        <f t="shared" si="29"/>
        <v>31.035599999999999</v>
      </c>
      <c r="I1865" s="1"/>
    </row>
    <row r="1866" spans="1:9" x14ac:dyDescent="0.25">
      <c r="A1866" s="3">
        <v>41733.525104166663</v>
      </c>
      <c r="B1866" s="6">
        <v>31052.249999999996</v>
      </c>
      <c r="C1866" s="7">
        <f t="shared" si="29"/>
        <v>31.052249999999997</v>
      </c>
      <c r="I1866" s="1"/>
    </row>
    <row r="1867" spans="1:9" x14ac:dyDescent="0.25">
      <c r="A1867" s="3">
        <v>41733.525312500002</v>
      </c>
      <c r="B1867" s="6">
        <v>31068.899999999998</v>
      </c>
      <c r="C1867" s="7">
        <f t="shared" si="29"/>
        <v>31.068899999999999</v>
      </c>
      <c r="I1867" s="1"/>
    </row>
    <row r="1868" spans="1:9" x14ac:dyDescent="0.25">
      <c r="A1868" s="3">
        <v>41733.526886574073</v>
      </c>
      <c r="B1868" s="6">
        <v>31085.549999999996</v>
      </c>
      <c r="C1868" s="7">
        <f t="shared" si="29"/>
        <v>31.085549999999994</v>
      </c>
      <c r="I1868" s="1"/>
    </row>
    <row r="1869" spans="1:9" x14ac:dyDescent="0.25">
      <c r="A1869" s="3">
        <v>41733.527129629627</v>
      </c>
      <c r="B1869" s="6">
        <v>31102.199999999997</v>
      </c>
      <c r="C1869" s="7">
        <f t="shared" si="29"/>
        <v>31.102199999999996</v>
      </c>
      <c r="I1869" s="1"/>
    </row>
    <row r="1870" spans="1:9" x14ac:dyDescent="0.25">
      <c r="A1870" s="3">
        <v>41733.529363425929</v>
      </c>
      <c r="B1870" s="6">
        <v>31118.85</v>
      </c>
      <c r="C1870" s="7">
        <f t="shared" si="29"/>
        <v>31.118849999999998</v>
      </c>
      <c r="I1870" s="1"/>
    </row>
    <row r="1871" spans="1:9" x14ac:dyDescent="0.25">
      <c r="A1871" s="3">
        <v>41733.529652777775</v>
      </c>
      <c r="B1871" s="6">
        <v>31135.499999999996</v>
      </c>
      <c r="C1871" s="7">
        <f t="shared" si="29"/>
        <v>31.135499999999997</v>
      </c>
      <c r="I1871" s="1"/>
    </row>
    <row r="1872" spans="1:9" x14ac:dyDescent="0.25">
      <c r="A1872" s="3">
        <v>41733.533819444441</v>
      </c>
      <c r="B1872" s="6">
        <v>31152.149999999998</v>
      </c>
      <c r="C1872" s="7">
        <f t="shared" si="29"/>
        <v>31.152149999999999</v>
      </c>
      <c r="I1872" s="1"/>
    </row>
    <row r="1873" spans="1:9" x14ac:dyDescent="0.25">
      <c r="A1873" s="3">
        <v>41733.533935185187</v>
      </c>
      <c r="B1873" s="6">
        <v>31168.799999999996</v>
      </c>
      <c r="C1873" s="7">
        <f t="shared" si="29"/>
        <v>31.168799999999997</v>
      </c>
      <c r="I1873" s="1"/>
    </row>
    <row r="1874" spans="1:9" x14ac:dyDescent="0.25">
      <c r="A1874" s="3">
        <v>41733.535115740742</v>
      </c>
      <c r="B1874" s="6">
        <v>31185.449999999997</v>
      </c>
      <c r="C1874" s="7">
        <f t="shared" si="29"/>
        <v>31.185449999999996</v>
      </c>
      <c r="I1874" s="1"/>
    </row>
    <row r="1875" spans="1:9" x14ac:dyDescent="0.25">
      <c r="A1875" s="3">
        <v>41733.535231481481</v>
      </c>
      <c r="B1875" s="6">
        <v>31202.1</v>
      </c>
      <c r="C1875" s="7">
        <f t="shared" si="29"/>
        <v>31.202099999999998</v>
      </c>
      <c r="I1875" s="1"/>
    </row>
    <row r="1876" spans="1:9" x14ac:dyDescent="0.25">
      <c r="A1876" s="3">
        <v>41733.537141203706</v>
      </c>
      <c r="B1876" s="6">
        <v>31218.749999999996</v>
      </c>
      <c r="C1876" s="7">
        <f t="shared" si="29"/>
        <v>31.218749999999996</v>
      </c>
      <c r="I1876" s="1"/>
    </row>
    <row r="1877" spans="1:9" x14ac:dyDescent="0.25">
      <c r="A1877" s="3">
        <v>41733.537314814814</v>
      </c>
      <c r="B1877" s="6">
        <v>31235.399999999998</v>
      </c>
      <c r="C1877" s="7">
        <f t="shared" si="29"/>
        <v>31.235399999999998</v>
      </c>
      <c r="I1877" s="1"/>
    </row>
    <row r="1878" spans="1:9" x14ac:dyDescent="0.25">
      <c r="A1878" s="3">
        <v>41733.538344907407</v>
      </c>
      <c r="B1878" s="6">
        <v>31252.049999999996</v>
      </c>
      <c r="C1878" s="7">
        <f t="shared" si="29"/>
        <v>31.252049999999997</v>
      </c>
      <c r="I1878" s="1"/>
    </row>
    <row r="1879" spans="1:9" x14ac:dyDescent="0.25">
      <c r="A1879" s="3">
        <v>41733.538437499999</v>
      </c>
      <c r="B1879" s="6">
        <v>31268.699999999997</v>
      </c>
      <c r="C1879" s="7">
        <f t="shared" si="29"/>
        <v>31.268699999999995</v>
      </c>
      <c r="I1879" s="1"/>
    </row>
    <row r="1880" spans="1:9" x14ac:dyDescent="0.25">
      <c r="A1880" s="3">
        <v>41733.540613425925</v>
      </c>
      <c r="B1880" s="6">
        <v>31285.35</v>
      </c>
      <c r="C1880" s="7">
        <f t="shared" si="29"/>
        <v>31.285349999999998</v>
      </c>
      <c r="I1880" s="1"/>
    </row>
    <row r="1881" spans="1:9" x14ac:dyDescent="0.25">
      <c r="A1881" s="3">
        <v>41733.54074074074</v>
      </c>
      <c r="B1881" s="6">
        <v>31301.999999999996</v>
      </c>
      <c r="C1881" s="7">
        <f t="shared" si="29"/>
        <v>31.301999999999996</v>
      </c>
      <c r="I1881" s="1"/>
    </row>
    <row r="1882" spans="1:9" x14ac:dyDescent="0.25">
      <c r="A1882" s="3">
        <v>41733.542372685188</v>
      </c>
      <c r="B1882" s="6">
        <v>31318.649999999998</v>
      </c>
      <c r="C1882" s="7">
        <f t="shared" si="29"/>
        <v>31.318649999999998</v>
      </c>
      <c r="I1882" s="1"/>
    </row>
    <row r="1883" spans="1:9" x14ac:dyDescent="0.25">
      <c r="A1883" s="3">
        <v>41733.542500000003</v>
      </c>
      <c r="B1883" s="6">
        <v>31335.299999999996</v>
      </c>
      <c r="C1883" s="7">
        <f t="shared" si="29"/>
        <v>31.335299999999997</v>
      </c>
      <c r="I1883" s="1"/>
    </row>
    <row r="1884" spans="1:9" x14ac:dyDescent="0.25">
      <c r="A1884" s="3">
        <v>41733.546307870369</v>
      </c>
      <c r="B1884" s="6">
        <v>31351.949999999997</v>
      </c>
      <c r="C1884" s="7">
        <f t="shared" si="29"/>
        <v>31.351949999999999</v>
      </c>
      <c r="I1884" s="1"/>
    </row>
    <row r="1885" spans="1:9" x14ac:dyDescent="0.25">
      <c r="A1885" s="3">
        <v>41733.547002314815</v>
      </c>
      <c r="B1885" s="6">
        <v>31368.6</v>
      </c>
      <c r="C1885" s="7">
        <f t="shared" si="29"/>
        <v>31.368599999999997</v>
      </c>
      <c r="I1885" s="1"/>
    </row>
    <row r="1886" spans="1:9" x14ac:dyDescent="0.25">
      <c r="A1886" s="3">
        <v>41733.551932870374</v>
      </c>
      <c r="B1886" s="6">
        <v>31385.249999999996</v>
      </c>
      <c r="C1886" s="7">
        <f t="shared" si="29"/>
        <v>31.385249999999996</v>
      </c>
      <c r="I1886" s="1"/>
    </row>
    <row r="1887" spans="1:9" x14ac:dyDescent="0.25">
      <c r="A1887" s="3">
        <v>41733.552303240744</v>
      </c>
      <c r="B1887" s="6">
        <v>31401.899999999998</v>
      </c>
      <c r="C1887" s="7">
        <f t="shared" si="29"/>
        <v>31.401899999999998</v>
      </c>
      <c r="I1887" s="1"/>
    </row>
    <row r="1888" spans="1:9" x14ac:dyDescent="0.25">
      <c r="A1888" s="3">
        <v>41733.555231481485</v>
      </c>
      <c r="B1888" s="6">
        <v>31418.549999999996</v>
      </c>
      <c r="C1888" s="7">
        <f t="shared" si="29"/>
        <v>31.418549999999996</v>
      </c>
      <c r="I1888" s="1"/>
    </row>
    <row r="1889" spans="1:9" x14ac:dyDescent="0.25">
      <c r="A1889" s="3">
        <v>41733.555324074077</v>
      </c>
      <c r="B1889" s="6">
        <v>31435.199999999997</v>
      </c>
      <c r="C1889" s="7">
        <f t="shared" si="29"/>
        <v>31.435199999999998</v>
      </c>
      <c r="I1889" s="1"/>
    </row>
    <row r="1890" spans="1:9" x14ac:dyDescent="0.25">
      <c r="A1890" s="3">
        <v>41733.55672453704</v>
      </c>
      <c r="B1890" s="6">
        <v>31451.85</v>
      </c>
      <c r="C1890" s="7">
        <f t="shared" si="29"/>
        <v>31.45185</v>
      </c>
      <c r="I1890" s="1"/>
    </row>
    <row r="1891" spans="1:9" x14ac:dyDescent="0.25">
      <c r="A1891" s="3">
        <v>41733.556828703702</v>
      </c>
      <c r="B1891" s="6">
        <v>31468.499999999996</v>
      </c>
      <c r="C1891" s="7">
        <f t="shared" si="29"/>
        <v>31.468499999999995</v>
      </c>
      <c r="I1891" s="1"/>
    </row>
    <row r="1892" spans="1:9" x14ac:dyDescent="0.25">
      <c r="A1892" s="3">
        <v>41733.558657407404</v>
      </c>
      <c r="B1892" s="6">
        <v>31485.149999999998</v>
      </c>
      <c r="C1892" s="7">
        <f t="shared" si="29"/>
        <v>31.485149999999997</v>
      </c>
      <c r="I1892" s="1"/>
    </row>
    <row r="1893" spans="1:9" x14ac:dyDescent="0.25">
      <c r="A1893" s="3">
        <v>41733.558738425927</v>
      </c>
      <c r="B1893" s="6">
        <v>31501.799999999996</v>
      </c>
      <c r="C1893" s="7">
        <f t="shared" si="29"/>
        <v>31.501799999999996</v>
      </c>
      <c r="I1893" s="1"/>
    </row>
    <row r="1894" spans="1:9" x14ac:dyDescent="0.25">
      <c r="A1894" s="3">
        <v>41733.559756944444</v>
      </c>
      <c r="B1894" s="6">
        <v>31518.449999999997</v>
      </c>
      <c r="C1894" s="7">
        <f t="shared" si="29"/>
        <v>31.518449999999998</v>
      </c>
      <c r="I1894" s="1"/>
    </row>
    <row r="1895" spans="1:9" x14ac:dyDescent="0.25">
      <c r="A1895" s="3">
        <v>41733.56009259259</v>
      </c>
      <c r="B1895" s="6">
        <v>31535.1</v>
      </c>
      <c r="C1895" s="7">
        <f t="shared" si="29"/>
        <v>31.5351</v>
      </c>
      <c r="I1895" s="1"/>
    </row>
    <row r="1896" spans="1:9" x14ac:dyDescent="0.25">
      <c r="A1896" s="3">
        <v>41733.560914351852</v>
      </c>
      <c r="B1896" s="6">
        <v>31551.749999999996</v>
      </c>
      <c r="C1896" s="7">
        <f t="shared" si="29"/>
        <v>31.551749999999995</v>
      </c>
      <c r="I1896" s="1"/>
    </row>
    <row r="1897" spans="1:9" x14ac:dyDescent="0.25">
      <c r="A1897" s="3">
        <v>41733.560995370368</v>
      </c>
      <c r="B1897" s="6">
        <v>31568.399999999998</v>
      </c>
      <c r="C1897" s="7">
        <f t="shared" si="29"/>
        <v>31.568399999999997</v>
      </c>
      <c r="I1897" s="1"/>
    </row>
    <row r="1898" spans="1:9" x14ac:dyDescent="0.25">
      <c r="A1898" s="3">
        <v>41733.562858796293</v>
      </c>
      <c r="B1898" s="6">
        <v>31585.049999999996</v>
      </c>
      <c r="C1898" s="7">
        <f t="shared" si="29"/>
        <v>31.585049999999995</v>
      </c>
      <c r="I1898" s="1"/>
    </row>
    <row r="1899" spans="1:9" x14ac:dyDescent="0.25">
      <c r="A1899" s="3">
        <v>41733.563888888886</v>
      </c>
      <c r="B1899" s="6">
        <v>31601.699999999997</v>
      </c>
      <c r="C1899" s="7">
        <f t="shared" si="29"/>
        <v>31.601699999999997</v>
      </c>
      <c r="I1899" s="1"/>
    </row>
    <row r="1900" spans="1:9" x14ac:dyDescent="0.25">
      <c r="A1900" s="3">
        <v>41733.565162037034</v>
      </c>
      <c r="B1900" s="6">
        <v>31618.35</v>
      </c>
      <c r="C1900" s="7">
        <f t="shared" si="29"/>
        <v>31.61835</v>
      </c>
      <c r="I1900" s="1"/>
    </row>
    <row r="1901" spans="1:9" x14ac:dyDescent="0.25">
      <c r="A1901" s="3">
        <v>41733.565289351849</v>
      </c>
      <c r="B1901" s="6">
        <v>31634.999999999996</v>
      </c>
      <c r="C1901" s="7">
        <f t="shared" si="29"/>
        <v>31.634999999999998</v>
      </c>
      <c r="I1901" s="1"/>
    </row>
    <row r="1902" spans="1:9" x14ac:dyDescent="0.25">
      <c r="A1902" s="3">
        <v>41733.570474537039</v>
      </c>
      <c r="B1902" s="6">
        <v>31651.649999999998</v>
      </c>
      <c r="C1902" s="7">
        <f t="shared" si="29"/>
        <v>31.651649999999997</v>
      </c>
      <c r="I1902" s="1"/>
    </row>
    <row r="1903" spans="1:9" x14ac:dyDescent="0.25">
      <c r="A1903" s="3">
        <v>41733.570810185185</v>
      </c>
      <c r="B1903" s="6">
        <v>31668.299999999996</v>
      </c>
      <c r="C1903" s="7">
        <f t="shared" si="29"/>
        <v>31.668299999999995</v>
      </c>
      <c r="I1903" s="1"/>
    </row>
    <row r="1904" spans="1:9" x14ac:dyDescent="0.25">
      <c r="A1904" s="3">
        <v>41733.574837962966</v>
      </c>
      <c r="B1904" s="6">
        <v>31684.949999999997</v>
      </c>
      <c r="C1904" s="7">
        <f t="shared" si="29"/>
        <v>31.684949999999997</v>
      </c>
      <c r="I1904" s="1"/>
    </row>
    <row r="1905" spans="1:9" x14ac:dyDescent="0.25">
      <c r="A1905" s="3">
        <v>41733.575104166666</v>
      </c>
      <c r="B1905" s="6">
        <v>31701.599999999999</v>
      </c>
      <c r="C1905" s="7">
        <f t="shared" si="29"/>
        <v>31.701599999999999</v>
      </c>
      <c r="I1905" s="1"/>
    </row>
    <row r="1906" spans="1:9" x14ac:dyDescent="0.25">
      <c r="A1906" s="3">
        <v>41733.5780787037</v>
      </c>
      <c r="B1906" s="6">
        <v>31718.249999999996</v>
      </c>
      <c r="C1906" s="7">
        <f t="shared" si="29"/>
        <v>31.718249999999998</v>
      </c>
      <c r="I1906" s="1"/>
    </row>
    <row r="1907" spans="1:9" x14ac:dyDescent="0.25">
      <c r="A1907" s="3">
        <v>41733.578518518516</v>
      </c>
      <c r="B1907" s="6">
        <v>31734.899999999998</v>
      </c>
      <c r="C1907" s="7">
        <f t="shared" si="29"/>
        <v>31.734899999999996</v>
      </c>
      <c r="I1907" s="1"/>
    </row>
    <row r="1908" spans="1:9" x14ac:dyDescent="0.25">
      <c r="A1908" s="3">
        <v>41733.580127314817</v>
      </c>
      <c r="B1908" s="6">
        <v>31751.549999999996</v>
      </c>
      <c r="C1908" s="7">
        <f t="shared" si="29"/>
        <v>31.751549999999995</v>
      </c>
      <c r="I1908" s="1"/>
    </row>
    <row r="1909" spans="1:9" x14ac:dyDescent="0.25">
      <c r="A1909" s="3">
        <v>41733.580358796295</v>
      </c>
      <c r="B1909" s="6">
        <v>31768.199999999997</v>
      </c>
      <c r="C1909" s="7">
        <f t="shared" si="29"/>
        <v>31.768199999999997</v>
      </c>
      <c r="I1909" s="1"/>
    </row>
    <row r="1910" spans="1:9" x14ac:dyDescent="0.25">
      <c r="A1910" s="3">
        <v>41733.583483796298</v>
      </c>
      <c r="B1910" s="6">
        <v>31784.85</v>
      </c>
      <c r="C1910" s="7">
        <f t="shared" si="29"/>
        <v>31.784849999999999</v>
      </c>
      <c r="I1910" s="1"/>
    </row>
    <row r="1911" spans="1:9" x14ac:dyDescent="0.25">
      <c r="A1911" s="3">
        <v>41733.584675925929</v>
      </c>
      <c r="B1911" s="6">
        <v>31801.499999999996</v>
      </c>
      <c r="C1911" s="7">
        <f t="shared" si="29"/>
        <v>31.801499999999997</v>
      </c>
      <c r="I1911" s="1"/>
    </row>
    <row r="1912" spans="1:9" x14ac:dyDescent="0.25">
      <c r="A1912" s="3">
        <v>41733.588263888887</v>
      </c>
      <c r="B1912" s="6">
        <v>31818.149999999998</v>
      </c>
      <c r="C1912" s="7">
        <f t="shared" si="29"/>
        <v>31.818149999999999</v>
      </c>
      <c r="I1912" s="1"/>
    </row>
    <row r="1913" spans="1:9" x14ac:dyDescent="0.25">
      <c r="A1913" s="3">
        <v>41733.588391203702</v>
      </c>
      <c r="B1913" s="6">
        <v>31834.799999999996</v>
      </c>
      <c r="C1913" s="7">
        <f t="shared" si="29"/>
        <v>31.834799999999994</v>
      </c>
      <c r="I1913" s="1"/>
    </row>
    <row r="1914" spans="1:9" x14ac:dyDescent="0.25">
      <c r="A1914" s="3">
        <v>41733.591770833336</v>
      </c>
      <c r="B1914" s="6">
        <v>31851.449999999997</v>
      </c>
      <c r="C1914" s="7">
        <f t="shared" si="29"/>
        <v>31.851449999999996</v>
      </c>
      <c r="I1914" s="1"/>
    </row>
    <row r="1915" spans="1:9" x14ac:dyDescent="0.25">
      <c r="A1915" s="3">
        <v>41733.591944444444</v>
      </c>
      <c r="B1915" s="6">
        <v>31868.1</v>
      </c>
      <c r="C1915" s="7">
        <f t="shared" si="29"/>
        <v>31.868099999999998</v>
      </c>
      <c r="I1915" s="1"/>
    </row>
    <row r="1916" spans="1:9" x14ac:dyDescent="0.25">
      <c r="A1916" s="3">
        <v>41733.594363425924</v>
      </c>
      <c r="B1916" s="6">
        <v>31884.749999999996</v>
      </c>
      <c r="C1916" s="7">
        <f t="shared" si="29"/>
        <v>31.884749999999997</v>
      </c>
      <c r="I1916" s="1"/>
    </row>
    <row r="1917" spans="1:9" x14ac:dyDescent="0.25">
      <c r="A1917" s="3">
        <v>41733.59479166667</v>
      </c>
      <c r="B1917" s="6">
        <v>31901.399999999998</v>
      </c>
      <c r="C1917" s="7">
        <f t="shared" si="29"/>
        <v>31.901399999999999</v>
      </c>
      <c r="I1917" s="1"/>
    </row>
    <row r="1918" spans="1:9" x14ac:dyDescent="0.25">
      <c r="A1918" s="3">
        <v>41733.59952546296</v>
      </c>
      <c r="B1918" s="6">
        <v>31918.049999999996</v>
      </c>
      <c r="C1918" s="7">
        <f t="shared" si="29"/>
        <v>31.918049999999997</v>
      </c>
      <c r="I1918" s="1"/>
    </row>
    <row r="1919" spans="1:9" x14ac:dyDescent="0.25">
      <c r="A1919" s="3">
        <v>41733.600300925929</v>
      </c>
      <c r="B1919" s="6">
        <v>31934.699999999997</v>
      </c>
      <c r="C1919" s="7">
        <f t="shared" si="29"/>
        <v>31.934699999999996</v>
      </c>
      <c r="I1919" s="1"/>
    </row>
    <row r="1920" spans="1:9" x14ac:dyDescent="0.25">
      <c r="A1920" s="3">
        <v>41733.60533564815</v>
      </c>
      <c r="B1920" s="6">
        <v>31951.35</v>
      </c>
      <c r="C1920" s="7">
        <f t="shared" si="29"/>
        <v>31.951349999999998</v>
      </c>
      <c r="I1920" s="1"/>
    </row>
    <row r="1921" spans="1:9" x14ac:dyDescent="0.25">
      <c r="A1921" s="3">
        <v>41733.605439814812</v>
      </c>
      <c r="B1921" s="6">
        <v>31967.999999999996</v>
      </c>
      <c r="C1921" s="7">
        <f t="shared" si="29"/>
        <v>31.967999999999996</v>
      </c>
      <c r="I1921" s="1"/>
    </row>
    <row r="1922" spans="1:9" x14ac:dyDescent="0.25">
      <c r="A1922" s="3">
        <v>41733.610451388886</v>
      </c>
      <c r="B1922" s="6">
        <v>31984.649999999998</v>
      </c>
      <c r="C1922" s="7">
        <f t="shared" si="29"/>
        <v>31.984649999999998</v>
      </c>
      <c r="I1922" s="1"/>
    </row>
    <row r="1923" spans="1:9" x14ac:dyDescent="0.25">
      <c r="A1923" s="3">
        <v>41733.610578703701</v>
      </c>
      <c r="B1923" s="6">
        <v>32001.299999999996</v>
      </c>
      <c r="C1923" s="7">
        <f t="shared" ref="C1923:C1986" si="30">B1923/1000</f>
        <v>32.001299999999993</v>
      </c>
      <c r="I1923" s="1"/>
    </row>
    <row r="1924" spans="1:9" x14ac:dyDescent="0.25">
      <c r="A1924" s="3">
        <v>41733.612754629627</v>
      </c>
      <c r="B1924" s="6">
        <v>32017.949999999997</v>
      </c>
      <c r="C1924" s="7">
        <f t="shared" si="30"/>
        <v>32.017949999999999</v>
      </c>
      <c r="I1924" s="1"/>
    </row>
    <row r="1925" spans="1:9" x14ac:dyDescent="0.25">
      <c r="A1925" s="3">
        <v>41733.612916666665</v>
      </c>
      <c r="B1925" s="6">
        <v>32034.6</v>
      </c>
      <c r="C1925" s="7">
        <f t="shared" si="30"/>
        <v>32.034599999999998</v>
      </c>
      <c r="I1925" s="1"/>
    </row>
    <row r="1926" spans="1:9" x14ac:dyDescent="0.25">
      <c r="A1926" s="3">
        <v>41733.617592592593</v>
      </c>
      <c r="B1926" s="6">
        <v>32051.249999999996</v>
      </c>
      <c r="C1926" s="7">
        <f t="shared" si="30"/>
        <v>32.051249999999996</v>
      </c>
      <c r="I1926" s="1"/>
    </row>
    <row r="1927" spans="1:9" x14ac:dyDescent="0.25">
      <c r="A1927" s="3">
        <v>41733.617766203701</v>
      </c>
      <c r="B1927" s="6">
        <v>32067.899999999998</v>
      </c>
      <c r="C1927" s="7">
        <f t="shared" si="30"/>
        <v>32.067899999999995</v>
      </c>
      <c r="I1927" s="1"/>
    </row>
    <row r="1928" spans="1:9" x14ac:dyDescent="0.25">
      <c r="A1928" s="3">
        <v>41733.624756944446</v>
      </c>
      <c r="B1928" s="6">
        <v>32084.549999999996</v>
      </c>
      <c r="C1928" s="7">
        <f t="shared" si="30"/>
        <v>32.084549999999993</v>
      </c>
      <c r="I1928" s="1"/>
    </row>
    <row r="1929" spans="1:9" x14ac:dyDescent="0.25">
      <c r="A1929" s="3">
        <v>41733.624930555554</v>
      </c>
      <c r="B1929" s="6">
        <v>32101.199999999997</v>
      </c>
      <c r="C1929" s="7">
        <f t="shared" si="30"/>
        <v>32.101199999999999</v>
      </c>
      <c r="I1929" s="1"/>
    </row>
    <row r="1930" spans="1:9" x14ac:dyDescent="0.25">
      <c r="A1930" s="3">
        <v>41733.629502314812</v>
      </c>
      <c r="B1930" s="6">
        <v>32117.85</v>
      </c>
      <c r="C1930" s="7">
        <f t="shared" si="30"/>
        <v>32.117849999999997</v>
      </c>
      <c r="I1930" s="1"/>
    </row>
    <row r="1931" spans="1:9" x14ac:dyDescent="0.25">
      <c r="A1931" s="3">
        <v>41733.629629629628</v>
      </c>
      <c r="B1931" s="6">
        <v>32134.499999999996</v>
      </c>
      <c r="C1931" s="7">
        <f t="shared" si="30"/>
        <v>32.134499999999996</v>
      </c>
      <c r="I1931" s="1"/>
    </row>
    <row r="1932" spans="1:9" x14ac:dyDescent="0.25">
      <c r="A1932" s="3">
        <v>41733.634166666663</v>
      </c>
      <c r="B1932" s="6">
        <v>32151.149999999998</v>
      </c>
      <c r="C1932" s="7">
        <f t="shared" si="30"/>
        <v>32.151150000000001</v>
      </c>
      <c r="I1932" s="1"/>
    </row>
    <row r="1933" spans="1:9" x14ac:dyDescent="0.25">
      <c r="A1933" s="3">
        <v>41733.635775462964</v>
      </c>
      <c r="B1933" s="6">
        <v>32167.799999999996</v>
      </c>
      <c r="C1933" s="7">
        <f t="shared" si="30"/>
        <v>32.167799999999993</v>
      </c>
      <c r="I1933" s="1"/>
    </row>
    <row r="1934" spans="1:9" x14ac:dyDescent="0.25">
      <c r="A1934" s="3">
        <v>41733.642430555556</v>
      </c>
      <c r="B1934" s="6">
        <v>32184.449999999997</v>
      </c>
      <c r="C1934" s="7">
        <f t="shared" si="30"/>
        <v>32.184449999999998</v>
      </c>
      <c r="I1934" s="1"/>
    </row>
    <row r="1935" spans="1:9" x14ac:dyDescent="0.25">
      <c r="A1935" s="3">
        <v>41733.642638888887</v>
      </c>
      <c r="B1935" s="6">
        <v>32201.1</v>
      </c>
      <c r="C1935" s="7">
        <f t="shared" si="30"/>
        <v>32.201099999999997</v>
      </c>
      <c r="I1935" s="1"/>
    </row>
    <row r="1936" spans="1:9" x14ac:dyDescent="0.25">
      <c r="A1936" s="3">
        <v>41733.647743055553</v>
      </c>
      <c r="B1936" s="6">
        <v>32217.749999999996</v>
      </c>
      <c r="C1936" s="7">
        <f t="shared" si="30"/>
        <v>32.217749999999995</v>
      </c>
      <c r="I1936" s="1"/>
    </row>
    <row r="1937" spans="1:9" x14ac:dyDescent="0.25">
      <c r="A1937" s="3">
        <v>41733.647974537038</v>
      </c>
      <c r="B1937" s="6">
        <v>32234.399999999998</v>
      </c>
      <c r="C1937" s="7">
        <f t="shared" si="30"/>
        <v>32.234400000000001</v>
      </c>
      <c r="I1937" s="1"/>
    </row>
    <row r="1938" spans="1:9" x14ac:dyDescent="0.25">
      <c r="A1938" s="3">
        <v>41733.658888888887</v>
      </c>
      <c r="B1938" s="6">
        <v>32251.049999999996</v>
      </c>
      <c r="C1938" s="7">
        <f t="shared" si="30"/>
        <v>32.251049999999992</v>
      </c>
      <c r="I1938" s="1"/>
    </row>
    <row r="1939" spans="1:9" x14ac:dyDescent="0.25">
      <c r="A1939" s="3">
        <v>41733.659201388888</v>
      </c>
      <c r="B1939" s="6">
        <v>32267.699999999997</v>
      </c>
      <c r="C1939" s="7">
        <f t="shared" si="30"/>
        <v>32.267699999999998</v>
      </c>
      <c r="I1939" s="1"/>
    </row>
    <row r="1940" spans="1:9" x14ac:dyDescent="0.25">
      <c r="A1940" s="3">
        <v>41763.181458333333</v>
      </c>
      <c r="B1940" s="6">
        <v>32284.35</v>
      </c>
      <c r="C1940" s="7">
        <f t="shared" si="30"/>
        <v>32.284349999999996</v>
      </c>
      <c r="I1940" s="1"/>
    </row>
    <row r="1941" spans="1:9" x14ac:dyDescent="0.25">
      <c r="A1941" s="3">
        <v>41763.187372685185</v>
      </c>
      <c r="B1941" s="6">
        <v>32300.999999999996</v>
      </c>
      <c r="C1941" s="7">
        <f t="shared" si="30"/>
        <v>32.300999999999995</v>
      </c>
      <c r="I1941" s="1"/>
    </row>
    <row r="1942" spans="1:9" x14ac:dyDescent="0.25">
      <c r="A1942" s="3">
        <v>41763.225046296298</v>
      </c>
      <c r="B1942" s="6">
        <v>32317.649999999998</v>
      </c>
      <c r="C1942" s="7">
        <f t="shared" si="30"/>
        <v>32.31765</v>
      </c>
      <c r="I1942" s="1"/>
    </row>
    <row r="1943" spans="1:9" x14ac:dyDescent="0.25">
      <c r="A1943" s="3">
        <v>41763.22583333333</v>
      </c>
      <c r="B1943" s="6">
        <v>32334.299999999996</v>
      </c>
      <c r="C1943" s="7">
        <f t="shared" si="30"/>
        <v>32.334299999999999</v>
      </c>
      <c r="I1943" s="1"/>
    </row>
    <row r="1944" spans="1:9" x14ac:dyDescent="0.25">
      <c r="A1944" s="3">
        <v>41763.234606481485</v>
      </c>
      <c r="B1944" s="6">
        <v>32350.949999999997</v>
      </c>
      <c r="C1944" s="7">
        <f t="shared" si="30"/>
        <v>32.350949999999997</v>
      </c>
      <c r="I1944" s="1"/>
    </row>
    <row r="1945" spans="1:9" x14ac:dyDescent="0.25">
      <c r="A1945" s="3">
        <v>41763.234837962962</v>
      </c>
      <c r="B1945" s="6">
        <v>32367.599999999999</v>
      </c>
      <c r="C1945" s="7">
        <f t="shared" si="30"/>
        <v>32.367599999999996</v>
      </c>
      <c r="I1945" s="1"/>
    </row>
    <row r="1946" spans="1:9" x14ac:dyDescent="0.25">
      <c r="A1946" s="3">
        <v>41763.237905092596</v>
      </c>
      <c r="B1946" s="6">
        <v>32384.249999999996</v>
      </c>
      <c r="C1946" s="7">
        <f t="shared" si="30"/>
        <v>32.384249999999994</v>
      </c>
      <c r="I1946" s="1"/>
    </row>
    <row r="1947" spans="1:9" x14ac:dyDescent="0.25">
      <c r="A1947" s="3">
        <v>41763.238078703704</v>
      </c>
      <c r="B1947" s="6">
        <v>32400.899999999998</v>
      </c>
      <c r="C1947" s="7">
        <f t="shared" si="30"/>
        <v>32.4009</v>
      </c>
      <c r="I1947" s="1"/>
    </row>
    <row r="1948" spans="1:9" x14ac:dyDescent="0.25">
      <c r="A1948" s="3">
        <v>41763.239791666667</v>
      </c>
      <c r="B1948" s="6">
        <v>32417.549999999996</v>
      </c>
      <c r="C1948" s="7">
        <f t="shared" si="30"/>
        <v>32.417549999999999</v>
      </c>
      <c r="I1948" s="1"/>
    </row>
    <row r="1949" spans="1:9" x14ac:dyDescent="0.25">
      <c r="A1949" s="3">
        <v>41763.239918981482</v>
      </c>
      <c r="B1949" s="6">
        <v>32434.199999999997</v>
      </c>
      <c r="C1949" s="7">
        <f t="shared" si="30"/>
        <v>32.434199999999997</v>
      </c>
      <c r="I1949" s="1"/>
    </row>
    <row r="1950" spans="1:9" x14ac:dyDescent="0.25">
      <c r="A1950" s="3">
        <v>41763.240879629629</v>
      </c>
      <c r="B1950" s="6">
        <v>32450.85</v>
      </c>
      <c r="C1950" s="7">
        <f t="shared" si="30"/>
        <v>32.450849999999996</v>
      </c>
      <c r="I1950" s="1"/>
    </row>
    <row r="1951" spans="1:9" x14ac:dyDescent="0.25">
      <c r="A1951" s="3">
        <v>41763.241111111114</v>
      </c>
      <c r="B1951" s="6">
        <v>32467.499999999996</v>
      </c>
      <c r="C1951" s="7">
        <f t="shared" si="30"/>
        <v>32.467499999999994</v>
      </c>
      <c r="I1951" s="1"/>
    </row>
    <row r="1952" spans="1:9" x14ac:dyDescent="0.25">
      <c r="A1952" s="3">
        <v>41763.242337962962</v>
      </c>
      <c r="B1952" s="6">
        <v>32484.149999999998</v>
      </c>
      <c r="C1952" s="7">
        <f t="shared" si="30"/>
        <v>32.48415</v>
      </c>
      <c r="I1952" s="1"/>
    </row>
    <row r="1953" spans="1:9" x14ac:dyDescent="0.25">
      <c r="A1953" s="3">
        <v>41763.242407407408</v>
      </c>
      <c r="B1953" s="6">
        <v>32500.799999999996</v>
      </c>
      <c r="C1953" s="7">
        <f t="shared" si="30"/>
        <v>32.500799999999998</v>
      </c>
      <c r="I1953" s="1"/>
    </row>
    <row r="1954" spans="1:9" x14ac:dyDescent="0.25">
      <c r="A1954" s="3">
        <v>41763.242893518516</v>
      </c>
      <c r="B1954" s="6">
        <v>32517.449999999997</v>
      </c>
      <c r="C1954" s="7">
        <f t="shared" si="30"/>
        <v>32.517449999999997</v>
      </c>
      <c r="I1954" s="1"/>
    </row>
    <row r="1955" spans="1:9" x14ac:dyDescent="0.25">
      <c r="A1955" s="3">
        <v>41763.242962962962</v>
      </c>
      <c r="B1955" s="6">
        <v>32534.1</v>
      </c>
      <c r="C1955" s="7">
        <f t="shared" si="30"/>
        <v>32.534099999999995</v>
      </c>
      <c r="I1955" s="1"/>
    </row>
    <row r="1956" spans="1:9" x14ac:dyDescent="0.25">
      <c r="A1956" s="3">
        <v>41763.243449074071</v>
      </c>
      <c r="B1956" s="6">
        <v>32550.749999999996</v>
      </c>
      <c r="C1956" s="7">
        <f t="shared" si="30"/>
        <v>32.550749999999994</v>
      </c>
      <c r="I1956" s="1"/>
    </row>
    <row r="1957" spans="1:9" x14ac:dyDescent="0.25">
      <c r="A1957" s="3">
        <v>41763.243541666663</v>
      </c>
      <c r="B1957" s="6">
        <v>32567.399999999998</v>
      </c>
      <c r="C1957" s="7">
        <f t="shared" si="30"/>
        <v>32.567399999999999</v>
      </c>
      <c r="I1957" s="1"/>
    </row>
    <row r="1958" spans="1:9" x14ac:dyDescent="0.25">
      <c r="A1958" s="3">
        <v>41763.244247685187</v>
      </c>
      <c r="B1958" s="6">
        <v>32584.049999999996</v>
      </c>
      <c r="C1958" s="7">
        <f t="shared" si="30"/>
        <v>32.584049999999998</v>
      </c>
      <c r="I1958" s="1"/>
    </row>
    <row r="1959" spans="1:9" x14ac:dyDescent="0.25">
      <c r="A1959" s="3">
        <v>41763.244513888887</v>
      </c>
      <c r="B1959" s="6">
        <v>32600.699999999997</v>
      </c>
      <c r="C1959" s="7">
        <f t="shared" si="30"/>
        <v>32.600699999999996</v>
      </c>
      <c r="I1959" s="1"/>
    </row>
    <row r="1960" spans="1:9" x14ac:dyDescent="0.25">
      <c r="A1960" s="3">
        <v>41763.255555555559</v>
      </c>
      <c r="B1960" s="6">
        <v>32617.35</v>
      </c>
      <c r="C1960" s="7">
        <f t="shared" si="30"/>
        <v>32.617350000000002</v>
      </c>
      <c r="I1960" s="1"/>
    </row>
    <row r="1961" spans="1:9" x14ac:dyDescent="0.25">
      <c r="A1961" s="3">
        <v>41763.264421296299</v>
      </c>
      <c r="B1961" s="6">
        <v>32633.999999999996</v>
      </c>
      <c r="C1961" s="7">
        <f t="shared" si="30"/>
        <v>32.633999999999993</v>
      </c>
      <c r="I1961" s="1"/>
    </row>
    <row r="1962" spans="1:9" x14ac:dyDescent="0.25">
      <c r="A1962" s="3">
        <v>41763.277465277781</v>
      </c>
      <c r="B1962" s="6">
        <v>32650.649999999998</v>
      </c>
      <c r="C1962" s="7">
        <f t="shared" si="30"/>
        <v>32.650649999999999</v>
      </c>
      <c r="I1962" s="1"/>
    </row>
    <row r="1963" spans="1:9" x14ac:dyDescent="0.25">
      <c r="A1963" s="3">
        <v>41763.277986111112</v>
      </c>
      <c r="B1963" s="6">
        <v>32667.299999999996</v>
      </c>
      <c r="C1963" s="7">
        <f t="shared" si="30"/>
        <v>32.667299999999997</v>
      </c>
      <c r="I1963" s="1"/>
    </row>
    <row r="1964" spans="1:9" x14ac:dyDescent="0.25">
      <c r="A1964" s="3">
        <v>41763.279479166667</v>
      </c>
      <c r="B1964" s="6">
        <v>32683.949999999997</v>
      </c>
      <c r="C1964" s="7">
        <f t="shared" si="30"/>
        <v>32.683949999999996</v>
      </c>
      <c r="I1964" s="1"/>
    </row>
    <row r="1965" spans="1:9" x14ac:dyDescent="0.25">
      <c r="A1965" s="3">
        <v>41763.27957175926</v>
      </c>
      <c r="B1965" s="6">
        <v>32700.6</v>
      </c>
      <c r="C1965" s="7">
        <f t="shared" si="30"/>
        <v>32.700600000000001</v>
      </c>
      <c r="I1965" s="1"/>
    </row>
    <row r="1966" spans="1:9" x14ac:dyDescent="0.25">
      <c r="A1966" s="3">
        <v>41763.29078703704</v>
      </c>
      <c r="B1966" s="6">
        <v>32717.249999999996</v>
      </c>
      <c r="C1966" s="7">
        <f t="shared" si="30"/>
        <v>32.717249999999993</v>
      </c>
      <c r="I1966" s="1"/>
    </row>
    <row r="1967" spans="1:9" x14ac:dyDescent="0.25">
      <c r="A1967" s="3">
        <v>41763.310439814813</v>
      </c>
      <c r="B1967" s="6">
        <v>32733.899999999998</v>
      </c>
      <c r="C1967" s="7">
        <f t="shared" si="30"/>
        <v>32.733899999999998</v>
      </c>
      <c r="I1967" s="1"/>
    </row>
    <row r="1968" spans="1:9" x14ac:dyDescent="0.25">
      <c r="A1968" s="3">
        <v>41763.312650462962</v>
      </c>
      <c r="B1968" s="6">
        <v>32750.549999999996</v>
      </c>
      <c r="C1968" s="7">
        <f t="shared" si="30"/>
        <v>32.750549999999997</v>
      </c>
      <c r="I1968" s="1"/>
    </row>
    <row r="1969" spans="1:9" x14ac:dyDescent="0.25">
      <c r="A1969" s="3">
        <v>41763.312800925924</v>
      </c>
      <c r="B1969" s="6">
        <v>32767.199999999997</v>
      </c>
      <c r="C1969" s="7">
        <f t="shared" si="30"/>
        <v>32.767199999999995</v>
      </c>
      <c r="I1969" s="1"/>
    </row>
    <row r="1970" spans="1:9" x14ac:dyDescent="0.25">
      <c r="A1970" s="3">
        <v>41763.325787037036</v>
      </c>
      <c r="B1970" s="6">
        <v>32783.85</v>
      </c>
      <c r="C1970" s="7">
        <f t="shared" si="30"/>
        <v>32.783850000000001</v>
      </c>
      <c r="I1970" s="1"/>
    </row>
    <row r="1971" spans="1:9" x14ac:dyDescent="0.25">
      <c r="A1971" s="3">
        <v>41763.326898148145</v>
      </c>
      <c r="B1971" s="6">
        <v>32800.5</v>
      </c>
      <c r="C1971" s="7">
        <f t="shared" si="30"/>
        <v>32.8005</v>
      </c>
      <c r="I1971" s="1"/>
    </row>
    <row r="1972" spans="1:9" x14ac:dyDescent="0.25">
      <c r="A1972" s="3">
        <v>41763.331516203703</v>
      </c>
      <c r="B1972" s="6">
        <v>32817.149999999994</v>
      </c>
      <c r="C1972" s="7">
        <f t="shared" si="30"/>
        <v>32.817149999999991</v>
      </c>
      <c r="I1972" s="1"/>
    </row>
    <row r="1973" spans="1:9" x14ac:dyDescent="0.25">
      <c r="A1973" s="3">
        <v>41763.392465277779</v>
      </c>
      <c r="B1973" s="6">
        <v>32833.799999999996</v>
      </c>
      <c r="C1973" s="7">
        <f t="shared" si="30"/>
        <v>32.833799999999997</v>
      </c>
      <c r="I1973" s="1"/>
    </row>
    <row r="1974" spans="1:9" x14ac:dyDescent="0.25">
      <c r="A1974" s="3">
        <v>41763.481249999997</v>
      </c>
      <c r="B1974" s="6">
        <v>32850.449999999997</v>
      </c>
      <c r="C1974" s="7">
        <f t="shared" si="30"/>
        <v>32.850449999999995</v>
      </c>
      <c r="I1974" s="1"/>
    </row>
    <row r="1975" spans="1:9" x14ac:dyDescent="0.25">
      <c r="A1975" s="3">
        <v>41763.481574074074</v>
      </c>
      <c r="B1975" s="6">
        <v>32867.1</v>
      </c>
      <c r="C1975" s="7">
        <f t="shared" si="30"/>
        <v>32.867100000000001</v>
      </c>
      <c r="I1975" s="1"/>
    </row>
    <row r="1976" spans="1:9" x14ac:dyDescent="0.25">
      <c r="A1976" s="3">
        <v>41763.577847222223</v>
      </c>
      <c r="B1976" s="6">
        <v>32883.75</v>
      </c>
      <c r="C1976" s="7">
        <f t="shared" si="30"/>
        <v>32.883749999999999</v>
      </c>
      <c r="I1976" s="1"/>
    </row>
    <row r="1977" spans="1:9" x14ac:dyDescent="0.25">
      <c r="A1977" s="3">
        <v>41763.584363425929</v>
      </c>
      <c r="B1977" s="6">
        <v>32900.399999999994</v>
      </c>
      <c r="C1977" s="7">
        <f t="shared" si="30"/>
        <v>32.900399999999998</v>
      </c>
      <c r="I1977" s="1"/>
    </row>
    <row r="1978" spans="1:9" x14ac:dyDescent="0.25">
      <c r="A1978" s="3">
        <v>41763.611527777779</v>
      </c>
      <c r="B1978" s="6">
        <v>32917.049999999996</v>
      </c>
      <c r="C1978" s="7">
        <f t="shared" si="30"/>
        <v>32.917049999999996</v>
      </c>
      <c r="I1978" s="1"/>
    </row>
    <row r="1979" spans="1:9" x14ac:dyDescent="0.25">
      <c r="A1979" s="3">
        <v>41763.611828703702</v>
      </c>
      <c r="B1979" s="6">
        <v>32933.699999999997</v>
      </c>
      <c r="C1979" s="7">
        <f t="shared" si="30"/>
        <v>32.933699999999995</v>
      </c>
      <c r="I1979" s="1"/>
    </row>
    <row r="1980" spans="1:9" x14ac:dyDescent="0.25">
      <c r="A1980" s="3">
        <v>41763.707314814812</v>
      </c>
      <c r="B1980" s="6">
        <v>32950.35</v>
      </c>
      <c r="C1980" s="7">
        <f t="shared" si="30"/>
        <v>32.95035</v>
      </c>
      <c r="I1980" s="1"/>
    </row>
    <row r="1981" spans="1:9" x14ac:dyDescent="0.25">
      <c r="A1981" s="3">
        <v>41763.707951388889</v>
      </c>
      <c r="B1981" s="6">
        <v>32967</v>
      </c>
      <c r="C1981" s="7">
        <f t="shared" si="30"/>
        <v>32.966999999999999</v>
      </c>
      <c r="I1981" s="1"/>
    </row>
    <row r="1982" spans="1:9" x14ac:dyDescent="0.25">
      <c r="A1982" s="3">
        <v>41763.770879629628</v>
      </c>
      <c r="B1982" s="6">
        <v>32983.649999999994</v>
      </c>
      <c r="C1982" s="7">
        <f t="shared" si="30"/>
        <v>32.983649999999997</v>
      </c>
      <c r="I1982" s="1"/>
    </row>
    <row r="1983" spans="1:9" x14ac:dyDescent="0.25">
      <c r="A1983" s="3">
        <v>41763.771238425928</v>
      </c>
      <c r="B1983" s="6">
        <v>33000.299999999996</v>
      </c>
      <c r="C1983" s="7">
        <f t="shared" si="30"/>
        <v>33.000299999999996</v>
      </c>
      <c r="I1983" s="1"/>
    </row>
    <row r="1984" spans="1:9" x14ac:dyDescent="0.25">
      <c r="A1984" s="3">
        <v>41763.795844907407</v>
      </c>
      <c r="B1984" s="6">
        <v>33016.949999999997</v>
      </c>
      <c r="C1984" s="7">
        <f t="shared" si="30"/>
        <v>33.016949999999994</v>
      </c>
      <c r="I1984" s="1"/>
    </row>
    <row r="1985" spans="1:9" x14ac:dyDescent="0.25">
      <c r="A1985" s="3">
        <v>41763.804618055554</v>
      </c>
      <c r="B1985" s="6">
        <v>33033.599999999999</v>
      </c>
      <c r="C1985" s="7">
        <f t="shared" si="30"/>
        <v>33.0336</v>
      </c>
      <c r="I1985" s="1"/>
    </row>
    <row r="1986" spans="1:9" x14ac:dyDescent="0.25">
      <c r="A1986" s="3">
        <v>41763.812696759262</v>
      </c>
      <c r="B1986" s="6">
        <v>33050.25</v>
      </c>
      <c r="C1986" s="7">
        <f t="shared" si="30"/>
        <v>33.050249999999998</v>
      </c>
      <c r="I1986" s="1"/>
    </row>
    <row r="1987" spans="1:9" x14ac:dyDescent="0.25">
      <c r="A1987" s="3">
        <v>41763.817893518521</v>
      </c>
      <c r="B1987" s="6">
        <v>33066.899999999994</v>
      </c>
      <c r="C1987" s="7">
        <f t="shared" ref="C1987:C2050" si="31">B1987/1000</f>
        <v>33.066899999999997</v>
      </c>
      <c r="I1987" s="1"/>
    </row>
    <row r="1988" spans="1:9" x14ac:dyDescent="0.25">
      <c r="A1988" s="3">
        <v>41794.383101851854</v>
      </c>
      <c r="B1988" s="6">
        <v>33083.549999999996</v>
      </c>
      <c r="C1988" s="7">
        <f t="shared" si="31"/>
        <v>33.083549999999995</v>
      </c>
      <c r="I1988" s="1"/>
    </row>
    <row r="1989" spans="1:9" x14ac:dyDescent="0.25">
      <c r="A1989" s="3">
        <v>41794.390208333331</v>
      </c>
      <c r="B1989" s="6">
        <v>33100.199999999997</v>
      </c>
      <c r="C1989" s="7">
        <f t="shared" si="31"/>
        <v>33.100199999999994</v>
      </c>
      <c r="I1989" s="1"/>
    </row>
    <row r="1990" spans="1:9" x14ac:dyDescent="0.25">
      <c r="A1990" s="3">
        <v>41794.419606481482</v>
      </c>
      <c r="B1990" s="6">
        <v>33116.85</v>
      </c>
      <c r="C1990" s="7">
        <f t="shared" si="31"/>
        <v>33.116849999999999</v>
      </c>
      <c r="I1990" s="1"/>
    </row>
    <row r="1991" spans="1:9" x14ac:dyDescent="0.25">
      <c r="A1991" s="3">
        <v>41794.422233796293</v>
      </c>
      <c r="B1991" s="6">
        <v>33133.5</v>
      </c>
      <c r="C1991" s="7">
        <f t="shared" si="31"/>
        <v>33.133499999999998</v>
      </c>
      <c r="I1991" s="1"/>
    </row>
    <row r="1992" spans="1:9" x14ac:dyDescent="0.25">
      <c r="A1992" s="3">
        <v>41794.429305555554</v>
      </c>
      <c r="B1992" s="6">
        <v>33150.149999999994</v>
      </c>
      <c r="C1992" s="7">
        <f t="shared" si="31"/>
        <v>33.150149999999996</v>
      </c>
      <c r="I1992" s="1"/>
    </row>
    <row r="1993" spans="1:9" x14ac:dyDescent="0.25">
      <c r="A1993" s="3">
        <v>41794.429502314815</v>
      </c>
      <c r="B1993" s="6">
        <v>33166.799999999996</v>
      </c>
      <c r="C1993" s="7">
        <f t="shared" si="31"/>
        <v>33.166799999999995</v>
      </c>
      <c r="I1993" s="1"/>
    </row>
    <row r="1994" spans="1:9" x14ac:dyDescent="0.25">
      <c r="A1994" s="3">
        <v>41794.43246527778</v>
      </c>
      <c r="B1994" s="6">
        <v>33183.449999999997</v>
      </c>
      <c r="C1994" s="7">
        <f t="shared" si="31"/>
        <v>33.183450000000001</v>
      </c>
      <c r="I1994" s="1"/>
    </row>
    <row r="1995" spans="1:9" x14ac:dyDescent="0.25">
      <c r="A1995" s="3">
        <v>41794.433935185189</v>
      </c>
      <c r="B1995" s="6">
        <v>33200.1</v>
      </c>
      <c r="C1995" s="7">
        <f t="shared" si="31"/>
        <v>33.200099999999999</v>
      </c>
      <c r="I1995" s="1"/>
    </row>
    <row r="1996" spans="1:9" x14ac:dyDescent="0.25">
      <c r="A1996" s="3">
        <v>41794.439872685187</v>
      </c>
      <c r="B1996" s="6">
        <v>33216.75</v>
      </c>
      <c r="C1996" s="7">
        <f t="shared" si="31"/>
        <v>33.216749999999998</v>
      </c>
      <c r="I1996" s="1"/>
    </row>
    <row r="1997" spans="1:9" x14ac:dyDescent="0.25">
      <c r="A1997" s="3">
        <v>41794.440057870372</v>
      </c>
      <c r="B1997" s="6">
        <v>33233.399999999994</v>
      </c>
      <c r="C1997" s="7">
        <f t="shared" si="31"/>
        <v>33.233399999999996</v>
      </c>
      <c r="I1997" s="1"/>
    </row>
    <row r="1998" spans="1:9" x14ac:dyDescent="0.25">
      <c r="A1998" s="3">
        <v>41794.442152777781</v>
      </c>
      <c r="B1998" s="6">
        <v>33250.049999999996</v>
      </c>
      <c r="C1998" s="7">
        <f t="shared" si="31"/>
        <v>33.250049999999995</v>
      </c>
      <c r="I1998" s="1"/>
    </row>
    <row r="1999" spans="1:9" x14ac:dyDescent="0.25">
      <c r="A1999" s="3">
        <v>41794.442291666666</v>
      </c>
      <c r="B1999" s="6">
        <v>33266.699999999997</v>
      </c>
      <c r="C1999" s="7">
        <f t="shared" si="31"/>
        <v>33.2667</v>
      </c>
      <c r="I1999" s="1"/>
    </row>
    <row r="2000" spans="1:9" x14ac:dyDescent="0.25">
      <c r="A2000" s="3">
        <v>41794.446296296293</v>
      </c>
      <c r="B2000" s="6">
        <v>33283.35</v>
      </c>
      <c r="C2000" s="7">
        <f t="shared" si="31"/>
        <v>33.283349999999999</v>
      </c>
      <c r="I2000" s="1"/>
    </row>
    <row r="2001" spans="1:9" x14ac:dyDescent="0.25">
      <c r="A2001" s="3">
        <v>41794.446620370371</v>
      </c>
      <c r="B2001" s="6">
        <v>33300</v>
      </c>
      <c r="C2001" s="7">
        <f t="shared" si="31"/>
        <v>33.299999999999997</v>
      </c>
      <c r="I2001" s="1"/>
    </row>
    <row r="2002" spans="1:9" x14ac:dyDescent="0.25">
      <c r="A2002" s="3">
        <v>41794.449212962965</v>
      </c>
      <c r="B2002" s="6">
        <v>33316.649999999994</v>
      </c>
      <c r="C2002" s="7">
        <f t="shared" si="31"/>
        <v>33.316649999999996</v>
      </c>
      <c r="I2002" s="1"/>
    </row>
    <row r="2003" spans="1:9" x14ac:dyDescent="0.25">
      <c r="A2003" s="3">
        <v>41794.449479166666</v>
      </c>
      <c r="B2003" s="6">
        <v>33333.299999999996</v>
      </c>
      <c r="C2003" s="7">
        <f t="shared" si="31"/>
        <v>33.333299999999994</v>
      </c>
      <c r="I2003" s="1"/>
    </row>
    <row r="2004" spans="1:9" x14ac:dyDescent="0.25">
      <c r="A2004" s="3">
        <v>41794.453449074077</v>
      </c>
      <c r="B2004" s="6">
        <v>33349.949999999997</v>
      </c>
      <c r="C2004" s="7">
        <f t="shared" si="31"/>
        <v>33.34995</v>
      </c>
      <c r="I2004" s="1"/>
    </row>
    <row r="2005" spans="1:9" x14ac:dyDescent="0.25">
      <c r="A2005" s="3">
        <v>41794.454930555556</v>
      </c>
      <c r="B2005" s="6">
        <v>33366.6</v>
      </c>
      <c r="C2005" s="7">
        <f t="shared" si="31"/>
        <v>33.366599999999998</v>
      </c>
      <c r="I2005" s="1"/>
    </row>
    <row r="2006" spans="1:9" x14ac:dyDescent="0.25">
      <c r="A2006" s="3">
        <v>41794.456620370373</v>
      </c>
      <c r="B2006" s="6">
        <v>33383.25</v>
      </c>
      <c r="C2006" s="7">
        <f t="shared" si="31"/>
        <v>33.383249999999997</v>
      </c>
      <c r="I2006" s="1"/>
    </row>
    <row r="2007" spans="1:9" x14ac:dyDescent="0.25">
      <c r="A2007" s="3">
        <v>41794.457662037035</v>
      </c>
      <c r="B2007" s="6">
        <v>33399.899999999994</v>
      </c>
      <c r="C2007" s="7">
        <f t="shared" si="31"/>
        <v>33.399899999999995</v>
      </c>
      <c r="I2007" s="1"/>
    </row>
    <row r="2008" spans="1:9" x14ac:dyDescent="0.25">
      <c r="A2008" s="3">
        <v>41794.462268518517</v>
      </c>
      <c r="B2008" s="6">
        <v>33416.549999999996</v>
      </c>
      <c r="C2008" s="7">
        <f t="shared" si="31"/>
        <v>33.416549999999994</v>
      </c>
      <c r="I2008" s="1"/>
    </row>
    <row r="2009" spans="1:9" x14ac:dyDescent="0.25">
      <c r="A2009" s="3">
        <v>41794.462465277778</v>
      </c>
      <c r="B2009" s="6">
        <v>33433.199999999997</v>
      </c>
      <c r="C2009" s="7">
        <f t="shared" si="31"/>
        <v>33.433199999999999</v>
      </c>
      <c r="I2009" s="1"/>
    </row>
    <row r="2010" spans="1:9" x14ac:dyDescent="0.25">
      <c r="A2010" s="3">
        <v>41794.466736111113</v>
      </c>
      <c r="B2010" s="6">
        <v>33449.85</v>
      </c>
      <c r="C2010" s="7">
        <f t="shared" si="31"/>
        <v>33.449849999999998</v>
      </c>
      <c r="I2010" s="1"/>
    </row>
    <row r="2011" spans="1:9" x14ac:dyDescent="0.25">
      <c r="A2011" s="3">
        <v>41794.466921296298</v>
      </c>
      <c r="B2011" s="6">
        <v>33466.5</v>
      </c>
      <c r="C2011" s="7">
        <f t="shared" si="31"/>
        <v>33.466500000000003</v>
      </c>
      <c r="I2011" s="1"/>
    </row>
    <row r="2012" spans="1:9" x14ac:dyDescent="0.25">
      <c r="A2012" s="3">
        <v>41794.47111111111</v>
      </c>
      <c r="B2012" s="6">
        <v>33483.149999999994</v>
      </c>
      <c r="C2012" s="7">
        <f t="shared" si="31"/>
        <v>33.483149999999995</v>
      </c>
      <c r="I2012" s="1"/>
    </row>
    <row r="2013" spans="1:9" x14ac:dyDescent="0.25">
      <c r="A2013" s="3">
        <v>41794.471273148149</v>
      </c>
      <c r="B2013" s="6">
        <v>33499.799999999996</v>
      </c>
      <c r="C2013" s="7">
        <f t="shared" si="31"/>
        <v>33.499799999999993</v>
      </c>
      <c r="I2013" s="1"/>
    </row>
    <row r="2014" spans="1:9" x14ac:dyDescent="0.25">
      <c r="A2014" s="3">
        <v>41794.474699074075</v>
      </c>
      <c r="B2014" s="6">
        <v>33516.449999999997</v>
      </c>
      <c r="C2014" s="7">
        <f t="shared" si="31"/>
        <v>33.516449999999999</v>
      </c>
      <c r="I2014" s="1"/>
    </row>
    <row r="2015" spans="1:9" x14ac:dyDescent="0.25">
      <c r="A2015" s="3">
        <v>41794.476134259261</v>
      </c>
      <c r="B2015" s="6">
        <v>33533.1</v>
      </c>
      <c r="C2015" s="7">
        <f t="shared" si="31"/>
        <v>33.533099999999997</v>
      </c>
      <c r="I2015" s="1"/>
    </row>
    <row r="2016" spans="1:9" x14ac:dyDescent="0.25">
      <c r="A2016" s="3">
        <v>41794.484386574077</v>
      </c>
      <c r="B2016" s="6">
        <v>33549.75</v>
      </c>
      <c r="C2016" s="7">
        <f t="shared" si="31"/>
        <v>33.549750000000003</v>
      </c>
      <c r="I2016" s="1"/>
    </row>
    <row r="2017" spans="1:9" x14ac:dyDescent="0.25">
      <c r="A2017" s="3">
        <v>41794.485439814816</v>
      </c>
      <c r="B2017" s="6">
        <v>33566.399999999994</v>
      </c>
      <c r="C2017" s="7">
        <f t="shared" si="31"/>
        <v>33.566399999999994</v>
      </c>
      <c r="I2017" s="1"/>
    </row>
    <row r="2018" spans="1:9" x14ac:dyDescent="0.25">
      <c r="A2018" s="3">
        <v>41794.489120370374</v>
      </c>
      <c r="B2018" s="6">
        <v>33583.049999999996</v>
      </c>
      <c r="C2018" s="7">
        <f t="shared" si="31"/>
        <v>33.583049999999993</v>
      </c>
      <c r="I2018" s="1"/>
    </row>
    <row r="2019" spans="1:9" x14ac:dyDescent="0.25">
      <c r="A2019" s="3">
        <v>41794.48951388889</v>
      </c>
      <c r="B2019" s="6">
        <v>33599.699999999997</v>
      </c>
      <c r="C2019" s="7">
        <f t="shared" si="31"/>
        <v>33.599699999999999</v>
      </c>
      <c r="I2019" s="1"/>
    </row>
    <row r="2020" spans="1:9" x14ac:dyDescent="0.25">
      <c r="A2020" s="3">
        <v>41794.497337962966</v>
      </c>
      <c r="B2020" s="6">
        <v>33616.35</v>
      </c>
      <c r="C2020" s="7">
        <f t="shared" si="31"/>
        <v>33.616349999999997</v>
      </c>
      <c r="I2020" s="1"/>
    </row>
    <row r="2021" spans="1:9" x14ac:dyDescent="0.25">
      <c r="A2021" s="3">
        <v>41794.498124999998</v>
      </c>
      <c r="B2021" s="6">
        <v>33633</v>
      </c>
      <c r="C2021" s="7">
        <f t="shared" si="31"/>
        <v>33.633000000000003</v>
      </c>
      <c r="I2021" s="1"/>
    </row>
    <row r="2022" spans="1:9" x14ac:dyDescent="0.25">
      <c r="A2022" s="3">
        <v>41794.507719907408</v>
      </c>
      <c r="B2022" s="6">
        <v>33649.649999999994</v>
      </c>
      <c r="C2022" s="7">
        <f t="shared" si="31"/>
        <v>33.649649999999994</v>
      </c>
      <c r="I2022" s="1"/>
    </row>
    <row r="2023" spans="1:9" x14ac:dyDescent="0.25">
      <c r="A2023" s="3">
        <v>41794.507893518516</v>
      </c>
      <c r="B2023" s="6">
        <v>33666.299999999996</v>
      </c>
      <c r="C2023" s="7">
        <f t="shared" si="31"/>
        <v>33.666299999999993</v>
      </c>
      <c r="I2023" s="1"/>
    </row>
    <row r="2024" spans="1:9" x14ac:dyDescent="0.25">
      <c r="A2024" s="3">
        <v>41794.516759259262</v>
      </c>
      <c r="B2024" s="6">
        <v>33682.949999999997</v>
      </c>
      <c r="C2024" s="7">
        <f t="shared" si="31"/>
        <v>33.682949999999998</v>
      </c>
      <c r="I2024" s="1"/>
    </row>
    <row r="2025" spans="1:9" x14ac:dyDescent="0.25">
      <c r="A2025" s="3">
        <v>41794.517071759263</v>
      </c>
      <c r="B2025" s="6">
        <v>33699.599999999999</v>
      </c>
      <c r="C2025" s="7">
        <f t="shared" si="31"/>
        <v>33.699599999999997</v>
      </c>
      <c r="I2025" s="1"/>
    </row>
    <row r="2026" spans="1:9" x14ac:dyDescent="0.25">
      <c r="A2026" s="3">
        <v>41794.521018518521</v>
      </c>
      <c r="B2026" s="6">
        <v>33716.25</v>
      </c>
      <c r="C2026" s="7">
        <f t="shared" si="31"/>
        <v>33.716250000000002</v>
      </c>
      <c r="I2026" s="1"/>
    </row>
    <row r="2027" spans="1:9" x14ac:dyDescent="0.25">
      <c r="A2027" s="3">
        <v>41794.522430555553</v>
      </c>
      <c r="B2027" s="6">
        <v>33732.899999999994</v>
      </c>
      <c r="C2027" s="7">
        <f t="shared" si="31"/>
        <v>33.732899999999994</v>
      </c>
      <c r="I2027" s="1"/>
    </row>
    <row r="2028" spans="1:9" x14ac:dyDescent="0.25">
      <c r="A2028" s="3">
        <v>41794.526435185187</v>
      </c>
      <c r="B2028" s="6">
        <v>33749.549999999996</v>
      </c>
      <c r="C2028" s="7">
        <f t="shared" si="31"/>
        <v>33.749549999999992</v>
      </c>
      <c r="I2028" s="1"/>
    </row>
    <row r="2029" spans="1:9" x14ac:dyDescent="0.25">
      <c r="A2029" s="3">
        <v>41794.527465277781</v>
      </c>
      <c r="B2029" s="6">
        <v>33766.199999999997</v>
      </c>
      <c r="C2029" s="7">
        <f t="shared" si="31"/>
        <v>33.766199999999998</v>
      </c>
      <c r="I2029" s="1"/>
    </row>
    <row r="2030" spans="1:9" x14ac:dyDescent="0.25">
      <c r="A2030" s="3">
        <v>41794.530486111114</v>
      </c>
      <c r="B2030" s="6">
        <v>33782.85</v>
      </c>
      <c r="C2030" s="7">
        <f t="shared" si="31"/>
        <v>33.782849999999996</v>
      </c>
      <c r="I2030" s="1"/>
    </row>
    <row r="2031" spans="1:9" x14ac:dyDescent="0.25">
      <c r="A2031" s="3">
        <v>41794.530717592592</v>
      </c>
      <c r="B2031" s="6">
        <v>33799.5</v>
      </c>
      <c r="C2031" s="7">
        <f t="shared" si="31"/>
        <v>33.799500000000002</v>
      </c>
      <c r="I2031" s="1"/>
    </row>
    <row r="2032" spans="1:9" x14ac:dyDescent="0.25">
      <c r="A2032" s="3">
        <v>41794.532048611109</v>
      </c>
      <c r="B2032" s="6">
        <v>33816.149999999994</v>
      </c>
      <c r="C2032" s="7">
        <f t="shared" si="31"/>
        <v>33.816149999999993</v>
      </c>
      <c r="I2032" s="1"/>
    </row>
    <row r="2033" spans="1:9" x14ac:dyDescent="0.25">
      <c r="A2033" s="3">
        <v>41794.532210648147</v>
      </c>
      <c r="B2033" s="6">
        <v>33832.799999999996</v>
      </c>
      <c r="C2033" s="7">
        <f t="shared" si="31"/>
        <v>33.832799999999999</v>
      </c>
      <c r="I2033" s="1"/>
    </row>
    <row r="2034" spans="1:9" x14ac:dyDescent="0.25">
      <c r="A2034" s="3">
        <v>41794.535034722219</v>
      </c>
      <c r="B2034" s="6">
        <v>33849.449999999997</v>
      </c>
      <c r="C2034" s="7">
        <f t="shared" si="31"/>
        <v>33.849449999999997</v>
      </c>
      <c r="I2034" s="1"/>
    </row>
    <row r="2035" spans="1:9" x14ac:dyDescent="0.25">
      <c r="A2035" s="3">
        <v>41794.535833333335</v>
      </c>
      <c r="B2035" s="6">
        <v>33866.1</v>
      </c>
      <c r="C2035" s="7">
        <f t="shared" si="31"/>
        <v>33.866099999999996</v>
      </c>
      <c r="I2035" s="1"/>
    </row>
    <row r="2036" spans="1:9" x14ac:dyDescent="0.25">
      <c r="A2036" s="3">
        <v>41794.539479166669</v>
      </c>
      <c r="B2036" s="6">
        <v>33882.75</v>
      </c>
      <c r="C2036" s="7">
        <f t="shared" si="31"/>
        <v>33.882750000000001</v>
      </c>
      <c r="I2036" s="1"/>
    </row>
    <row r="2037" spans="1:9" x14ac:dyDescent="0.25">
      <c r="A2037" s="3">
        <v>41794.539594907408</v>
      </c>
      <c r="B2037" s="6">
        <v>33899.399999999994</v>
      </c>
      <c r="C2037" s="7">
        <f t="shared" si="31"/>
        <v>33.899399999999993</v>
      </c>
      <c r="I2037" s="1"/>
    </row>
    <row r="2038" spans="1:9" x14ac:dyDescent="0.25">
      <c r="A2038" s="3">
        <v>41794.54074074074</v>
      </c>
      <c r="B2038" s="6">
        <v>33916.049999999996</v>
      </c>
      <c r="C2038" s="7">
        <f t="shared" si="31"/>
        <v>33.916049999999998</v>
      </c>
      <c r="I2038" s="1"/>
    </row>
    <row r="2039" spans="1:9" x14ac:dyDescent="0.25">
      <c r="A2039" s="3">
        <v>41794.540844907409</v>
      </c>
      <c r="B2039" s="6">
        <v>33932.699999999997</v>
      </c>
      <c r="C2039" s="7">
        <f t="shared" si="31"/>
        <v>33.932699999999997</v>
      </c>
      <c r="I2039" s="1"/>
    </row>
    <row r="2040" spans="1:9" x14ac:dyDescent="0.25">
      <c r="A2040" s="3">
        <v>41794.54173611111</v>
      </c>
      <c r="B2040" s="6">
        <v>33949.35</v>
      </c>
      <c r="C2040" s="7">
        <f t="shared" si="31"/>
        <v>33.949349999999995</v>
      </c>
      <c r="I2040" s="1"/>
    </row>
    <row r="2041" spans="1:9" x14ac:dyDescent="0.25">
      <c r="A2041" s="3">
        <v>41794.54184027778</v>
      </c>
      <c r="B2041" s="6">
        <v>33966</v>
      </c>
      <c r="C2041" s="7">
        <f t="shared" si="31"/>
        <v>33.966000000000001</v>
      </c>
      <c r="I2041" s="1"/>
    </row>
    <row r="2042" spans="1:9" x14ac:dyDescent="0.25">
      <c r="A2042" s="3">
        <v>41794.545648148145</v>
      </c>
      <c r="B2042" s="6">
        <v>33982.649999999994</v>
      </c>
      <c r="C2042" s="7">
        <f t="shared" si="31"/>
        <v>33.982649999999992</v>
      </c>
      <c r="I2042" s="1"/>
    </row>
    <row r="2043" spans="1:9" x14ac:dyDescent="0.25">
      <c r="A2043" s="3">
        <v>41794.546030092592</v>
      </c>
      <c r="B2043" s="6">
        <v>33999.299999999996</v>
      </c>
      <c r="C2043" s="7">
        <f t="shared" si="31"/>
        <v>33.999299999999998</v>
      </c>
      <c r="I2043" s="1"/>
    </row>
    <row r="2044" spans="1:9" x14ac:dyDescent="0.25">
      <c r="A2044" s="3">
        <v>41794.54996527778</v>
      </c>
      <c r="B2044" s="6">
        <v>34015.949999999997</v>
      </c>
      <c r="C2044" s="7">
        <f t="shared" si="31"/>
        <v>34.015949999999997</v>
      </c>
      <c r="I2044" s="1"/>
    </row>
    <row r="2045" spans="1:9" x14ac:dyDescent="0.25">
      <c r="A2045" s="3">
        <v>41794.550081018519</v>
      </c>
      <c r="B2045" s="6">
        <v>34032.6</v>
      </c>
      <c r="C2045" s="7">
        <f t="shared" si="31"/>
        <v>34.032599999999995</v>
      </c>
      <c r="I2045" s="1"/>
    </row>
    <row r="2046" spans="1:9" x14ac:dyDescent="0.25">
      <c r="A2046" s="3">
        <v>41794.553402777776</v>
      </c>
      <c r="B2046" s="6">
        <v>34049.25</v>
      </c>
      <c r="C2046" s="7">
        <f t="shared" si="31"/>
        <v>34.049250000000001</v>
      </c>
      <c r="I2046" s="1"/>
    </row>
    <row r="2047" spans="1:9" x14ac:dyDescent="0.25">
      <c r="A2047" s="3">
        <v>41794.553530092591</v>
      </c>
      <c r="B2047" s="6">
        <v>34065.899999999994</v>
      </c>
      <c r="C2047" s="7">
        <f t="shared" si="31"/>
        <v>34.065899999999992</v>
      </c>
      <c r="I2047" s="1"/>
    </row>
    <row r="2048" spans="1:9" x14ac:dyDescent="0.25">
      <c r="A2048" s="3">
        <v>41794.555833333332</v>
      </c>
      <c r="B2048" s="6">
        <v>34082.549999999996</v>
      </c>
      <c r="C2048" s="7">
        <f t="shared" si="31"/>
        <v>34.082549999999998</v>
      </c>
      <c r="I2048" s="1"/>
    </row>
    <row r="2049" spans="1:9" x14ac:dyDescent="0.25">
      <c r="A2049" s="3">
        <v>41794.556006944447</v>
      </c>
      <c r="B2049" s="6">
        <v>34099.199999999997</v>
      </c>
      <c r="C2049" s="7">
        <f t="shared" si="31"/>
        <v>34.099199999999996</v>
      </c>
      <c r="I2049" s="1"/>
    </row>
    <row r="2050" spans="1:9" x14ac:dyDescent="0.25">
      <c r="A2050" s="3">
        <v>41794.558865740742</v>
      </c>
      <c r="B2050" s="6">
        <v>34115.85</v>
      </c>
      <c r="C2050" s="7">
        <f t="shared" si="31"/>
        <v>34.115850000000002</v>
      </c>
      <c r="I2050" s="1"/>
    </row>
    <row r="2051" spans="1:9" x14ac:dyDescent="0.25">
      <c r="A2051" s="3">
        <v>41794.559293981481</v>
      </c>
      <c r="B2051" s="6">
        <v>34132.5</v>
      </c>
      <c r="C2051" s="7">
        <f t="shared" ref="C2051:C2114" si="32">B2051/1000</f>
        <v>34.1325</v>
      </c>
      <c r="I2051" s="1"/>
    </row>
    <row r="2052" spans="1:9" x14ac:dyDescent="0.25">
      <c r="A2052" s="3">
        <v>41794.56144675926</v>
      </c>
      <c r="B2052" s="6">
        <v>34149.149999999994</v>
      </c>
      <c r="C2052" s="7">
        <f t="shared" si="32"/>
        <v>34.149149999999992</v>
      </c>
      <c r="I2052" s="1"/>
    </row>
    <row r="2053" spans="1:9" x14ac:dyDescent="0.25">
      <c r="A2053" s="3">
        <v>41794.562013888892</v>
      </c>
      <c r="B2053" s="6">
        <v>34165.799999999996</v>
      </c>
      <c r="C2053" s="7">
        <f t="shared" si="32"/>
        <v>34.165799999999997</v>
      </c>
      <c r="I2053" s="1"/>
    </row>
    <row r="2054" spans="1:9" x14ac:dyDescent="0.25">
      <c r="A2054" s="3">
        <v>41794.567175925928</v>
      </c>
      <c r="B2054" s="6">
        <v>34182.449999999997</v>
      </c>
      <c r="C2054" s="7">
        <f t="shared" si="32"/>
        <v>34.182449999999996</v>
      </c>
      <c r="I2054" s="1"/>
    </row>
    <row r="2055" spans="1:9" x14ac:dyDescent="0.25">
      <c r="A2055" s="3">
        <v>41794.567361111112</v>
      </c>
      <c r="B2055" s="6">
        <v>34199.1</v>
      </c>
      <c r="C2055" s="7">
        <f t="shared" si="32"/>
        <v>34.199100000000001</v>
      </c>
      <c r="I2055" s="1"/>
    </row>
    <row r="2056" spans="1:9" x14ac:dyDescent="0.25">
      <c r="A2056" s="3">
        <v>41794.570057870369</v>
      </c>
      <c r="B2056" s="6">
        <v>34215.75</v>
      </c>
      <c r="C2056" s="7">
        <f t="shared" si="32"/>
        <v>34.21575</v>
      </c>
      <c r="I2056" s="1"/>
    </row>
    <row r="2057" spans="1:9" x14ac:dyDescent="0.25">
      <c r="A2057" s="3">
        <v>41794.570162037038</v>
      </c>
      <c r="B2057" s="6">
        <v>34232.399999999994</v>
      </c>
      <c r="C2057" s="7">
        <f t="shared" si="32"/>
        <v>34.232399999999991</v>
      </c>
      <c r="I2057" s="1"/>
    </row>
    <row r="2058" spans="1:9" x14ac:dyDescent="0.25">
      <c r="A2058" s="3">
        <v>41794.573518518519</v>
      </c>
      <c r="B2058" s="6">
        <v>34249.049999999996</v>
      </c>
      <c r="C2058" s="7">
        <f t="shared" si="32"/>
        <v>34.249049999999997</v>
      </c>
      <c r="I2058" s="1"/>
    </row>
    <row r="2059" spans="1:9" x14ac:dyDescent="0.25">
      <c r="A2059" s="3">
        <v>41794.57371527778</v>
      </c>
      <c r="B2059" s="6">
        <v>34265.699999999997</v>
      </c>
      <c r="C2059" s="7">
        <f t="shared" si="32"/>
        <v>34.265699999999995</v>
      </c>
      <c r="I2059" s="1"/>
    </row>
    <row r="2060" spans="1:9" x14ac:dyDescent="0.25">
      <c r="A2060" s="3">
        <v>41794.574548611112</v>
      </c>
      <c r="B2060" s="6">
        <v>34282.35</v>
      </c>
      <c r="C2060" s="7">
        <f t="shared" si="32"/>
        <v>34.282350000000001</v>
      </c>
      <c r="I2060" s="1"/>
    </row>
    <row r="2061" spans="1:9" x14ac:dyDescent="0.25">
      <c r="A2061" s="3">
        <v>41794.574733796297</v>
      </c>
      <c r="B2061" s="6">
        <v>34299</v>
      </c>
      <c r="C2061" s="7">
        <f t="shared" si="32"/>
        <v>34.298999999999999</v>
      </c>
      <c r="I2061" s="1"/>
    </row>
    <row r="2062" spans="1:9" x14ac:dyDescent="0.25">
      <c r="A2062" s="3">
        <v>41794.577013888891</v>
      </c>
      <c r="B2062" s="6">
        <v>34315.649999999994</v>
      </c>
      <c r="C2062" s="7">
        <f t="shared" si="32"/>
        <v>34.315649999999991</v>
      </c>
      <c r="I2062" s="1"/>
    </row>
    <row r="2063" spans="1:9" x14ac:dyDescent="0.25">
      <c r="A2063" s="3">
        <v>41794.577222222222</v>
      </c>
      <c r="B2063" s="6">
        <v>34332.299999999996</v>
      </c>
      <c r="C2063" s="7">
        <f t="shared" si="32"/>
        <v>34.332299999999996</v>
      </c>
      <c r="I2063" s="1"/>
    </row>
    <row r="2064" spans="1:9" x14ac:dyDescent="0.25">
      <c r="A2064" s="3">
        <v>41794.579375000001</v>
      </c>
      <c r="B2064" s="6">
        <v>34348.949999999997</v>
      </c>
      <c r="C2064" s="7">
        <f t="shared" si="32"/>
        <v>34.348949999999995</v>
      </c>
      <c r="I2064" s="1"/>
    </row>
    <row r="2065" spans="1:9" x14ac:dyDescent="0.25">
      <c r="A2065" s="3">
        <v>41794.579768518517</v>
      </c>
      <c r="B2065" s="6">
        <v>34365.599999999999</v>
      </c>
      <c r="C2065" s="7">
        <f t="shared" si="32"/>
        <v>34.365600000000001</v>
      </c>
      <c r="I2065" s="1"/>
    </row>
    <row r="2066" spans="1:9" x14ac:dyDescent="0.25">
      <c r="A2066" s="3">
        <v>41794.581064814818</v>
      </c>
      <c r="B2066" s="6">
        <v>34382.25</v>
      </c>
      <c r="C2066" s="7">
        <f t="shared" si="32"/>
        <v>34.382249999999999</v>
      </c>
      <c r="I2066" s="1"/>
    </row>
    <row r="2067" spans="1:9" x14ac:dyDescent="0.25">
      <c r="A2067" s="3">
        <v>41794.581250000003</v>
      </c>
      <c r="B2067" s="6">
        <v>34398.899999999994</v>
      </c>
      <c r="C2067" s="7">
        <f t="shared" si="32"/>
        <v>34.398899999999998</v>
      </c>
      <c r="I2067" s="1"/>
    </row>
    <row r="2068" spans="1:9" x14ac:dyDescent="0.25">
      <c r="A2068" s="3">
        <v>41794.583437499998</v>
      </c>
      <c r="B2068" s="6">
        <v>34415.549999999996</v>
      </c>
      <c r="C2068" s="7">
        <f t="shared" si="32"/>
        <v>34.415549999999996</v>
      </c>
      <c r="I2068" s="1"/>
    </row>
    <row r="2069" spans="1:9" x14ac:dyDescent="0.25">
      <c r="A2069" s="3">
        <v>41794.583518518521</v>
      </c>
      <c r="B2069" s="6">
        <v>34432.199999999997</v>
      </c>
      <c r="C2069" s="7">
        <f t="shared" si="32"/>
        <v>34.432199999999995</v>
      </c>
      <c r="I2069" s="1"/>
    </row>
    <row r="2070" spans="1:9" x14ac:dyDescent="0.25">
      <c r="A2070" s="3">
        <v>41794.586180555554</v>
      </c>
      <c r="B2070" s="6">
        <v>34448.85</v>
      </c>
      <c r="C2070" s="7">
        <f t="shared" si="32"/>
        <v>34.44885</v>
      </c>
      <c r="I2070" s="1"/>
    </row>
    <row r="2071" spans="1:9" x14ac:dyDescent="0.25">
      <c r="A2071" s="3">
        <v>41794.586342592593</v>
      </c>
      <c r="B2071" s="6">
        <v>34465.5</v>
      </c>
      <c r="C2071" s="7">
        <f t="shared" si="32"/>
        <v>34.465499999999999</v>
      </c>
      <c r="I2071" s="1"/>
    </row>
    <row r="2072" spans="1:9" x14ac:dyDescent="0.25">
      <c r="A2072" s="3">
        <v>41794.588587962964</v>
      </c>
      <c r="B2072" s="6">
        <v>34482.149999999994</v>
      </c>
      <c r="C2072" s="7">
        <f t="shared" si="32"/>
        <v>34.482149999999997</v>
      </c>
      <c r="I2072" s="1"/>
    </row>
    <row r="2073" spans="1:9" x14ac:dyDescent="0.25">
      <c r="A2073" s="3">
        <v>41794.58871527778</v>
      </c>
      <c r="B2073" s="6">
        <v>34498.799999999996</v>
      </c>
      <c r="C2073" s="7">
        <f t="shared" si="32"/>
        <v>34.498799999999996</v>
      </c>
      <c r="I2073" s="1"/>
    </row>
    <row r="2074" spans="1:9" x14ac:dyDescent="0.25">
      <c r="A2074" s="3">
        <v>41794.590266203704</v>
      </c>
      <c r="B2074" s="6">
        <v>34515.449999999997</v>
      </c>
      <c r="C2074" s="7">
        <f t="shared" si="32"/>
        <v>34.515449999999994</v>
      </c>
      <c r="I2074" s="1"/>
    </row>
    <row r="2075" spans="1:9" x14ac:dyDescent="0.25">
      <c r="A2075" s="3">
        <v>41794.590891203705</v>
      </c>
      <c r="B2075" s="6">
        <v>34532.1</v>
      </c>
      <c r="C2075" s="7">
        <f t="shared" si="32"/>
        <v>34.5321</v>
      </c>
      <c r="I2075" s="1"/>
    </row>
    <row r="2076" spans="1:9" x14ac:dyDescent="0.25">
      <c r="A2076" s="3">
        <v>41794.591921296298</v>
      </c>
      <c r="B2076" s="6">
        <v>34548.75</v>
      </c>
      <c r="C2076" s="7">
        <f t="shared" si="32"/>
        <v>34.548749999999998</v>
      </c>
      <c r="I2076" s="1"/>
    </row>
    <row r="2077" spans="1:9" x14ac:dyDescent="0.25">
      <c r="A2077" s="3">
        <v>41794.592060185183</v>
      </c>
      <c r="B2077" s="6">
        <v>34565.399999999994</v>
      </c>
      <c r="C2077" s="7">
        <f t="shared" si="32"/>
        <v>34.565399999999997</v>
      </c>
      <c r="I2077" s="1"/>
    </row>
    <row r="2078" spans="1:9" x14ac:dyDescent="0.25">
      <c r="A2078" s="3">
        <v>41794.593935185185</v>
      </c>
      <c r="B2078" s="6">
        <v>34582.049999999996</v>
      </c>
      <c r="C2078" s="7">
        <f t="shared" si="32"/>
        <v>34.582049999999995</v>
      </c>
      <c r="I2078" s="1"/>
    </row>
    <row r="2079" spans="1:9" x14ac:dyDescent="0.25">
      <c r="A2079" s="3">
        <v>41794.594108796293</v>
      </c>
      <c r="B2079" s="6">
        <v>34598.699999999997</v>
      </c>
      <c r="C2079" s="7">
        <f t="shared" si="32"/>
        <v>34.598699999999994</v>
      </c>
      <c r="I2079" s="1"/>
    </row>
    <row r="2080" spans="1:9" x14ac:dyDescent="0.25">
      <c r="A2080" s="3">
        <v>41794.595659722225</v>
      </c>
      <c r="B2080" s="6">
        <v>34615.35</v>
      </c>
      <c r="C2080" s="7">
        <f t="shared" si="32"/>
        <v>34.615349999999999</v>
      </c>
      <c r="I2080" s="1"/>
    </row>
    <row r="2081" spans="1:9" x14ac:dyDescent="0.25">
      <c r="A2081" s="3">
        <v>41794.59579861111</v>
      </c>
      <c r="B2081" s="6">
        <v>34632</v>
      </c>
      <c r="C2081" s="7">
        <f t="shared" si="32"/>
        <v>34.631999999999998</v>
      </c>
      <c r="I2081" s="1"/>
    </row>
    <row r="2082" spans="1:9" x14ac:dyDescent="0.25">
      <c r="A2082" s="3">
        <v>41794.597430555557</v>
      </c>
      <c r="B2082" s="6">
        <v>34648.649999999994</v>
      </c>
      <c r="C2082" s="7">
        <f t="shared" si="32"/>
        <v>34.648649999999996</v>
      </c>
      <c r="I2082" s="1"/>
    </row>
    <row r="2083" spans="1:9" x14ac:dyDescent="0.25">
      <c r="A2083" s="3">
        <v>41794.597592592596</v>
      </c>
      <c r="B2083" s="6">
        <v>34665.299999999996</v>
      </c>
      <c r="C2083" s="7">
        <f t="shared" si="32"/>
        <v>34.665299999999995</v>
      </c>
      <c r="I2083" s="1"/>
    </row>
    <row r="2084" spans="1:9" x14ac:dyDescent="0.25">
      <c r="A2084" s="3">
        <v>41794.598946759259</v>
      </c>
      <c r="B2084" s="6">
        <v>34681.949999999997</v>
      </c>
      <c r="C2084" s="7">
        <f t="shared" si="32"/>
        <v>34.681950000000001</v>
      </c>
      <c r="I2084" s="1"/>
    </row>
    <row r="2085" spans="1:9" x14ac:dyDescent="0.25">
      <c r="A2085" s="3">
        <v>41794.599097222221</v>
      </c>
      <c r="B2085" s="6">
        <v>34698.6</v>
      </c>
      <c r="C2085" s="7">
        <f t="shared" si="32"/>
        <v>34.698599999999999</v>
      </c>
      <c r="I2085" s="1"/>
    </row>
    <row r="2086" spans="1:9" x14ac:dyDescent="0.25">
      <c r="A2086" s="3">
        <v>41794.602534722224</v>
      </c>
      <c r="B2086" s="6">
        <v>34715.25</v>
      </c>
      <c r="C2086" s="7">
        <f t="shared" si="32"/>
        <v>34.715249999999997</v>
      </c>
      <c r="I2086" s="1"/>
    </row>
    <row r="2087" spans="1:9" x14ac:dyDescent="0.25">
      <c r="A2087" s="3">
        <v>41794.602719907409</v>
      </c>
      <c r="B2087" s="6">
        <v>34731.899999999994</v>
      </c>
      <c r="C2087" s="7">
        <f t="shared" si="32"/>
        <v>34.731899999999996</v>
      </c>
      <c r="I2087" s="1"/>
    </row>
    <row r="2088" spans="1:9" x14ac:dyDescent="0.25">
      <c r="A2088" s="3">
        <v>41794.604780092595</v>
      </c>
      <c r="B2088" s="6">
        <v>34748.549999999996</v>
      </c>
      <c r="C2088" s="7">
        <f t="shared" si="32"/>
        <v>34.748549999999994</v>
      </c>
      <c r="I2088" s="1"/>
    </row>
    <row r="2089" spans="1:9" x14ac:dyDescent="0.25">
      <c r="A2089" s="3">
        <v>41794.604988425926</v>
      </c>
      <c r="B2089" s="6">
        <v>34765.199999999997</v>
      </c>
      <c r="C2089" s="7">
        <f t="shared" si="32"/>
        <v>34.7652</v>
      </c>
      <c r="I2089" s="1"/>
    </row>
    <row r="2090" spans="1:9" x14ac:dyDescent="0.25">
      <c r="A2090" s="3">
        <v>41794.606053240743</v>
      </c>
      <c r="B2090" s="6">
        <v>34781.85</v>
      </c>
      <c r="C2090" s="7">
        <f t="shared" si="32"/>
        <v>34.781849999999999</v>
      </c>
      <c r="I2090" s="1"/>
    </row>
    <row r="2091" spans="1:9" x14ac:dyDescent="0.25">
      <c r="A2091" s="3">
        <v>41794.606469907405</v>
      </c>
      <c r="B2091" s="6">
        <v>34798.5</v>
      </c>
      <c r="C2091" s="7">
        <f t="shared" si="32"/>
        <v>34.798499999999997</v>
      </c>
      <c r="I2091" s="1"/>
    </row>
    <row r="2092" spans="1:9" x14ac:dyDescent="0.25">
      <c r="A2092" s="3">
        <v>41794.608391203707</v>
      </c>
      <c r="B2092" s="6">
        <v>34815.149999999994</v>
      </c>
      <c r="C2092" s="7">
        <f t="shared" si="32"/>
        <v>34.815149999999996</v>
      </c>
      <c r="I2092" s="1"/>
    </row>
    <row r="2093" spans="1:9" x14ac:dyDescent="0.25">
      <c r="A2093" s="3">
        <v>41794.608472222222</v>
      </c>
      <c r="B2093" s="6">
        <v>34831.799999999996</v>
      </c>
      <c r="C2093" s="7">
        <f t="shared" si="32"/>
        <v>34.831799999999994</v>
      </c>
      <c r="I2093" s="1"/>
    </row>
    <row r="2094" spans="1:9" x14ac:dyDescent="0.25">
      <c r="A2094" s="3">
        <v>41794.611990740741</v>
      </c>
      <c r="B2094" s="6">
        <v>34848.449999999997</v>
      </c>
      <c r="C2094" s="7">
        <f t="shared" si="32"/>
        <v>34.84845</v>
      </c>
      <c r="I2094" s="1"/>
    </row>
    <row r="2095" spans="1:9" x14ac:dyDescent="0.25">
      <c r="A2095" s="3">
        <v>41794.612766203703</v>
      </c>
      <c r="B2095" s="6">
        <v>34865.1</v>
      </c>
      <c r="C2095" s="7">
        <f t="shared" si="32"/>
        <v>34.865099999999998</v>
      </c>
      <c r="I2095" s="1"/>
    </row>
    <row r="2096" spans="1:9" x14ac:dyDescent="0.25">
      <c r="A2096" s="3">
        <v>41794.61482638889</v>
      </c>
      <c r="B2096" s="6">
        <v>34881.75</v>
      </c>
      <c r="C2096" s="7">
        <f t="shared" si="32"/>
        <v>34.881749999999997</v>
      </c>
      <c r="I2096" s="1"/>
    </row>
    <row r="2097" spans="1:9" x14ac:dyDescent="0.25">
      <c r="A2097" s="3">
        <v>41794.615034722221</v>
      </c>
      <c r="B2097" s="6">
        <v>34898.399999999994</v>
      </c>
      <c r="C2097" s="7">
        <f t="shared" si="32"/>
        <v>34.898399999999995</v>
      </c>
      <c r="I2097" s="1"/>
    </row>
    <row r="2098" spans="1:9" x14ac:dyDescent="0.25">
      <c r="A2098" s="3">
        <v>41794.616562499999</v>
      </c>
      <c r="B2098" s="6">
        <v>34915.049999999996</v>
      </c>
      <c r="C2098" s="7">
        <f t="shared" si="32"/>
        <v>34.915049999999994</v>
      </c>
      <c r="I2098" s="1"/>
    </row>
    <row r="2099" spans="1:9" x14ac:dyDescent="0.25">
      <c r="A2099" s="3">
        <v>41794.616724537038</v>
      </c>
      <c r="B2099" s="6">
        <v>34931.699999999997</v>
      </c>
      <c r="C2099" s="7">
        <f t="shared" si="32"/>
        <v>34.931699999999999</v>
      </c>
      <c r="I2099" s="1"/>
    </row>
    <row r="2100" spans="1:9" x14ac:dyDescent="0.25">
      <c r="A2100" s="3">
        <v>41794.617905092593</v>
      </c>
      <c r="B2100" s="6">
        <v>34948.35</v>
      </c>
      <c r="C2100" s="7">
        <f t="shared" si="32"/>
        <v>34.948349999999998</v>
      </c>
      <c r="I2100" s="1"/>
    </row>
    <row r="2101" spans="1:9" x14ac:dyDescent="0.25">
      <c r="A2101" s="3">
        <v>41794.618043981478</v>
      </c>
      <c r="B2101" s="6">
        <v>34965</v>
      </c>
      <c r="C2101" s="7">
        <f t="shared" si="32"/>
        <v>34.965000000000003</v>
      </c>
      <c r="I2101" s="1"/>
    </row>
    <row r="2102" spans="1:9" x14ac:dyDescent="0.25">
      <c r="A2102" s="3">
        <v>41794.619270833333</v>
      </c>
      <c r="B2102" s="6">
        <v>34981.649999999994</v>
      </c>
      <c r="C2102" s="7">
        <f t="shared" si="32"/>
        <v>34.981649999999995</v>
      </c>
      <c r="I2102" s="1"/>
    </row>
    <row r="2103" spans="1:9" x14ac:dyDescent="0.25">
      <c r="A2103" s="3">
        <v>41794.619930555556</v>
      </c>
      <c r="B2103" s="6">
        <v>34998.299999999996</v>
      </c>
      <c r="C2103" s="7">
        <f t="shared" si="32"/>
        <v>34.998299999999993</v>
      </c>
      <c r="I2103" s="1"/>
    </row>
    <row r="2104" spans="1:9" x14ac:dyDescent="0.25">
      <c r="A2104" s="3">
        <v>41794.621018518519</v>
      </c>
      <c r="B2104" s="6">
        <v>35014.949999999997</v>
      </c>
      <c r="C2104" s="7">
        <f t="shared" si="32"/>
        <v>35.014949999999999</v>
      </c>
      <c r="I2104" s="1"/>
    </row>
    <row r="2105" spans="1:9" x14ac:dyDescent="0.25">
      <c r="A2105" s="3">
        <v>41794.621157407404</v>
      </c>
      <c r="B2105" s="6">
        <v>35031.599999999999</v>
      </c>
      <c r="C2105" s="7">
        <f t="shared" si="32"/>
        <v>35.031599999999997</v>
      </c>
      <c r="I2105" s="1"/>
    </row>
    <row r="2106" spans="1:9" x14ac:dyDescent="0.25">
      <c r="A2106" s="3">
        <v>41794.62226851852</v>
      </c>
      <c r="B2106" s="6">
        <v>35048.25</v>
      </c>
      <c r="C2106" s="7">
        <f t="shared" si="32"/>
        <v>35.048250000000003</v>
      </c>
      <c r="I2106" s="1"/>
    </row>
    <row r="2107" spans="1:9" x14ac:dyDescent="0.25">
      <c r="A2107" s="3">
        <v>41794.622349537036</v>
      </c>
      <c r="B2107" s="6">
        <v>35064.899999999994</v>
      </c>
      <c r="C2107" s="7">
        <f t="shared" si="32"/>
        <v>35.064899999999994</v>
      </c>
      <c r="I2107" s="1"/>
    </row>
    <row r="2108" spans="1:9" x14ac:dyDescent="0.25">
      <c r="A2108" s="3">
        <v>41794.625740740739</v>
      </c>
      <c r="B2108" s="6">
        <v>35081.549999999996</v>
      </c>
      <c r="C2108" s="7">
        <f t="shared" si="32"/>
        <v>35.081549999999993</v>
      </c>
      <c r="I2108" s="1"/>
    </row>
    <row r="2109" spans="1:9" x14ac:dyDescent="0.25">
      <c r="A2109" s="3">
        <v>41794.625868055555</v>
      </c>
      <c r="B2109" s="6">
        <v>35098.199999999997</v>
      </c>
      <c r="C2109" s="7">
        <f t="shared" si="32"/>
        <v>35.098199999999999</v>
      </c>
      <c r="I2109" s="1"/>
    </row>
    <row r="2110" spans="1:9" x14ac:dyDescent="0.25">
      <c r="A2110" s="3">
        <v>41794.62773148148</v>
      </c>
      <c r="B2110" s="6">
        <v>35114.85</v>
      </c>
      <c r="C2110" s="7">
        <f t="shared" si="32"/>
        <v>35.114849999999997</v>
      </c>
      <c r="I2110" s="1"/>
    </row>
    <row r="2111" spans="1:9" x14ac:dyDescent="0.25">
      <c r="A2111" s="3">
        <v>41794.627916666665</v>
      </c>
      <c r="B2111" s="6">
        <v>35131.5</v>
      </c>
      <c r="C2111" s="7">
        <f t="shared" si="32"/>
        <v>35.131500000000003</v>
      </c>
      <c r="I2111" s="1"/>
    </row>
    <row r="2112" spans="1:9" x14ac:dyDescent="0.25">
      <c r="A2112" s="3">
        <v>41794.632303240738</v>
      </c>
      <c r="B2112" s="6">
        <v>35148.149999999994</v>
      </c>
      <c r="C2112" s="7">
        <f t="shared" si="32"/>
        <v>35.148149999999994</v>
      </c>
      <c r="I2112" s="1"/>
    </row>
    <row r="2113" spans="1:9" x14ac:dyDescent="0.25">
      <c r="A2113" s="3">
        <v>41794.632569444446</v>
      </c>
      <c r="B2113" s="6">
        <v>35164.799999999996</v>
      </c>
      <c r="C2113" s="7">
        <f t="shared" si="32"/>
        <v>35.164799999999993</v>
      </c>
      <c r="I2113" s="1"/>
    </row>
    <row r="2114" spans="1:9" x14ac:dyDescent="0.25">
      <c r="A2114" s="3">
        <v>41794.635775462964</v>
      </c>
      <c r="B2114" s="6">
        <v>35181.449999999997</v>
      </c>
      <c r="C2114" s="7">
        <f t="shared" si="32"/>
        <v>35.181449999999998</v>
      </c>
      <c r="I2114" s="1"/>
    </row>
    <row r="2115" spans="1:9" x14ac:dyDescent="0.25">
      <c r="A2115" s="3">
        <v>41794.635937500003</v>
      </c>
      <c r="B2115" s="6">
        <v>35198.1</v>
      </c>
      <c r="C2115" s="7">
        <f t="shared" ref="C2115:C2178" si="33">B2115/1000</f>
        <v>35.198099999999997</v>
      </c>
      <c r="I2115" s="1"/>
    </row>
    <row r="2116" spans="1:9" x14ac:dyDescent="0.25">
      <c r="A2116" s="3">
        <v>41794.642974537041</v>
      </c>
      <c r="B2116" s="6">
        <v>35214.75</v>
      </c>
      <c r="C2116" s="7">
        <f t="shared" si="33"/>
        <v>35.214750000000002</v>
      </c>
      <c r="I2116" s="1"/>
    </row>
    <row r="2117" spans="1:9" x14ac:dyDescent="0.25">
      <c r="A2117" s="3">
        <v>41794.643148148149</v>
      </c>
      <c r="B2117" s="6">
        <v>35231.399999999994</v>
      </c>
      <c r="C2117" s="7">
        <f t="shared" si="33"/>
        <v>35.231399999999994</v>
      </c>
      <c r="I2117" s="1"/>
    </row>
    <row r="2118" spans="1:9" x14ac:dyDescent="0.25">
      <c r="A2118" s="3">
        <v>41794.646168981482</v>
      </c>
      <c r="B2118" s="6">
        <v>35248.049999999996</v>
      </c>
      <c r="C2118" s="7">
        <f t="shared" si="33"/>
        <v>35.248049999999992</v>
      </c>
      <c r="I2118" s="1"/>
    </row>
    <row r="2119" spans="1:9" x14ac:dyDescent="0.25">
      <c r="A2119" s="3">
        <v>41794.646273148152</v>
      </c>
      <c r="B2119" s="6">
        <v>35264.699999999997</v>
      </c>
      <c r="C2119" s="7">
        <f t="shared" si="33"/>
        <v>35.264699999999998</v>
      </c>
      <c r="I2119" s="1"/>
    </row>
    <row r="2120" spans="1:9" x14ac:dyDescent="0.25">
      <c r="A2120" s="3">
        <v>41794.648530092592</v>
      </c>
      <c r="B2120" s="6">
        <v>35281.35</v>
      </c>
      <c r="C2120" s="7">
        <f t="shared" si="33"/>
        <v>35.281349999999996</v>
      </c>
      <c r="I2120" s="1"/>
    </row>
    <row r="2121" spans="1:9" x14ac:dyDescent="0.25">
      <c r="A2121" s="3">
        <v>41794.648645833331</v>
      </c>
      <c r="B2121" s="6">
        <v>35298</v>
      </c>
      <c r="C2121" s="7">
        <f t="shared" si="33"/>
        <v>35.298000000000002</v>
      </c>
      <c r="I2121" s="1"/>
    </row>
    <row r="2122" spans="1:9" x14ac:dyDescent="0.25">
      <c r="A2122" s="3">
        <v>41794.655810185184</v>
      </c>
      <c r="B2122" s="6">
        <v>35314.649999999994</v>
      </c>
      <c r="C2122" s="7">
        <f t="shared" si="33"/>
        <v>35.314649999999993</v>
      </c>
      <c r="I2122" s="1"/>
    </row>
    <row r="2123" spans="1:9" x14ac:dyDescent="0.25">
      <c r="A2123" s="3">
        <v>41794.656018518515</v>
      </c>
      <c r="B2123" s="6">
        <v>35331.299999999996</v>
      </c>
      <c r="C2123" s="7">
        <f t="shared" si="33"/>
        <v>35.331299999999999</v>
      </c>
      <c r="I2123" s="1"/>
    </row>
    <row r="2124" spans="1:9" x14ac:dyDescent="0.25">
      <c r="A2124" s="3">
        <v>41794.660393518519</v>
      </c>
      <c r="B2124" s="6">
        <v>35347.949999999997</v>
      </c>
      <c r="C2124" s="7">
        <f t="shared" si="33"/>
        <v>35.347949999999997</v>
      </c>
      <c r="I2124" s="1"/>
    </row>
    <row r="2125" spans="1:9" x14ac:dyDescent="0.25">
      <c r="A2125" s="3">
        <v>41794.660763888889</v>
      </c>
      <c r="B2125" s="6">
        <v>35364.6</v>
      </c>
      <c r="C2125" s="7">
        <f t="shared" si="33"/>
        <v>35.364599999999996</v>
      </c>
      <c r="I2125" s="1"/>
    </row>
    <row r="2126" spans="1:9" x14ac:dyDescent="0.25">
      <c r="A2126" s="3">
        <v>41794.662534722222</v>
      </c>
      <c r="B2126" s="6">
        <v>35381.25</v>
      </c>
      <c r="C2126" s="7">
        <f t="shared" si="33"/>
        <v>35.381250000000001</v>
      </c>
      <c r="I2126" s="1"/>
    </row>
    <row r="2127" spans="1:9" x14ac:dyDescent="0.25">
      <c r="A2127" s="3">
        <v>41794.66269675926</v>
      </c>
      <c r="B2127" s="6">
        <v>35397.899999999994</v>
      </c>
      <c r="C2127" s="7">
        <f t="shared" si="33"/>
        <v>35.397899999999993</v>
      </c>
      <c r="I2127" s="1"/>
    </row>
    <row r="2128" spans="1:9" x14ac:dyDescent="0.25">
      <c r="A2128" s="3">
        <v>41794.666180555556</v>
      </c>
      <c r="B2128" s="6">
        <v>35414.549999999996</v>
      </c>
      <c r="C2128" s="7">
        <f t="shared" si="33"/>
        <v>35.414549999999998</v>
      </c>
      <c r="I2128" s="1"/>
    </row>
    <row r="2129" spans="1:9" x14ac:dyDescent="0.25">
      <c r="A2129" s="3">
        <v>41794.666481481479</v>
      </c>
      <c r="B2129" s="6">
        <v>35431.199999999997</v>
      </c>
      <c r="C2129" s="7">
        <f t="shared" si="33"/>
        <v>35.431199999999997</v>
      </c>
      <c r="I2129" s="1"/>
    </row>
    <row r="2130" spans="1:9" x14ac:dyDescent="0.25">
      <c r="A2130" s="3">
        <v>41794.6719212963</v>
      </c>
      <c r="B2130" s="6">
        <v>35447.85</v>
      </c>
      <c r="C2130" s="7">
        <f t="shared" si="33"/>
        <v>35.447849999999995</v>
      </c>
      <c r="I2130" s="1"/>
    </row>
    <row r="2131" spans="1:9" x14ac:dyDescent="0.25">
      <c r="A2131" s="3">
        <v>41794.672210648147</v>
      </c>
      <c r="B2131" s="6">
        <v>35464.5</v>
      </c>
      <c r="C2131" s="7">
        <f t="shared" si="33"/>
        <v>35.464500000000001</v>
      </c>
      <c r="I2131" s="1"/>
    </row>
    <row r="2132" spans="1:9" x14ac:dyDescent="0.25">
      <c r="A2132" s="3">
        <v>41794.675104166665</v>
      </c>
      <c r="B2132" s="6">
        <v>35481.149999999994</v>
      </c>
      <c r="C2132" s="7">
        <f t="shared" si="33"/>
        <v>35.481149999999992</v>
      </c>
      <c r="I2132" s="1"/>
    </row>
    <row r="2133" spans="1:9" x14ac:dyDescent="0.25">
      <c r="A2133" s="3">
        <v>41794.675347222219</v>
      </c>
      <c r="B2133" s="6">
        <v>35497.799999999996</v>
      </c>
      <c r="C2133" s="7">
        <f t="shared" si="33"/>
        <v>35.497799999999998</v>
      </c>
      <c r="I2133" s="1"/>
    </row>
    <row r="2134" spans="1:9" x14ac:dyDescent="0.25">
      <c r="A2134" s="3">
        <v>41794.679305555554</v>
      </c>
      <c r="B2134" s="6">
        <v>35514.449999999997</v>
      </c>
      <c r="C2134" s="7">
        <f t="shared" si="33"/>
        <v>35.514449999999997</v>
      </c>
      <c r="I2134" s="1"/>
    </row>
    <row r="2135" spans="1:9" x14ac:dyDescent="0.25">
      <c r="A2135" s="3">
        <v>41794.6797337963</v>
      </c>
      <c r="B2135" s="6">
        <v>35531.1</v>
      </c>
      <c r="C2135" s="7">
        <f t="shared" si="33"/>
        <v>35.531099999999995</v>
      </c>
      <c r="I2135" s="1"/>
    </row>
    <row r="2136" spans="1:9" x14ac:dyDescent="0.25">
      <c r="A2136" s="3">
        <v>41794.687881944446</v>
      </c>
      <c r="B2136" s="6">
        <v>35547.75</v>
      </c>
      <c r="C2136" s="7">
        <f t="shared" si="33"/>
        <v>35.547750000000001</v>
      </c>
      <c r="I2136" s="1"/>
    </row>
    <row r="2137" spans="1:9" x14ac:dyDescent="0.25">
      <c r="A2137" s="3">
        <v>41794.689664351848</v>
      </c>
      <c r="B2137" s="6">
        <v>35564.399999999994</v>
      </c>
      <c r="C2137" s="7">
        <f t="shared" si="33"/>
        <v>35.564399999999992</v>
      </c>
      <c r="I2137" s="1"/>
    </row>
    <row r="2138" spans="1:9" x14ac:dyDescent="0.25">
      <c r="A2138" s="3">
        <v>41794.696550925924</v>
      </c>
      <c r="B2138" s="6">
        <v>35581.049999999996</v>
      </c>
      <c r="C2138" s="7">
        <f t="shared" si="33"/>
        <v>35.581049999999998</v>
      </c>
      <c r="I2138" s="1"/>
    </row>
    <row r="2139" spans="1:9" x14ac:dyDescent="0.25">
      <c r="A2139" s="3">
        <v>41794.696666666663</v>
      </c>
      <c r="B2139" s="6">
        <v>35597.699999999997</v>
      </c>
      <c r="C2139" s="7">
        <f t="shared" si="33"/>
        <v>35.597699999999996</v>
      </c>
      <c r="I2139" s="1"/>
    </row>
    <row r="2140" spans="1:9" x14ac:dyDescent="0.25">
      <c r="A2140" s="3">
        <v>41794.699942129628</v>
      </c>
      <c r="B2140" s="6">
        <v>35614.35</v>
      </c>
      <c r="C2140" s="7">
        <f t="shared" si="33"/>
        <v>35.614350000000002</v>
      </c>
      <c r="I2140" s="1"/>
    </row>
    <row r="2141" spans="1:9" x14ac:dyDescent="0.25">
      <c r="A2141" s="3">
        <v>41794.702476851853</v>
      </c>
      <c r="B2141" s="6">
        <v>35631</v>
      </c>
      <c r="C2141" s="7">
        <f t="shared" si="33"/>
        <v>35.631</v>
      </c>
      <c r="I2141" s="1"/>
    </row>
    <row r="2142" spans="1:9" x14ac:dyDescent="0.25">
      <c r="A2142" s="3">
        <v>41794.704837962963</v>
      </c>
      <c r="B2142" s="6">
        <v>35647.649999999994</v>
      </c>
      <c r="C2142" s="7">
        <f t="shared" si="33"/>
        <v>35.647649999999992</v>
      </c>
      <c r="I2142" s="1"/>
    </row>
    <row r="2143" spans="1:9" x14ac:dyDescent="0.25">
      <c r="A2143" s="3">
        <v>41794.704953703702</v>
      </c>
      <c r="B2143" s="6">
        <v>35664.299999999996</v>
      </c>
      <c r="C2143" s="7">
        <f t="shared" si="33"/>
        <v>35.664299999999997</v>
      </c>
      <c r="I2143" s="1"/>
    </row>
    <row r="2144" spans="1:9" x14ac:dyDescent="0.25">
      <c r="A2144" s="3">
        <v>41794.706122685187</v>
      </c>
      <c r="B2144" s="6">
        <v>35680.949999999997</v>
      </c>
      <c r="C2144" s="7">
        <f t="shared" si="33"/>
        <v>35.680949999999996</v>
      </c>
      <c r="I2144" s="1"/>
    </row>
    <row r="2145" spans="1:9" x14ac:dyDescent="0.25">
      <c r="A2145" s="3">
        <v>41794.706192129626</v>
      </c>
      <c r="B2145" s="6">
        <v>35697.599999999999</v>
      </c>
      <c r="C2145" s="7">
        <f t="shared" si="33"/>
        <v>35.697600000000001</v>
      </c>
      <c r="I2145" s="1"/>
    </row>
    <row r="2146" spans="1:9" x14ac:dyDescent="0.25">
      <c r="A2146" s="3">
        <v>41794.707997685182</v>
      </c>
      <c r="B2146" s="6">
        <v>35714.25</v>
      </c>
      <c r="C2146" s="7">
        <f t="shared" si="33"/>
        <v>35.71425</v>
      </c>
      <c r="I2146" s="1"/>
    </row>
    <row r="2147" spans="1:9" x14ac:dyDescent="0.25">
      <c r="A2147" s="3">
        <v>41794.70815972222</v>
      </c>
      <c r="B2147" s="6">
        <v>35730.899999999994</v>
      </c>
      <c r="C2147" s="7">
        <f t="shared" si="33"/>
        <v>35.730899999999991</v>
      </c>
      <c r="I2147" s="1"/>
    </row>
    <row r="2148" spans="1:9" x14ac:dyDescent="0.25">
      <c r="A2148" s="3">
        <v>41794.710729166669</v>
      </c>
      <c r="B2148" s="6">
        <v>35747.549999999996</v>
      </c>
      <c r="C2148" s="7">
        <f t="shared" si="33"/>
        <v>35.747549999999997</v>
      </c>
      <c r="I2148" s="1"/>
    </row>
    <row r="2149" spans="1:9" x14ac:dyDescent="0.25">
      <c r="A2149" s="3">
        <v>41794.711006944446</v>
      </c>
      <c r="B2149" s="6">
        <v>35764.199999999997</v>
      </c>
      <c r="C2149" s="7">
        <f t="shared" si="33"/>
        <v>35.764199999999995</v>
      </c>
      <c r="I2149" s="1"/>
    </row>
    <row r="2150" spans="1:9" x14ac:dyDescent="0.25">
      <c r="A2150" s="3">
        <v>41794.714398148149</v>
      </c>
      <c r="B2150" s="6">
        <v>35780.85</v>
      </c>
      <c r="C2150" s="7">
        <f t="shared" si="33"/>
        <v>35.780850000000001</v>
      </c>
      <c r="I2150" s="1"/>
    </row>
    <row r="2151" spans="1:9" x14ac:dyDescent="0.25">
      <c r="A2151" s="3">
        <v>41794.714479166665</v>
      </c>
      <c r="B2151" s="6">
        <v>35797.5</v>
      </c>
      <c r="C2151" s="7">
        <f t="shared" si="33"/>
        <v>35.797499999999999</v>
      </c>
      <c r="I2151" s="1"/>
    </row>
    <row r="2152" spans="1:9" x14ac:dyDescent="0.25">
      <c r="A2152" s="3">
        <v>41794.715648148151</v>
      </c>
      <c r="B2152" s="6">
        <v>35814.149999999994</v>
      </c>
      <c r="C2152" s="7">
        <f t="shared" si="33"/>
        <v>35.814149999999991</v>
      </c>
      <c r="I2152" s="1"/>
    </row>
    <row r="2153" spans="1:9" x14ac:dyDescent="0.25">
      <c r="A2153" s="3">
        <v>41794.715740740743</v>
      </c>
      <c r="B2153" s="6">
        <v>35830.799999999996</v>
      </c>
      <c r="C2153" s="7">
        <f t="shared" si="33"/>
        <v>35.830799999999996</v>
      </c>
      <c r="I2153" s="1"/>
    </row>
    <row r="2154" spans="1:9" x14ac:dyDescent="0.25">
      <c r="A2154" s="3">
        <v>41794.717847222222</v>
      </c>
      <c r="B2154" s="6">
        <v>35847.449999999997</v>
      </c>
      <c r="C2154" s="7">
        <f t="shared" si="33"/>
        <v>35.847449999999995</v>
      </c>
      <c r="I2154" s="1"/>
    </row>
    <row r="2155" spans="1:9" x14ac:dyDescent="0.25">
      <c r="A2155" s="3">
        <v>41794.719293981485</v>
      </c>
      <c r="B2155" s="6">
        <v>35864.1</v>
      </c>
      <c r="C2155" s="7">
        <f t="shared" si="33"/>
        <v>35.864100000000001</v>
      </c>
      <c r="I2155" s="1"/>
    </row>
    <row r="2156" spans="1:9" x14ac:dyDescent="0.25">
      <c r="A2156" s="3">
        <v>41794.721099537041</v>
      </c>
      <c r="B2156" s="6">
        <v>35880.75</v>
      </c>
      <c r="C2156" s="7">
        <f t="shared" si="33"/>
        <v>35.880749999999999</v>
      </c>
      <c r="I2156" s="1"/>
    </row>
    <row r="2157" spans="1:9" x14ac:dyDescent="0.25">
      <c r="A2157" s="3">
        <v>41794.72115740741</v>
      </c>
      <c r="B2157" s="6">
        <v>35897.399999999994</v>
      </c>
      <c r="C2157" s="7">
        <f t="shared" si="33"/>
        <v>35.897399999999998</v>
      </c>
      <c r="I2157" s="1"/>
    </row>
    <row r="2158" spans="1:9" x14ac:dyDescent="0.25">
      <c r="A2158" s="3">
        <v>41794.722025462965</v>
      </c>
      <c r="B2158" s="6">
        <v>35914.049999999996</v>
      </c>
      <c r="C2158" s="7">
        <f t="shared" si="33"/>
        <v>35.914049999999996</v>
      </c>
      <c r="I2158" s="1"/>
    </row>
    <row r="2159" spans="1:9" x14ac:dyDescent="0.25">
      <c r="A2159" s="3">
        <v>41794.722326388888</v>
      </c>
      <c r="B2159" s="6">
        <v>35930.699999999997</v>
      </c>
      <c r="C2159" s="7">
        <f t="shared" si="33"/>
        <v>35.930699999999995</v>
      </c>
      <c r="I2159" s="1"/>
    </row>
    <row r="2160" spans="1:9" x14ac:dyDescent="0.25">
      <c r="A2160" s="3">
        <v>41794.725324074076</v>
      </c>
      <c r="B2160" s="6">
        <v>35947.35</v>
      </c>
      <c r="C2160" s="7">
        <f t="shared" si="33"/>
        <v>35.94735</v>
      </c>
      <c r="I2160" s="1"/>
    </row>
    <row r="2161" spans="1:9" x14ac:dyDescent="0.25">
      <c r="A2161" s="3">
        <v>41794.725393518522</v>
      </c>
      <c r="B2161" s="6">
        <v>35964</v>
      </c>
      <c r="C2161" s="7">
        <f t="shared" si="33"/>
        <v>35.963999999999999</v>
      </c>
      <c r="I2161" s="1"/>
    </row>
    <row r="2162" spans="1:9" x14ac:dyDescent="0.25">
      <c r="A2162" s="3">
        <v>41794.731516203705</v>
      </c>
      <c r="B2162" s="6">
        <v>35980.649999999994</v>
      </c>
      <c r="C2162" s="7">
        <f t="shared" si="33"/>
        <v>35.980649999999997</v>
      </c>
      <c r="I2162" s="1"/>
    </row>
    <row r="2163" spans="1:9" x14ac:dyDescent="0.25">
      <c r="A2163" s="3">
        <v>41794.73165509259</v>
      </c>
      <c r="B2163" s="6">
        <v>35997.299999999996</v>
      </c>
      <c r="C2163" s="7">
        <f t="shared" si="33"/>
        <v>35.997299999999996</v>
      </c>
      <c r="I2163" s="1"/>
    </row>
    <row r="2164" spans="1:9" x14ac:dyDescent="0.25">
      <c r="A2164" s="3">
        <v>41794.733495370368</v>
      </c>
      <c r="B2164" s="6">
        <v>36013.949999999997</v>
      </c>
      <c r="C2164" s="7">
        <f t="shared" si="33"/>
        <v>36.013949999999994</v>
      </c>
      <c r="I2164" s="1"/>
    </row>
    <row r="2165" spans="1:9" x14ac:dyDescent="0.25">
      <c r="A2165" s="3">
        <v>41794.733773148146</v>
      </c>
      <c r="B2165" s="6">
        <v>36030.6</v>
      </c>
      <c r="C2165" s="7">
        <f t="shared" si="33"/>
        <v>36.0306</v>
      </c>
      <c r="I2165" s="1"/>
    </row>
    <row r="2166" spans="1:9" x14ac:dyDescent="0.25">
      <c r="A2166" s="3">
        <v>41794.740381944444</v>
      </c>
      <c r="B2166" s="6">
        <v>36047.25</v>
      </c>
      <c r="C2166" s="7">
        <f t="shared" si="33"/>
        <v>36.047249999999998</v>
      </c>
      <c r="I2166" s="1"/>
    </row>
    <row r="2167" spans="1:9" x14ac:dyDescent="0.25">
      <c r="A2167" s="3">
        <v>41794.74113425926</v>
      </c>
      <c r="B2167" s="6">
        <v>36063.899999999994</v>
      </c>
      <c r="C2167" s="7">
        <f t="shared" si="33"/>
        <v>36.063899999999997</v>
      </c>
      <c r="I2167" s="1"/>
    </row>
    <row r="2168" spans="1:9" x14ac:dyDescent="0.25">
      <c r="A2168" s="3">
        <v>41794.744826388887</v>
      </c>
      <c r="B2168" s="6">
        <v>36080.549999999996</v>
      </c>
      <c r="C2168" s="7">
        <f t="shared" si="33"/>
        <v>36.080549999999995</v>
      </c>
      <c r="I2168" s="1"/>
    </row>
    <row r="2169" spans="1:9" x14ac:dyDescent="0.25">
      <c r="A2169" s="3">
        <v>41794.744895833333</v>
      </c>
      <c r="B2169" s="6">
        <v>36097.199999999997</v>
      </c>
      <c r="C2169" s="7">
        <f t="shared" si="33"/>
        <v>36.097199999999994</v>
      </c>
      <c r="I2169" s="1"/>
    </row>
    <row r="2170" spans="1:9" x14ac:dyDescent="0.25">
      <c r="A2170" s="3">
        <v>41794.747083333335</v>
      </c>
      <c r="B2170" s="6">
        <v>36113.85</v>
      </c>
      <c r="C2170" s="7">
        <f t="shared" si="33"/>
        <v>36.113849999999999</v>
      </c>
      <c r="I2170" s="1"/>
    </row>
    <row r="2171" spans="1:9" x14ac:dyDescent="0.25">
      <c r="A2171" s="3">
        <v>41794.747303240743</v>
      </c>
      <c r="B2171" s="6">
        <v>36130.5</v>
      </c>
      <c r="C2171" s="7">
        <f t="shared" si="33"/>
        <v>36.130499999999998</v>
      </c>
      <c r="I2171" s="1"/>
    </row>
    <row r="2172" spans="1:9" x14ac:dyDescent="0.25">
      <c r="A2172" s="3">
        <v>41794.749641203707</v>
      </c>
      <c r="B2172" s="6">
        <v>36147.149999999994</v>
      </c>
      <c r="C2172" s="7">
        <f t="shared" si="33"/>
        <v>36.147149999999996</v>
      </c>
      <c r="I2172" s="1"/>
    </row>
    <row r="2173" spans="1:9" x14ac:dyDescent="0.25">
      <c r="A2173" s="3">
        <v>41794.749872685185</v>
      </c>
      <c r="B2173" s="6">
        <v>36163.799999999996</v>
      </c>
      <c r="C2173" s="7">
        <f t="shared" si="33"/>
        <v>36.163799999999995</v>
      </c>
      <c r="I2173" s="1"/>
    </row>
    <row r="2174" spans="1:9" x14ac:dyDescent="0.25">
      <c r="A2174" s="3">
        <v>41794.751319444447</v>
      </c>
      <c r="B2174" s="6">
        <v>36180.449999999997</v>
      </c>
      <c r="C2174" s="7">
        <f t="shared" si="33"/>
        <v>36.18045</v>
      </c>
      <c r="I2174" s="1"/>
    </row>
    <row r="2175" spans="1:9" x14ac:dyDescent="0.25">
      <c r="A2175" s="3">
        <v>41794.751469907409</v>
      </c>
      <c r="B2175" s="6">
        <v>36197.1</v>
      </c>
      <c r="C2175" s="7">
        <f t="shared" si="33"/>
        <v>36.197099999999999</v>
      </c>
      <c r="I2175" s="1"/>
    </row>
    <row r="2176" spans="1:9" x14ac:dyDescent="0.25">
      <c r="A2176" s="3">
        <v>41794.752314814818</v>
      </c>
      <c r="B2176" s="6">
        <v>36213.75</v>
      </c>
      <c r="C2176" s="7">
        <f t="shared" si="33"/>
        <v>36.213749999999997</v>
      </c>
      <c r="I2176" s="1"/>
    </row>
    <row r="2177" spans="1:9" x14ac:dyDescent="0.25">
      <c r="A2177" s="3">
        <v>41794.752372685187</v>
      </c>
      <c r="B2177" s="6">
        <v>36230.399999999994</v>
      </c>
      <c r="C2177" s="7">
        <f t="shared" si="33"/>
        <v>36.230399999999996</v>
      </c>
      <c r="I2177" s="1"/>
    </row>
    <row r="2178" spans="1:9" x14ac:dyDescent="0.25">
      <c r="A2178" s="3">
        <v>41794.754467592589</v>
      </c>
      <c r="B2178" s="6">
        <v>36247.049999999996</v>
      </c>
      <c r="C2178" s="7">
        <f t="shared" si="33"/>
        <v>36.247049999999994</v>
      </c>
      <c r="I2178" s="1"/>
    </row>
    <row r="2179" spans="1:9" x14ac:dyDescent="0.25">
      <c r="A2179" s="3">
        <v>41794.757233796299</v>
      </c>
      <c r="B2179" s="6">
        <v>36263.699999999997</v>
      </c>
      <c r="C2179" s="7">
        <f t="shared" ref="C2179:C2242" si="34">B2179/1000</f>
        <v>36.2637</v>
      </c>
      <c r="I2179" s="1"/>
    </row>
    <row r="2180" spans="1:9" x14ac:dyDescent="0.25">
      <c r="A2180" s="3">
        <v>41794.759791666664</v>
      </c>
      <c r="B2180" s="6">
        <v>36280.35</v>
      </c>
      <c r="C2180" s="7">
        <f t="shared" si="34"/>
        <v>36.280349999999999</v>
      </c>
      <c r="I2180" s="1"/>
    </row>
    <row r="2181" spans="1:9" x14ac:dyDescent="0.25">
      <c r="A2181" s="3">
        <v>41794.760023148148</v>
      </c>
      <c r="B2181" s="6">
        <v>36297</v>
      </c>
      <c r="C2181" s="7">
        <f t="shared" si="34"/>
        <v>36.296999999999997</v>
      </c>
      <c r="I2181" s="1"/>
    </row>
    <row r="2182" spans="1:9" x14ac:dyDescent="0.25">
      <c r="A2182" s="3">
        <v>41794.761307870373</v>
      </c>
      <c r="B2182" s="6">
        <v>36313.649999999994</v>
      </c>
      <c r="C2182" s="7">
        <f t="shared" si="34"/>
        <v>36.313649999999996</v>
      </c>
      <c r="I2182" s="1"/>
    </row>
    <row r="2183" spans="1:9" x14ac:dyDescent="0.25">
      <c r="A2183" s="3">
        <v>41794.761388888888</v>
      </c>
      <c r="B2183" s="6">
        <v>36330.299999999996</v>
      </c>
      <c r="C2183" s="7">
        <f t="shared" si="34"/>
        <v>36.330299999999994</v>
      </c>
      <c r="I2183" s="1"/>
    </row>
    <row r="2184" spans="1:9" x14ac:dyDescent="0.25">
      <c r="A2184" s="3">
        <v>41794.766851851855</v>
      </c>
      <c r="B2184" s="6">
        <v>36346.949999999997</v>
      </c>
      <c r="C2184" s="7">
        <f t="shared" si="34"/>
        <v>36.34695</v>
      </c>
      <c r="I2184" s="1"/>
    </row>
    <row r="2185" spans="1:9" x14ac:dyDescent="0.25">
      <c r="A2185" s="3">
        <v>41794.767002314817</v>
      </c>
      <c r="B2185" s="6">
        <v>36363.599999999999</v>
      </c>
      <c r="C2185" s="7">
        <f t="shared" si="34"/>
        <v>36.363599999999998</v>
      </c>
      <c r="I2185" s="1"/>
    </row>
    <row r="2186" spans="1:9" x14ac:dyDescent="0.25">
      <c r="A2186" s="3">
        <v>41794.769004629627</v>
      </c>
      <c r="B2186" s="6">
        <v>36380.25</v>
      </c>
      <c r="C2186" s="7">
        <f t="shared" si="34"/>
        <v>36.380249999999997</v>
      </c>
      <c r="I2186" s="1"/>
    </row>
    <row r="2187" spans="1:9" x14ac:dyDescent="0.25">
      <c r="A2187" s="3">
        <v>41794.770601851851</v>
      </c>
      <c r="B2187" s="6">
        <v>36396.899999999994</v>
      </c>
      <c r="C2187" s="7">
        <f t="shared" si="34"/>
        <v>36.396899999999995</v>
      </c>
      <c r="I2187" s="1"/>
    </row>
    <row r="2188" spans="1:9" x14ac:dyDescent="0.25">
      <c r="A2188" s="3">
        <v>41794.773194444446</v>
      </c>
      <c r="B2188" s="6">
        <v>36413.549999999996</v>
      </c>
      <c r="C2188" s="7">
        <f t="shared" si="34"/>
        <v>36.413549999999994</v>
      </c>
      <c r="I2188" s="1"/>
    </row>
    <row r="2189" spans="1:9" x14ac:dyDescent="0.25">
      <c r="A2189" s="3">
        <v>41794.774016203701</v>
      </c>
      <c r="B2189" s="6">
        <v>36430.199999999997</v>
      </c>
      <c r="C2189" s="7">
        <f t="shared" si="34"/>
        <v>36.430199999999999</v>
      </c>
      <c r="I2189" s="1"/>
    </row>
    <row r="2190" spans="1:9" x14ac:dyDescent="0.25">
      <c r="A2190" s="3">
        <v>41794.777314814812</v>
      </c>
      <c r="B2190" s="6">
        <v>36446.85</v>
      </c>
      <c r="C2190" s="7">
        <f t="shared" si="34"/>
        <v>36.446849999999998</v>
      </c>
      <c r="I2190" s="1"/>
    </row>
    <row r="2191" spans="1:9" x14ac:dyDescent="0.25">
      <c r="A2191" s="3">
        <v>41794.777442129627</v>
      </c>
      <c r="B2191" s="6">
        <v>36463.5</v>
      </c>
      <c r="C2191" s="7">
        <f t="shared" si="34"/>
        <v>36.463500000000003</v>
      </c>
      <c r="I2191" s="1"/>
    </row>
    <row r="2192" spans="1:9" x14ac:dyDescent="0.25">
      <c r="A2192" s="3">
        <v>41794.782835648148</v>
      </c>
      <c r="B2192" s="6">
        <v>36480.149999999994</v>
      </c>
      <c r="C2192" s="7">
        <f t="shared" si="34"/>
        <v>36.480149999999995</v>
      </c>
      <c r="I2192" s="1"/>
    </row>
    <row r="2193" spans="1:9" x14ac:dyDescent="0.25">
      <c r="A2193" s="3">
        <v>41794.783356481479</v>
      </c>
      <c r="B2193" s="6">
        <v>36496.799999999996</v>
      </c>
      <c r="C2193" s="7">
        <f t="shared" si="34"/>
        <v>36.496799999999993</v>
      </c>
      <c r="I2193" s="1"/>
    </row>
    <row r="2194" spans="1:9" x14ac:dyDescent="0.25">
      <c r="A2194" s="3">
        <v>41824.139050925929</v>
      </c>
      <c r="B2194" s="6">
        <v>36513.449999999997</v>
      </c>
      <c r="C2194" s="7">
        <f t="shared" si="34"/>
        <v>36.513449999999999</v>
      </c>
      <c r="I2194" s="1"/>
    </row>
    <row r="2195" spans="1:9" x14ac:dyDescent="0.25">
      <c r="A2195" s="3">
        <v>41824.140104166669</v>
      </c>
      <c r="B2195" s="6">
        <v>36530.1</v>
      </c>
      <c r="C2195" s="7">
        <f t="shared" si="34"/>
        <v>36.530099999999997</v>
      </c>
      <c r="I2195" s="1"/>
    </row>
    <row r="2196" spans="1:9" x14ac:dyDescent="0.25">
      <c r="A2196" s="3">
        <v>41824.301516203705</v>
      </c>
      <c r="B2196" s="6">
        <v>36546.75</v>
      </c>
      <c r="C2196" s="7">
        <f t="shared" si="34"/>
        <v>36.546750000000003</v>
      </c>
      <c r="I2196" s="1"/>
    </row>
    <row r="2197" spans="1:9" x14ac:dyDescent="0.25">
      <c r="A2197" s="3">
        <v>41824.301689814813</v>
      </c>
      <c r="B2197" s="6">
        <v>36563.399999999994</v>
      </c>
      <c r="C2197" s="7">
        <f t="shared" si="34"/>
        <v>36.563399999999994</v>
      </c>
      <c r="I2197" s="1"/>
    </row>
    <row r="2198" spans="1:9" x14ac:dyDescent="0.25">
      <c r="A2198" s="3">
        <v>41824.30736111111</v>
      </c>
      <c r="B2198" s="6">
        <v>36580.049999999996</v>
      </c>
      <c r="C2198" s="7">
        <f t="shared" si="34"/>
        <v>36.580049999999993</v>
      </c>
      <c r="I2198" s="1"/>
    </row>
    <row r="2199" spans="1:9" x14ac:dyDescent="0.25">
      <c r="A2199" s="3">
        <v>41824.307627314818</v>
      </c>
      <c r="B2199" s="6">
        <v>36596.699999999997</v>
      </c>
      <c r="C2199" s="7">
        <f t="shared" si="34"/>
        <v>36.596699999999998</v>
      </c>
      <c r="I2199" s="1"/>
    </row>
    <row r="2200" spans="1:9" x14ac:dyDescent="0.25">
      <c r="A2200" s="3">
        <v>41824.348657407405</v>
      </c>
      <c r="B2200" s="6">
        <v>36613.35</v>
      </c>
      <c r="C2200" s="7">
        <f t="shared" si="34"/>
        <v>36.613349999999997</v>
      </c>
      <c r="I2200" s="1"/>
    </row>
    <row r="2201" spans="1:9" x14ac:dyDescent="0.25">
      <c r="A2201" s="3">
        <v>41824.348865740743</v>
      </c>
      <c r="B2201" s="6">
        <v>36630</v>
      </c>
      <c r="C2201" s="7">
        <f t="shared" si="34"/>
        <v>36.630000000000003</v>
      </c>
      <c r="I2201" s="1"/>
    </row>
    <row r="2202" spans="1:9" x14ac:dyDescent="0.25">
      <c r="A2202" s="3">
        <v>41824.368263888886</v>
      </c>
      <c r="B2202" s="6">
        <v>36646.649999999994</v>
      </c>
      <c r="C2202" s="7">
        <f t="shared" si="34"/>
        <v>36.646649999999994</v>
      </c>
      <c r="I2202" s="1"/>
    </row>
    <row r="2203" spans="1:9" x14ac:dyDescent="0.25">
      <c r="A2203" s="3">
        <v>41824.36886574074</v>
      </c>
      <c r="B2203" s="6">
        <v>36663.299999999996</v>
      </c>
      <c r="C2203" s="7">
        <f t="shared" si="34"/>
        <v>36.663299999999992</v>
      </c>
      <c r="I2203" s="1"/>
    </row>
    <row r="2204" spans="1:9" x14ac:dyDescent="0.25">
      <c r="A2204" s="3">
        <v>41824.384166666663</v>
      </c>
      <c r="B2204" s="6">
        <v>36679.949999999997</v>
      </c>
      <c r="C2204" s="7">
        <f t="shared" si="34"/>
        <v>36.679949999999998</v>
      </c>
      <c r="I2204" s="1"/>
    </row>
    <row r="2205" spans="1:9" x14ac:dyDescent="0.25">
      <c r="A2205" s="3">
        <v>41824.384328703702</v>
      </c>
      <c r="B2205" s="6">
        <v>36696.6</v>
      </c>
      <c r="C2205" s="7">
        <f t="shared" si="34"/>
        <v>36.696599999999997</v>
      </c>
      <c r="I2205" s="1"/>
    </row>
    <row r="2206" spans="1:9" x14ac:dyDescent="0.25">
      <c r="A2206" s="3">
        <v>41824.416620370372</v>
      </c>
      <c r="B2206" s="6">
        <v>36713.25</v>
      </c>
      <c r="C2206" s="7">
        <f t="shared" si="34"/>
        <v>36.713250000000002</v>
      </c>
      <c r="I2206" s="1"/>
    </row>
    <row r="2207" spans="1:9" x14ac:dyDescent="0.25">
      <c r="A2207" s="3">
        <v>41824.416828703703</v>
      </c>
      <c r="B2207" s="6">
        <v>36729.899999999994</v>
      </c>
      <c r="C2207" s="7">
        <f t="shared" si="34"/>
        <v>36.729899999999994</v>
      </c>
      <c r="I2207" s="1"/>
    </row>
    <row r="2208" spans="1:9" x14ac:dyDescent="0.25">
      <c r="A2208" s="3">
        <v>41824.418993055559</v>
      </c>
      <c r="B2208" s="6">
        <v>36746.549999999996</v>
      </c>
      <c r="C2208" s="7">
        <f t="shared" si="34"/>
        <v>36.746549999999999</v>
      </c>
      <c r="I2208" s="1"/>
    </row>
    <row r="2209" spans="1:9" x14ac:dyDescent="0.25">
      <c r="A2209" s="3">
        <v>41824.419074074074</v>
      </c>
      <c r="B2209" s="6">
        <v>36763.199999999997</v>
      </c>
      <c r="C2209" s="7">
        <f t="shared" si="34"/>
        <v>36.763199999999998</v>
      </c>
      <c r="I2209" s="1"/>
    </row>
    <row r="2210" spans="1:9" x14ac:dyDescent="0.25">
      <c r="A2210" s="3">
        <v>41824.420393518521</v>
      </c>
      <c r="B2210" s="6">
        <v>36779.85</v>
      </c>
      <c r="C2210" s="7">
        <f t="shared" si="34"/>
        <v>36.779849999999996</v>
      </c>
      <c r="I2210" s="1"/>
    </row>
    <row r="2211" spans="1:9" x14ac:dyDescent="0.25">
      <c r="A2211" s="3">
        <v>41824.420520833337</v>
      </c>
      <c r="B2211" s="6">
        <v>36796.5</v>
      </c>
      <c r="C2211" s="7">
        <f t="shared" si="34"/>
        <v>36.796500000000002</v>
      </c>
      <c r="I2211" s="1"/>
    </row>
    <row r="2212" spans="1:9" x14ac:dyDescent="0.25">
      <c r="A2212" s="3">
        <v>41824.42528935185</v>
      </c>
      <c r="B2212" s="6">
        <v>36813.149999999994</v>
      </c>
      <c r="C2212" s="7">
        <f t="shared" si="34"/>
        <v>36.813149999999993</v>
      </c>
      <c r="I2212" s="1"/>
    </row>
    <row r="2213" spans="1:9" x14ac:dyDescent="0.25">
      <c r="A2213" s="3">
        <v>41824.425474537034</v>
      </c>
      <c r="B2213" s="6">
        <v>36829.799999999996</v>
      </c>
      <c r="C2213" s="7">
        <f t="shared" si="34"/>
        <v>36.829799999999999</v>
      </c>
      <c r="I2213" s="1"/>
    </row>
    <row r="2214" spans="1:9" x14ac:dyDescent="0.25">
      <c r="A2214" s="3">
        <v>41824.435208333336</v>
      </c>
      <c r="B2214" s="6">
        <v>36846.449999999997</v>
      </c>
      <c r="C2214" s="7">
        <f t="shared" si="34"/>
        <v>36.846449999999997</v>
      </c>
      <c r="I2214" s="1"/>
    </row>
    <row r="2215" spans="1:9" x14ac:dyDescent="0.25">
      <c r="A2215" s="3">
        <v>41824.436064814814</v>
      </c>
      <c r="B2215" s="6">
        <v>36863.1</v>
      </c>
      <c r="C2215" s="7">
        <f t="shared" si="34"/>
        <v>36.863099999999996</v>
      </c>
      <c r="I2215" s="1"/>
    </row>
    <row r="2216" spans="1:9" x14ac:dyDescent="0.25">
      <c r="A2216" s="3">
        <v>41824.438854166663</v>
      </c>
      <c r="B2216" s="6">
        <v>36879.75</v>
      </c>
      <c r="C2216" s="7">
        <f t="shared" si="34"/>
        <v>36.879750000000001</v>
      </c>
      <c r="I2216" s="1"/>
    </row>
    <row r="2217" spans="1:9" x14ac:dyDescent="0.25">
      <c r="A2217" s="3">
        <v>41824.439409722225</v>
      </c>
      <c r="B2217" s="6">
        <v>36896.399999999994</v>
      </c>
      <c r="C2217" s="7">
        <f t="shared" si="34"/>
        <v>36.896399999999993</v>
      </c>
      <c r="I2217" s="1"/>
    </row>
    <row r="2218" spans="1:9" x14ac:dyDescent="0.25">
      <c r="A2218" s="3">
        <v>41824.441747685189</v>
      </c>
      <c r="B2218" s="6">
        <v>36913.049999999996</v>
      </c>
      <c r="C2218" s="7">
        <f t="shared" si="34"/>
        <v>36.913049999999998</v>
      </c>
      <c r="I2218" s="1"/>
    </row>
    <row r="2219" spans="1:9" x14ac:dyDescent="0.25">
      <c r="A2219" s="3">
        <v>41824.442129629628</v>
      </c>
      <c r="B2219" s="6">
        <v>36929.699999999997</v>
      </c>
      <c r="C2219" s="7">
        <f t="shared" si="34"/>
        <v>36.929699999999997</v>
      </c>
      <c r="I2219" s="1"/>
    </row>
    <row r="2220" spans="1:9" x14ac:dyDescent="0.25">
      <c r="A2220" s="3">
        <v>41824.445798611108</v>
      </c>
      <c r="B2220" s="6">
        <v>36946.35</v>
      </c>
      <c r="C2220" s="7">
        <f t="shared" si="34"/>
        <v>36.946349999999995</v>
      </c>
      <c r="I2220" s="1"/>
    </row>
    <row r="2221" spans="1:9" x14ac:dyDescent="0.25">
      <c r="A2221" s="3">
        <v>41824.445914351854</v>
      </c>
      <c r="B2221" s="6">
        <v>36963</v>
      </c>
      <c r="C2221" s="7">
        <f t="shared" si="34"/>
        <v>36.963000000000001</v>
      </c>
      <c r="I2221" s="1"/>
    </row>
    <row r="2222" spans="1:9" x14ac:dyDescent="0.25">
      <c r="A2222" s="3">
        <v>41824.448587962965</v>
      </c>
      <c r="B2222" s="6">
        <v>36979.649999999994</v>
      </c>
      <c r="C2222" s="7">
        <f t="shared" si="34"/>
        <v>36.979649999999992</v>
      </c>
      <c r="I2222" s="1"/>
    </row>
    <row r="2223" spans="1:9" x14ac:dyDescent="0.25">
      <c r="A2223" s="3">
        <v>41824.44872685185</v>
      </c>
      <c r="B2223" s="6">
        <v>36996.299999999996</v>
      </c>
      <c r="C2223" s="7">
        <f t="shared" si="34"/>
        <v>36.996299999999998</v>
      </c>
      <c r="I2223" s="1"/>
    </row>
    <row r="2224" spans="1:9" x14ac:dyDescent="0.25">
      <c r="A2224" s="3">
        <v>41824.454884259256</v>
      </c>
      <c r="B2224" s="6">
        <v>37012.949999999997</v>
      </c>
      <c r="C2224" s="7">
        <f t="shared" si="34"/>
        <v>37.012949999999996</v>
      </c>
      <c r="I2224" s="1"/>
    </row>
    <row r="2225" spans="1:9" x14ac:dyDescent="0.25">
      <c r="A2225" s="3">
        <v>41824.455277777779</v>
      </c>
      <c r="B2225" s="6">
        <v>37029.599999999999</v>
      </c>
      <c r="C2225" s="7">
        <f t="shared" si="34"/>
        <v>37.029600000000002</v>
      </c>
      <c r="I2225" s="1"/>
    </row>
    <row r="2226" spans="1:9" x14ac:dyDescent="0.25">
      <c r="A2226" s="3">
        <v>41824.458287037036</v>
      </c>
      <c r="B2226" s="6">
        <v>37046.25</v>
      </c>
      <c r="C2226" s="7">
        <f t="shared" si="34"/>
        <v>37.046250000000001</v>
      </c>
      <c r="I2226" s="1"/>
    </row>
    <row r="2227" spans="1:9" x14ac:dyDescent="0.25">
      <c r="A2227" s="3">
        <v>41824.458425925928</v>
      </c>
      <c r="B2227" s="6">
        <v>37062.899999999994</v>
      </c>
      <c r="C2227" s="7">
        <f t="shared" si="34"/>
        <v>37.062899999999992</v>
      </c>
      <c r="I2227" s="1"/>
    </row>
    <row r="2228" spans="1:9" x14ac:dyDescent="0.25">
      <c r="A2228" s="3">
        <v>41824.461273148147</v>
      </c>
      <c r="B2228" s="6">
        <v>37079.549999999996</v>
      </c>
      <c r="C2228" s="7">
        <f t="shared" si="34"/>
        <v>37.079549999999998</v>
      </c>
      <c r="I2228" s="1"/>
    </row>
    <row r="2229" spans="1:9" x14ac:dyDescent="0.25">
      <c r="A2229" s="3">
        <v>41824.461469907408</v>
      </c>
      <c r="B2229" s="6">
        <v>37096.199999999997</v>
      </c>
      <c r="C2229" s="7">
        <f t="shared" si="34"/>
        <v>37.096199999999996</v>
      </c>
      <c r="I2229" s="1"/>
    </row>
    <row r="2230" spans="1:9" x14ac:dyDescent="0.25">
      <c r="A2230" s="3">
        <v>41824.462766203702</v>
      </c>
      <c r="B2230" s="6">
        <v>37112.85</v>
      </c>
      <c r="C2230" s="7">
        <f t="shared" si="34"/>
        <v>37.112850000000002</v>
      </c>
      <c r="I2230" s="1"/>
    </row>
    <row r="2231" spans="1:9" x14ac:dyDescent="0.25">
      <c r="A2231" s="3">
        <v>41824.463009259256</v>
      </c>
      <c r="B2231" s="6">
        <v>37129.5</v>
      </c>
      <c r="C2231" s="7">
        <f t="shared" si="34"/>
        <v>37.1295</v>
      </c>
      <c r="I2231" s="1"/>
    </row>
    <row r="2232" spans="1:9" x14ac:dyDescent="0.25">
      <c r="A2232" s="3">
        <v>41824.467152777775</v>
      </c>
      <c r="B2232" s="6">
        <v>37146.149999999994</v>
      </c>
      <c r="C2232" s="7">
        <f t="shared" si="34"/>
        <v>37.146149999999992</v>
      </c>
      <c r="I2232" s="1"/>
    </row>
    <row r="2233" spans="1:9" x14ac:dyDescent="0.25">
      <c r="A2233" s="3">
        <v>41824.467604166668</v>
      </c>
      <c r="B2233" s="6">
        <v>37162.799999999996</v>
      </c>
      <c r="C2233" s="7">
        <f t="shared" si="34"/>
        <v>37.162799999999997</v>
      </c>
      <c r="I2233" s="1"/>
    </row>
    <row r="2234" spans="1:9" x14ac:dyDescent="0.25">
      <c r="A2234" s="3">
        <v>41824.470694444448</v>
      </c>
      <c r="B2234" s="6">
        <v>37179.449999999997</v>
      </c>
      <c r="C2234" s="7">
        <f t="shared" si="34"/>
        <v>37.179449999999996</v>
      </c>
      <c r="I2234" s="1"/>
    </row>
    <row r="2235" spans="1:9" x14ac:dyDescent="0.25">
      <c r="A2235" s="3">
        <v>41824.470925925925</v>
      </c>
      <c r="B2235" s="6">
        <v>37196.1</v>
      </c>
      <c r="C2235" s="7">
        <f t="shared" si="34"/>
        <v>37.196100000000001</v>
      </c>
      <c r="I2235" s="1"/>
    </row>
    <row r="2236" spans="1:9" x14ac:dyDescent="0.25">
      <c r="A2236" s="3">
        <v>41824.47278935185</v>
      </c>
      <c r="B2236" s="6">
        <v>37212.75</v>
      </c>
      <c r="C2236" s="7">
        <f t="shared" si="34"/>
        <v>37.21275</v>
      </c>
      <c r="I2236" s="1"/>
    </row>
    <row r="2237" spans="1:9" x14ac:dyDescent="0.25">
      <c r="A2237" s="3">
        <v>41824.473067129627</v>
      </c>
      <c r="B2237" s="6">
        <v>37229.399999999994</v>
      </c>
      <c r="C2237" s="7">
        <f t="shared" si="34"/>
        <v>37.229399999999991</v>
      </c>
      <c r="I2237" s="1"/>
    </row>
    <row r="2238" spans="1:9" x14ac:dyDescent="0.25">
      <c r="A2238" s="3">
        <v>41824.475624999999</v>
      </c>
      <c r="B2238" s="6">
        <v>37246.049999999996</v>
      </c>
      <c r="C2238" s="7">
        <f t="shared" si="34"/>
        <v>37.246049999999997</v>
      </c>
      <c r="I2238" s="1"/>
    </row>
    <row r="2239" spans="1:9" x14ac:dyDescent="0.25">
      <c r="A2239" s="3">
        <v>41824.475729166668</v>
      </c>
      <c r="B2239" s="6">
        <v>37262.699999999997</v>
      </c>
      <c r="C2239" s="7">
        <f t="shared" si="34"/>
        <v>37.262699999999995</v>
      </c>
      <c r="I2239" s="1"/>
    </row>
    <row r="2240" spans="1:9" x14ac:dyDescent="0.25">
      <c r="A2240" s="3">
        <v>41824.478414351855</v>
      </c>
      <c r="B2240" s="6">
        <v>37279.35</v>
      </c>
      <c r="C2240" s="7">
        <f t="shared" si="34"/>
        <v>37.279350000000001</v>
      </c>
      <c r="I2240" s="1"/>
    </row>
    <row r="2241" spans="1:9" x14ac:dyDescent="0.25">
      <c r="A2241" s="3">
        <v>41824.478877314818</v>
      </c>
      <c r="B2241" s="6">
        <v>37296</v>
      </c>
      <c r="C2241" s="7">
        <f t="shared" si="34"/>
        <v>37.295999999999999</v>
      </c>
      <c r="I2241" s="1"/>
    </row>
    <row r="2242" spans="1:9" x14ac:dyDescent="0.25">
      <c r="A2242" s="3">
        <v>41824.48333333333</v>
      </c>
      <c r="B2242" s="6">
        <v>37312.649999999994</v>
      </c>
      <c r="C2242" s="7">
        <f t="shared" si="34"/>
        <v>37.312649999999991</v>
      </c>
      <c r="I2242" s="1"/>
    </row>
    <row r="2243" spans="1:9" x14ac:dyDescent="0.25">
      <c r="A2243" s="3">
        <v>41824.483611111114</v>
      </c>
      <c r="B2243" s="6">
        <v>37329.299999999996</v>
      </c>
      <c r="C2243" s="7">
        <f t="shared" ref="C2243:C2306" si="35">B2243/1000</f>
        <v>37.329299999999996</v>
      </c>
      <c r="I2243" s="1"/>
    </row>
    <row r="2244" spans="1:9" x14ac:dyDescent="0.25">
      <c r="A2244" s="3">
        <v>41824.48636574074</v>
      </c>
      <c r="B2244" s="6">
        <v>37345.949999999997</v>
      </c>
      <c r="C2244" s="7">
        <f t="shared" si="35"/>
        <v>37.345949999999995</v>
      </c>
      <c r="I2244" s="1"/>
    </row>
    <row r="2245" spans="1:9" x14ac:dyDescent="0.25">
      <c r="A2245" s="3">
        <v>41824.486643518518</v>
      </c>
      <c r="B2245" s="6">
        <v>37362.6</v>
      </c>
      <c r="C2245" s="7">
        <f t="shared" si="35"/>
        <v>37.3626</v>
      </c>
      <c r="I2245" s="1"/>
    </row>
    <row r="2246" spans="1:9" x14ac:dyDescent="0.25">
      <c r="A2246" s="3">
        <v>41824.489606481482</v>
      </c>
      <c r="B2246" s="6">
        <v>37379.25</v>
      </c>
      <c r="C2246" s="7">
        <f t="shared" si="35"/>
        <v>37.379249999999999</v>
      </c>
      <c r="I2246" s="1"/>
    </row>
    <row r="2247" spans="1:9" x14ac:dyDescent="0.25">
      <c r="A2247" s="3">
        <v>41824.489861111113</v>
      </c>
      <c r="B2247" s="6">
        <v>37395.899999999994</v>
      </c>
      <c r="C2247" s="7">
        <f t="shared" si="35"/>
        <v>37.395899999999997</v>
      </c>
      <c r="I2247" s="1"/>
    </row>
    <row r="2248" spans="1:9" x14ac:dyDescent="0.25">
      <c r="A2248" s="3">
        <v>41824.4924537037</v>
      </c>
      <c r="B2248" s="6">
        <v>37412.549999999996</v>
      </c>
      <c r="C2248" s="7">
        <f t="shared" si="35"/>
        <v>37.412549999999996</v>
      </c>
      <c r="I2248" s="1"/>
    </row>
    <row r="2249" spans="1:9" x14ac:dyDescent="0.25">
      <c r="A2249" s="3">
        <v>41824.492858796293</v>
      </c>
      <c r="B2249" s="6">
        <v>37429.199999999997</v>
      </c>
      <c r="C2249" s="7">
        <f t="shared" si="35"/>
        <v>37.429199999999994</v>
      </c>
      <c r="I2249" s="1"/>
    </row>
    <row r="2250" spans="1:9" x14ac:dyDescent="0.25">
      <c r="A2250" s="3">
        <v>41824.496874999997</v>
      </c>
      <c r="B2250" s="6">
        <v>37445.85</v>
      </c>
      <c r="C2250" s="7">
        <f t="shared" si="35"/>
        <v>37.44585</v>
      </c>
      <c r="I2250" s="1"/>
    </row>
    <row r="2251" spans="1:9" x14ac:dyDescent="0.25">
      <c r="A2251" s="3">
        <v>41824.497673611113</v>
      </c>
      <c r="B2251" s="6">
        <v>37462.5</v>
      </c>
      <c r="C2251" s="7">
        <f t="shared" si="35"/>
        <v>37.462499999999999</v>
      </c>
      <c r="I2251" s="1"/>
    </row>
    <row r="2252" spans="1:9" x14ac:dyDescent="0.25">
      <c r="A2252" s="3">
        <v>41824.5003125</v>
      </c>
      <c r="B2252" s="6">
        <v>37479.149999999994</v>
      </c>
      <c r="C2252" s="7">
        <f t="shared" si="35"/>
        <v>37.479149999999997</v>
      </c>
      <c r="I2252" s="1"/>
    </row>
    <row r="2253" spans="1:9" x14ac:dyDescent="0.25">
      <c r="A2253" s="3">
        <v>41824.500567129631</v>
      </c>
      <c r="B2253" s="6">
        <v>37495.799999999996</v>
      </c>
      <c r="C2253" s="7">
        <f t="shared" si="35"/>
        <v>37.495799999999996</v>
      </c>
      <c r="I2253" s="1"/>
    </row>
    <row r="2254" spans="1:9" x14ac:dyDescent="0.25">
      <c r="A2254" s="3">
        <v>41824.503807870373</v>
      </c>
      <c r="B2254" s="6">
        <v>37512.449999999997</v>
      </c>
      <c r="C2254" s="7">
        <f t="shared" si="35"/>
        <v>37.512449999999994</v>
      </c>
      <c r="I2254" s="1"/>
    </row>
    <row r="2255" spans="1:9" x14ac:dyDescent="0.25">
      <c r="A2255" s="3">
        <v>41824.50408564815</v>
      </c>
      <c r="B2255" s="6">
        <v>37529.1</v>
      </c>
      <c r="C2255" s="7">
        <f t="shared" si="35"/>
        <v>37.5291</v>
      </c>
      <c r="I2255" s="1"/>
    </row>
    <row r="2256" spans="1:9" x14ac:dyDescent="0.25">
      <c r="A2256" s="3">
        <v>41824.507094907407</v>
      </c>
      <c r="B2256" s="6">
        <v>37545.75</v>
      </c>
      <c r="C2256" s="7">
        <f t="shared" si="35"/>
        <v>37.545749999999998</v>
      </c>
      <c r="I2256" s="1"/>
    </row>
    <row r="2257" spans="1:9" x14ac:dyDescent="0.25">
      <c r="A2257" s="3">
        <v>41824.508506944447</v>
      </c>
      <c r="B2257" s="6">
        <v>37562.399999999994</v>
      </c>
      <c r="C2257" s="7">
        <f t="shared" si="35"/>
        <v>37.562399999999997</v>
      </c>
      <c r="I2257" s="1"/>
    </row>
    <row r="2258" spans="1:9" x14ac:dyDescent="0.25">
      <c r="A2258" s="3">
        <v>41824.512129629627</v>
      </c>
      <c r="B2258" s="6">
        <v>37579.049999999996</v>
      </c>
      <c r="C2258" s="7">
        <f t="shared" si="35"/>
        <v>37.579049999999995</v>
      </c>
      <c r="I2258" s="1"/>
    </row>
    <row r="2259" spans="1:9" x14ac:dyDescent="0.25">
      <c r="A2259" s="3">
        <v>41824.512326388889</v>
      </c>
      <c r="B2259" s="6">
        <v>37595.699999999997</v>
      </c>
      <c r="C2259" s="7">
        <f t="shared" si="35"/>
        <v>37.595699999999994</v>
      </c>
      <c r="I2259" s="1"/>
    </row>
    <row r="2260" spans="1:9" x14ac:dyDescent="0.25">
      <c r="A2260" s="3">
        <v>41824.516111111108</v>
      </c>
      <c r="B2260" s="6">
        <v>37612.35</v>
      </c>
      <c r="C2260" s="7">
        <f t="shared" si="35"/>
        <v>37.612349999999999</v>
      </c>
      <c r="I2260" s="1"/>
    </row>
    <row r="2261" spans="1:9" x14ac:dyDescent="0.25">
      <c r="A2261" s="3">
        <v>41824.516388888886</v>
      </c>
      <c r="B2261" s="6">
        <v>37629</v>
      </c>
      <c r="C2261" s="7">
        <f t="shared" si="35"/>
        <v>37.628999999999998</v>
      </c>
      <c r="I2261" s="1"/>
    </row>
    <row r="2262" spans="1:9" x14ac:dyDescent="0.25">
      <c r="A2262" s="3">
        <v>41824.518067129633</v>
      </c>
      <c r="B2262" s="6">
        <v>37645.649999999994</v>
      </c>
      <c r="C2262" s="7">
        <f t="shared" si="35"/>
        <v>37.645649999999996</v>
      </c>
      <c r="I2262" s="1"/>
    </row>
    <row r="2263" spans="1:9" x14ac:dyDescent="0.25">
      <c r="A2263" s="3">
        <v>41824.51835648148</v>
      </c>
      <c r="B2263" s="6">
        <v>37662.299999999996</v>
      </c>
      <c r="C2263" s="7">
        <f t="shared" si="35"/>
        <v>37.662299999999995</v>
      </c>
      <c r="I2263" s="1"/>
    </row>
    <row r="2264" spans="1:9" x14ac:dyDescent="0.25">
      <c r="A2264" s="3">
        <v>41824.522511574076</v>
      </c>
      <c r="B2264" s="6">
        <v>37678.949999999997</v>
      </c>
      <c r="C2264" s="7">
        <f t="shared" si="35"/>
        <v>37.67895</v>
      </c>
      <c r="I2264" s="1"/>
    </row>
    <row r="2265" spans="1:9" x14ac:dyDescent="0.25">
      <c r="A2265" s="3">
        <v>41824.522962962961</v>
      </c>
      <c r="B2265" s="6">
        <v>37695.599999999999</v>
      </c>
      <c r="C2265" s="7">
        <f t="shared" si="35"/>
        <v>37.695599999999999</v>
      </c>
      <c r="I2265" s="1"/>
    </row>
    <row r="2266" spans="1:9" x14ac:dyDescent="0.25">
      <c r="A2266" s="3">
        <v>41824.525231481479</v>
      </c>
      <c r="B2266" s="6">
        <v>37712.25</v>
      </c>
      <c r="C2266" s="7">
        <f t="shared" si="35"/>
        <v>37.712249999999997</v>
      </c>
      <c r="I2266" s="1"/>
    </row>
    <row r="2267" spans="1:9" x14ac:dyDescent="0.25">
      <c r="A2267" s="3">
        <v>41824.52648148148</v>
      </c>
      <c r="B2267" s="6">
        <v>37728.899999999994</v>
      </c>
      <c r="C2267" s="7">
        <f t="shared" si="35"/>
        <v>37.728899999999996</v>
      </c>
      <c r="I2267" s="1"/>
    </row>
    <row r="2268" spans="1:9" x14ac:dyDescent="0.25">
      <c r="A2268" s="3">
        <v>41824.529050925928</v>
      </c>
      <c r="B2268" s="6">
        <v>37745.549999999996</v>
      </c>
      <c r="C2268" s="7">
        <f t="shared" si="35"/>
        <v>37.745549999999994</v>
      </c>
      <c r="I2268" s="1"/>
    </row>
    <row r="2269" spans="1:9" x14ac:dyDescent="0.25">
      <c r="A2269" s="3">
        <v>41824.529247685183</v>
      </c>
      <c r="B2269" s="6">
        <v>37762.199999999997</v>
      </c>
      <c r="C2269" s="7">
        <f t="shared" si="35"/>
        <v>37.7622</v>
      </c>
      <c r="I2269" s="1"/>
    </row>
    <row r="2270" spans="1:9" x14ac:dyDescent="0.25">
      <c r="A2270" s="3">
        <v>41824.531331018516</v>
      </c>
      <c r="B2270" s="6">
        <v>37778.85</v>
      </c>
      <c r="C2270" s="7">
        <f t="shared" si="35"/>
        <v>37.778849999999998</v>
      </c>
      <c r="I2270" s="1"/>
    </row>
    <row r="2271" spans="1:9" x14ac:dyDescent="0.25">
      <c r="A2271" s="3">
        <v>41824.531527777777</v>
      </c>
      <c r="B2271" s="6">
        <v>37795.5</v>
      </c>
      <c r="C2271" s="7">
        <f t="shared" si="35"/>
        <v>37.795499999999997</v>
      </c>
      <c r="I2271" s="1"/>
    </row>
    <row r="2272" spans="1:9" x14ac:dyDescent="0.25">
      <c r="A2272" s="3">
        <v>41824.533263888887</v>
      </c>
      <c r="B2272" s="6">
        <v>37812.149999999994</v>
      </c>
      <c r="C2272" s="7">
        <f t="shared" si="35"/>
        <v>37.812149999999995</v>
      </c>
      <c r="I2272" s="1"/>
    </row>
    <row r="2273" spans="1:9" x14ac:dyDescent="0.25">
      <c r="A2273" s="3">
        <v>41824.533645833333</v>
      </c>
      <c r="B2273" s="6">
        <v>37828.799999999996</v>
      </c>
      <c r="C2273" s="7">
        <f t="shared" si="35"/>
        <v>37.828799999999994</v>
      </c>
      <c r="I2273" s="1"/>
    </row>
    <row r="2274" spans="1:9" x14ac:dyDescent="0.25">
      <c r="A2274" s="3">
        <v>41824.53701388889</v>
      </c>
      <c r="B2274" s="6">
        <v>37845.449999999997</v>
      </c>
      <c r="C2274" s="7">
        <f t="shared" si="35"/>
        <v>37.84545</v>
      </c>
      <c r="I2274" s="1"/>
    </row>
    <row r="2275" spans="1:9" x14ac:dyDescent="0.25">
      <c r="A2275" s="3">
        <v>41824.537256944444</v>
      </c>
      <c r="B2275" s="6">
        <v>37862.1</v>
      </c>
      <c r="C2275" s="7">
        <f t="shared" si="35"/>
        <v>37.862099999999998</v>
      </c>
      <c r="I2275" s="1"/>
    </row>
    <row r="2276" spans="1:9" x14ac:dyDescent="0.25">
      <c r="A2276" s="3">
        <v>41824.541458333333</v>
      </c>
      <c r="B2276" s="6">
        <v>37878.75</v>
      </c>
      <c r="C2276" s="7">
        <f t="shared" si="35"/>
        <v>37.878749999999997</v>
      </c>
      <c r="I2276" s="1"/>
    </row>
    <row r="2277" spans="1:9" x14ac:dyDescent="0.25">
      <c r="A2277" s="3">
        <v>41824.541643518518</v>
      </c>
      <c r="B2277" s="6">
        <v>37895.399999999994</v>
      </c>
      <c r="C2277" s="7">
        <f t="shared" si="35"/>
        <v>37.895399999999995</v>
      </c>
      <c r="I2277" s="1"/>
    </row>
    <row r="2278" spans="1:9" x14ac:dyDescent="0.25">
      <c r="A2278" s="3">
        <v>41824.544108796297</v>
      </c>
      <c r="B2278" s="6">
        <v>37912.049999999996</v>
      </c>
      <c r="C2278" s="7">
        <f t="shared" si="35"/>
        <v>37.912049999999994</v>
      </c>
      <c r="I2278" s="1"/>
    </row>
    <row r="2279" spans="1:9" x14ac:dyDescent="0.25">
      <c r="A2279" s="3">
        <v>41824.544317129628</v>
      </c>
      <c r="B2279" s="6">
        <v>37928.699999999997</v>
      </c>
      <c r="C2279" s="7">
        <f t="shared" si="35"/>
        <v>37.928699999999999</v>
      </c>
      <c r="I2279" s="1"/>
    </row>
    <row r="2280" spans="1:9" x14ac:dyDescent="0.25">
      <c r="A2280" s="3">
        <v>41824.5465625</v>
      </c>
      <c r="B2280" s="6">
        <v>37945.35</v>
      </c>
      <c r="C2280" s="7">
        <f t="shared" si="35"/>
        <v>37.945349999999998</v>
      </c>
      <c r="I2280" s="1"/>
    </row>
    <row r="2281" spans="1:9" x14ac:dyDescent="0.25">
      <c r="A2281" s="3">
        <v>41824.546840277777</v>
      </c>
      <c r="B2281" s="6">
        <v>37962</v>
      </c>
      <c r="C2281" s="7">
        <f t="shared" si="35"/>
        <v>37.962000000000003</v>
      </c>
      <c r="I2281" s="1"/>
    </row>
    <row r="2282" spans="1:9" x14ac:dyDescent="0.25">
      <c r="A2282" s="3">
        <v>41824.548981481479</v>
      </c>
      <c r="B2282" s="6">
        <v>37978.649999999994</v>
      </c>
      <c r="C2282" s="7">
        <f t="shared" si="35"/>
        <v>37.978649999999995</v>
      </c>
      <c r="I2282" s="1"/>
    </row>
    <row r="2283" spans="1:9" x14ac:dyDescent="0.25">
      <c r="A2283" s="3">
        <v>41824.549259259256</v>
      </c>
      <c r="B2283" s="6">
        <v>37995.299999999996</v>
      </c>
      <c r="C2283" s="7">
        <f t="shared" si="35"/>
        <v>37.995299999999993</v>
      </c>
      <c r="I2283" s="1"/>
    </row>
    <row r="2284" spans="1:9" x14ac:dyDescent="0.25">
      <c r="A2284" s="3">
        <v>41824.551087962966</v>
      </c>
      <c r="B2284" s="6">
        <v>38011.949999999997</v>
      </c>
      <c r="C2284" s="7">
        <f t="shared" si="35"/>
        <v>38.011949999999999</v>
      </c>
      <c r="I2284" s="1"/>
    </row>
    <row r="2285" spans="1:9" x14ac:dyDescent="0.25">
      <c r="A2285" s="3">
        <v>41824.551539351851</v>
      </c>
      <c r="B2285" s="6">
        <v>38028.6</v>
      </c>
      <c r="C2285" s="7">
        <f t="shared" si="35"/>
        <v>38.028599999999997</v>
      </c>
      <c r="I2285" s="1"/>
    </row>
    <row r="2286" spans="1:9" x14ac:dyDescent="0.25">
      <c r="A2286" s="3">
        <v>41824.553726851853</v>
      </c>
      <c r="B2286" s="6">
        <v>38045.25</v>
      </c>
      <c r="C2286" s="7">
        <f t="shared" si="35"/>
        <v>38.045250000000003</v>
      </c>
      <c r="I2286" s="1"/>
    </row>
    <row r="2287" spans="1:9" x14ac:dyDescent="0.25">
      <c r="A2287" s="3">
        <v>41824.553854166668</v>
      </c>
      <c r="B2287" s="6">
        <v>38061.899999999994</v>
      </c>
      <c r="C2287" s="7">
        <f t="shared" si="35"/>
        <v>38.061899999999994</v>
      </c>
      <c r="I2287" s="1"/>
    </row>
    <row r="2288" spans="1:9" x14ac:dyDescent="0.25">
      <c r="A2288" s="3">
        <v>41824.556238425925</v>
      </c>
      <c r="B2288" s="6">
        <v>38078.549999999996</v>
      </c>
      <c r="C2288" s="7">
        <f t="shared" si="35"/>
        <v>38.078549999999993</v>
      </c>
      <c r="I2288" s="1"/>
    </row>
    <row r="2289" spans="1:9" x14ac:dyDescent="0.25">
      <c r="A2289" s="3">
        <v>41824.55667824074</v>
      </c>
      <c r="B2289" s="6">
        <v>38095.199999999997</v>
      </c>
      <c r="C2289" s="7">
        <f t="shared" si="35"/>
        <v>38.095199999999998</v>
      </c>
      <c r="I2289" s="1"/>
    </row>
    <row r="2290" spans="1:9" x14ac:dyDescent="0.25">
      <c r="A2290" s="3">
        <v>41824.557986111111</v>
      </c>
      <c r="B2290" s="6">
        <v>38111.85</v>
      </c>
      <c r="C2290" s="7">
        <f t="shared" si="35"/>
        <v>38.111849999999997</v>
      </c>
      <c r="I2290" s="1"/>
    </row>
    <row r="2291" spans="1:9" x14ac:dyDescent="0.25">
      <c r="A2291" s="3">
        <v>41824.558113425926</v>
      </c>
      <c r="B2291" s="6">
        <v>38128.5</v>
      </c>
      <c r="C2291" s="7">
        <f t="shared" si="35"/>
        <v>38.128500000000003</v>
      </c>
      <c r="I2291" s="1"/>
    </row>
    <row r="2292" spans="1:9" x14ac:dyDescent="0.25">
      <c r="A2292" s="3">
        <v>41824.561354166668</v>
      </c>
      <c r="B2292" s="6">
        <v>38145.149999999994</v>
      </c>
      <c r="C2292" s="7">
        <f t="shared" si="35"/>
        <v>38.145149999999994</v>
      </c>
      <c r="I2292" s="1"/>
    </row>
    <row r="2293" spans="1:9" x14ac:dyDescent="0.25">
      <c r="A2293" s="3">
        <v>41824.561805555553</v>
      </c>
      <c r="B2293" s="6">
        <v>38161.799999999996</v>
      </c>
      <c r="C2293" s="7">
        <f t="shared" si="35"/>
        <v>38.161799999999992</v>
      </c>
      <c r="I2293" s="1"/>
    </row>
    <row r="2294" spans="1:9" x14ac:dyDescent="0.25">
      <c r="A2294" s="3">
        <v>41824.563854166663</v>
      </c>
      <c r="B2294" s="6">
        <v>38178.449999999997</v>
      </c>
      <c r="C2294" s="7">
        <f t="shared" si="35"/>
        <v>38.178449999999998</v>
      </c>
      <c r="I2294" s="1"/>
    </row>
    <row r="2295" spans="1:9" x14ac:dyDescent="0.25">
      <c r="A2295" s="3">
        <v>41824.564629629633</v>
      </c>
      <c r="B2295" s="6">
        <v>38195.1</v>
      </c>
      <c r="C2295" s="7">
        <f t="shared" si="35"/>
        <v>38.195099999999996</v>
      </c>
      <c r="I2295" s="1"/>
    </row>
    <row r="2296" spans="1:9" x14ac:dyDescent="0.25">
      <c r="A2296" s="3">
        <v>41824.566354166665</v>
      </c>
      <c r="B2296" s="6">
        <v>38211.75</v>
      </c>
      <c r="C2296" s="7">
        <f t="shared" si="35"/>
        <v>38.211750000000002</v>
      </c>
      <c r="I2296" s="1"/>
    </row>
    <row r="2297" spans="1:9" x14ac:dyDescent="0.25">
      <c r="A2297" s="3">
        <v>41824.566562499997</v>
      </c>
      <c r="B2297" s="6">
        <v>38228.399999999994</v>
      </c>
      <c r="C2297" s="7">
        <f t="shared" si="35"/>
        <v>38.228399999999993</v>
      </c>
      <c r="I2297" s="1"/>
    </row>
    <row r="2298" spans="1:9" x14ac:dyDescent="0.25">
      <c r="A2298" s="3">
        <v>41824.568101851852</v>
      </c>
      <c r="B2298" s="6">
        <v>38245.049999999996</v>
      </c>
      <c r="C2298" s="7">
        <f t="shared" si="35"/>
        <v>38.245049999999999</v>
      </c>
      <c r="I2298" s="1"/>
    </row>
    <row r="2299" spans="1:9" x14ac:dyDescent="0.25">
      <c r="A2299" s="3">
        <v>41824.568206018521</v>
      </c>
      <c r="B2299" s="6">
        <v>38261.699999999997</v>
      </c>
      <c r="C2299" s="7">
        <f t="shared" si="35"/>
        <v>38.261699999999998</v>
      </c>
      <c r="I2299" s="1"/>
    </row>
    <row r="2300" spans="1:9" x14ac:dyDescent="0.25">
      <c r="A2300" s="3">
        <v>41824.570497685185</v>
      </c>
      <c r="B2300" s="6">
        <v>38278.35</v>
      </c>
      <c r="C2300" s="7">
        <f t="shared" si="35"/>
        <v>38.278349999999996</v>
      </c>
      <c r="I2300" s="1"/>
    </row>
    <row r="2301" spans="1:9" x14ac:dyDescent="0.25">
      <c r="A2301" s="3">
        <v>41824.570706018516</v>
      </c>
      <c r="B2301" s="6">
        <v>38295</v>
      </c>
      <c r="C2301" s="7">
        <f t="shared" si="35"/>
        <v>38.295000000000002</v>
      </c>
      <c r="I2301" s="1"/>
    </row>
    <row r="2302" spans="1:9" x14ac:dyDescent="0.25">
      <c r="A2302" s="3">
        <v>41824.572465277779</v>
      </c>
      <c r="B2302" s="6">
        <v>38311.649999999994</v>
      </c>
      <c r="C2302" s="7">
        <f t="shared" si="35"/>
        <v>38.311649999999993</v>
      </c>
      <c r="I2302" s="1"/>
    </row>
    <row r="2303" spans="1:9" x14ac:dyDescent="0.25">
      <c r="A2303" s="3">
        <v>41824.572581018518</v>
      </c>
      <c r="B2303" s="6">
        <v>38328.299999999996</v>
      </c>
      <c r="C2303" s="7">
        <f t="shared" si="35"/>
        <v>38.328299999999999</v>
      </c>
      <c r="I2303" s="1"/>
    </row>
    <row r="2304" spans="1:9" x14ac:dyDescent="0.25">
      <c r="A2304" s="3">
        <v>41824.574108796296</v>
      </c>
      <c r="B2304" s="6">
        <v>38344.949999999997</v>
      </c>
      <c r="C2304" s="7">
        <f t="shared" si="35"/>
        <v>38.344949999999997</v>
      </c>
      <c r="I2304" s="1"/>
    </row>
    <row r="2305" spans="1:9" x14ac:dyDescent="0.25">
      <c r="A2305" s="3">
        <v>41824.574293981481</v>
      </c>
      <c r="B2305" s="6">
        <v>38361.599999999999</v>
      </c>
      <c r="C2305" s="7">
        <f t="shared" si="35"/>
        <v>38.361599999999996</v>
      </c>
      <c r="I2305" s="1"/>
    </row>
    <row r="2306" spans="1:9" x14ac:dyDescent="0.25">
      <c r="A2306" s="3">
        <v>41824.577280092592</v>
      </c>
      <c r="B2306" s="6">
        <v>38378.25</v>
      </c>
      <c r="C2306" s="7">
        <f t="shared" si="35"/>
        <v>38.378250000000001</v>
      </c>
      <c r="I2306" s="1"/>
    </row>
    <row r="2307" spans="1:9" x14ac:dyDescent="0.25">
      <c r="A2307" s="3">
        <v>41824.578217592592</v>
      </c>
      <c r="B2307" s="6">
        <v>38394.899999999994</v>
      </c>
      <c r="C2307" s="7">
        <f t="shared" ref="C2307:C2370" si="36">B2307/1000</f>
        <v>38.394899999999993</v>
      </c>
      <c r="I2307" s="1"/>
    </row>
    <row r="2308" spans="1:9" x14ac:dyDescent="0.25">
      <c r="A2308" s="3">
        <v>41824.580034722225</v>
      </c>
      <c r="B2308" s="6">
        <v>38411.549999999996</v>
      </c>
      <c r="C2308" s="7">
        <f t="shared" si="36"/>
        <v>38.411549999999998</v>
      </c>
      <c r="I2308" s="1"/>
    </row>
    <row r="2309" spans="1:9" x14ac:dyDescent="0.25">
      <c r="A2309" s="3">
        <v>41824.580462962964</v>
      </c>
      <c r="B2309" s="6">
        <v>38428.199999999997</v>
      </c>
      <c r="C2309" s="7">
        <f t="shared" si="36"/>
        <v>38.428199999999997</v>
      </c>
      <c r="I2309" s="1"/>
    </row>
    <row r="2310" spans="1:9" x14ac:dyDescent="0.25">
      <c r="A2310" s="3">
        <v>41824.582326388889</v>
      </c>
      <c r="B2310" s="6">
        <v>38444.85</v>
      </c>
      <c r="C2310" s="7">
        <f t="shared" si="36"/>
        <v>38.444849999999995</v>
      </c>
      <c r="I2310" s="1"/>
    </row>
    <row r="2311" spans="1:9" x14ac:dyDescent="0.25">
      <c r="A2311" s="3">
        <v>41824.582754629628</v>
      </c>
      <c r="B2311" s="6">
        <v>38461.5</v>
      </c>
      <c r="C2311" s="7">
        <f t="shared" si="36"/>
        <v>38.461500000000001</v>
      </c>
      <c r="I2311" s="1"/>
    </row>
    <row r="2312" spans="1:9" x14ac:dyDescent="0.25">
      <c r="A2312" s="3">
        <v>41824.585752314815</v>
      </c>
      <c r="B2312" s="6">
        <v>38478.149999999994</v>
      </c>
      <c r="C2312" s="7">
        <f t="shared" si="36"/>
        <v>38.478149999999992</v>
      </c>
      <c r="I2312" s="1"/>
    </row>
    <row r="2313" spans="1:9" x14ac:dyDescent="0.25">
      <c r="A2313" s="3">
        <v>41824.585844907408</v>
      </c>
      <c r="B2313" s="6">
        <v>38494.799999999996</v>
      </c>
      <c r="C2313" s="7">
        <f t="shared" si="36"/>
        <v>38.494799999999998</v>
      </c>
      <c r="I2313" s="1"/>
    </row>
    <row r="2314" spans="1:9" x14ac:dyDescent="0.25">
      <c r="A2314" s="3">
        <v>41824.588101851848</v>
      </c>
      <c r="B2314" s="6">
        <v>38511.449999999997</v>
      </c>
      <c r="C2314" s="7">
        <f t="shared" si="36"/>
        <v>38.511449999999996</v>
      </c>
      <c r="I2314" s="1"/>
    </row>
    <row r="2315" spans="1:9" x14ac:dyDescent="0.25">
      <c r="A2315" s="3">
        <v>41824.588217592594</v>
      </c>
      <c r="B2315" s="6">
        <v>38528.1</v>
      </c>
      <c r="C2315" s="7">
        <f t="shared" si="36"/>
        <v>38.528100000000002</v>
      </c>
      <c r="I2315" s="1"/>
    </row>
    <row r="2316" spans="1:9" x14ac:dyDescent="0.25">
      <c r="A2316" s="3">
        <v>41824.590590277781</v>
      </c>
      <c r="B2316" s="6">
        <v>38544.75</v>
      </c>
      <c r="C2316" s="7">
        <f t="shared" si="36"/>
        <v>38.544750000000001</v>
      </c>
      <c r="I2316" s="1"/>
    </row>
    <row r="2317" spans="1:9" x14ac:dyDescent="0.25">
      <c r="A2317" s="3">
        <v>41824.590787037036</v>
      </c>
      <c r="B2317" s="6">
        <v>38561.399999999994</v>
      </c>
      <c r="C2317" s="7">
        <f t="shared" si="36"/>
        <v>38.561399999999992</v>
      </c>
      <c r="I2317" s="1"/>
    </row>
    <row r="2318" spans="1:9" x14ac:dyDescent="0.25">
      <c r="A2318" s="3">
        <v>41824.593819444446</v>
      </c>
      <c r="B2318" s="6">
        <v>38578.049999999996</v>
      </c>
      <c r="C2318" s="7">
        <f t="shared" si="36"/>
        <v>38.578049999999998</v>
      </c>
      <c r="I2318" s="1"/>
    </row>
    <row r="2319" spans="1:9" x14ac:dyDescent="0.25">
      <c r="A2319" s="3">
        <v>41824.593935185185</v>
      </c>
      <c r="B2319" s="6">
        <v>38594.699999999997</v>
      </c>
      <c r="C2319" s="7">
        <f t="shared" si="36"/>
        <v>38.594699999999996</v>
      </c>
      <c r="I2319" s="1"/>
    </row>
    <row r="2320" spans="1:9" x14ac:dyDescent="0.25">
      <c r="A2320" s="3">
        <v>41824.59716435185</v>
      </c>
      <c r="B2320" s="6">
        <v>38611.35</v>
      </c>
      <c r="C2320" s="7">
        <f t="shared" si="36"/>
        <v>38.611350000000002</v>
      </c>
      <c r="I2320" s="1"/>
    </row>
    <row r="2321" spans="1:9" x14ac:dyDescent="0.25">
      <c r="A2321" s="3">
        <v>41824.597395833334</v>
      </c>
      <c r="B2321" s="6">
        <v>38628</v>
      </c>
      <c r="C2321" s="7">
        <f t="shared" si="36"/>
        <v>38.628</v>
      </c>
      <c r="I2321" s="1"/>
    </row>
    <row r="2322" spans="1:9" x14ac:dyDescent="0.25">
      <c r="A2322" s="3">
        <v>41824.599108796298</v>
      </c>
      <c r="B2322" s="6">
        <v>38644.649999999994</v>
      </c>
      <c r="C2322" s="7">
        <f t="shared" si="36"/>
        <v>38.644649999999992</v>
      </c>
      <c r="I2322" s="1"/>
    </row>
    <row r="2323" spans="1:9" x14ac:dyDescent="0.25">
      <c r="A2323" s="3">
        <v>41824.599340277775</v>
      </c>
      <c r="B2323" s="6">
        <v>38661.299999999996</v>
      </c>
      <c r="C2323" s="7">
        <f t="shared" si="36"/>
        <v>38.661299999999997</v>
      </c>
      <c r="I2323" s="1"/>
    </row>
    <row r="2324" spans="1:9" x14ac:dyDescent="0.25">
      <c r="A2324" s="3">
        <v>41824.60229166667</v>
      </c>
      <c r="B2324" s="6">
        <v>38677.949999999997</v>
      </c>
      <c r="C2324" s="7">
        <f t="shared" si="36"/>
        <v>38.677949999999996</v>
      </c>
      <c r="I2324" s="1"/>
    </row>
    <row r="2325" spans="1:9" x14ac:dyDescent="0.25">
      <c r="A2325" s="3">
        <v>41824.602372685185</v>
      </c>
      <c r="B2325" s="6">
        <v>38694.6</v>
      </c>
      <c r="C2325" s="7">
        <f t="shared" si="36"/>
        <v>38.694600000000001</v>
      </c>
      <c r="I2325" s="1"/>
    </row>
    <row r="2326" spans="1:9" x14ac:dyDescent="0.25">
      <c r="A2326" s="3">
        <v>41824.604537037034</v>
      </c>
      <c r="B2326" s="6">
        <v>38711.25</v>
      </c>
      <c r="C2326" s="7">
        <f t="shared" si="36"/>
        <v>38.71125</v>
      </c>
      <c r="I2326" s="1"/>
    </row>
    <row r="2327" spans="1:9" x14ac:dyDescent="0.25">
      <c r="A2327" s="3">
        <v>41824.604641203703</v>
      </c>
      <c r="B2327" s="6">
        <v>38727.899999999994</v>
      </c>
      <c r="C2327" s="7">
        <f t="shared" si="36"/>
        <v>38.727899999999991</v>
      </c>
      <c r="I2327" s="1"/>
    </row>
    <row r="2328" spans="1:9" x14ac:dyDescent="0.25">
      <c r="A2328" s="3">
        <v>41824.605891203704</v>
      </c>
      <c r="B2328" s="6">
        <v>38744.549999999996</v>
      </c>
      <c r="C2328" s="7">
        <f t="shared" si="36"/>
        <v>38.744549999999997</v>
      </c>
      <c r="I2328" s="1"/>
    </row>
    <row r="2329" spans="1:9" x14ac:dyDescent="0.25">
      <c r="A2329" s="3">
        <v>41824.606030092589</v>
      </c>
      <c r="B2329" s="6">
        <v>38761.199999999997</v>
      </c>
      <c r="C2329" s="7">
        <f t="shared" si="36"/>
        <v>38.761199999999995</v>
      </c>
      <c r="I2329" s="1"/>
    </row>
    <row r="2330" spans="1:9" x14ac:dyDescent="0.25">
      <c r="A2330" s="3">
        <v>41824.608148148145</v>
      </c>
      <c r="B2330" s="6">
        <v>38777.85</v>
      </c>
      <c r="C2330" s="7">
        <f t="shared" si="36"/>
        <v>38.777850000000001</v>
      </c>
      <c r="I2330" s="1"/>
    </row>
    <row r="2331" spans="1:9" x14ac:dyDescent="0.25">
      <c r="A2331" s="3">
        <v>41824.608217592591</v>
      </c>
      <c r="B2331" s="6">
        <v>38794.5</v>
      </c>
      <c r="C2331" s="7">
        <f t="shared" si="36"/>
        <v>38.794499999999999</v>
      </c>
      <c r="I2331" s="1"/>
    </row>
    <row r="2332" spans="1:9" x14ac:dyDescent="0.25">
      <c r="A2332" s="3">
        <v>41824.610439814816</v>
      </c>
      <c r="B2332" s="6">
        <v>38811.149999999994</v>
      </c>
      <c r="C2332" s="7">
        <f t="shared" si="36"/>
        <v>38.811149999999991</v>
      </c>
      <c r="I2332" s="1"/>
    </row>
    <row r="2333" spans="1:9" x14ac:dyDescent="0.25">
      <c r="A2333" s="3">
        <v>41824.610682870371</v>
      </c>
      <c r="B2333" s="6">
        <v>38827.799999999996</v>
      </c>
      <c r="C2333" s="7">
        <f t="shared" si="36"/>
        <v>38.827799999999996</v>
      </c>
      <c r="I2333" s="1"/>
    </row>
    <row r="2334" spans="1:9" x14ac:dyDescent="0.25">
      <c r="A2334" s="3">
        <v>41824.615520833337</v>
      </c>
      <c r="B2334" s="6">
        <v>38844.449999999997</v>
      </c>
      <c r="C2334" s="7">
        <f t="shared" si="36"/>
        <v>38.844449999999995</v>
      </c>
      <c r="I2334" s="1"/>
    </row>
    <row r="2335" spans="1:9" x14ac:dyDescent="0.25">
      <c r="A2335" s="3">
        <v>41824.616863425923</v>
      </c>
      <c r="B2335" s="6">
        <v>38861.1</v>
      </c>
      <c r="C2335" s="7">
        <f t="shared" si="36"/>
        <v>38.8611</v>
      </c>
      <c r="I2335" s="1"/>
    </row>
    <row r="2336" spans="1:9" x14ac:dyDescent="0.25">
      <c r="A2336" s="3">
        <v>41824.620370370372</v>
      </c>
      <c r="B2336" s="6">
        <v>38877.75</v>
      </c>
      <c r="C2336" s="7">
        <f t="shared" si="36"/>
        <v>38.877749999999999</v>
      </c>
      <c r="I2336" s="1"/>
    </row>
    <row r="2337" spans="1:9" x14ac:dyDescent="0.25">
      <c r="A2337" s="3">
        <v>41824.620462962965</v>
      </c>
      <c r="B2337" s="6">
        <v>38894.399999999994</v>
      </c>
      <c r="C2337" s="7">
        <f t="shared" si="36"/>
        <v>38.894399999999997</v>
      </c>
      <c r="I2337" s="1"/>
    </row>
    <row r="2338" spans="1:9" x14ac:dyDescent="0.25">
      <c r="A2338" s="3">
        <v>41824.62296296296</v>
      </c>
      <c r="B2338" s="6">
        <v>38911.049999999996</v>
      </c>
      <c r="C2338" s="7">
        <f t="shared" si="36"/>
        <v>38.911049999999996</v>
      </c>
      <c r="I2338" s="1"/>
    </row>
    <row r="2339" spans="1:9" x14ac:dyDescent="0.25">
      <c r="A2339" s="3">
        <v>41824.624166666668</v>
      </c>
      <c r="B2339" s="6">
        <v>38927.699999999997</v>
      </c>
      <c r="C2339" s="7">
        <f t="shared" si="36"/>
        <v>38.927699999999994</v>
      </c>
      <c r="I2339" s="1"/>
    </row>
    <row r="2340" spans="1:9" x14ac:dyDescent="0.25">
      <c r="A2340" s="3">
        <v>41824.627372685187</v>
      </c>
      <c r="B2340" s="6">
        <v>38944.35</v>
      </c>
      <c r="C2340" s="7">
        <f t="shared" si="36"/>
        <v>38.94435</v>
      </c>
      <c r="I2340" s="1"/>
    </row>
    <row r="2341" spans="1:9" x14ac:dyDescent="0.25">
      <c r="A2341" s="3">
        <v>41824.627569444441</v>
      </c>
      <c r="B2341" s="6">
        <v>38961</v>
      </c>
      <c r="C2341" s="7">
        <f t="shared" si="36"/>
        <v>38.960999999999999</v>
      </c>
      <c r="I2341" s="1"/>
    </row>
    <row r="2342" spans="1:9" x14ac:dyDescent="0.25">
      <c r="A2342" s="3">
        <v>41824.631099537037</v>
      </c>
      <c r="B2342" s="6">
        <v>38977.649999999994</v>
      </c>
      <c r="C2342" s="7">
        <f t="shared" si="36"/>
        <v>38.977649999999997</v>
      </c>
      <c r="I2342" s="1"/>
    </row>
    <row r="2343" spans="1:9" x14ac:dyDescent="0.25">
      <c r="A2343" s="3">
        <v>41824.631331018521</v>
      </c>
      <c r="B2343" s="6">
        <v>38994.299999999996</v>
      </c>
      <c r="C2343" s="7">
        <f t="shared" si="36"/>
        <v>38.994299999999996</v>
      </c>
      <c r="I2343" s="1"/>
    </row>
    <row r="2344" spans="1:9" x14ac:dyDescent="0.25">
      <c r="A2344" s="3">
        <v>41824.635162037041</v>
      </c>
      <c r="B2344" s="6">
        <v>39010.949999999997</v>
      </c>
      <c r="C2344" s="7">
        <f t="shared" si="36"/>
        <v>39.010949999999994</v>
      </c>
      <c r="I2344" s="1"/>
    </row>
    <row r="2345" spans="1:9" x14ac:dyDescent="0.25">
      <c r="A2345" s="3">
        <v>41824.635462962964</v>
      </c>
      <c r="B2345" s="6">
        <v>39027.599999999999</v>
      </c>
      <c r="C2345" s="7">
        <f t="shared" si="36"/>
        <v>39.0276</v>
      </c>
      <c r="I2345" s="1"/>
    </row>
    <row r="2346" spans="1:9" x14ac:dyDescent="0.25">
      <c r="A2346" s="3">
        <v>41824.640324074076</v>
      </c>
      <c r="B2346" s="6">
        <v>39044.25</v>
      </c>
      <c r="C2346" s="7">
        <f t="shared" si="36"/>
        <v>39.044249999999998</v>
      </c>
      <c r="I2346" s="1"/>
    </row>
    <row r="2347" spans="1:9" x14ac:dyDescent="0.25">
      <c r="A2347" s="3">
        <v>41824.640451388892</v>
      </c>
      <c r="B2347" s="6">
        <v>39060.899999999994</v>
      </c>
      <c r="C2347" s="7">
        <f t="shared" si="36"/>
        <v>39.060899999999997</v>
      </c>
      <c r="I2347" s="1"/>
    </row>
    <row r="2348" spans="1:9" x14ac:dyDescent="0.25">
      <c r="A2348" s="3">
        <v>41824.643368055556</v>
      </c>
      <c r="B2348" s="6">
        <v>39077.549999999996</v>
      </c>
      <c r="C2348" s="7">
        <f t="shared" si="36"/>
        <v>39.077549999999995</v>
      </c>
      <c r="I2348" s="1"/>
    </row>
    <row r="2349" spans="1:9" x14ac:dyDescent="0.25">
      <c r="A2349" s="3">
        <v>41824.643553240741</v>
      </c>
      <c r="B2349" s="6">
        <v>39094.199999999997</v>
      </c>
      <c r="C2349" s="7">
        <f t="shared" si="36"/>
        <v>39.094199999999994</v>
      </c>
      <c r="I2349" s="1"/>
    </row>
    <row r="2350" spans="1:9" x14ac:dyDescent="0.25">
      <c r="A2350" s="3">
        <v>41824.64576388889</v>
      </c>
      <c r="B2350" s="6">
        <v>39110.85</v>
      </c>
      <c r="C2350" s="7">
        <f t="shared" si="36"/>
        <v>39.110849999999999</v>
      </c>
      <c r="I2350" s="1"/>
    </row>
    <row r="2351" spans="1:9" x14ac:dyDescent="0.25">
      <c r="A2351" s="3">
        <v>41824.645937499998</v>
      </c>
      <c r="B2351" s="6">
        <v>39127.5</v>
      </c>
      <c r="C2351" s="7">
        <f t="shared" si="36"/>
        <v>39.127499999999998</v>
      </c>
      <c r="I2351" s="1"/>
    </row>
    <row r="2352" spans="1:9" x14ac:dyDescent="0.25">
      <c r="A2352" s="3">
        <v>41824.647789351853</v>
      </c>
      <c r="B2352" s="6">
        <v>39144.149999999994</v>
      </c>
      <c r="C2352" s="7">
        <f t="shared" si="36"/>
        <v>39.144149999999996</v>
      </c>
      <c r="I2352" s="1"/>
    </row>
    <row r="2353" spans="1:9" x14ac:dyDescent="0.25">
      <c r="A2353" s="3">
        <v>41824.647905092592</v>
      </c>
      <c r="B2353" s="6">
        <v>39160.799999999996</v>
      </c>
      <c r="C2353" s="7">
        <f t="shared" si="36"/>
        <v>39.160799999999995</v>
      </c>
      <c r="I2353" s="1"/>
    </row>
    <row r="2354" spans="1:9" x14ac:dyDescent="0.25">
      <c r="A2354" s="3">
        <v>41824.64984953704</v>
      </c>
      <c r="B2354" s="6">
        <v>39177.449999999997</v>
      </c>
      <c r="C2354" s="7">
        <f t="shared" si="36"/>
        <v>39.17745</v>
      </c>
      <c r="I2354" s="1"/>
    </row>
    <row r="2355" spans="1:9" x14ac:dyDescent="0.25">
      <c r="A2355" s="3">
        <v>41824.649988425925</v>
      </c>
      <c r="B2355" s="6">
        <v>39194.1</v>
      </c>
      <c r="C2355" s="7">
        <f t="shared" si="36"/>
        <v>39.194099999999999</v>
      </c>
      <c r="I2355" s="1"/>
    </row>
    <row r="2356" spans="1:9" x14ac:dyDescent="0.25">
      <c r="A2356" s="3">
        <v>41824.654039351852</v>
      </c>
      <c r="B2356" s="6">
        <v>39210.75</v>
      </c>
      <c r="C2356" s="7">
        <f t="shared" si="36"/>
        <v>39.210749999999997</v>
      </c>
      <c r="I2356" s="1"/>
    </row>
    <row r="2357" spans="1:9" x14ac:dyDescent="0.25">
      <c r="A2357" s="3">
        <v>41824.65420138889</v>
      </c>
      <c r="B2357" s="6">
        <v>39227.399999999994</v>
      </c>
      <c r="C2357" s="7">
        <f t="shared" si="36"/>
        <v>39.227399999999996</v>
      </c>
      <c r="I2357" s="1"/>
    </row>
    <row r="2358" spans="1:9" x14ac:dyDescent="0.25">
      <c r="A2358" s="3">
        <v>41824.662210648145</v>
      </c>
      <c r="B2358" s="6">
        <v>39244.049999999996</v>
      </c>
      <c r="C2358" s="7">
        <f t="shared" si="36"/>
        <v>39.244049999999994</v>
      </c>
      <c r="I2358" s="1"/>
    </row>
    <row r="2359" spans="1:9" x14ac:dyDescent="0.25">
      <c r="A2359" s="3">
        <v>41824.662395833337</v>
      </c>
      <c r="B2359" s="6">
        <v>39260.699999999997</v>
      </c>
      <c r="C2359" s="7">
        <f t="shared" si="36"/>
        <v>39.2607</v>
      </c>
      <c r="I2359" s="1"/>
    </row>
    <row r="2360" spans="1:9" x14ac:dyDescent="0.25">
      <c r="A2360" s="3">
        <v>41824.674351851849</v>
      </c>
      <c r="B2360" s="6">
        <v>39277.35</v>
      </c>
      <c r="C2360" s="7">
        <f t="shared" si="36"/>
        <v>39.277349999999998</v>
      </c>
      <c r="I2360" s="1"/>
    </row>
    <row r="2361" spans="1:9" x14ac:dyDescent="0.25">
      <c r="A2361" s="3">
        <v>41824.674629629626</v>
      </c>
      <c r="B2361" s="6">
        <v>39294</v>
      </c>
      <c r="C2361" s="7">
        <f t="shared" si="36"/>
        <v>39.293999999999997</v>
      </c>
      <c r="I2361" s="1"/>
    </row>
    <row r="2362" spans="1:9" x14ac:dyDescent="0.25">
      <c r="A2362" s="3">
        <v>41824.683749999997</v>
      </c>
      <c r="B2362" s="6">
        <v>39310.649999999994</v>
      </c>
      <c r="C2362" s="7">
        <f t="shared" si="36"/>
        <v>39.310649999999995</v>
      </c>
      <c r="I2362" s="1"/>
    </row>
    <row r="2363" spans="1:9" x14ac:dyDescent="0.25">
      <c r="A2363" s="3">
        <v>41824.684027777781</v>
      </c>
      <c r="B2363" s="6">
        <v>39327.299999999996</v>
      </c>
      <c r="C2363" s="7">
        <f t="shared" si="36"/>
        <v>39.327299999999994</v>
      </c>
      <c r="I2363" s="1"/>
    </row>
    <row r="2364" spans="1:9" x14ac:dyDescent="0.25">
      <c r="A2364" s="3">
        <v>41824.693206018521</v>
      </c>
      <c r="B2364" s="6">
        <v>39343.949999999997</v>
      </c>
      <c r="C2364" s="7">
        <f t="shared" si="36"/>
        <v>39.34395</v>
      </c>
      <c r="I2364" s="1"/>
    </row>
    <row r="2365" spans="1:9" x14ac:dyDescent="0.25">
      <c r="A2365" s="3">
        <v>41824.694895833331</v>
      </c>
      <c r="B2365" s="6">
        <v>39360.6</v>
      </c>
      <c r="C2365" s="7">
        <f t="shared" si="36"/>
        <v>39.360599999999998</v>
      </c>
      <c r="I2365" s="1"/>
    </row>
    <row r="2366" spans="1:9" x14ac:dyDescent="0.25">
      <c r="A2366" s="3">
        <v>41824.699305555558</v>
      </c>
      <c r="B2366" s="6">
        <v>39377.25</v>
      </c>
      <c r="C2366" s="7">
        <f t="shared" si="36"/>
        <v>39.377249999999997</v>
      </c>
      <c r="I2366" s="1"/>
    </row>
    <row r="2367" spans="1:9" x14ac:dyDescent="0.25">
      <c r="A2367" s="3">
        <v>41824.699421296296</v>
      </c>
      <c r="B2367" s="6">
        <v>39393.899999999994</v>
      </c>
      <c r="C2367" s="7">
        <f t="shared" si="36"/>
        <v>39.393899999999995</v>
      </c>
      <c r="I2367" s="1"/>
    </row>
    <row r="2368" spans="1:9" x14ac:dyDescent="0.25">
      <c r="A2368" s="3">
        <v>41824.705393518518</v>
      </c>
      <c r="B2368" s="6">
        <v>39410.549999999996</v>
      </c>
      <c r="C2368" s="7">
        <f t="shared" si="36"/>
        <v>39.410549999999994</v>
      </c>
      <c r="I2368" s="1"/>
    </row>
    <row r="2369" spans="1:9" x14ac:dyDescent="0.25">
      <c r="A2369" s="3">
        <v>41824.70553240741</v>
      </c>
      <c r="B2369" s="6">
        <v>39427.199999999997</v>
      </c>
      <c r="C2369" s="7">
        <f t="shared" si="36"/>
        <v>39.427199999999999</v>
      </c>
      <c r="I2369" s="1"/>
    </row>
    <row r="2370" spans="1:9" x14ac:dyDescent="0.25">
      <c r="A2370" s="3">
        <v>41824.708796296298</v>
      </c>
      <c r="B2370" s="6">
        <v>39443.85</v>
      </c>
      <c r="C2370" s="7">
        <f t="shared" si="36"/>
        <v>39.443849999999998</v>
      </c>
      <c r="I2370" s="1"/>
    </row>
    <row r="2371" spans="1:9" x14ac:dyDescent="0.25">
      <c r="A2371" s="3">
        <v>41824.709120370368</v>
      </c>
      <c r="B2371" s="6">
        <v>39460.5</v>
      </c>
      <c r="C2371" s="7">
        <f t="shared" ref="C2371:C2434" si="37">B2371/1000</f>
        <v>39.460500000000003</v>
      </c>
      <c r="I2371" s="1"/>
    </row>
    <row r="2372" spans="1:9" x14ac:dyDescent="0.25">
      <c r="A2372" s="3">
        <v>41824.716134259259</v>
      </c>
      <c r="B2372" s="6">
        <v>39477.149999999994</v>
      </c>
      <c r="C2372" s="7">
        <f t="shared" si="37"/>
        <v>39.477149999999995</v>
      </c>
      <c r="I2372" s="1"/>
    </row>
    <row r="2373" spans="1:9" x14ac:dyDescent="0.25">
      <c r="A2373" s="3">
        <v>41824.718124999999</v>
      </c>
      <c r="B2373" s="6">
        <v>39493.799999999996</v>
      </c>
      <c r="C2373" s="7">
        <f t="shared" si="37"/>
        <v>39.493799999999993</v>
      </c>
      <c r="I2373" s="1"/>
    </row>
    <row r="2374" spans="1:9" x14ac:dyDescent="0.25">
      <c r="A2374" s="3">
        <v>41824.725115740737</v>
      </c>
      <c r="B2374" s="6">
        <v>39510.449999999997</v>
      </c>
      <c r="C2374" s="7">
        <f t="shared" si="37"/>
        <v>39.510449999999999</v>
      </c>
      <c r="I2374" s="1"/>
    </row>
    <row r="2375" spans="1:9" x14ac:dyDescent="0.25">
      <c r="A2375" s="3">
        <v>41824.725335648145</v>
      </c>
      <c r="B2375" s="6">
        <v>39527.1</v>
      </c>
      <c r="C2375" s="7">
        <f t="shared" si="37"/>
        <v>39.527099999999997</v>
      </c>
      <c r="I2375" s="1"/>
    </row>
    <row r="2376" spans="1:9" x14ac:dyDescent="0.25">
      <c r="A2376" s="3">
        <v>41824.731493055559</v>
      </c>
      <c r="B2376" s="6">
        <v>39543.75</v>
      </c>
      <c r="C2376" s="7">
        <f t="shared" si="37"/>
        <v>39.543750000000003</v>
      </c>
      <c r="I2376" s="1"/>
    </row>
    <row r="2377" spans="1:9" x14ac:dyDescent="0.25">
      <c r="A2377" s="3">
        <v>41824.731631944444</v>
      </c>
      <c r="B2377" s="6">
        <v>39560.399999999994</v>
      </c>
      <c r="C2377" s="7">
        <f t="shared" si="37"/>
        <v>39.560399999999994</v>
      </c>
      <c r="I2377" s="1"/>
    </row>
    <row r="2378" spans="1:9" x14ac:dyDescent="0.25">
      <c r="A2378" s="3">
        <v>41824.737997685188</v>
      </c>
      <c r="B2378" s="6">
        <v>39577.049999999996</v>
      </c>
      <c r="C2378" s="7">
        <f t="shared" si="37"/>
        <v>39.577049999999993</v>
      </c>
      <c r="I2378" s="1"/>
    </row>
    <row r="2379" spans="1:9" x14ac:dyDescent="0.25">
      <c r="A2379" s="3">
        <v>41824.742256944446</v>
      </c>
      <c r="B2379" s="6">
        <v>39593.699999999997</v>
      </c>
      <c r="C2379" s="7">
        <f t="shared" si="37"/>
        <v>39.593699999999998</v>
      </c>
      <c r="I2379" s="1"/>
    </row>
    <row r="2380" spans="1:9" x14ac:dyDescent="0.25">
      <c r="A2380" s="3">
        <v>41824.763564814813</v>
      </c>
      <c r="B2380" s="6">
        <v>39610.35</v>
      </c>
      <c r="C2380" s="7">
        <f t="shared" si="37"/>
        <v>39.610349999999997</v>
      </c>
      <c r="I2380" s="1"/>
    </row>
    <row r="2381" spans="1:9" x14ac:dyDescent="0.25">
      <c r="A2381" s="3">
        <v>41824.765069444446</v>
      </c>
      <c r="B2381" s="6">
        <v>39627</v>
      </c>
      <c r="C2381" s="7">
        <f t="shared" si="37"/>
        <v>39.627000000000002</v>
      </c>
      <c r="I2381" s="1"/>
    </row>
    <row r="2382" spans="1:9" x14ac:dyDescent="0.25">
      <c r="A2382" s="3">
        <v>41855.359548611108</v>
      </c>
      <c r="B2382" s="6">
        <v>39643.649999999994</v>
      </c>
      <c r="C2382" s="7">
        <f t="shared" si="37"/>
        <v>39.643649999999994</v>
      </c>
      <c r="I2382" s="1"/>
    </row>
    <row r="2383" spans="1:9" x14ac:dyDescent="0.25">
      <c r="A2383" s="3">
        <v>41855.362175925926</v>
      </c>
      <c r="B2383" s="6">
        <v>39660.299999999996</v>
      </c>
      <c r="C2383" s="7">
        <f t="shared" si="37"/>
        <v>39.660299999999992</v>
      </c>
      <c r="I2383" s="1"/>
    </row>
    <row r="2384" spans="1:9" x14ac:dyDescent="0.25">
      <c r="A2384" s="3">
        <v>41855.371863425928</v>
      </c>
      <c r="B2384" s="6">
        <v>39676.949999999997</v>
      </c>
      <c r="C2384" s="7">
        <f t="shared" si="37"/>
        <v>39.676949999999998</v>
      </c>
      <c r="I2384" s="1"/>
    </row>
    <row r="2385" spans="1:9" x14ac:dyDescent="0.25">
      <c r="A2385" s="3">
        <v>41855.37232638889</v>
      </c>
      <c r="B2385" s="6">
        <v>39693.599999999999</v>
      </c>
      <c r="C2385" s="7">
        <f t="shared" si="37"/>
        <v>39.693599999999996</v>
      </c>
      <c r="I2385" s="1"/>
    </row>
    <row r="2386" spans="1:9" x14ac:dyDescent="0.25">
      <c r="A2386" s="3">
        <v>41855.406469907408</v>
      </c>
      <c r="B2386" s="6">
        <v>39710.25</v>
      </c>
      <c r="C2386" s="7">
        <f t="shared" si="37"/>
        <v>39.710250000000002</v>
      </c>
      <c r="I2386" s="1"/>
    </row>
    <row r="2387" spans="1:9" x14ac:dyDescent="0.25">
      <c r="A2387" s="3">
        <v>41855.406851851854</v>
      </c>
      <c r="B2387" s="6">
        <v>39726.899999999994</v>
      </c>
      <c r="C2387" s="7">
        <f t="shared" si="37"/>
        <v>39.726899999999993</v>
      </c>
      <c r="I2387" s="1"/>
    </row>
    <row r="2388" spans="1:9" x14ac:dyDescent="0.25">
      <c r="A2388" s="3">
        <v>41855.412511574075</v>
      </c>
      <c r="B2388" s="6">
        <v>39743.549999999996</v>
      </c>
      <c r="C2388" s="7">
        <f t="shared" si="37"/>
        <v>39.743549999999999</v>
      </c>
      <c r="I2388" s="1"/>
    </row>
    <row r="2389" spans="1:9" x14ac:dyDescent="0.25">
      <c r="A2389" s="3">
        <v>41855.412731481483</v>
      </c>
      <c r="B2389" s="6">
        <v>39760.199999999997</v>
      </c>
      <c r="C2389" s="7">
        <f t="shared" si="37"/>
        <v>39.760199999999998</v>
      </c>
      <c r="I2389" s="1"/>
    </row>
    <row r="2390" spans="1:9" x14ac:dyDescent="0.25">
      <c r="A2390" s="3">
        <v>41855.416030092594</v>
      </c>
      <c r="B2390" s="6">
        <v>39776.85</v>
      </c>
      <c r="C2390" s="7">
        <f t="shared" si="37"/>
        <v>39.776849999999996</v>
      </c>
      <c r="I2390" s="1"/>
    </row>
    <row r="2391" spans="1:9" x14ac:dyDescent="0.25">
      <c r="A2391" s="3">
        <v>41855.417650462965</v>
      </c>
      <c r="B2391" s="6">
        <v>39793.5</v>
      </c>
      <c r="C2391" s="7">
        <f t="shared" si="37"/>
        <v>39.793500000000002</v>
      </c>
      <c r="I2391" s="1"/>
    </row>
    <row r="2392" spans="1:9" x14ac:dyDescent="0.25">
      <c r="A2392" s="3">
        <v>41855.421226851853</v>
      </c>
      <c r="B2392" s="6">
        <v>39810.149999999994</v>
      </c>
      <c r="C2392" s="7">
        <f t="shared" si="37"/>
        <v>39.810149999999993</v>
      </c>
      <c r="I2392" s="1"/>
    </row>
    <row r="2393" spans="1:9" x14ac:dyDescent="0.25">
      <c r="A2393" s="3">
        <v>41855.422881944447</v>
      </c>
      <c r="B2393" s="6">
        <v>39826.799999999996</v>
      </c>
      <c r="C2393" s="7">
        <f t="shared" si="37"/>
        <v>39.826799999999999</v>
      </c>
      <c r="I2393" s="1"/>
    </row>
    <row r="2394" spans="1:9" x14ac:dyDescent="0.25">
      <c r="A2394" s="3">
        <v>41855.427581018521</v>
      </c>
      <c r="B2394" s="6">
        <v>39843.449999999997</v>
      </c>
      <c r="C2394" s="7">
        <f t="shared" si="37"/>
        <v>39.843449999999997</v>
      </c>
      <c r="I2394" s="1"/>
    </row>
    <row r="2395" spans="1:9" x14ac:dyDescent="0.25">
      <c r="A2395" s="3">
        <v>41855.427881944444</v>
      </c>
      <c r="B2395" s="6">
        <v>39860.1</v>
      </c>
      <c r="C2395" s="7">
        <f t="shared" si="37"/>
        <v>39.860099999999996</v>
      </c>
      <c r="I2395" s="1"/>
    </row>
    <row r="2396" spans="1:9" x14ac:dyDescent="0.25">
      <c r="A2396" s="3">
        <v>41855.430937500001</v>
      </c>
      <c r="B2396" s="6">
        <v>39876.75</v>
      </c>
      <c r="C2396" s="7">
        <f t="shared" si="37"/>
        <v>39.876750000000001</v>
      </c>
      <c r="I2396" s="1"/>
    </row>
    <row r="2397" spans="1:9" x14ac:dyDescent="0.25">
      <c r="A2397" s="3">
        <v>41855.431446759256</v>
      </c>
      <c r="B2397" s="6">
        <v>39893.399999999994</v>
      </c>
      <c r="C2397" s="7">
        <f t="shared" si="37"/>
        <v>39.893399999999993</v>
      </c>
      <c r="I2397" s="1"/>
    </row>
    <row r="2398" spans="1:9" x14ac:dyDescent="0.25">
      <c r="A2398" s="3">
        <v>41855.433148148149</v>
      </c>
      <c r="B2398" s="6">
        <v>39910.049999999996</v>
      </c>
      <c r="C2398" s="7">
        <f t="shared" si="37"/>
        <v>39.910049999999998</v>
      </c>
      <c r="I2398" s="1"/>
    </row>
    <row r="2399" spans="1:9" x14ac:dyDescent="0.25">
      <c r="A2399" s="3">
        <v>41855.433275462965</v>
      </c>
      <c r="B2399" s="6">
        <v>39926.699999999997</v>
      </c>
      <c r="C2399" s="7">
        <f t="shared" si="37"/>
        <v>39.926699999999997</v>
      </c>
      <c r="I2399" s="1"/>
    </row>
    <row r="2400" spans="1:9" x14ac:dyDescent="0.25">
      <c r="A2400" s="3">
        <v>41855.435439814813</v>
      </c>
      <c r="B2400" s="6">
        <v>39943.35</v>
      </c>
      <c r="C2400" s="7">
        <f t="shared" si="37"/>
        <v>39.943349999999995</v>
      </c>
      <c r="I2400" s="1"/>
    </row>
    <row r="2401" spans="1:9" x14ac:dyDescent="0.25">
      <c r="A2401" s="3">
        <v>41855.435752314814</v>
      </c>
      <c r="B2401" s="6">
        <v>39960</v>
      </c>
      <c r="C2401" s="7">
        <f t="shared" si="37"/>
        <v>39.96</v>
      </c>
      <c r="I2401" s="1"/>
    </row>
    <row r="2402" spans="1:9" x14ac:dyDescent="0.25">
      <c r="A2402" s="3">
        <v>41855.437974537039</v>
      </c>
      <c r="B2402" s="6">
        <v>39976.649999999994</v>
      </c>
      <c r="C2402" s="7">
        <f t="shared" si="37"/>
        <v>39.976649999999992</v>
      </c>
      <c r="I2402" s="1"/>
    </row>
    <row r="2403" spans="1:9" x14ac:dyDescent="0.25">
      <c r="A2403" s="3">
        <v>41855.438263888886</v>
      </c>
      <c r="B2403" s="6">
        <v>39993.299999999996</v>
      </c>
      <c r="C2403" s="7">
        <f t="shared" si="37"/>
        <v>39.993299999999998</v>
      </c>
      <c r="I2403" s="1"/>
    </row>
    <row r="2404" spans="1:9" x14ac:dyDescent="0.25">
      <c r="A2404" s="3">
        <v>41855.443182870367</v>
      </c>
      <c r="B2404" s="6">
        <v>40009.949999999997</v>
      </c>
      <c r="C2404" s="7">
        <f t="shared" si="37"/>
        <v>40.009949999999996</v>
      </c>
      <c r="I2404" s="1"/>
    </row>
    <row r="2405" spans="1:9" x14ac:dyDescent="0.25">
      <c r="A2405" s="3">
        <v>41855.443622685183</v>
      </c>
      <c r="B2405" s="6">
        <v>40026.6</v>
      </c>
      <c r="C2405" s="7">
        <f t="shared" si="37"/>
        <v>40.026600000000002</v>
      </c>
      <c r="I2405" s="1"/>
    </row>
    <row r="2406" spans="1:9" x14ac:dyDescent="0.25">
      <c r="A2406" s="3">
        <v>41855.445960648147</v>
      </c>
      <c r="B2406" s="6">
        <v>40043.25</v>
      </c>
      <c r="C2406" s="7">
        <f t="shared" si="37"/>
        <v>40.04325</v>
      </c>
      <c r="I2406" s="1"/>
    </row>
    <row r="2407" spans="1:9" x14ac:dyDescent="0.25">
      <c r="A2407" s="3">
        <v>41855.446168981478</v>
      </c>
      <c r="B2407" s="6">
        <v>40059.899999999994</v>
      </c>
      <c r="C2407" s="7">
        <f t="shared" si="37"/>
        <v>40.059899999999992</v>
      </c>
      <c r="I2407" s="1"/>
    </row>
    <row r="2408" spans="1:9" x14ac:dyDescent="0.25">
      <c r="A2408" s="3">
        <v>41855.450011574074</v>
      </c>
      <c r="B2408" s="6">
        <v>40076.549999999996</v>
      </c>
      <c r="C2408" s="7">
        <f t="shared" si="37"/>
        <v>40.076549999999997</v>
      </c>
      <c r="I2408" s="1"/>
    </row>
    <row r="2409" spans="1:9" x14ac:dyDescent="0.25">
      <c r="A2409" s="3">
        <v>41855.450439814813</v>
      </c>
      <c r="B2409" s="6">
        <v>40093.199999999997</v>
      </c>
      <c r="C2409" s="7">
        <f t="shared" si="37"/>
        <v>40.093199999999996</v>
      </c>
      <c r="I2409" s="1"/>
    </row>
    <row r="2410" spans="1:9" x14ac:dyDescent="0.25">
      <c r="A2410" s="3">
        <v>41855.4530787037</v>
      </c>
      <c r="B2410" s="6">
        <v>40109.85</v>
      </c>
      <c r="C2410" s="7">
        <f t="shared" si="37"/>
        <v>40.109850000000002</v>
      </c>
      <c r="I2410" s="1"/>
    </row>
    <row r="2411" spans="1:9" x14ac:dyDescent="0.25">
      <c r="A2411" s="3">
        <v>41855.453425925924</v>
      </c>
      <c r="B2411" s="6">
        <v>40126.5</v>
      </c>
      <c r="C2411" s="7">
        <f t="shared" si="37"/>
        <v>40.1265</v>
      </c>
      <c r="I2411" s="1"/>
    </row>
    <row r="2412" spans="1:9" x14ac:dyDescent="0.25">
      <c r="A2412" s="3">
        <v>41855.456689814811</v>
      </c>
      <c r="B2412" s="6">
        <v>40143.149999999994</v>
      </c>
      <c r="C2412" s="7">
        <f t="shared" si="37"/>
        <v>40.143149999999991</v>
      </c>
      <c r="I2412" s="1"/>
    </row>
    <row r="2413" spans="1:9" x14ac:dyDescent="0.25">
      <c r="A2413" s="3">
        <v>41855.457187499997</v>
      </c>
      <c r="B2413" s="6">
        <v>40159.799999999996</v>
      </c>
      <c r="C2413" s="7">
        <f t="shared" si="37"/>
        <v>40.159799999999997</v>
      </c>
      <c r="I2413" s="1"/>
    </row>
    <row r="2414" spans="1:9" x14ac:dyDescent="0.25">
      <c r="A2414" s="3">
        <v>41855.459814814814</v>
      </c>
      <c r="B2414" s="6">
        <v>40176.449999999997</v>
      </c>
      <c r="C2414" s="7">
        <f t="shared" si="37"/>
        <v>40.176449999999996</v>
      </c>
      <c r="I2414" s="1"/>
    </row>
    <row r="2415" spans="1:9" x14ac:dyDescent="0.25">
      <c r="A2415" s="3">
        <v>41855.459965277776</v>
      </c>
      <c r="B2415" s="6">
        <v>40193.1</v>
      </c>
      <c r="C2415" s="7">
        <f t="shared" si="37"/>
        <v>40.193100000000001</v>
      </c>
      <c r="I2415" s="1"/>
    </row>
    <row r="2416" spans="1:9" x14ac:dyDescent="0.25">
      <c r="A2416" s="3">
        <v>41855.463113425925</v>
      </c>
      <c r="B2416" s="6">
        <v>40209.75</v>
      </c>
      <c r="C2416" s="7">
        <f t="shared" si="37"/>
        <v>40.20975</v>
      </c>
      <c r="I2416" s="1"/>
    </row>
    <row r="2417" spans="1:9" x14ac:dyDescent="0.25">
      <c r="A2417" s="3">
        <v>41855.463287037041</v>
      </c>
      <c r="B2417" s="6">
        <v>40226.399999999994</v>
      </c>
      <c r="C2417" s="7">
        <f t="shared" si="37"/>
        <v>40.226399999999991</v>
      </c>
      <c r="I2417" s="1"/>
    </row>
    <row r="2418" spans="1:9" x14ac:dyDescent="0.25">
      <c r="A2418" s="3">
        <v>41855.468472222223</v>
      </c>
      <c r="B2418" s="6">
        <v>40243.049999999996</v>
      </c>
      <c r="C2418" s="7">
        <f t="shared" si="37"/>
        <v>40.243049999999997</v>
      </c>
      <c r="I2418" s="1"/>
    </row>
    <row r="2419" spans="1:9" x14ac:dyDescent="0.25">
      <c r="A2419" s="3">
        <v>41855.46875</v>
      </c>
      <c r="B2419" s="6">
        <v>40259.699999999997</v>
      </c>
      <c r="C2419" s="7">
        <f t="shared" si="37"/>
        <v>40.259699999999995</v>
      </c>
      <c r="I2419" s="1"/>
    </row>
    <row r="2420" spans="1:9" x14ac:dyDescent="0.25">
      <c r="A2420" s="3">
        <v>41855.475115740737</v>
      </c>
      <c r="B2420" s="6">
        <v>40276.35</v>
      </c>
      <c r="C2420" s="7">
        <f t="shared" si="37"/>
        <v>40.276350000000001</v>
      </c>
      <c r="I2420" s="1"/>
    </row>
    <row r="2421" spans="1:9" x14ac:dyDescent="0.25">
      <c r="A2421" s="3">
        <v>41855.475324074076</v>
      </c>
      <c r="B2421" s="6">
        <v>40293</v>
      </c>
      <c r="C2421" s="7">
        <f t="shared" si="37"/>
        <v>40.292999999999999</v>
      </c>
      <c r="I2421" s="1"/>
    </row>
    <row r="2422" spans="1:9" x14ac:dyDescent="0.25">
      <c r="A2422" s="3">
        <v>41855.47934027778</v>
      </c>
      <c r="B2422" s="6">
        <v>40309.649999999994</v>
      </c>
      <c r="C2422" s="7">
        <f t="shared" si="37"/>
        <v>40.309649999999991</v>
      </c>
      <c r="I2422" s="1"/>
    </row>
    <row r="2423" spans="1:9" x14ac:dyDescent="0.25">
      <c r="A2423" s="3">
        <v>41855.479479166665</v>
      </c>
      <c r="B2423" s="6">
        <v>40326.299999999996</v>
      </c>
      <c r="C2423" s="7">
        <f t="shared" si="37"/>
        <v>40.326299999999996</v>
      </c>
      <c r="I2423" s="1"/>
    </row>
    <row r="2424" spans="1:9" x14ac:dyDescent="0.25">
      <c r="A2424" s="3">
        <v>41855.480740740742</v>
      </c>
      <c r="B2424" s="6">
        <v>40342.949999999997</v>
      </c>
      <c r="C2424" s="7">
        <f t="shared" si="37"/>
        <v>40.342949999999995</v>
      </c>
      <c r="I2424" s="1"/>
    </row>
    <row r="2425" spans="1:9" x14ac:dyDescent="0.25">
      <c r="A2425" s="3">
        <v>41855.480821759258</v>
      </c>
      <c r="B2425" s="6">
        <v>40359.599999999999</v>
      </c>
      <c r="C2425" s="7">
        <f t="shared" si="37"/>
        <v>40.3596</v>
      </c>
      <c r="I2425" s="1"/>
    </row>
    <row r="2426" spans="1:9" x14ac:dyDescent="0.25">
      <c r="A2426" s="3">
        <v>41855.481608796297</v>
      </c>
      <c r="B2426" s="6">
        <v>40376.25</v>
      </c>
      <c r="C2426" s="7">
        <f t="shared" si="37"/>
        <v>40.376249999999999</v>
      </c>
      <c r="I2426" s="1"/>
    </row>
    <row r="2427" spans="1:9" x14ac:dyDescent="0.25">
      <c r="A2427" s="3">
        <v>41855.481712962966</v>
      </c>
      <c r="B2427" s="6">
        <v>40392.899999999994</v>
      </c>
      <c r="C2427" s="7">
        <f t="shared" si="37"/>
        <v>40.392899999999997</v>
      </c>
      <c r="I2427" s="1"/>
    </row>
    <row r="2428" spans="1:9" x14ac:dyDescent="0.25">
      <c r="A2428" s="3">
        <v>41855.483449074076</v>
      </c>
      <c r="B2428" s="6">
        <v>40409.549999999996</v>
      </c>
      <c r="C2428" s="7">
        <f t="shared" si="37"/>
        <v>40.409549999999996</v>
      </c>
      <c r="I2428" s="1"/>
    </row>
    <row r="2429" spans="1:9" x14ac:dyDescent="0.25">
      <c r="A2429" s="3">
        <v>41855.483622685184</v>
      </c>
      <c r="B2429" s="6">
        <v>40426.199999999997</v>
      </c>
      <c r="C2429" s="7">
        <f t="shared" si="37"/>
        <v>40.426199999999994</v>
      </c>
      <c r="I2429" s="1"/>
    </row>
    <row r="2430" spans="1:9" x14ac:dyDescent="0.25">
      <c r="A2430" s="3">
        <v>41855.491041666668</v>
      </c>
      <c r="B2430" s="6">
        <v>40442.85</v>
      </c>
      <c r="C2430" s="7">
        <f t="shared" si="37"/>
        <v>40.44285</v>
      </c>
      <c r="I2430" s="1"/>
    </row>
    <row r="2431" spans="1:9" x14ac:dyDescent="0.25">
      <c r="A2431" s="3">
        <v>41855.491446759261</v>
      </c>
      <c r="B2431" s="6">
        <v>40459.5</v>
      </c>
      <c r="C2431" s="7">
        <f t="shared" si="37"/>
        <v>40.459499999999998</v>
      </c>
      <c r="I2431" s="1"/>
    </row>
    <row r="2432" spans="1:9" x14ac:dyDescent="0.25">
      <c r="A2432" s="3">
        <v>41855.493344907409</v>
      </c>
      <c r="B2432" s="6">
        <v>40476.149999999994</v>
      </c>
      <c r="C2432" s="7">
        <f t="shared" si="37"/>
        <v>40.476149999999997</v>
      </c>
      <c r="I2432" s="1"/>
    </row>
    <row r="2433" spans="1:9" x14ac:dyDescent="0.25">
      <c r="A2433" s="3">
        <v>41855.493900462963</v>
      </c>
      <c r="B2433" s="6">
        <v>40492.799999999996</v>
      </c>
      <c r="C2433" s="7">
        <f t="shared" si="37"/>
        <v>40.492799999999995</v>
      </c>
      <c r="I2433" s="1"/>
    </row>
    <row r="2434" spans="1:9" x14ac:dyDescent="0.25">
      <c r="A2434" s="3">
        <v>41855.496168981481</v>
      </c>
      <c r="B2434" s="6">
        <v>40509.449999999997</v>
      </c>
      <c r="C2434" s="7">
        <f t="shared" si="37"/>
        <v>40.509449999999994</v>
      </c>
      <c r="I2434" s="1"/>
    </row>
    <row r="2435" spans="1:9" x14ac:dyDescent="0.25">
      <c r="A2435" s="3">
        <v>41855.496249999997</v>
      </c>
      <c r="B2435" s="6">
        <v>40526.1</v>
      </c>
      <c r="C2435" s="7">
        <f t="shared" ref="C2435:C2498" si="38">B2435/1000</f>
        <v>40.5261</v>
      </c>
      <c r="I2435" s="1"/>
    </row>
    <row r="2436" spans="1:9" x14ac:dyDescent="0.25">
      <c r="A2436" s="3">
        <v>41855.500277777777</v>
      </c>
      <c r="B2436" s="6">
        <v>40542.75</v>
      </c>
      <c r="C2436" s="7">
        <f t="shared" si="38"/>
        <v>40.542749999999998</v>
      </c>
      <c r="I2436" s="1"/>
    </row>
    <row r="2437" spans="1:9" x14ac:dyDescent="0.25">
      <c r="A2437" s="3">
        <v>41855.500381944446</v>
      </c>
      <c r="B2437" s="6">
        <v>40559.399999999994</v>
      </c>
      <c r="C2437" s="7">
        <f t="shared" si="38"/>
        <v>40.559399999999997</v>
      </c>
      <c r="I2437" s="1"/>
    </row>
    <row r="2438" spans="1:9" x14ac:dyDescent="0.25">
      <c r="A2438" s="3">
        <v>41855.502812500003</v>
      </c>
      <c r="B2438" s="6">
        <v>40576.049999999996</v>
      </c>
      <c r="C2438" s="7">
        <f t="shared" si="38"/>
        <v>40.576049999999995</v>
      </c>
      <c r="I2438" s="1"/>
    </row>
    <row r="2439" spans="1:9" x14ac:dyDescent="0.25">
      <c r="A2439" s="3">
        <v>41855.503136574072</v>
      </c>
      <c r="B2439" s="6">
        <v>40592.699999999997</v>
      </c>
      <c r="C2439" s="7">
        <f t="shared" si="38"/>
        <v>40.592699999999994</v>
      </c>
      <c r="I2439" s="1"/>
    </row>
    <row r="2440" spans="1:9" x14ac:dyDescent="0.25">
      <c r="A2440" s="3">
        <v>41855.505659722221</v>
      </c>
      <c r="B2440" s="6">
        <v>40609.35</v>
      </c>
      <c r="C2440" s="7">
        <f t="shared" si="38"/>
        <v>40.609349999999999</v>
      </c>
      <c r="I2440" s="1"/>
    </row>
    <row r="2441" spans="1:9" x14ac:dyDescent="0.25">
      <c r="A2441" s="3">
        <v>41855.50582175926</v>
      </c>
      <c r="B2441" s="6">
        <v>40626</v>
      </c>
      <c r="C2441" s="7">
        <f t="shared" si="38"/>
        <v>40.625999999999998</v>
      </c>
      <c r="I2441" s="1"/>
    </row>
    <row r="2442" spans="1:9" x14ac:dyDescent="0.25">
      <c r="A2442" s="3">
        <v>41855.509027777778</v>
      </c>
      <c r="B2442" s="6">
        <v>40642.649999999994</v>
      </c>
      <c r="C2442" s="7">
        <f t="shared" si="38"/>
        <v>40.642649999999996</v>
      </c>
      <c r="I2442" s="1"/>
    </row>
    <row r="2443" spans="1:9" x14ac:dyDescent="0.25">
      <c r="A2443" s="3">
        <v>41855.509340277778</v>
      </c>
      <c r="B2443" s="6">
        <v>40659.299999999996</v>
      </c>
      <c r="C2443" s="7">
        <f t="shared" si="38"/>
        <v>40.659299999999995</v>
      </c>
      <c r="I2443" s="1"/>
    </row>
    <row r="2444" spans="1:9" x14ac:dyDescent="0.25">
      <c r="A2444" s="3">
        <v>41855.512453703705</v>
      </c>
      <c r="B2444" s="6">
        <v>40675.949999999997</v>
      </c>
      <c r="C2444" s="7">
        <f t="shared" si="38"/>
        <v>40.67595</v>
      </c>
      <c r="I2444" s="1"/>
    </row>
    <row r="2445" spans="1:9" x14ac:dyDescent="0.25">
      <c r="A2445" s="3">
        <v>41855.512557870374</v>
      </c>
      <c r="B2445" s="6">
        <v>40692.6</v>
      </c>
      <c r="C2445" s="7">
        <f t="shared" si="38"/>
        <v>40.692599999999999</v>
      </c>
      <c r="I2445" s="1"/>
    </row>
    <row r="2446" spans="1:9" x14ac:dyDescent="0.25">
      <c r="A2446" s="3">
        <v>41855.513958333337</v>
      </c>
      <c r="B2446" s="6">
        <v>40709.25</v>
      </c>
      <c r="C2446" s="7">
        <f t="shared" si="38"/>
        <v>40.709249999999997</v>
      </c>
      <c r="I2446" s="1"/>
    </row>
    <row r="2447" spans="1:9" x14ac:dyDescent="0.25">
      <c r="A2447" s="3">
        <v>41855.514004629629</v>
      </c>
      <c r="B2447" s="6">
        <v>40725.899999999994</v>
      </c>
      <c r="C2447" s="7">
        <f t="shared" si="38"/>
        <v>40.725899999999996</v>
      </c>
      <c r="I2447" s="1"/>
    </row>
    <row r="2448" spans="1:9" x14ac:dyDescent="0.25">
      <c r="A2448" s="3">
        <v>41855.514791666668</v>
      </c>
      <c r="B2448" s="6">
        <v>40742.549999999996</v>
      </c>
      <c r="C2448" s="7">
        <f t="shared" si="38"/>
        <v>40.742549999999994</v>
      </c>
      <c r="I2448" s="1"/>
    </row>
    <row r="2449" spans="1:9" x14ac:dyDescent="0.25">
      <c r="A2449" s="3">
        <v>41855.514907407407</v>
      </c>
      <c r="B2449" s="6">
        <v>40759.199999999997</v>
      </c>
      <c r="C2449" s="7">
        <f t="shared" si="38"/>
        <v>40.7592</v>
      </c>
      <c r="I2449" s="1"/>
    </row>
    <row r="2450" spans="1:9" x14ac:dyDescent="0.25">
      <c r="A2450" s="3">
        <v>41855.515277777777</v>
      </c>
      <c r="B2450" s="6">
        <v>40775.85</v>
      </c>
      <c r="C2450" s="7">
        <f t="shared" si="38"/>
        <v>40.775849999999998</v>
      </c>
      <c r="I2450" s="1"/>
    </row>
    <row r="2451" spans="1:9" x14ac:dyDescent="0.25">
      <c r="A2451" s="3">
        <v>41855.515324074076</v>
      </c>
      <c r="B2451" s="6">
        <v>40792.5</v>
      </c>
      <c r="C2451" s="7">
        <f t="shared" si="38"/>
        <v>40.792499999999997</v>
      </c>
      <c r="I2451" s="1"/>
    </row>
    <row r="2452" spans="1:9" x14ac:dyDescent="0.25">
      <c r="A2452" s="3">
        <v>41855.515763888892</v>
      </c>
      <c r="B2452" s="6">
        <v>40809.149999999994</v>
      </c>
      <c r="C2452" s="7">
        <f t="shared" si="38"/>
        <v>40.809149999999995</v>
      </c>
      <c r="I2452" s="1"/>
    </row>
    <row r="2453" spans="1:9" x14ac:dyDescent="0.25">
      <c r="A2453" s="3">
        <v>41855.515833333331</v>
      </c>
      <c r="B2453" s="6">
        <v>40825.799999999996</v>
      </c>
      <c r="C2453" s="7">
        <f t="shared" si="38"/>
        <v>40.825799999999994</v>
      </c>
      <c r="I2453" s="1"/>
    </row>
    <row r="2454" spans="1:9" x14ac:dyDescent="0.25">
      <c r="A2454" s="3">
        <v>41855.516608796293</v>
      </c>
      <c r="B2454" s="6">
        <v>40842.449999999997</v>
      </c>
      <c r="C2454" s="7">
        <f t="shared" si="38"/>
        <v>40.842449999999999</v>
      </c>
      <c r="I2454" s="1"/>
    </row>
    <row r="2455" spans="1:9" x14ac:dyDescent="0.25">
      <c r="A2455" s="3">
        <v>41855.516655092593</v>
      </c>
      <c r="B2455" s="6">
        <v>40859.1</v>
      </c>
      <c r="C2455" s="7">
        <f t="shared" si="38"/>
        <v>40.859099999999998</v>
      </c>
      <c r="I2455" s="1"/>
    </row>
    <row r="2456" spans="1:9" x14ac:dyDescent="0.25">
      <c r="A2456" s="3">
        <v>41855.517141203702</v>
      </c>
      <c r="B2456" s="6">
        <v>40875.75</v>
      </c>
      <c r="C2456" s="7">
        <f t="shared" si="38"/>
        <v>40.875749999999996</v>
      </c>
      <c r="I2456" s="1"/>
    </row>
    <row r="2457" spans="1:9" x14ac:dyDescent="0.25">
      <c r="A2457" s="3">
        <v>41855.517199074071</v>
      </c>
      <c r="B2457" s="6">
        <v>40892.399999999994</v>
      </c>
      <c r="C2457" s="7">
        <f t="shared" si="38"/>
        <v>40.892399999999995</v>
      </c>
      <c r="I2457" s="1"/>
    </row>
    <row r="2458" spans="1:9" x14ac:dyDescent="0.25">
      <c r="A2458" s="3">
        <v>41855.517928240741</v>
      </c>
      <c r="B2458" s="6">
        <v>40909.049999999996</v>
      </c>
      <c r="C2458" s="7">
        <f t="shared" si="38"/>
        <v>40.909049999999993</v>
      </c>
      <c r="I2458" s="1"/>
    </row>
    <row r="2459" spans="1:9" x14ac:dyDescent="0.25">
      <c r="A2459" s="3">
        <v>41855.518055555556</v>
      </c>
      <c r="B2459" s="6">
        <v>40925.699999999997</v>
      </c>
      <c r="C2459" s="7">
        <f t="shared" si="38"/>
        <v>40.925699999999999</v>
      </c>
      <c r="I2459" s="1"/>
    </row>
    <row r="2460" spans="1:9" x14ac:dyDescent="0.25">
      <c r="A2460" s="3">
        <v>41855.519780092596</v>
      </c>
      <c r="B2460" s="6">
        <v>40942.35</v>
      </c>
      <c r="C2460" s="7">
        <f t="shared" si="38"/>
        <v>40.942349999999998</v>
      </c>
      <c r="I2460" s="1"/>
    </row>
    <row r="2461" spans="1:9" x14ac:dyDescent="0.25">
      <c r="A2461" s="3">
        <v>41855.519895833335</v>
      </c>
      <c r="B2461" s="6">
        <v>40959</v>
      </c>
      <c r="C2461" s="7">
        <f t="shared" si="38"/>
        <v>40.959000000000003</v>
      </c>
      <c r="I2461" s="1"/>
    </row>
    <row r="2462" spans="1:9" x14ac:dyDescent="0.25">
      <c r="A2462" s="3">
        <v>41855.520891203705</v>
      </c>
      <c r="B2462" s="6">
        <v>40975.649999999994</v>
      </c>
      <c r="C2462" s="7">
        <f t="shared" si="38"/>
        <v>40.975649999999995</v>
      </c>
      <c r="I2462" s="1"/>
    </row>
    <row r="2463" spans="1:9" x14ac:dyDescent="0.25">
      <c r="A2463" s="3">
        <v>41855.521087962959</v>
      </c>
      <c r="B2463" s="6">
        <v>40992.299999999996</v>
      </c>
      <c r="C2463" s="7">
        <f t="shared" si="38"/>
        <v>40.992299999999993</v>
      </c>
      <c r="I2463" s="1"/>
    </row>
    <row r="2464" spans="1:9" x14ac:dyDescent="0.25">
      <c r="A2464" s="3">
        <v>41855.521990740737</v>
      </c>
      <c r="B2464" s="6">
        <v>41008.949999999997</v>
      </c>
      <c r="C2464" s="7">
        <f t="shared" si="38"/>
        <v>41.008949999999999</v>
      </c>
      <c r="I2464" s="1"/>
    </row>
    <row r="2465" spans="1:9" x14ac:dyDescent="0.25">
      <c r="A2465" s="3">
        <v>41855.522164351853</v>
      </c>
      <c r="B2465" s="6">
        <v>41025.599999999999</v>
      </c>
      <c r="C2465" s="7">
        <f t="shared" si="38"/>
        <v>41.025599999999997</v>
      </c>
      <c r="I2465" s="1"/>
    </row>
    <row r="2466" spans="1:9" x14ac:dyDescent="0.25">
      <c r="A2466" s="3">
        <v>41855.523020833331</v>
      </c>
      <c r="B2466" s="6">
        <v>41042.25</v>
      </c>
      <c r="C2466" s="7">
        <f t="shared" si="38"/>
        <v>41.042250000000003</v>
      </c>
      <c r="I2466" s="1"/>
    </row>
    <row r="2467" spans="1:9" x14ac:dyDescent="0.25">
      <c r="A2467" s="3">
        <v>41855.523078703707</v>
      </c>
      <c r="B2467" s="6">
        <v>41058.899999999994</v>
      </c>
      <c r="C2467" s="7">
        <f t="shared" si="38"/>
        <v>41.058899999999994</v>
      </c>
      <c r="I2467" s="1"/>
    </row>
    <row r="2468" spans="1:9" x14ac:dyDescent="0.25">
      <c r="A2468" s="3">
        <v>41855.523564814815</v>
      </c>
      <c r="B2468" s="6">
        <v>41075.549999999996</v>
      </c>
      <c r="C2468" s="7">
        <f t="shared" si="38"/>
        <v>41.075549999999993</v>
      </c>
      <c r="I2468" s="1"/>
    </row>
    <row r="2469" spans="1:9" x14ac:dyDescent="0.25">
      <c r="A2469" s="3">
        <v>41855.523611111108</v>
      </c>
      <c r="B2469" s="6">
        <v>41092.199999999997</v>
      </c>
      <c r="C2469" s="7">
        <f t="shared" si="38"/>
        <v>41.092199999999998</v>
      </c>
      <c r="I2469" s="1"/>
    </row>
    <row r="2470" spans="1:9" x14ac:dyDescent="0.25">
      <c r="A2470" s="3">
        <v>41855.524085648147</v>
      </c>
      <c r="B2470" s="6">
        <v>41108.85</v>
      </c>
      <c r="C2470" s="7">
        <f t="shared" si="38"/>
        <v>41.108849999999997</v>
      </c>
      <c r="I2470" s="1"/>
    </row>
    <row r="2471" spans="1:9" x14ac:dyDescent="0.25">
      <c r="A2471" s="3">
        <v>41855.524131944447</v>
      </c>
      <c r="B2471" s="6">
        <v>41125.5</v>
      </c>
      <c r="C2471" s="7">
        <f t="shared" si="38"/>
        <v>41.125500000000002</v>
      </c>
      <c r="I2471" s="1"/>
    </row>
    <row r="2472" spans="1:9" x14ac:dyDescent="0.25">
      <c r="A2472" s="3">
        <v>41855.524618055555</v>
      </c>
      <c r="B2472" s="6">
        <v>41142.149999999994</v>
      </c>
      <c r="C2472" s="7">
        <f t="shared" si="38"/>
        <v>41.142149999999994</v>
      </c>
      <c r="I2472" s="1"/>
    </row>
    <row r="2473" spans="1:9" x14ac:dyDescent="0.25">
      <c r="A2473" s="3">
        <v>41855.524675925924</v>
      </c>
      <c r="B2473" s="6">
        <v>41158.799999999996</v>
      </c>
      <c r="C2473" s="7">
        <f t="shared" si="38"/>
        <v>41.158799999999992</v>
      </c>
      <c r="I2473" s="1"/>
    </row>
    <row r="2474" spans="1:9" x14ac:dyDescent="0.25">
      <c r="A2474" s="3">
        <v>41855.525138888886</v>
      </c>
      <c r="B2474" s="6">
        <v>41175.449999999997</v>
      </c>
      <c r="C2474" s="7">
        <f t="shared" si="38"/>
        <v>41.175449999999998</v>
      </c>
      <c r="I2474" s="1"/>
    </row>
    <row r="2475" spans="1:9" x14ac:dyDescent="0.25">
      <c r="A2475" s="3">
        <v>41855.525173611109</v>
      </c>
      <c r="B2475" s="6">
        <v>41192.1</v>
      </c>
      <c r="C2475" s="7">
        <f t="shared" si="38"/>
        <v>41.192099999999996</v>
      </c>
      <c r="I2475" s="1"/>
    </row>
    <row r="2476" spans="1:9" x14ac:dyDescent="0.25">
      <c r="A2476" s="3">
        <v>41855.52553240741</v>
      </c>
      <c r="B2476" s="6">
        <v>41208.75</v>
      </c>
      <c r="C2476" s="7">
        <f t="shared" si="38"/>
        <v>41.208750000000002</v>
      </c>
      <c r="I2476" s="1"/>
    </row>
    <row r="2477" spans="1:9" x14ac:dyDescent="0.25">
      <c r="A2477" s="3">
        <v>41855.525578703702</v>
      </c>
      <c r="B2477" s="6">
        <v>41225.399999999994</v>
      </c>
      <c r="C2477" s="7">
        <f t="shared" si="38"/>
        <v>41.225399999999993</v>
      </c>
      <c r="I2477" s="1"/>
    </row>
    <row r="2478" spans="1:9" x14ac:dyDescent="0.25">
      <c r="A2478" s="3">
        <v>41855.526493055557</v>
      </c>
      <c r="B2478" s="6">
        <v>41242.049999999996</v>
      </c>
      <c r="C2478" s="7">
        <f t="shared" si="38"/>
        <v>41.242049999999999</v>
      </c>
      <c r="I2478" s="1"/>
    </row>
    <row r="2479" spans="1:9" x14ac:dyDescent="0.25">
      <c r="A2479" s="3">
        <v>41855.526574074072</v>
      </c>
      <c r="B2479" s="6">
        <v>41258.699999999997</v>
      </c>
      <c r="C2479" s="7">
        <f t="shared" si="38"/>
        <v>41.258699999999997</v>
      </c>
      <c r="I2479" s="1"/>
    </row>
    <row r="2480" spans="1:9" x14ac:dyDescent="0.25">
      <c r="A2480" s="3">
        <v>41855.527025462965</v>
      </c>
      <c r="B2480" s="6">
        <v>41275.35</v>
      </c>
      <c r="C2480" s="7">
        <f t="shared" si="38"/>
        <v>41.275349999999996</v>
      </c>
      <c r="I2480" s="1"/>
    </row>
    <row r="2481" spans="1:9" x14ac:dyDescent="0.25">
      <c r="A2481" s="3">
        <v>41855.527071759258</v>
      </c>
      <c r="B2481" s="6">
        <v>41292</v>
      </c>
      <c r="C2481" s="7">
        <f t="shared" si="38"/>
        <v>41.292000000000002</v>
      </c>
      <c r="I2481" s="1"/>
    </row>
    <row r="2482" spans="1:9" x14ac:dyDescent="0.25">
      <c r="A2482" s="3">
        <v>41855.527673611112</v>
      </c>
      <c r="B2482" s="6">
        <v>41308.649999999994</v>
      </c>
      <c r="C2482" s="7">
        <f t="shared" si="38"/>
        <v>41.308649999999993</v>
      </c>
      <c r="I2482" s="1"/>
    </row>
    <row r="2483" spans="1:9" x14ac:dyDescent="0.25">
      <c r="A2483" s="3">
        <v>41855.527731481481</v>
      </c>
      <c r="B2483" s="6">
        <v>41325.299999999996</v>
      </c>
      <c r="C2483" s="7">
        <f t="shared" si="38"/>
        <v>41.325299999999999</v>
      </c>
      <c r="I2483" s="1"/>
    </row>
    <row r="2484" spans="1:9" x14ac:dyDescent="0.25">
      <c r="A2484" s="3">
        <v>41855.528726851851</v>
      </c>
      <c r="B2484" s="6">
        <v>41341.949999999997</v>
      </c>
      <c r="C2484" s="7">
        <f t="shared" si="38"/>
        <v>41.341949999999997</v>
      </c>
      <c r="I2484" s="1"/>
    </row>
    <row r="2485" spans="1:9" x14ac:dyDescent="0.25">
      <c r="A2485" s="3">
        <v>41855.52884259259</v>
      </c>
      <c r="B2485" s="6">
        <v>41358.6</v>
      </c>
      <c r="C2485" s="7">
        <f t="shared" si="38"/>
        <v>41.358599999999996</v>
      </c>
      <c r="I2485" s="1"/>
    </row>
    <row r="2486" spans="1:9" x14ac:dyDescent="0.25">
      <c r="A2486" s="3">
        <v>41855.529456018521</v>
      </c>
      <c r="B2486" s="6">
        <v>41375.25</v>
      </c>
      <c r="C2486" s="7">
        <f t="shared" si="38"/>
        <v>41.375250000000001</v>
      </c>
      <c r="I2486" s="1"/>
    </row>
    <row r="2487" spans="1:9" x14ac:dyDescent="0.25">
      <c r="A2487" s="3">
        <v>41855.529687499999</v>
      </c>
      <c r="B2487" s="6">
        <v>41391.899999999994</v>
      </c>
      <c r="C2487" s="7">
        <f t="shared" si="38"/>
        <v>41.391899999999993</v>
      </c>
      <c r="I2487" s="1"/>
    </row>
    <row r="2488" spans="1:9" x14ac:dyDescent="0.25">
      <c r="A2488" s="3">
        <v>41855.530243055553</v>
      </c>
      <c r="B2488" s="6">
        <v>41408.549999999996</v>
      </c>
      <c r="C2488" s="7">
        <f t="shared" si="38"/>
        <v>41.408549999999998</v>
      </c>
      <c r="I2488" s="1"/>
    </row>
    <row r="2489" spans="1:9" x14ac:dyDescent="0.25">
      <c r="A2489" s="3">
        <v>41855.530266203707</v>
      </c>
      <c r="B2489" s="6">
        <v>41425.199999999997</v>
      </c>
      <c r="C2489" s="7">
        <f t="shared" si="38"/>
        <v>41.425199999999997</v>
      </c>
      <c r="I2489" s="1"/>
    </row>
    <row r="2490" spans="1:9" x14ac:dyDescent="0.25">
      <c r="A2490" s="3">
        <v>41855.530729166669</v>
      </c>
      <c r="B2490" s="6">
        <v>41441.85</v>
      </c>
      <c r="C2490" s="7">
        <f t="shared" si="38"/>
        <v>41.441849999999995</v>
      </c>
      <c r="I2490" s="1"/>
    </row>
    <row r="2491" spans="1:9" x14ac:dyDescent="0.25">
      <c r="A2491" s="3">
        <v>41855.530856481484</v>
      </c>
      <c r="B2491" s="6">
        <v>41458.5</v>
      </c>
      <c r="C2491" s="7">
        <f t="shared" si="38"/>
        <v>41.458500000000001</v>
      </c>
      <c r="I2491" s="1"/>
    </row>
    <row r="2492" spans="1:9" x14ac:dyDescent="0.25">
      <c r="A2492" s="3">
        <v>41855.531770833331</v>
      </c>
      <c r="B2492" s="6">
        <v>41475.149999999994</v>
      </c>
      <c r="C2492" s="7">
        <f t="shared" si="38"/>
        <v>41.475149999999992</v>
      </c>
      <c r="I2492" s="1"/>
    </row>
    <row r="2493" spans="1:9" x14ac:dyDescent="0.25">
      <c r="A2493" s="3">
        <v>41855.532094907408</v>
      </c>
      <c r="B2493" s="6">
        <v>41491.799999999996</v>
      </c>
      <c r="C2493" s="7">
        <f t="shared" si="38"/>
        <v>41.491799999999998</v>
      </c>
      <c r="I2493" s="1"/>
    </row>
    <row r="2494" spans="1:9" x14ac:dyDescent="0.25">
      <c r="A2494" s="3">
        <v>41855.532986111109</v>
      </c>
      <c r="B2494" s="6">
        <v>41508.449999999997</v>
      </c>
      <c r="C2494" s="7">
        <f t="shared" si="38"/>
        <v>41.508449999999996</v>
      </c>
      <c r="I2494" s="1"/>
    </row>
    <row r="2495" spans="1:9" x14ac:dyDescent="0.25">
      <c r="A2495" s="3">
        <v>41855.533055555556</v>
      </c>
      <c r="B2495" s="6">
        <v>41525.1</v>
      </c>
      <c r="C2495" s="7">
        <f t="shared" si="38"/>
        <v>41.525100000000002</v>
      </c>
      <c r="I2495" s="1"/>
    </row>
    <row r="2496" spans="1:9" x14ac:dyDescent="0.25">
      <c r="A2496" s="3">
        <v>41855.533831018518</v>
      </c>
      <c r="B2496" s="6">
        <v>41541.75</v>
      </c>
      <c r="C2496" s="7">
        <f t="shared" si="38"/>
        <v>41.54175</v>
      </c>
      <c r="I2496" s="1"/>
    </row>
    <row r="2497" spans="1:9" x14ac:dyDescent="0.25">
      <c r="A2497" s="3">
        <v>41855.533888888887</v>
      </c>
      <c r="B2497" s="6">
        <v>41558.399999999994</v>
      </c>
      <c r="C2497" s="7">
        <f t="shared" si="38"/>
        <v>41.558399999999992</v>
      </c>
      <c r="I2497" s="1"/>
    </row>
    <row r="2498" spans="1:9" x14ac:dyDescent="0.25">
      <c r="A2498" s="3">
        <v>41855.534479166665</v>
      </c>
      <c r="B2498" s="6">
        <v>41575.049999999996</v>
      </c>
      <c r="C2498" s="7">
        <f t="shared" si="38"/>
        <v>41.575049999999997</v>
      </c>
      <c r="I2498" s="1"/>
    </row>
    <row r="2499" spans="1:9" x14ac:dyDescent="0.25">
      <c r="A2499" s="3">
        <v>41855.534513888888</v>
      </c>
      <c r="B2499" s="6">
        <v>41591.699999999997</v>
      </c>
      <c r="C2499" s="7">
        <f t="shared" ref="C2499:C2562" si="39">B2499/1000</f>
        <v>41.591699999999996</v>
      </c>
      <c r="I2499" s="1"/>
    </row>
    <row r="2500" spans="1:9" x14ac:dyDescent="0.25">
      <c r="A2500" s="3">
        <v>41855.53496527778</v>
      </c>
      <c r="B2500" s="6">
        <v>41608.35</v>
      </c>
      <c r="C2500" s="7">
        <f t="shared" si="39"/>
        <v>41.608350000000002</v>
      </c>
      <c r="I2500" s="1"/>
    </row>
    <row r="2501" spans="1:9" x14ac:dyDescent="0.25">
      <c r="A2501" s="3">
        <v>41855.535011574073</v>
      </c>
      <c r="B2501" s="6">
        <v>41625</v>
      </c>
      <c r="C2501" s="7">
        <f t="shared" si="39"/>
        <v>41.625</v>
      </c>
      <c r="I2501" s="1"/>
    </row>
    <row r="2502" spans="1:9" x14ac:dyDescent="0.25">
      <c r="A2502" s="3">
        <v>41855.535995370374</v>
      </c>
      <c r="B2502" s="6">
        <v>41641.649999999994</v>
      </c>
      <c r="C2502" s="7">
        <f t="shared" si="39"/>
        <v>41.641649999999991</v>
      </c>
      <c r="I2502" s="1"/>
    </row>
    <row r="2503" spans="1:9" x14ac:dyDescent="0.25">
      <c r="A2503" s="3">
        <v>41855.536180555559</v>
      </c>
      <c r="B2503" s="6">
        <v>41658.299999999996</v>
      </c>
      <c r="C2503" s="7">
        <f t="shared" si="39"/>
        <v>41.658299999999997</v>
      </c>
      <c r="I2503" s="1"/>
    </row>
    <row r="2504" spans="1:9" x14ac:dyDescent="0.25">
      <c r="A2504" s="3">
        <v>41855.537164351852</v>
      </c>
      <c r="B2504" s="6">
        <v>41674.949999999997</v>
      </c>
      <c r="C2504" s="7">
        <f t="shared" si="39"/>
        <v>41.674949999999995</v>
      </c>
      <c r="I2504" s="1"/>
    </row>
    <row r="2505" spans="1:9" x14ac:dyDescent="0.25">
      <c r="A2505" s="3">
        <v>41855.537245370368</v>
      </c>
      <c r="B2505" s="6">
        <v>41691.599999999999</v>
      </c>
      <c r="C2505" s="7">
        <f t="shared" si="39"/>
        <v>41.691600000000001</v>
      </c>
      <c r="I2505" s="1"/>
    </row>
    <row r="2506" spans="1:9" x14ac:dyDescent="0.25">
      <c r="A2506" s="3">
        <v>41855.538252314815</v>
      </c>
      <c r="B2506" s="6">
        <v>41708.25</v>
      </c>
      <c r="C2506" s="7">
        <f t="shared" si="39"/>
        <v>41.70825</v>
      </c>
      <c r="I2506" s="1"/>
    </row>
    <row r="2507" spans="1:9" x14ac:dyDescent="0.25">
      <c r="A2507" s="3">
        <v>41855.538391203707</v>
      </c>
      <c r="B2507" s="6">
        <v>41724.899999999994</v>
      </c>
      <c r="C2507" s="7">
        <f t="shared" si="39"/>
        <v>41.724899999999991</v>
      </c>
      <c r="I2507" s="1"/>
    </row>
    <row r="2508" spans="1:9" x14ac:dyDescent="0.25">
      <c r="A2508" s="3">
        <v>41855.539618055554</v>
      </c>
      <c r="B2508" s="6">
        <v>41741.549999999996</v>
      </c>
      <c r="C2508" s="7">
        <f t="shared" si="39"/>
        <v>41.741549999999997</v>
      </c>
      <c r="I2508" s="1"/>
    </row>
    <row r="2509" spans="1:9" x14ac:dyDescent="0.25">
      <c r="A2509" s="3">
        <v>41855.539652777778</v>
      </c>
      <c r="B2509" s="6">
        <v>41758.199999999997</v>
      </c>
      <c r="C2509" s="7">
        <f t="shared" si="39"/>
        <v>41.758199999999995</v>
      </c>
      <c r="I2509" s="1"/>
    </row>
    <row r="2510" spans="1:9" x14ac:dyDescent="0.25">
      <c r="A2510" s="3">
        <v>41855.540358796294</v>
      </c>
      <c r="B2510" s="6">
        <v>41774.85</v>
      </c>
      <c r="C2510" s="7">
        <f t="shared" si="39"/>
        <v>41.774850000000001</v>
      </c>
      <c r="I2510" s="1"/>
    </row>
    <row r="2511" spans="1:9" x14ac:dyDescent="0.25">
      <c r="A2511" s="3">
        <v>41855.540451388886</v>
      </c>
      <c r="B2511" s="6">
        <v>41791.5</v>
      </c>
      <c r="C2511" s="7">
        <f t="shared" si="39"/>
        <v>41.791499999999999</v>
      </c>
      <c r="I2511" s="1"/>
    </row>
    <row r="2512" spans="1:9" x14ac:dyDescent="0.25">
      <c r="A2512" s="3">
        <v>41855.541226851848</v>
      </c>
      <c r="B2512" s="6">
        <v>41808.149999999994</v>
      </c>
      <c r="C2512" s="7">
        <f t="shared" si="39"/>
        <v>41.808149999999998</v>
      </c>
      <c r="I2512" s="1"/>
    </row>
    <row r="2513" spans="1:9" x14ac:dyDescent="0.25">
      <c r="A2513" s="3">
        <v>41855.541273148148</v>
      </c>
      <c r="B2513" s="6">
        <v>41824.799999999996</v>
      </c>
      <c r="C2513" s="7">
        <f t="shared" si="39"/>
        <v>41.824799999999996</v>
      </c>
      <c r="I2513" s="1"/>
    </row>
    <row r="2514" spans="1:9" x14ac:dyDescent="0.25">
      <c r="A2514" s="3">
        <v>41855.541689814818</v>
      </c>
      <c r="B2514" s="6">
        <v>41841.449999999997</v>
      </c>
      <c r="C2514" s="7">
        <f t="shared" si="39"/>
        <v>41.841449999999995</v>
      </c>
      <c r="I2514" s="1"/>
    </row>
    <row r="2515" spans="1:9" x14ac:dyDescent="0.25">
      <c r="A2515" s="3">
        <v>41855.54173611111</v>
      </c>
      <c r="B2515" s="6">
        <v>41858.1</v>
      </c>
      <c r="C2515" s="7">
        <f t="shared" si="39"/>
        <v>41.8581</v>
      </c>
      <c r="I2515" s="1"/>
    </row>
    <row r="2516" spans="1:9" x14ac:dyDescent="0.25">
      <c r="A2516" s="3">
        <v>41855.542546296296</v>
      </c>
      <c r="B2516" s="6">
        <v>41874.75</v>
      </c>
      <c r="C2516" s="7">
        <f t="shared" si="39"/>
        <v>41.874749999999999</v>
      </c>
      <c r="I2516" s="1"/>
    </row>
    <row r="2517" spans="1:9" x14ac:dyDescent="0.25">
      <c r="A2517" s="3">
        <v>41855.542638888888</v>
      </c>
      <c r="B2517" s="6">
        <v>41891.399999999994</v>
      </c>
      <c r="C2517" s="7">
        <f t="shared" si="39"/>
        <v>41.891399999999997</v>
      </c>
      <c r="I2517" s="1"/>
    </row>
    <row r="2518" spans="1:9" x14ac:dyDescent="0.25">
      <c r="A2518" s="3">
        <v>41855.543379629627</v>
      </c>
      <c r="B2518" s="6">
        <v>41908.049999999996</v>
      </c>
      <c r="C2518" s="7">
        <f t="shared" si="39"/>
        <v>41.908049999999996</v>
      </c>
      <c r="I2518" s="1"/>
    </row>
    <row r="2519" spans="1:9" x14ac:dyDescent="0.25">
      <c r="A2519" s="3">
        <v>41855.54346064815</v>
      </c>
      <c r="B2519" s="6">
        <v>41924.699999999997</v>
      </c>
      <c r="C2519" s="7">
        <f t="shared" si="39"/>
        <v>41.924699999999994</v>
      </c>
      <c r="I2519" s="1"/>
    </row>
    <row r="2520" spans="1:9" x14ac:dyDescent="0.25">
      <c r="A2520" s="3">
        <v>41855.544131944444</v>
      </c>
      <c r="B2520" s="6">
        <v>41941.35</v>
      </c>
      <c r="C2520" s="7">
        <f t="shared" si="39"/>
        <v>41.94135</v>
      </c>
      <c r="I2520" s="1"/>
    </row>
    <row r="2521" spans="1:9" x14ac:dyDescent="0.25">
      <c r="A2521" s="3">
        <v>41855.544212962966</v>
      </c>
      <c r="B2521" s="6">
        <v>41958</v>
      </c>
      <c r="C2521" s="7">
        <f t="shared" si="39"/>
        <v>41.957999999999998</v>
      </c>
      <c r="I2521" s="1"/>
    </row>
    <row r="2522" spans="1:9" x14ac:dyDescent="0.25">
      <c r="A2522" s="3">
        <v>41855.54478009259</v>
      </c>
      <c r="B2522" s="6">
        <v>41974.649999999994</v>
      </c>
      <c r="C2522" s="7">
        <f t="shared" si="39"/>
        <v>41.974649999999997</v>
      </c>
      <c r="I2522" s="1"/>
    </row>
    <row r="2523" spans="1:9" x14ac:dyDescent="0.25">
      <c r="A2523" s="3">
        <v>41855.544849537036</v>
      </c>
      <c r="B2523" s="6">
        <v>41991.299999999996</v>
      </c>
      <c r="C2523" s="7">
        <f t="shared" si="39"/>
        <v>41.991299999999995</v>
      </c>
      <c r="I2523" s="1"/>
    </row>
    <row r="2524" spans="1:9" x14ac:dyDescent="0.25">
      <c r="A2524" s="3">
        <v>41855.545648148145</v>
      </c>
      <c r="B2524" s="6">
        <v>42007.95</v>
      </c>
      <c r="C2524" s="7">
        <f t="shared" si="39"/>
        <v>42.007949999999994</v>
      </c>
      <c r="I2524" s="1"/>
    </row>
    <row r="2525" spans="1:9" x14ac:dyDescent="0.25">
      <c r="A2525" s="3">
        <v>41855.545740740738</v>
      </c>
      <c r="B2525" s="6">
        <v>42024.6</v>
      </c>
      <c r="C2525" s="7">
        <f t="shared" si="39"/>
        <v>42.0246</v>
      </c>
      <c r="I2525" s="1"/>
    </row>
    <row r="2526" spans="1:9" x14ac:dyDescent="0.25">
      <c r="A2526" s="3">
        <v>41855.546458333331</v>
      </c>
      <c r="B2526" s="6">
        <v>42041.25</v>
      </c>
      <c r="C2526" s="7">
        <f t="shared" si="39"/>
        <v>42.041249999999998</v>
      </c>
      <c r="I2526" s="1"/>
    </row>
    <row r="2527" spans="1:9" x14ac:dyDescent="0.25">
      <c r="A2527" s="3">
        <v>41855.546493055554</v>
      </c>
      <c r="B2527" s="6">
        <v>42057.899999999994</v>
      </c>
      <c r="C2527" s="7">
        <f t="shared" si="39"/>
        <v>42.057899999999997</v>
      </c>
      <c r="I2527" s="1"/>
    </row>
    <row r="2528" spans="1:9" x14ac:dyDescent="0.25">
      <c r="A2528" s="3">
        <v>41855.548402777778</v>
      </c>
      <c r="B2528" s="6">
        <v>42074.549999999996</v>
      </c>
      <c r="C2528" s="7">
        <f t="shared" si="39"/>
        <v>42.074549999999995</v>
      </c>
      <c r="I2528" s="1"/>
    </row>
    <row r="2529" spans="1:9" x14ac:dyDescent="0.25">
      <c r="A2529" s="3">
        <v>41855.54859953704</v>
      </c>
      <c r="B2529" s="6">
        <v>42091.199999999997</v>
      </c>
      <c r="C2529" s="7">
        <f t="shared" si="39"/>
        <v>42.091200000000001</v>
      </c>
      <c r="I2529" s="1"/>
    </row>
    <row r="2530" spans="1:9" x14ac:dyDescent="0.25">
      <c r="A2530" s="3">
        <v>41855.549432870372</v>
      </c>
      <c r="B2530" s="6">
        <v>42107.85</v>
      </c>
      <c r="C2530" s="7">
        <f t="shared" si="39"/>
        <v>42.107849999999999</v>
      </c>
      <c r="I2530" s="1"/>
    </row>
    <row r="2531" spans="1:9" x14ac:dyDescent="0.25">
      <c r="A2531" s="3">
        <v>41855.549571759257</v>
      </c>
      <c r="B2531" s="6">
        <v>42124.5</v>
      </c>
      <c r="C2531" s="7">
        <f t="shared" si="39"/>
        <v>42.124499999999998</v>
      </c>
      <c r="I2531" s="1"/>
    </row>
    <row r="2532" spans="1:9" x14ac:dyDescent="0.25">
      <c r="A2532" s="3">
        <v>41855.550243055557</v>
      </c>
      <c r="B2532" s="6">
        <v>42141.149999999994</v>
      </c>
      <c r="C2532" s="7">
        <f t="shared" si="39"/>
        <v>42.141149999999996</v>
      </c>
      <c r="I2532" s="1"/>
    </row>
    <row r="2533" spans="1:9" x14ac:dyDescent="0.25">
      <c r="A2533" s="3">
        <v>41855.55028935185</v>
      </c>
      <c r="B2533" s="6">
        <v>42157.799999999996</v>
      </c>
      <c r="C2533" s="7">
        <f t="shared" si="39"/>
        <v>42.157799999999995</v>
      </c>
      <c r="I2533" s="1"/>
    </row>
    <row r="2534" spans="1:9" x14ac:dyDescent="0.25">
      <c r="A2534" s="3">
        <v>41855.550810185188</v>
      </c>
      <c r="B2534" s="6">
        <v>42174.45</v>
      </c>
      <c r="C2534" s="7">
        <f t="shared" si="39"/>
        <v>42.17445</v>
      </c>
      <c r="I2534" s="1"/>
    </row>
    <row r="2535" spans="1:9" x14ac:dyDescent="0.25">
      <c r="A2535" s="3">
        <v>41855.550891203704</v>
      </c>
      <c r="B2535" s="6">
        <v>42191.1</v>
      </c>
      <c r="C2535" s="7">
        <f t="shared" si="39"/>
        <v>42.191099999999999</v>
      </c>
      <c r="I2535" s="1"/>
    </row>
    <row r="2536" spans="1:9" x14ac:dyDescent="0.25">
      <c r="A2536" s="3">
        <v>41855.551793981482</v>
      </c>
      <c r="B2536" s="6">
        <v>42207.75</v>
      </c>
      <c r="C2536" s="7">
        <f t="shared" si="39"/>
        <v>42.207749999999997</v>
      </c>
      <c r="I2536" s="1"/>
    </row>
    <row r="2537" spans="1:9" x14ac:dyDescent="0.25">
      <c r="A2537" s="3">
        <v>41855.55190972222</v>
      </c>
      <c r="B2537" s="6">
        <v>42224.399999999994</v>
      </c>
      <c r="C2537" s="7">
        <f t="shared" si="39"/>
        <v>42.224399999999996</v>
      </c>
      <c r="I2537" s="1"/>
    </row>
    <row r="2538" spans="1:9" x14ac:dyDescent="0.25">
      <c r="A2538" s="3">
        <v>41855.55265046296</v>
      </c>
      <c r="B2538" s="6">
        <v>42241.049999999996</v>
      </c>
      <c r="C2538" s="7">
        <f t="shared" si="39"/>
        <v>42.241049999999994</v>
      </c>
      <c r="I2538" s="1"/>
    </row>
    <row r="2539" spans="1:9" x14ac:dyDescent="0.25">
      <c r="A2539" s="3">
        <v>41855.552708333336</v>
      </c>
      <c r="B2539" s="6">
        <v>42257.7</v>
      </c>
      <c r="C2539" s="7">
        <f t="shared" si="39"/>
        <v>42.2577</v>
      </c>
      <c r="I2539" s="1"/>
    </row>
    <row r="2540" spans="1:9" x14ac:dyDescent="0.25">
      <c r="A2540" s="3">
        <v>41855.553657407407</v>
      </c>
      <c r="B2540" s="6">
        <v>42274.35</v>
      </c>
      <c r="C2540" s="7">
        <f t="shared" si="39"/>
        <v>42.274349999999998</v>
      </c>
      <c r="I2540" s="1"/>
    </row>
    <row r="2541" spans="1:9" x14ac:dyDescent="0.25">
      <c r="A2541" s="3">
        <v>41855.553796296299</v>
      </c>
      <c r="B2541" s="6">
        <v>42291</v>
      </c>
      <c r="C2541" s="7">
        <f t="shared" si="39"/>
        <v>42.290999999999997</v>
      </c>
      <c r="I2541" s="1"/>
    </row>
    <row r="2542" spans="1:9" x14ac:dyDescent="0.25">
      <c r="A2542" s="3">
        <v>41855.554861111108</v>
      </c>
      <c r="B2542" s="6">
        <v>42307.649999999994</v>
      </c>
      <c r="C2542" s="7">
        <f t="shared" si="39"/>
        <v>42.307649999999995</v>
      </c>
      <c r="I2542" s="1"/>
    </row>
    <row r="2543" spans="1:9" x14ac:dyDescent="0.25">
      <c r="A2543" s="3">
        <v>41855.555069444446</v>
      </c>
      <c r="B2543" s="6">
        <v>42324.299999999996</v>
      </c>
      <c r="C2543" s="7">
        <f t="shared" si="39"/>
        <v>42.324299999999994</v>
      </c>
      <c r="I2543" s="1"/>
    </row>
    <row r="2544" spans="1:9" x14ac:dyDescent="0.25">
      <c r="A2544" s="3">
        <v>41855.555717592593</v>
      </c>
      <c r="B2544" s="6">
        <v>42340.95</v>
      </c>
      <c r="C2544" s="7">
        <f t="shared" si="39"/>
        <v>42.340949999999999</v>
      </c>
      <c r="I2544" s="1"/>
    </row>
    <row r="2545" spans="1:9" x14ac:dyDescent="0.25">
      <c r="A2545" s="3">
        <v>41855.555752314816</v>
      </c>
      <c r="B2545" s="6">
        <v>42357.599999999999</v>
      </c>
      <c r="C2545" s="7">
        <f t="shared" si="39"/>
        <v>42.357599999999998</v>
      </c>
      <c r="I2545" s="1"/>
    </row>
    <row r="2546" spans="1:9" x14ac:dyDescent="0.25">
      <c r="A2546" s="3">
        <v>41855.556481481479</v>
      </c>
      <c r="B2546" s="6">
        <v>42374.25</v>
      </c>
      <c r="C2546" s="7">
        <f t="shared" si="39"/>
        <v>42.374250000000004</v>
      </c>
      <c r="I2546" s="1"/>
    </row>
    <row r="2547" spans="1:9" x14ac:dyDescent="0.25">
      <c r="A2547" s="3">
        <v>41855.556539351855</v>
      </c>
      <c r="B2547" s="6">
        <v>42390.899999999994</v>
      </c>
      <c r="C2547" s="7">
        <f t="shared" si="39"/>
        <v>42.390899999999995</v>
      </c>
      <c r="I2547" s="1"/>
    </row>
    <row r="2548" spans="1:9" x14ac:dyDescent="0.25">
      <c r="A2548" s="3">
        <v>41855.557060185187</v>
      </c>
      <c r="B2548" s="6">
        <v>42407.549999999996</v>
      </c>
      <c r="C2548" s="7">
        <f t="shared" si="39"/>
        <v>42.407549999999993</v>
      </c>
      <c r="I2548" s="1"/>
    </row>
    <row r="2549" spans="1:9" x14ac:dyDescent="0.25">
      <c r="A2549" s="3">
        <v>41855.557141203702</v>
      </c>
      <c r="B2549" s="6">
        <v>42424.2</v>
      </c>
      <c r="C2549" s="7">
        <f t="shared" si="39"/>
        <v>42.424199999999999</v>
      </c>
      <c r="I2549" s="1"/>
    </row>
    <row r="2550" spans="1:9" x14ac:dyDescent="0.25">
      <c r="A2550" s="3">
        <v>41855.557557870372</v>
      </c>
      <c r="B2550" s="6">
        <v>42440.85</v>
      </c>
      <c r="C2550" s="7">
        <f t="shared" si="39"/>
        <v>42.440849999999998</v>
      </c>
      <c r="I2550" s="1"/>
    </row>
    <row r="2551" spans="1:9" x14ac:dyDescent="0.25">
      <c r="A2551" s="3">
        <v>41855.557592592595</v>
      </c>
      <c r="B2551" s="6">
        <v>42457.5</v>
      </c>
      <c r="C2551" s="7">
        <f t="shared" si="39"/>
        <v>42.457500000000003</v>
      </c>
      <c r="I2551" s="1"/>
    </row>
    <row r="2552" spans="1:9" x14ac:dyDescent="0.25">
      <c r="A2552" s="3">
        <v>41855.558194444442</v>
      </c>
      <c r="B2552" s="6">
        <v>42474.149999999994</v>
      </c>
      <c r="C2552" s="7">
        <f t="shared" si="39"/>
        <v>42.474149999999995</v>
      </c>
      <c r="I2552" s="1"/>
    </row>
    <row r="2553" spans="1:9" x14ac:dyDescent="0.25">
      <c r="A2553" s="3">
        <v>41855.558275462965</v>
      </c>
      <c r="B2553" s="6">
        <v>42490.799999999996</v>
      </c>
      <c r="C2553" s="7">
        <f t="shared" si="39"/>
        <v>42.490799999999993</v>
      </c>
      <c r="I2553" s="1"/>
    </row>
    <row r="2554" spans="1:9" x14ac:dyDescent="0.25">
      <c r="A2554" s="3">
        <v>41855.559004629627</v>
      </c>
      <c r="B2554" s="6">
        <v>42507.45</v>
      </c>
      <c r="C2554" s="7">
        <f t="shared" si="39"/>
        <v>42.507449999999999</v>
      </c>
      <c r="I2554" s="1"/>
    </row>
    <row r="2555" spans="1:9" x14ac:dyDescent="0.25">
      <c r="A2555" s="3">
        <v>41855.559108796297</v>
      </c>
      <c r="B2555" s="6">
        <v>42524.1</v>
      </c>
      <c r="C2555" s="7">
        <f t="shared" si="39"/>
        <v>42.524099999999997</v>
      </c>
      <c r="I2555" s="1"/>
    </row>
    <row r="2556" spans="1:9" x14ac:dyDescent="0.25">
      <c r="A2556" s="3">
        <v>41855.560752314814</v>
      </c>
      <c r="B2556" s="6">
        <v>42540.75</v>
      </c>
      <c r="C2556" s="7">
        <f t="shared" si="39"/>
        <v>42.540750000000003</v>
      </c>
      <c r="I2556" s="1"/>
    </row>
    <row r="2557" spans="1:9" x14ac:dyDescent="0.25">
      <c r="A2557" s="3">
        <v>41855.561041666668</v>
      </c>
      <c r="B2557" s="6">
        <v>42557.399999999994</v>
      </c>
      <c r="C2557" s="7">
        <f t="shared" si="39"/>
        <v>42.557399999999994</v>
      </c>
      <c r="I2557" s="1"/>
    </row>
    <row r="2558" spans="1:9" x14ac:dyDescent="0.25">
      <c r="A2558" s="3">
        <v>41855.562071759261</v>
      </c>
      <c r="B2558" s="6">
        <v>42574.049999999996</v>
      </c>
      <c r="C2558" s="7">
        <f t="shared" si="39"/>
        <v>42.574049999999993</v>
      </c>
      <c r="I2558" s="1"/>
    </row>
    <row r="2559" spans="1:9" x14ac:dyDescent="0.25">
      <c r="A2559" s="3">
        <v>41855.562141203707</v>
      </c>
      <c r="B2559" s="6">
        <v>42590.7</v>
      </c>
      <c r="C2559" s="7">
        <f t="shared" si="39"/>
        <v>42.590699999999998</v>
      </c>
      <c r="I2559" s="1"/>
    </row>
    <row r="2560" spans="1:9" x14ac:dyDescent="0.25">
      <c r="A2560" s="3">
        <v>41855.562928240739</v>
      </c>
      <c r="B2560" s="6">
        <v>42607.35</v>
      </c>
      <c r="C2560" s="7">
        <f t="shared" si="39"/>
        <v>42.607349999999997</v>
      </c>
      <c r="I2560" s="1"/>
    </row>
    <row r="2561" spans="1:9" x14ac:dyDescent="0.25">
      <c r="A2561" s="3">
        <v>41855.563136574077</v>
      </c>
      <c r="B2561" s="6">
        <v>42624</v>
      </c>
      <c r="C2561" s="7">
        <f t="shared" si="39"/>
        <v>42.624000000000002</v>
      </c>
      <c r="I2561" s="1"/>
    </row>
    <row r="2562" spans="1:9" x14ac:dyDescent="0.25">
      <c r="A2562" s="3">
        <v>41855.563576388886</v>
      </c>
      <c r="B2562" s="6">
        <v>42640.649999999994</v>
      </c>
      <c r="C2562" s="7">
        <f t="shared" si="39"/>
        <v>42.640649999999994</v>
      </c>
      <c r="I2562" s="1"/>
    </row>
    <row r="2563" spans="1:9" x14ac:dyDescent="0.25">
      <c r="A2563" s="3">
        <v>41855.563634259262</v>
      </c>
      <c r="B2563" s="6">
        <v>42657.299999999996</v>
      </c>
      <c r="C2563" s="7">
        <f t="shared" ref="C2563:C2626" si="40">B2563/1000</f>
        <v>42.657299999999992</v>
      </c>
      <c r="I2563" s="1"/>
    </row>
    <row r="2564" spans="1:9" x14ac:dyDescent="0.25">
      <c r="A2564" s="3">
        <v>41855.564189814817</v>
      </c>
      <c r="B2564" s="6">
        <v>42673.95</v>
      </c>
      <c r="C2564" s="7">
        <f t="shared" si="40"/>
        <v>42.673949999999998</v>
      </c>
      <c r="I2564" s="1"/>
    </row>
    <row r="2565" spans="1:9" x14ac:dyDescent="0.25">
      <c r="A2565" s="3">
        <v>41855.564282407409</v>
      </c>
      <c r="B2565" s="6">
        <v>42690.6</v>
      </c>
      <c r="C2565" s="7">
        <f t="shared" si="40"/>
        <v>42.690599999999996</v>
      </c>
      <c r="I2565" s="1"/>
    </row>
    <row r="2566" spans="1:9" x14ac:dyDescent="0.25">
      <c r="A2566" s="3">
        <v>41855.565578703703</v>
      </c>
      <c r="B2566" s="6">
        <v>42707.249999999993</v>
      </c>
      <c r="C2566" s="7">
        <f t="shared" si="40"/>
        <v>42.707249999999995</v>
      </c>
      <c r="I2566" s="1"/>
    </row>
    <row r="2567" spans="1:9" x14ac:dyDescent="0.25">
      <c r="A2567" s="3">
        <v>41855.565706018519</v>
      </c>
      <c r="B2567" s="6">
        <v>42723.899999999994</v>
      </c>
      <c r="C2567" s="7">
        <f t="shared" si="40"/>
        <v>42.723899999999993</v>
      </c>
      <c r="I2567" s="1"/>
    </row>
    <row r="2568" spans="1:9" x14ac:dyDescent="0.25">
      <c r="A2568" s="3">
        <v>41855.566180555557</v>
      </c>
      <c r="B2568" s="6">
        <v>42740.549999999996</v>
      </c>
      <c r="C2568" s="7">
        <f t="shared" si="40"/>
        <v>42.740549999999999</v>
      </c>
      <c r="I2568" s="1"/>
    </row>
    <row r="2569" spans="1:9" x14ac:dyDescent="0.25">
      <c r="A2569" s="3">
        <v>41855.566261574073</v>
      </c>
      <c r="B2569" s="6">
        <v>42757.2</v>
      </c>
      <c r="C2569" s="7">
        <f t="shared" si="40"/>
        <v>42.757199999999997</v>
      </c>
      <c r="I2569" s="1"/>
    </row>
    <row r="2570" spans="1:9" x14ac:dyDescent="0.25">
      <c r="A2570" s="3">
        <v>41855.567442129628</v>
      </c>
      <c r="B2570" s="6">
        <v>42773.85</v>
      </c>
      <c r="C2570" s="7">
        <f t="shared" si="40"/>
        <v>42.773849999999996</v>
      </c>
      <c r="I2570" s="1"/>
    </row>
    <row r="2571" spans="1:9" x14ac:dyDescent="0.25">
      <c r="A2571" s="3">
        <v>41855.56753472222</v>
      </c>
      <c r="B2571" s="6">
        <v>42790.499999999993</v>
      </c>
      <c r="C2571" s="7">
        <f t="shared" si="40"/>
        <v>42.790499999999994</v>
      </c>
      <c r="I2571" s="1"/>
    </row>
    <row r="2572" spans="1:9" x14ac:dyDescent="0.25">
      <c r="A2572" s="3">
        <v>41855.568495370368</v>
      </c>
      <c r="B2572" s="6">
        <v>42807.149999999994</v>
      </c>
      <c r="C2572" s="7">
        <f t="shared" si="40"/>
        <v>42.807149999999993</v>
      </c>
      <c r="I2572" s="1"/>
    </row>
    <row r="2573" spans="1:9" x14ac:dyDescent="0.25">
      <c r="A2573" s="3">
        <v>41855.568576388891</v>
      </c>
      <c r="B2573" s="6">
        <v>42823.799999999996</v>
      </c>
      <c r="C2573" s="7">
        <f t="shared" si="40"/>
        <v>42.823799999999999</v>
      </c>
      <c r="I2573" s="1"/>
    </row>
    <row r="2574" spans="1:9" x14ac:dyDescent="0.25">
      <c r="A2574" s="3">
        <v>41855.569120370368</v>
      </c>
      <c r="B2574" s="6">
        <v>42840.45</v>
      </c>
      <c r="C2574" s="7">
        <f t="shared" si="40"/>
        <v>42.840449999999997</v>
      </c>
      <c r="I2574" s="1"/>
    </row>
    <row r="2575" spans="1:9" x14ac:dyDescent="0.25">
      <c r="A2575" s="3">
        <v>41855.569178240738</v>
      </c>
      <c r="B2575" s="6">
        <v>42857.1</v>
      </c>
      <c r="C2575" s="7">
        <f t="shared" si="40"/>
        <v>42.857099999999996</v>
      </c>
      <c r="I2575" s="1"/>
    </row>
    <row r="2576" spans="1:9" x14ac:dyDescent="0.25">
      <c r="A2576" s="3">
        <v>41855.570219907408</v>
      </c>
      <c r="B2576" s="6">
        <v>42873.749999999993</v>
      </c>
      <c r="C2576" s="7">
        <f t="shared" si="40"/>
        <v>42.873749999999994</v>
      </c>
      <c r="I2576" s="1"/>
    </row>
    <row r="2577" spans="1:9" x14ac:dyDescent="0.25">
      <c r="A2577" s="3">
        <v>41855.570277777777</v>
      </c>
      <c r="B2577" s="6">
        <v>42890.399999999994</v>
      </c>
      <c r="C2577" s="7">
        <f t="shared" si="40"/>
        <v>42.890399999999993</v>
      </c>
      <c r="I2577" s="1"/>
    </row>
    <row r="2578" spans="1:9" x14ac:dyDescent="0.25">
      <c r="A2578" s="3">
        <v>41855.570868055554</v>
      </c>
      <c r="B2578" s="6">
        <v>42907.049999999996</v>
      </c>
      <c r="C2578" s="7">
        <f t="shared" si="40"/>
        <v>42.907049999999998</v>
      </c>
      <c r="I2578" s="1"/>
    </row>
    <row r="2579" spans="1:9" x14ac:dyDescent="0.25">
      <c r="A2579" s="3">
        <v>41855.570949074077</v>
      </c>
      <c r="B2579" s="6">
        <v>42923.7</v>
      </c>
      <c r="C2579" s="7">
        <f t="shared" si="40"/>
        <v>42.923699999999997</v>
      </c>
      <c r="I2579" s="1"/>
    </row>
    <row r="2580" spans="1:9" x14ac:dyDescent="0.25">
      <c r="A2580" s="3">
        <v>41855.571655092594</v>
      </c>
      <c r="B2580" s="6">
        <v>42940.35</v>
      </c>
      <c r="C2580" s="7">
        <f t="shared" si="40"/>
        <v>42.940349999999995</v>
      </c>
      <c r="I2580" s="1"/>
    </row>
    <row r="2581" spans="1:9" x14ac:dyDescent="0.25">
      <c r="A2581" s="3">
        <v>41855.571736111109</v>
      </c>
      <c r="B2581" s="6">
        <v>42956.999999999993</v>
      </c>
      <c r="C2581" s="7">
        <f t="shared" si="40"/>
        <v>42.956999999999994</v>
      </c>
      <c r="I2581" s="1"/>
    </row>
    <row r="2582" spans="1:9" x14ac:dyDescent="0.25">
      <c r="A2582" s="3">
        <v>41855.572893518518</v>
      </c>
      <c r="B2582" s="6">
        <v>42973.649999999994</v>
      </c>
      <c r="C2582" s="7">
        <f t="shared" si="40"/>
        <v>42.973649999999992</v>
      </c>
      <c r="I2582" s="1"/>
    </row>
    <row r="2583" spans="1:9" x14ac:dyDescent="0.25">
      <c r="A2583" s="3">
        <v>41855.572939814818</v>
      </c>
      <c r="B2583" s="6">
        <v>42990.299999999996</v>
      </c>
      <c r="C2583" s="7">
        <f t="shared" si="40"/>
        <v>42.990299999999998</v>
      </c>
      <c r="I2583" s="1"/>
    </row>
    <row r="2584" spans="1:9" x14ac:dyDescent="0.25">
      <c r="A2584" s="3">
        <v>41855.57340277778</v>
      </c>
      <c r="B2584" s="6">
        <v>43006.95</v>
      </c>
      <c r="C2584" s="7">
        <f t="shared" si="40"/>
        <v>43.006949999999996</v>
      </c>
      <c r="I2584" s="1"/>
    </row>
    <row r="2585" spans="1:9" x14ac:dyDescent="0.25">
      <c r="A2585" s="3">
        <v>41855.573437500003</v>
      </c>
      <c r="B2585" s="6">
        <v>43023.6</v>
      </c>
      <c r="C2585" s="7">
        <f t="shared" si="40"/>
        <v>43.023600000000002</v>
      </c>
      <c r="I2585" s="1"/>
    </row>
    <row r="2586" spans="1:9" x14ac:dyDescent="0.25">
      <c r="A2586" s="3">
        <v>41855.573981481481</v>
      </c>
      <c r="B2586" s="6">
        <v>43040.249999999993</v>
      </c>
      <c r="C2586" s="7">
        <f t="shared" si="40"/>
        <v>43.040249999999993</v>
      </c>
      <c r="I2586" s="1"/>
    </row>
    <row r="2587" spans="1:9" x14ac:dyDescent="0.25">
      <c r="A2587" s="3">
        <v>41855.57403935185</v>
      </c>
      <c r="B2587" s="6">
        <v>43056.899999999994</v>
      </c>
      <c r="C2587" s="7">
        <f t="shared" si="40"/>
        <v>43.056899999999992</v>
      </c>
      <c r="I2587" s="1"/>
    </row>
    <row r="2588" spans="1:9" x14ac:dyDescent="0.25">
      <c r="A2588" s="3">
        <v>41855.575011574074</v>
      </c>
      <c r="B2588" s="6">
        <v>43073.549999999996</v>
      </c>
      <c r="C2588" s="7">
        <f t="shared" si="40"/>
        <v>43.073549999999997</v>
      </c>
      <c r="I2588" s="1"/>
    </row>
    <row r="2589" spans="1:9" x14ac:dyDescent="0.25">
      <c r="A2589" s="3">
        <v>41855.575162037036</v>
      </c>
      <c r="B2589" s="6">
        <v>43090.2</v>
      </c>
      <c r="C2589" s="7">
        <f t="shared" si="40"/>
        <v>43.090199999999996</v>
      </c>
      <c r="I2589" s="1"/>
    </row>
    <row r="2590" spans="1:9" x14ac:dyDescent="0.25">
      <c r="A2590" s="3">
        <v>41855.576122685183</v>
      </c>
      <c r="B2590" s="6">
        <v>43106.85</v>
      </c>
      <c r="C2590" s="7">
        <f t="shared" si="40"/>
        <v>43.106850000000001</v>
      </c>
      <c r="I2590" s="1"/>
    </row>
    <row r="2591" spans="1:9" x14ac:dyDescent="0.25">
      <c r="A2591" s="3">
        <v>41855.576238425929</v>
      </c>
      <c r="B2591" s="6">
        <v>43123.499999999993</v>
      </c>
      <c r="C2591" s="7">
        <f t="shared" si="40"/>
        <v>43.123499999999993</v>
      </c>
      <c r="I2591" s="1"/>
    </row>
    <row r="2592" spans="1:9" x14ac:dyDescent="0.25">
      <c r="A2592" s="3">
        <v>41855.577060185184</v>
      </c>
      <c r="B2592" s="6">
        <v>43140.149999999994</v>
      </c>
      <c r="C2592" s="7">
        <f t="shared" si="40"/>
        <v>43.140149999999991</v>
      </c>
      <c r="I2592" s="1"/>
    </row>
    <row r="2593" spans="1:9" x14ac:dyDescent="0.25">
      <c r="A2593" s="3">
        <v>41855.577094907407</v>
      </c>
      <c r="B2593" s="6">
        <v>43156.799999999996</v>
      </c>
      <c r="C2593" s="7">
        <f t="shared" si="40"/>
        <v>43.156799999999997</v>
      </c>
      <c r="I2593" s="1"/>
    </row>
    <row r="2594" spans="1:9" x14ac:dyDescent="0.25">
      <c r="A2594" s="3">
        <v>41855.577696759261</v>
      </c>
      <c r="B2594" s="6">
        <v>43173.45</v>
      </c>
      <c r="C2594" s="7">
        <f t="shared" si="40"/>
        <v>43.173449999999995</v>
      </c>
      <c r="I2594" s="1"/>
    </row>
    <row r="2595" spans="1:9" x14ac:dyDescent="0.25">
      <c r="A2595" s="3">
        <v>41855.577766203707</v>
      </c>
      <c r="B2595" s="6">
        <v>43190.1</v>
      </c>
      <c r="C2595" s="7">
        <f t="shared" si="40"/>
        <v>43.190100000000001</v>
      </c>
      <c r="I2595" s="1"/>
    </row>
    <row r="2596" spans="1:9" x14ac:dyDescent="0.25">
      <c r="A2596" s="3">
        <v>41855.578263888892</v>
      </c>
      <c r="B2596" s="6">
        <v>43206.749999999993</v>
      </c>
      <c r="C2596" s="7">
        <f t="shared" si="40"/>
        <v>43.206749999999992</v>
      </c>
      <c r="I2596" s="1"/>
    </row>
    <row r="2597" spans="1:9" x14ac:dyDescent="0.25">
      <c r="A2597" s="3">
        <v>41855.578298611108</v>
      </c>
      <c r="B2597" s="6">
        <v>43223.399999999994</v>
      </c>
      <c r="C2597" s="7">
        <f t="shared" si="40"/>
        <v>43.223399999999991</v>
      </c>
      <c r="I2597" s="1"/>
    </row>
    <row r="2598" spans="1:9" x14ac:dyDescent="0.25">
      <c r="A2598" s="3">
        <v>41855.578900462962</v>
      </c>
      <c r="B2598" s="6">
        <v>43240.049999999996</v>
      </c>
      <c r="C2598" s="7">
        <f t="shared" si="40"/>
        <v>43.240049999999997</v>
      </c>
      <c r="I2598" s="1"/>
    </row>
    <row r="2599" spans="1:9" x14ac:dyDescent="0.25">
      <c r="A2599" s="3">
        <v>41855.578958333332</v>
      </c>
      <c r="B2599" s="6">
        <v>43256.7</v>
      </c>
      <c r="C2599" s="7">
        <f t="shared" si="40"/>
        <v>43.256699999999995</v>
      </c>
      <c r="I2599" s="1"/>
    </row>
    <row r="2600" spans="1:9" x14ac:dyDescent="0.25">
      <c r="A2600" s="3">
        <v>41855.579756944448</v>
      </c>
      <c r="B2600" s="6">
        <v>43273.35</v>
      </c>
      <c r="C2600" s="7">
        <f t="shared" si="40"/>
        <v>43.273350000000001</v>
      </c>
      <c r="I2600" s="1"/>
    </row>
    <row r="2601" spans="1:9" x14ac:dyDescent="0.25">
      <c r="A2601" s="3">
        <v>41855.579826388886</v>
      </c>
      <c r="B2601" s="6">
        <v>43289.999999999993</v>
      </c>
      <c r="C2601" s="7">
        <f t="shared" si="40"/>
        <v>43.289999999999992</v>
      </c>
      <c r="I2601" s="1"/>
    </row>
    <row r="2602" spans="1:9" x14ac:dyDescent="0.25">
      <c r="A2602" s="3">
        <v>41855.580381944441</v>
      </c>
      <c r="B2602" s="6">
        <v>43306.649999999994</v>
      </c>
      <c r="C2602" s="7">
        <f t="shared" si="40"/>
        <v>43.306649999999998</v>
      </c>
      <c r="I2602" s="1"/>
    </row>
    <row r="2603" spans="1:9" x14ac:dyDescent="0.25">
      <c r="A2603" s="3">
        <v>41855.580474537041</v>
      </c>
      <c r="B2603" s="6">
        <v>43323.299999999996</v>
      </c>
      <c r="C2603" s="7">
        <f t="shared" si="40"/>
        <v>43.323299999999996</v>
      </c>
      <c r="I2603" s="1"/>
    </row>
    <row r="2604" spans="1:9" x14ac:dyDescent="0.25">
      <c r="A2604" s="3">
        <v>41855.581041666665</v>
      </c>
      <c r="B2604" s="6">
        <v>43339.95</v>
      </c>
      <c r="C2604" s="7">
        <f t="shared" si="40"/>
        <v>43.339949999999995</v>
      </c>
      <c r="I2604" s="1"/>
    </row>
    <row r="2605" spans="1:9" x14ac:dyDescent="0.25">
      <c r="A2605" s="3">
        <v>41855.581099537034</v>
      </c>
      <c r="B2605" s="6">
        <v>43356.6</v>
      </c>
      <c r="C2605" s="7">
        <f t="shared" si="40"/>
        <v>43.3566</v>
      </c>
      <c r="I2605" s="1"/>
    </row>
    <row r="2606" spans="1:9" x14ac:dyDescent="0.25">
      <c r="A2606" s="3">
        <v>41855.582349537035</v>
      </c>
      <c r="B2606" s="6">
        <v>43373.249999999993</v>
      </c>
      <c r="C2606" s="7">
        <f t="shared" si="40"/>
        <v>43.373249999999992</v>
      </c>
      <c r="I2606" s="1"/>
    </row>
    <row r="2607" spans="1:9" x14ac:dyDescent="0.25">
      <c r="A2607" s="3">
        <v>41855.582453703704</v>
      </c>
      <c r="B2607" s="6">
        <v>43389.899999999994</v>
      </c>
      <c r="C2607" s="7">
        <f t="shared" si="40"/>
        <v>43.389899999999997</v>
      </c>
      <c r="I2607" s="1"/>
    </row>
    <row r="2608" spans="1:9" x14ac:dyDescent="0.25">
      <c r="A2608" s="3">
        <v>41855.583310185182</v>
      </c>
      <c r="B2608" s="6">
        <v>43406.549999999996</v>
      </c>
      <c r="C2608" s="7">
        <f t="shared" si="40"/>
        <v>43.406549999999996</v>
      </c>
      <c r="I2608" s="1"/>
    </row>
    <row r="2609" spans="1:9" x14ac:dyDescent="0.25">
      <c r="A2609" s="3">
        <v>41855.583611111113</v>
      </c>
      <c r="B2609" s="6">
        <v>43423.199999999997</v>
      </c>
      <c r="C2609" s="7">
        <f t="shared" si="40"/>
        <v>43.423199999999994</v>
      </c>
      <c r="I2609" s="1"/>
    </row>
    <row r="2610" spans="1:9" x14ac:dyDescent="0.25">
      <c r="A2610" s="3">
        <v>41855.584826388891</v>
      </c>
      <c r="B2610" s="6">
        <v>43439.85</v>
      </c>
      <c r="C2610" s="7">
        <f t="shared" si="40"/>
        <v>43.43985</v>
      </c>
      <c r="I2610" s="1"/>
    </row>
    <row r="2611" spans="1:9" x14ac:dyDescent="0.25">
      <c r="A2611" s="3">
        <v>41855.584953703707</v>
      </c>
      <c r="B2611" s="6">
        <v>43456.499999999993</v>
      </c>
      <c r="C2611" s="7">
        <f t="shared" si="40"/>
        <v>43.456499999999991</v>
      </c>
      <c r="I2611" s="1"/>
    </row>
    <row r="2612" spans="1:9" x14ac:dyDescent="0.25">
      <c r="A2612" s="3">
        <v>41855.585833333331</v>
      </c>
      <c r="B2612" s="6">
        <v>43473.149999999994</v>
      </c>
      <c r="C2612" s="7">
        <f t="shared" si="40"/>
        <v>43.473149999999997</v>
      </c>
      <c r="I2612" s="1"/>
    </row>
    <row r="2613" spans="1:9" x14ac:dyDescent="0.25">
      <c r="A2613" s="3">
        <v>41855.586018518516</v>
      </c>
      <c r="B2613" s="6">
        <v>43489.799999999996</v>
      </c>
      <c r="C2613" s="7">
        <f t="shared" si="40"/>
        <v>43.489799999999995</v>
      </c>
      <c r="I2613" s="1"/>
    </row>
    <row r="2614" spans="1:9" x14ac:dyDescent="0.25">
      <c r="A2614" s="3">
        <v>41855.586956018517</v>
      </c>
      <c r="B2614" s="6">
        <v>43506.45</v>
      </c>
      <c r="C2614" s="7">
        <f t="shared" si="40"/>
        <v>43.506449999999994</v>
      </c>
      <c r="I2614" s="1"/>
    </row>
    <row r="2615" spans="1:9" x14ac:dyDescent="0.25">
      <c r="A2615" s="3">
        <v>41855.587037037039</v>
      </c>
      <c r="B2615" s="6">
        <v>43523.1</v>
      </c>
      <c r="C2615" s="7">
        <f t="shared" si="40"/>
        <v>43.523099999999999</v>
      </c>
      <c r="I2615" s="1"/>
    </row>
    <row r="2616" spans="1:9" x14ac:dyDescent="0.25">
      <c r="A2616" s="3">
        <v>41855.587743055556</v>
      </c>
      <c r="B2616" s="6">
        <v>43539.749999999993</v>
      </c>
      <c r="C2616" s="7">
        <f t="shared" si="40"/>
        <v>43.539749999999991</v>
      </c>
      <c r="I2616" s="1"/>
    </row>
    <row r="2617" spans="1:9" x14ac:dyDescent="0.25">
      <c r="A2617" s="3">
        <v>41855.587835648148</v>
      </c>
      <c r="B2617" s="6">
        <v>43556.399999999994</v>
      </c>
      <c r="C2617" s="7">
        <f t="shared" si="40"/>
        <v>43.556399999999996</v>
      </c>
      <c r="I2617" s="1"/>
    </row>
    <row r="2618" spans="1:9" x14ac:dyDescent="0.25">
      <c r="A2618" s="3">
        <v>41855.588425925926</v>
      </c>
      <c r="B2618" s="6">
        <v>43573.049999999996</v>
      </c>
      <c r="C2618" s="7">
        <f t="shared" si="40"/>
        <v>43.573049999999995</v>
      </c>
      <c r="I2618" s="1"/>
    </row>
    <row r="2619" spans="1:9" x14ac:dyDescent="0.25">
      <c r="A2619" s="3">
        <v>41855.588495370372</v>
      </c>
      <c r="B2619" s="6">
        <v>43589.7</v>
      </c>
      <c r="C2619" s="7">
        <f t="shared" si="40"/>
        <v>43.589700000000001</v>
      </c>
      <c r="I2619" s="1"/>
    </row>
    <row r="2620" spans="1:9" x14ac:dyDescent="0.25">
      <c r="A2620" s="3">
        <v>41855.58965277778</v>
      </c>
      <c r="B2620" s="6">
        <v>43606.35</v>
      </c>
      <c r="C2620" s="7">
        <f t="shared" si="40"/>
        <v>43.606349999999999</v>
      </c>
      <c r="I2620" s="1"/>
    </row>
    <row r="2621" spans="1:9" x14ac:dyDescent="0.25">
      <c r="A2621" s="3">
        <v>41855.589756944442</v>
      </c>
      <c r="B2621" s="6">
        <v>43622.999999999993</v>
      </c>
      <c r="C2621" s="7">
        <f t="shared" si="40"/>
        <v>43.62299999999999</v>
      </c>
      <c r="I2621" s="1"/>
    </row>
    <row r="2622" spans="1:9" x14ac:dyDescent="0.25">
      <c r="A2622" s="3">
        <v>41855.590914351851</v>
      </c>
      <c r="B2622" s="6">
        <v>43639.649999999994</v>
      </c>
      <c r="C2622" s="7">
        <f t="shared" si="40"/>
        <v>43.639649999999996</v>
      </c>
      <c r="I2622" s="1"/>
    </row>
    <row r="2623" spans="1:9" x14ac:dyDescent="0.25">
      <c r="A2623" s="3">
        <v>41855.590983796297</v>
      </c>
      <c r="B2623" s="6">
        <v>43656.299999999996</v>
      </c>
      <c r="C2623" s="7">
        <f t="shared" si="40"/>
        <v>43.656299999999995</v>
      </c>
      <c r="I2623" s="1"/>
    </row>
    <row r="2624" spans="1:9" x14ac:dyDescent="0.25">
      <c r="A2624" s="3">
        <v>41855.591620370367</v>
      </c>
      <c r="B2624" s="6">
        <v>43672.95</v>
      </c>
      <c r="C2624" s="7">
        <f t="shared" si="40"/>
        <v>43.67295</v>
      </c>
      <c r="I2624" s="1"/>
    </row>
    <row r="2625" spans="1:9" x14ac:dyDescent="0.25">
      <c r="A2625" s="3">
        <v>41855.591678240744</v>
      </c>
      <c r="B2625" s="6">
        <v>43689.599999999999</v>
      </c>
      <c r="C2625" s="7">
        <f t="shared" si="40"/>
        <v>43.689599999999999</v>
      </c>
      <c r="I2625" s="1"/>
    </row>
    <row r="2626" spans="1:9" x14ac:dyDescent="0.25">
      <c r="A2626" s="3">
        <v>41855.592569444445</v>
      </c>
      <c r="B2626" s="6">
        <v>43706.249999999993</v>
      </c>
      <c r="C2626" s="7">
        <f t="shared" si="40"/>
        <v>43.70624999999999</v>
      </c>
      <c r="I2626" s="1"/>
    </row>
    <row r="2627" spans="1:9" x14ac:dyDescent="0.25">
      <c r="A2627" s="3">
        <v>41855.592615740738</v>
      </c>
      <c r="B2627" s="6">
        <v>43722.899999999994</v>
      </c>
      <c r="C2627" s="7">
        <f t="shared" ref="C2627:C2690" si="41">B2627/1000</f>
        <v>43.722899999999996</v>
      </c>
      <c r="I2627" s="1"/>
    </row>
    <row r="2628" spans="1:9" x14ac:dyDescent="0.25">
      <c r="A2628" s="3">
        <v>41855.593368055554</v>
      </c>
      <c r="B2628" s="6">
        <v>43739.549999999996</v>
      </c>
      <c r="C2628" s="7">
        <f t="shared" si="41"/>
        <v>43.739549999999994</v>
      </c>
      <c r="I2628" s="1"/>
    </row>
    <row r="2629" spans="1:9" x14ac:dyDescent="0.25">
      <c r="A2629" s="3">
        <v>41855.593425925923</v>
      </c>
      <c r="B2629" s="6">
        <v>43756.2</v>
      </c>
      <c r="C2629" s="7">
        <f t="shared" si="41"/>
        <v>43.7562</v>
      </c>
      <c r="I2629" s="1"/>
    </row>
    <row r="2630" spans="1:9" x14ac:dyDescent="0.25">
      <c r="A2630" s="3">
        <v>41855.594537037039</v>
      </c>
      <c r="B2630" s="6">
        <v>43772.85</v>
      </c>
      <c r="C2630" s="7">
        <f t="shared" si="41"/>
        <v>43.772849999999998</v>
      </c>
      <c r="I2630" s="1"/>
    </row>
    <row r="2631" spans="1:9" x14ac:dyDescent="0.25">
      <c r="A2631" s="3">
        <v>41855.594733796293</v>
      </c>
      <c r="B2631" s="6">
        <v>43789.499999999993</v>
      </c>
      <c r="C2631" s="7">
        <f t="shared" si="41"/>
        <v>43.78949999999999</v>
      </c>
      <c r="I2631" s="1"/>
    </row>
    <row r="2632" spans="1:9" x14ac:dyDescent="0.25">
      <c r="A2632" s="3">
        <v>41855.595706018517</v>
      </c>
      <c r="B2632" s="6">
        <v>43806.149999999994</v>
      </c>
      <c r="C2632" s="7">
        <f t="shared" si="41"/>
        <v>43.806149999999995</v>
      </c>
      <c r="I2632" s="1"/>
    </row>
    <row r="2633" spans="1:9" x14ac:dyDescent="0.25">
      <c r="A2633" s="3">
        <v>41855.595763888887</v>
      </c>
      <c r="B2633" s="6">
        <v>43822.799999999996</v>
      </c>
      <c r="C2633" s="7">
        <f t="shared" si="41"/>
        <v>43.822799999999994</v>
      </c>
      <c r="I2633" s="1"/>
    </row>
    <row r="2634" spans="1:9" x14ac:dyDescent="0.25">
      <c r="A2634" s="3">
        <v>41855.596215277779</v>
      </c>
      <c r="B2634" s="6">
        <v>43839.45</v>
      </c>
      <c r="C2634" s="7">
        <f t="shared" si="41"/>
        <v>43.839449999999999</v>
      </c>
      <c r="I2634" s="1"/>
    </row>
    <row r="2635" spans="1:9" x14ac:dyDescent="0.25">
      <c r="A2635" s="3">
        <v>41855.596284722225</v>
      </c>
      <c r="B2635" s="6">
        <v>43856.1</v>
      </c>
      <c r="C2635" s="7">
        <f t="shared" si="41"/>
        <v>43.856099999999998</v>
      </c>
      <c r="I2635" s="1"/>
    </row>
    <row r="2636" spans="1:9" x14ac:dyDescent="0.25">
      <c r="A2636" s="3">
        <v>41855.596747685187</v>
      </c>
      <c r="B2636" s="6">
        <v>43872.749999999993</v>
      </c>
      <c r="C2636" s="7">
        <f t="shared" si="41"/>
        <v>43.872749999999989</v>
      </c>
      <c r="I2636" s="1"/>
    </row>
    <row r="2637" spans="1:9" x14ac:dyDescent="0.25">
      <c r="A2637" s="3">
        <v>41855.59679398148</v>
      </c>
      <c r="B2637" s="6">
        <v>43889.399999999994</v>
      </c>
      <c r="C2637" s="7">
        <f t="shared" si="41"/>
        <v>43.889399999999995</v>
      </c>
      <c r="I2637" s="1"/>
    </row>
    <row r="2638" spans="1:9" x14ac:dyDescent="0.25">
      <c r="A2638" s="3">
        <v>41855.597569444442</v>
      </c>
      <c r="B2638" s="6">
        <v>43906.049999999996</v>
      </c>
      <c r="C2638" s="7">
        <f t="shared" si="41"/>
        <v>43.906049999999993</v>
      </c>
      <c r="I2638" s="1"/>
    </row>
    <row r="2639" spans="1:9" x14ac:dyDescent="0.25">
      <c r="A2639" s="3">
        <v>41855.597673611112</v>
      </c>
      <c r="B2639" s="6">
        <v>43922.7</v>
      </c>
      <c r="C2639" s="7">
        <f t="shared" si="41"/>
        <v>43.922699999999999</v>
      </c>
      <c r="I2639" s="1"/>
    </row>
    <row r="2640" spans="1:9" x14ac:dyDescent="0.25">
      <c r="A2640" s="3">
        <v>41855.598356481481</v>
      </c>
      <c r="B2640" s="6">
        <v>43939.35</v>
      </c>
      <c r="C2640" s="7">
        <f t="shared" si="41"/>
        <v>43.939349999999997</v>
      </c>
      <c r="I2640" s="1"/>
    </row>
    <row r="2641" spans="1:9" x14ac:dyDescent="0.25">
      <c r="A2641" s="3">
        <v>41855.598460648151</v>
      </c>
      <c r="B2641" s="6">
        <v>43955.999999999993</v>
      </c>
      <c r="C2641" s="7">
        <f t="shared" si="41"/>
        <v>43.955999999999996</v>
      </c>
      <c r="I2641" s="1"/>
    </row>
    <row r="2642" spans="1:9" x14ac:dyDescent="0.25">
      <c r="A2642" s="3">
        <v>41855.599062499998</v>
      </c>
      <c r="B2642" s="6">
        <v>43972.649999999994</v>
      </c>
      <c r="C2642" s="7">
        <f t="shared" si="41"/>
        <v>43.972649999999994</v>
      </c>
      <c r="I2642" s="1"/>
    </row>
    <row r="2643" spans="1:9" x14ac:dyDescent="0.25">
      <c r="A2643" s="3">
        <v>41855.599224537036</v>
      </c>
      <c r="B2643" s="6">
        <v>43989.299999999996</v>
      </c>
      <c r="C2643" s="7">
        <f t="shared" si="41"/>
        <v>43.989299999999993</v>
      </c>
      <c r="I2643" s="1"/>
    </row>
    <row r="2644" spans="1:9" x14ac:dyDescent="0.25">
      <c r="A2644" s="3">
        <v>41855.600243055553</v>
      </c>
      <c r="B2644" s="6">
        <v>44005.95</v>
      </c>
      <c r="C2644" s="7">
        <f t="shared" si="41"/>
        <v>44.005949999999999</v>
      </c>
      <c r="I2644" s="1"/>
    </row>
    <row r="2645" spans="1:9" x14ac:dyDescent="0.25">
      <c r="A2645" s="3">
        <v>41855.600312499999</v>
      </c>
      <c r="B2645" s="6">
        <v>44022.6</v>
      </c>
      <c r="C2645" s="7">
        <f t="shared" si="41"/>
        <v>44.022599999999997</v>
      </c>
      <c r="I2645" s="1"/>
    </row>
    <row r="2646" spans="1:9" x14ac:dyDescent="0.25">
      <c r="A2646" s="3">
        <v>41855.600856481484</v>
      </c>
      <c r="B2646" s="6">
        <v>44039.249999999993</v>
      </c>
      <c r="C2646" s="7">
        <f t="shared" si="41"/>
        <v>44.039249999999996</v>
      </c>
      <c r="I2646" s="1"/>
    </row>
    <row r="2647" spans="1:9" x14ac:dyDescent="0.25">
      <c r="A2647" s="3">
        <v>41855.600891203707</v>
      </c>
      <c r="B2647" s="6">
        <v>44055.899999999994</v>
      </c>
      <c r="C2647" s="7">
        <f t="shared" si="41"/>
        <v>44.055899999999994</v>
      </c>
      <c r="I2647" s="1"/>
    </row>
    <row r="2648" spans="1:9" x14ac:dyDescent="0.25">
      <c r="A2648" s="3">
        <v>41855.601458333331</v>
      </c>
      <c r="B2648" s="6">
        <v>44072.549999999996</v>
      </c>
      <c r="C2648" s="7">
        <f t="shared" si="41"/>
        <v>44.072549999999993</v>
      </c>
      <c r="I2648" s="1"/>
    </row>
    <row r="2649" spans="1:9" x14ac:dyDescent="0.25">
      <c r="A2649" s="3">
        <v>41855.601550925923</v>
      </c>
      <c r="B2649" s="6">
        <v>44089.2</v>
      </c>
      <c r="C2649" s="7">
        <f t="shared" si="41"/>
        <v>44.089199999999998</v>
      </c>
      <c r="I2649" s="1"/>
    </row>
    <row r="2650" spans="1:9" x14ac:dyDescent="0.25">
      <c r="A2650" s="3">
        <v>41855.602152777778</v>
      </c>
      <c r="B2650" s="6">
        <v>44105.85</v>
      </c>
      <c r="C2650" s="7">
        <f t="shared" si="41"/>
        <v>44.105849999999997</v>
      </c>
      <c r="I2650" s="1"/>
    </row>
    <row r="2651" spans="1:9" x14ac:dyDescent="0.25">
      <c r="A2651" s="3">
        <v>41855.602280092593</v>
      </c>
      <c r="B2651" s="6">
        <v>44122.499999999993</v>
      </c>
      <c r="C2651" s="7">
        <f t="shared" si="41"/>
        <v>44.122499999999995</v>
      </c>
      <c r="I2651" s="1"/>
    </row>
    <row r="2652" spans="1:9" x14ac:dyDescent="0.25">
      <c r="A2652" s="3">
        <v>41855.603368055556</v>
      </c>
      <c r="B2652" s="6">
        <v>44139.149999999994</v>
      </c>
      <c r="C2652" s="7">
        <f t="shared" si="41"/>
        <v>44.139149999999994</v>
      </c>
      <c r="I2652" s="1"/>
    </row>
    <row r="2653" spans="1:9" x14ac:dyDescent="0.25">
      <c r="A2653" s="3">
        <v>41855.603449074071</v>
      </c>
      <c r="B2653" s="6">
        <v>44155.799999999996</v>
      </c>
      <c r="C2653" s="7">
        <f t="shared" si="41"/>
        <v>44.155799999999992</v>
      </c>
      <c r="I2653" s="1"/>
    </row>
    <row r="2654" spans="1:9" x14ac:dyDescent="0.25">
      <c r="A2654" s="3">
        <v>41855.604872685188</v>
      </c>
      <c r="B2654" s="6">
        <v>44172.45</v>
      </c>
      <c r="C2654" s="7">
        <f t="shared" si="41"/>
        <v>44.172449999999998</v>
      </c>
      <c r="I2654" s="1"/>
    </row>
    <row r="2655" spans="1:9" x14ac:dyDescent="0.25">
      <c r="A2655" s="3">
        <v>41855.604988425926</v>
      </c>
      <c r="B2655" s="6">
        <v>44189.1</v>
      </c>
      <c r="C2655" s="7">
        <f t="shared" si="41"/>
        <v>44.189099999999996</v>
      </c>
      <c r="I2655" s="1"/>
    </row>
    <row r="2656" spans="1:9" x14ac:dyDescent="0.25">
      <c r="A2656" s="3">
        <v>41855.605810185189</v>
      </c>
      <c r="B2656" s="6">
        <v>44205.749999999993</v>
      </c>
      <c r="C2656" s="7">
        <f t="shared" si="41"/>
        <v>44.205749999999995</v>
      </c>
      <c r="I2656" s="1"/>
    </row>
    <row r="2657" spans="1:9" x14ac:dyDescent="0.25">
      <c r="A2657" s="3">
        <v>41855.605868055558</v>
      </c>
      <c r="B2657" s="6">
        <v>44222.399999999994</v>
      </c>
      <c r="C2657" s="7">
        <f t="shared" si="41"/>
        <v>44.222399999999993</v>
      </c>
      <c r="I2657" s="1"/>
    </row>
    <row r="2658" spans="1:9" x14ac:dyDescent="0.25">
      <c r="A2658" s="3">
        <v>41855.60628472222</v>
      </c>
      <c r="B2658" s="6">
        <v>44239.049999999996</v>
      </c>
      <c r="C2658" s="7">
        <f t="shared" si="41"/>
        <v>44.239049999999999</v>
      </c>
      <c r="I2658" s="1"/>
    </row>
    <row r="2659" spans="1:9" x14ac:dyDescent="0.25">
      <c r="A2659" s="3">
        <v>41855.606377314813</v>
      </c>
      <c r="B2659" s="6">
        <v>44255.7</v>
      </c>
      <c r="C2659" s="7">
        <f t="shared" si="41"/>
        <v>44.255699999999997</v>
      </c>
      <c r="I2659" s="1"/>
    </row>
    <row r="2660" spans="1:9" x14ac:dyDescent="0.25">
      <c r="A2660" s="3">
        <v>41855.606990740744</v>
      </c>
      <c r="B2660" s="6">
        <v>44272.35</v>
      </c>
      <c r="C2660" s="7">
        <f t="shared" si="41"/>
        <v>44.272349999999996</v>
      </c>
      <c r="I2660" s="1"/>
    </row>
    <row r="2661" spans="1:9" x14ac:dyDescent="0.25">
      <c r="A2661" s="3">
        <v>41855.607233796298</v>
      </c>
      <c r="B2661" s="6">
        <v>44288.999999999993</v>
      </c>
      <c r="C2661" s="7">
        <f t="shared" si="41"/>
        <v>44.288999999999994</v>
      </c>
      <c r="I2661" s="1"/>
    </row>
    <row r="2662" spans="1:9" x14ac:dyDescent="0.25">
      <c r="A2662" s="3">
        <v>41855.608668981484</v>
      </c>
      <c r="B2662" s="6">
        <v>44305.649999999994</v>
      </c>
      <c r="C2662" s="7">
        <f t="shared" si="41"/>
        <v>44.305649999999993</v>
      </c>
      <c r="I2662" s="1"/>
    </row>
    <row r="2663" spans="1:9" x14ac:dyDescent="0.25">
      <c r="A2663" s="3">
        <v>41855.608877314815</v>
      </c>
      <c r="B2663" s="6">
        <v>44322.299999999996</v>
      </c>
      <c r="C2663" s="7">
        <f t="shared" si="41"/>
        <v>44.322299999999998</v>
      </c>
      <c r="I2663" s="1"/>
    </row>
    <row r="2664" spans="1:9" x14ac:dyDescent="0.25">
      <c r="A2664" s="3">
        <v>41855.609710648147</v>
      </c>
      <c r="B2664" s="6">
        <v>44338.95</v>
      </c>
      <c r="C2664" s="7">
        <f t="shared" si="41"/>
        <v>44.338949999999997</v>
      </c>
      <c r="I2664" s="1"/>
    </row>
    <row r="2665" spans="1:9" x14ac:dyDescent="0.25">
      <c r="A2665" s="3">
        <v>41855.609814814816</v>
      </c>
      <c r="B2665" s="6">
        <v>44355.6</v>
      </c>
      <c r="C2665" s="7">
        <f t="shared" si="41"/>
        <v>44.355599999999995</v>
      </c>
      <c r="I2665" s="1"/>
    </row>
    <row r="2666" spans="1:9" x14ac:dyDescent="0.25">
      <c r="A2666" s="3">
        <v>41855.610717592594</v>
      </c>
      <c r="B2666" s="6">
        <v>44372.249999999993</v>
      </c>
      <c r="C2666" s="7">
        <f t="shared" si="41"/>
        <v>44.372249999999994</v>
      </c>
      <c r="I2666" s="1"/>
    </row>
    <row r="2667" spans="1:9" x14ac:dyDescent="0.25">
      <c r="A2667" s="3">
        <v>41855.610983796294</v>
      </c>
      <c r="B2667" s="6">
        <v>44388.899999999994</v>
      </c>
      <c r="C2667" s="7">
        <f t="shared" si="41"/>
        <v>44.388899999999992</v>
      </c>
      <c r="I2667" s="1"/>
    </row>
    <row r="2668" spans="1:9" x14ac:dyDescent="0.25">
      <c r="A2668" s="3">
        <v>41855.611608796295</v>
      </c>
      <c r="B2668" s="6">
        <v>44405.549999999996</v>
      </c>
      <c r="C2668" s="7">
        <f t="shared" si="41"/>
        <v>44.405549999999998</v>
      </c>
      <c r="I2668" s="1"/>
    </row>
    <row r="2669" spans="1:9" x14ac:dyDescent="0.25">
      <c r="A2669" s="3">
        <v>41855.611655092594</v>
      </c>
      <c r="B2669" s="6">
        <v>44422.2</v>
      </c>
      <c r="C2669" s="7">
        <f t="shared" si="41"/>
        <v>44.422199999999997</v>
      </c>
      <c r="I2669" s="1"/>
    </row>
    <row r="2670" spans="1:9" x14ac:dyDescent="0.25">
      <c r="A2670" s="3">
        <v>41855.612673611111</v>
      </c>
      <c r="B2670" s="6">
        <v>44438.85</v>
      </c>
      <c r="C2670" s="7">
        <f t="shared" si="41"/>
        <v>44.438849999999995</v>
      </c>
      <c r="I2670" s="1"/>
    </row>
    <row r="2671" spans="1:9" x14ac:dyDescent="0.25">
      <c r="A2671" s="3">
        <v>41855.61273148148</v>
      </c>
      <c r="B2671" s="6">
        <v>44455.499999999993</v>
      </c>
      <c r="C2671" s="7">
        <f t="shared" si="41"/>
        <v>44.455499999999994</v>
      </c>
      <c r="I2671" s="1"/>
    </row>
    <row r="2672" spans="1:9" x14ac:dyDescent="0.25">
      <c r="A2672" s="3">
        <v>41855.613252314812</v>
      </c>
      <c r="B2672" s="6">
        <v>44472.149999999994</v>
      </c>
      <c r="C2672" s="7">
        <f t="shared" si="41"/>
        <v>44.472149999999992</v>
      </c>
      <c r="I2672" s="1"/>
    </row>
    <row r="2673" spans="1:9" x14ac:dyDescent="0.25">
      <c r="A2673" s="3">
        <v>41855.613344907404</v>
      </c>
      <c r="B2673" s="6">
        <v>44488.799999999996</v>
      </c>
      <c r="C2673" s="7">
        <f t="shared" si="41"/>
        <v>44.488799999999998</v>
      </c>
      <c r="I2673" s="1"/>
    </row>
    <row r="2674" spans="1:9" x14ac:dyDescent="0.25">
      <c r="A2674" s="3">
        <v>41855.614328703705</v>
      </c>
      <c r="B2674" s="6">
        <v>44505.45</v>
      </c>
      <c r="C2674" s="7">
        <f t="shared" si="41"/>
        <v>44.505449999999996</v>
      </c>
      <c r="I2674" s="1"/>
    </row>
    <row r="2675" spans="1:9" x14ac:dyDescent="0.25">
      <c r="A2675" s="3">
        <v>41855.614444444444</v>
      </c>
      <c r="B2675" s="6">
        <v>44522.1</v>
      </c>
      <c r="C2675" s="7">
        <f t="shared" si="41"/>
        <v>44.522100000000002</v>
      </c>
      <c r="I2675" s="1"/>
    </row>
    <row r="2676" spans="1:9" x14ac:dyDescent="0.25">
      <c r="A2676" s="3">
        <v>41855.615451388891</v>
      </c>
      <c r="B2676" s="6">
        <v>44538.749999999993</v>
      </c>
      <c r="C2676" s="7">
        <f t="shared" si="41"/>
        <v>44.538749999999993</v>
      </c>
      <c r="I2676" s="1"/>
    </row>
    <row r="2677" spans="1:9" x14ac:dyDescent="0.25">
      <c r="A2677" s="3">
        <v>41855.615520833337</v>
      </c>
      <c r="B2677" s="6">
        <v>44555.399999999994</v>
      </c>
      <c r="C2677" s="7">
        <f t="shared" si="41"/>
        <v>44.555399999999992</v>
      </c>
      <c r="I2677" s="1"/>
    </row>
    <row r="2678" spans="1:9" x14ac:dyDescent="0.25">
      <c r="A2678" s="3">
        <v>41855.616087962961</v>
      </c>
      <c r="B2678" s="6">
        <v>44572.049999999996</v>
      </c>
      <c r="C2678" s="7">
        <f t="shared" si="41"/>
        <v>44.572049999999997</v>
      </c>
      <c r="I2678" s="1"/>
    </row>
    <row r="2679" spans="1:9" x14ac:dyDescent="0.25">
      <c r="A2679" s="3">
        <v>41855.616157407407</v>
      </c>
      <c r="B2679" s="6">
        <v>44588.7</v>
      </c>
      <c r="C2679" s="7">
        <f t="shared" si="41"/>
        <v>44.588699999999996</v>
      </c>
      <c r="I2679" s="1"/>
    </row>
    <row r="2680" spans="1:9" x14ac:dyDescent="0.25">
      <c r="A2680" s="3">
        <v>41855.617256944446</v>
      </c>
      <c r="B2680" s="6">
        <v>44605.35</v>
      </c>
      <c r="C2680" s="7">
        <f t="shared" si="41"/>
        <v>44.605350000000001</v>
      </c>
      <c r="I2680" s="1"/>
    </row>
    <row r="2681" spans="1:9" x14ac:dyDescent="0.25">
      <c r="A2681" s="3">
        <v>41855.617337962962</v>
      </c>
      <c r="B2681" s="6">
        <v>44621.999999999993</v>
      </c>
      <c r="C2681" s="7">
        <f t="shared" si="41"/>
        <v>44.621999999999993</v>
      </c>
      <c r="I2681" s="1"/>
    </row>
    <row r="2682" spans="1:9" x14ac:dyDescent="0.25">
      <c r="A2682" s="3">
        <v>41855.618715277778</v>
      </c>
      <c r="B2682" s="6">
        <v>44638.649999999994</v>
      </c>
      <c r="C2682" s="7">
        <f t="shared" si="41"/>
        <v>44.638649999999991</v>
      </c>
      <c r="I2682" s="1"/>
    </row>
    <row r="2683" spans="1:9" x14ac:dyDescent="0.25">
      <c r="A2683" s="3">
        <v>41855.618877314817</v>
      </c>
      <c r="B2683" s="6">
        <v>44655.299999999996</v>
      </c>
      <c r="C2683" s="7">
        <f t="shared" si="41"/>
        <v>44.655299999999997</v>
      </c>
      <c r="I2683" s="1"/>
    </row>
    <row r="2684" spans="1:9" x14ac:dyDescent="0.25">
      <c r="A2684" s="3">
        <v>41855.619652777779</v>
      </c>
      <c r="B2684" s="6">
        <v>44671.95</v>
      </c>
      <c r="C2684" s="7">
        <f t="shared" si="41"/>
        <v>44.671949999999995</v>
      </c>
      <c r="I2684" s="1"/>
    </row>
    <row r="2685" spans="1:9" x14ac:dyDescent="0.25">
      <c r="A2685" s="3">
        <v>41855.619768518518</v>
      </c>
      <c r="B2685" s="6">
        <v>44688.6</v>
      </c>
      <c r="C2685" s="7">
        <f t="shared" si="41"/>
        <v>44.688600000000001</v>
      </c>
      <c r="I2685" s="1"/>
    </row>
    <row r="2686" spans="1:9" x14ac:dyDescent="0.25">
      <c r="A2686" s="3">
        <v>41855.62096064815</v>
      </c>
      <c r="B2686" s="6">
        <v>44705.249999999993</v>
      </c>
      <c r="C2686" s="7">
        <f t="shared" si="41"/>
        <v>44.705249999999992</v>
      </c>
      <c r="I2686" s="1"/>
    </row>
    <row r="2687" spans="1:9" x14ac:dyDescent="0.25">
      <c r="A2687" s="3">
        <v>41855.621030092596</v>
      </c>
      <c r="B2687" s="6">
        <v>44721.899999999994</v>
      </c>
      <c r="C2687" s="7">
        <f t="shared" si="41"/>
        <v>44.721899999999991</v>
      </c>
      <c r="I2687" s="1"/>
    </row>
    <row r="2688" spans="1:9" x14ac:dyDescent="0.25">
      <c r="A2688" s="3">
        <v>41855.622858796298</v>
      </c>
      <c r="B2688" s="6">
        <v>44738.549999999996</v>
      </c>
      <c r="C2688" s="7">
        <f t="shared" si="41"/>
        <v>44.738549999999996</v>
      </c>
      <c r="I2688" s="1"/>
    </row>
    <row r="2689" spans="1:9" x14ac:dyDescent="0.25">
      <c r="A2689" s="3">
        <v>41855.623101851852</v>
      </c>
      <c r="B2689" s="6">
        <v>44755.199999999997</v>
      </c>
      <c r="C2689" s="7">
        <f t="shared" si="41"/>
        <v>44.755199999999995</v>
      </c>
      <c r="I2689" s="1"/>
    </row>
    <row r="2690" spans="1:9" x14ac:dyDescent="0.25">
      <c r="A2690" s="3">
        <v>41855.624212962961</v>
      </c>
      <c r="B2690" s="6">
        <v>44771.85</v>
      </c>
      <c r="C2690" s="7">
        <f t="shared" si="41"/>
        <v>44.771850000000001</v>
      </c>
      <c r="I2690" s="1"/>
    </row>
    <row r="2691" spans="1:9" x14ac:dyDescent="0.25">
      <c r="A2691" s="3">
        <v>41855.624386574076</v>
      </c>
      <c r="B2691" s="6">
        <v>44788.499999999993</v>
      </c>
      <c r="C2691" s="7">
        <f t="shared" ref="C2691:C2754" si="42">B2691/1000</f>
        <v>44.788499999999992</v>
      </c>
      <c r="I2691" s="1"/>
    </row>
    <row r="2692" spans="1:9" x14ac:dyDescent="0.25">
      <c r="A2692" s="3">
        <v>41855.625081018516</v>
      </c>
      <c r="B2692" s="6">
        <v>44805.149999999994</v>
      </c>
      <c r="C2692" s="7">
        <f t="shared" si="42"/>
        <v>44.805149999999998</v>
      </c>
      <c r="I2692" s="1"/>
    </row>
    <row r="2693" spans="1:9" x14ac:dyDescent="0.25">
      <c r="A2693" s="3">
        <v>41855.625138888892</v>
      </c>
      <c r="B2693" s="6">
        <v>44821.799999999996</v>
      </c>
      <c r="C2693" s="7">
        <f t="shared" si="42"/>
        <v>44.821799999999996</v>
      </c>
      <c r="I2693" s="1"/>
    </row>
    <row r="2694" spans="1:9" x14ac:dyDescent="0.25">
      <c r="A2694" s="3">
        <v>41855.626516203702</v>
      </c>
      <c r="B2694" s="6">
        <v>44838.45</v>
      </c>
      <c r="C2694" s="7">
        <f t="shared" si="42"/>
        <v>44.838449999999995</v>
      </c>
      <c r="I2694" s="1"/>
    </row>
    <row r="2695" spans="1:9" x14ac:dyDescent="0.25">
      <c r="A2695" s="3">
        <v>41855.626597222225</v>
      </c>
      <c r="B2695" s="6">
        <v>44855.1</v>
      </c>
      <c r="C2695" s="7">
        <f t="shared" si="42"/>
        <v>44.8551</v>
      </c>
      <c r="I2695" s="1"/>
    </row>
    <row r="2696" spans="1:9" x14ac:dyDescent="0.25">
      <c r="A2696" s="3">
        <v>41855.62767361111</v>
      </c>
      <c r="B2696" s="6">
        <v>44871.749999999993</v>
      </c>
      <c r="C2696" s="7">
        <f t="shared" si="42"/>
        <v>44.871749999999992</v>
      </c>
      <c r="I2696" s="1"/>
    </row>
    <row r="2697" spans="1:9" x14ac:dyDescent="0.25">
      <c r="A2697" s="3">
        <v>41855.62773148148</v>
      </c>
      <c r="B2697" s="6">
        <v>44888.399999999994</v>
      </c>
      <c r="C2697" s="7">
        <f t="shared" si="42"/>
        <v>44.888399999999997</v>
      </c>
      <c r="I2697" s="1"/>
    </row>
    <row r="2698" spans="1:9" x14ac:dyDescent="0.25">
      <c r="A2698" s="3">
        <v>41855.62841435185</v>
      </c>
      <c r="B2698" s="6">
        <v>44905.049999999996</v>
      </c>
      <c r="C2698" s="7">
        <f t="shared" si="42"/>
        <v>44.905049999999996</v>
      </c>
      <c r="I2698" s="1"/>
    </row>
    <row r="2699" spans="1:9" x14ac:dyDescent="0.25">
      <c r="A2699" s="3">
        <v>41855.628553240742</v>
      </c>
      <c r="B2699" s="6">
        <v>44921.7</v>
      </c>
      <c r="C2699" s="7">
        <f t="shared" si="42"/>
        <v>44.921699999999994</v>
      </c>
      <c r="I2699" s="1"/>
    </row>
    <row r="2700" spans="1:9" x14ac:dyDescent="0.25">
      <c r="A2700" s="3">
        <v>41855.629537037035</v>
      </c>
      <c r="B2700" s="6">
        <v>44938.35</v>
      </c>
      <c r="C2700" s="7">
        <f t="shared" si="42"/>
        <v>44.93835</v>
      </c>
      <c r="I2700" s="1"/>
    </row>
    <row r="2701" spans="1:9" x14ac:dyDescent="0.25">
      <c r="A2701" s="3">
        <v>41855.629629629628</v>
      </c>
      <c r="B2701" s="6">
        <v>44954.999999999993</v>
      </c>
      <c r="C2701" s="7">
        <f t="shared" si="42"/>
        <v>44.954999999999991</v>
      </c>
      <c r="I2701" s="1"/>
    </row>
    <row r="2702" spans="1:9" x14ac:dyDescent="0.25">
      <c r="A2702" s="3">
        <v>41855.630694444444</v>
      </c>
      <c r="B2702" s="6">
        <v>44971.649999999994</v>
      </c>
      <c r="C2702" s="7">
        <f t="shared" si="42"/>
        <v>44.971649999999997</v>
      </c>
      <c r="I2702" s="1"/>
    </row>
    <row r="2703" spans="1:9" x14ac:dyDescent="0.25">
      <c r="A2703" s="3">
        <v>41855.630798611113</v>
      </c>
      <c r="B2703" s="6">
        <v>44988.299999999996</v>
      </c>
      <c r="C2703" s="7">
        <f t="shared" si="42"/>
        <v>44.988299999999995</v>
      </c>
      <c r="I2703" s="1"/>
    </row>
    <row r="2704" spans="1:9" x14ac:dyDescent="0.25">
      <c r="A2704" s="3">
        <v>41855.631979166668</v>
      </c>
      <c r="B2704" s="6">
        <v>45004.95</v>
      </c>
      <c r="C2704" s="7">
        <f t="shared" si="42"/>
        <v>45.004949999999994</v>
      </c>
      <c r="I2704" s="1"/>
    </row>
    <row r="2705" spans="1:9" x14ac:dyDescent="0.25">
      <c r="A2705" s="3">
        <v>41855.632118055553</v>
      </c>
      <c r="B2705" s="6">
        <v>45021.599999999999</v>
      </c>
      <c r="C2705" s="7">
        <f t="shared" si="42"/>
        <v>45.021599999999999</v>
      </c>
      <c r="I2705" s="1"/>
    </row>
    <row r="2706" spans="1:9" x14ac:dyDescent="0.25">
      <c r="A2706" s="3">
        <v>41855.633310185185</v>
      </c>
      <c r="B2706" s="6">
        <v>45038.249999999993</v>
      </c>
      <c r="C2706" s="7">
        <f t="shared" si="42"/>
        <v>45.038249999999991</v>
      </c>
      <c r="I2706" s="1"/>
    </row>
    <row r="2707" spans="1:9" x14ac:dyDescent="0.25">
      <c r="A2707" s="3">
        <v>41855.633530092593</v>
      </c>
      <c r="B2707" s="6">
        <v>45054.899999999994</v>
      </c>
      <c r="C2707" s="7">
        <f t="shared" si="42"/>
        <v>45.054899999999996</v>
      </c>
      <c r="I2707" s="1"/>
    </row>
    <row r="2708" spans="1:9" x14ac:dyDescent="0.25">
      <c r="A2708" s="3">
        <v>41855.634432870371</v>
      </c>
      <c r="B2708" s="6">
        <v>45071.549999999996</v>
      </c>
      <c r="C2708" s="7">
        <f t="shared" si="42"/>
        <v>45.071549999999995</v>
      </c>
      <c r="I2708" s="1"/>
    </row>
    <row r="2709" spans="1:9" x14ac:dyDescent="0.25">
      <c r="A2709" s="3">
        <v>41855.634513888886</v>
      </c>
      <c r="B2709" s="6">
        <v>45088.2</v>
      </c>
      <c r="C2709" s="7">
        <f t="shared" si="42"/>
        <v>45.088200000000001</v>
      </c>
      <c r="I2709" s="1"/>
    </row>
    <row r="2710" spans="1:9" x14ac:dyDescent="0.25">
      <c r="A2710" s="3">
        <v>41855.635162037041</v>
      </c>
      <c r="B2710" s="6">
        <v>45104.85</v>
      </c>
      <c r="C2710" s="7">
        <f t="shared" si="42"/>
        <v>45.104849999999999</v>
      </c>
      <c r="I2710" s="1"/>
    </row>
    <row r="2711" spans="1:9" x14ac:dyDescent="0.25">
      <c r="A2711" s="3">
        <v>41855.635324074072</v>
      </c>
      <c r="B2711" s="6">
        <v>45121.499999999993</v>
      </c>
      <c r="C2711" s="7">
        <f t="shared" si="42"/>
        <v>45.12149999999999</v>
      </c>
      <c r="I2711" s="1"/>
    </row>
    <row r="2712" spans="1:9" x14ac:dyDescent="0.25">
      <c r="A2712" s="3">
        <v>41855.636481481481</v>
      </c>
      <c r="B2712" s="6">
        <v>45138.149999999994</v>
      </c>
      <c r="C2712" s="7">
        <f t="shared" si="42"/>
        <v>45.138149999999996</v>
      </c>
      <c r="I2712" s="1"/>
    </row>
    <row r="2713" spans="1:9" x14ac:dyDescent="0.25">
      <c r="A2713" s="3">
        <v>41855.636550925927</v>
      </c>
      <c r="B2713" s="6">
        <v>45154.799999999996</v>
      </c>
      <c r="C2713" s="7">
        <f t="shared" si="42"/>
        <v>45.154799999999994</v>
      </c>
      <c r="I2713" s="1"/>
    </row>
    <row r="2714" spans="1:9" x14ac:dyDescent="0.25">
      <c r="A2714" s="3">
        <v>41855.637233796297</v>
      </c>
      <c r="B2714" s="6">
        <v>45171.45</v>
      </c>
      <c r="C2714" s="7">
        <f t="shared" si="42"/>
        <v>45.17145</v>
      </c>
      <c r="I2714" s="1"/>
    </row>
    <row r="2715" spans="1:9" x14ac:dyDescent="0.25">
      <c r="A2715" s="3">
        <v>41855.637280092589</v>
      </c>
      <c r="B2715" s="6">
        <v>45188.1</v>
      </c>
      <c r="C2715" s="7">
        <f t="shared" si="42"/>
        <v>45.188099999999999</v>
      </c>
      <c r="I2715" s="1"/>
    </row>
    <row r="2716" spans="1:9" x14ac:dyDescent="0.25">
      <c r="A2716" s="3">
        <v>41855.638402777775</v>
      </c>
      <c r="B2716" s="6">
        <v>45204.749999999993</v>
      </c>
      <c r="C2716" s="7">
        <f t="shared" si="42"/>
        <v>45.20474999999999</v>
      </c>
      <c r="I2716" s="1"/>
    </row>
    <row r="2717" spans="1:9" x14ac:dyDescent="0.25">
      <c r="A2717" s="3">
        <v>41855.63853009259</v>
      </c>
      <c r="B2717" s="6">
        <v>45221.399999999994</v>
      </c>
      <c r="C2717" s="7">
        <f t="shared" si="42"/>
        <v>45.221399999999996</v>
      </c>
      <c r="I2717" s="1"/>
    </row>
    <row r="2718" spans="1:9" x14ac:dyDescent="0.25">
      <c r="A2718" s="3">
        <v>41855.639421296299</v>
      </c>
      <c r="B2718" s="6">
        <v>45238.049999999996</v>
      </c>
      <c r="C2718" s="7">
        <f t="shared" si="42"/>
        <v>45.238049999999994</v>
      </c>
      <c r="I2718" s="1"/>
    </row>
    <row r="2719" spans="1:9" x14ac:dyDescent="0.25">
      <c r="A2719" s="3">
        <v>41855.639502314814</v>
      </c>
      <c r="B2719" s="6">
        <v>45254.7</v>
      </c>
      <c r="C2719" s="7">
        <f t="shared" si="42"/>
        <v>45.2547</v>
      </c>
      <c r="I2719" s="1"/>
    </row>
    <row r="2720" spans="1:9" x14ac:dyDescent="0.25">
      <c r="A2720" s="3">
        <v>41855.640752314815</v>
      </c>
      <c r="B2720" s="6">
        <v>45271.35</v>
      </c>
      <c r="C2720" s="7">
        <f t="shared" si="42"/>
        <v>45.271349999999998</v>
      </c>
      <c r="I2720" s="1"/>
    </row>
    <row r="2721" spans="1:9" x14ac:dyDescent="0.25">
      <c r="A2721" s="3">
        <v>41855.640879629631</v>
      </c>
      <c r="B2721" s="6">
        <v>45287.999999999993</v>
      </c>
      <c r="C2721" s="7">
        <f t="shared" si="42"/>
        <v>45.28799999999999</v>
      </c>
      <c r="I2721" s="1"/>
    </row>
    <row r="2722" spans="1:9" x14ac:dyDescent="0.25">
      <c r="A2722" s="3">
        <v>41855.641562500001</v>
      </c>
      <c r="B2722" s="6">
        <v>45304.649999999994</v>
      </c>
      <c r="C2722" s="7">
        <f t="shared" si="42"/>
        <v>45.304649999999995</v>
      </c>
      <c r="I2722" s="1"/>
    </row>
    <row r="2723" spans="1:9" x14ac:dyDescent="0.25">
      <c r="A2723" s="3">
        <v>41855.64162037037</v>
      </c>
      <c r="B2723" s="6">
        <v>45321.299999999996</v>
      </c>
      <c r="C2723" s="7">
        <f t="shared" si="42"/>
        <v>45.321299999999994</v>
      </c>
      <c r="I2723" s="1"/>
    </row>
    <row r="2724" spans="1:9" x14ac:dyDescent="0.25">
      <c r="A2724" s="3">
        <v>41855.642511574071</v>
      </c>
      <c r="B2724" s="6">
        <v>45337.95</v>
      </c>
      <c r="C2724" s="7">
        <f t="shared" si="42"/>
        <v>45.337949999999999</v>
      </c>
      <c r="I2724" s="1"/>
    </row>
    <row r="2725" spans="1:9" x14ac:dyDescent="0.25">
      <c r="A2725" s="3">
        <v>41855.642766203702</v>
      </c>
      <c r="B2725" s="6">
        <v>45354.6</v>
      </c>
      <c r="C2725" s="7">
        <f t="shared" si="42"/>
        <v>45.354599999999998</v>
      </c>
      <c r="I2725" s="1"/>
    </row>
    <row r="2726" spans="1:9" x14ac:dyDescent="0.25">
      <c r="A2726" s="3">
        <v>41855.644178240742</v>
      </c>
      <c r="B2726" s="6">
        <v>45371.249999999993</v>
      </c>
      <c r="C2726" s="7">
        <f t="shared" si="42"/>
        <v>45.371249999999989</v>
      </c>
      <c r="I2726" s="1"/>
    </row>
    <row r="2727" spans="1:9" x14ac:dyDescent="0.25">
      <c r="A2727" s="3">
        <v>41855.644282407404</v>
      </c>
      <c r="B2727" s="6">
        <v>45387.899999999994</v>
      </c>
      <c r="C2727" s="7">
        <f t="shared" si="42"/>
        <v>45.387899999999995</v>
      </c>
      <c r="I2727" s="1"/>
    </row>
    <row r="2728" spans="1:9" x14ac:dyDescent="0.25">
      <c r="A2728" s="3">
        <v>41855.645196759258</v>
      </c>
      <c r="B2728" s="6">
        <v>45404.549999999996</v>
      </c>
      <c r="C2728" s="7">
        <f t="shared" si="42"/>
        <v>45.404549999999993</v>
      </c>
      <c r="I2728" s="1"/>
    </row>
    <row r="2729" spans="1:9" x14ac:dyDescent="0.25">
      <c r="A2729" s="3">
        <v>41855.645289351851</v>
      </c>
      <c r="B2729" s="6">
        <v>45421.2</v>
      </c>
      <c r="C2729" s="7">
        <f t="shared" si="42"/>
        <v>45.421199999999999</v>
      </c>
      <c r="I2729" s="1"/>
    </row>
    <row r="2730" spans="1:9" x14ac:dyDescent="0.25">
      <c r="A2730" s="3">
        <v>41855.645891203705</v>
      </c>
      <c r="B2730" s="6">
        <v>45437.85</v>
      </c>
      <c r="C2730" s="7">
        <f t="shared" si="42"/>
        <v>45.437849999999997</v>
      </c>
      <c r="I2730" s="1"/>
    </row>
    <row r="2731" spans="1:9" x14ac:dyDescent="0.25">
      <c r="A2731" s="3">
        <v>41855.645949074074</v>
      </c>
      <c r="B2731" s="6">
        <v>45454.499999999993</v>
      </c>
      <c r="C2731" s="7">
        <f t="shared" si="42"/>
        <v>45.454499999999996</v>
      </c>
      <c r="I2731" s="1"/>
    </row>
    <row r="2732" spans="1:9" x14ac:dyDescent="0.25">
      <c r="A2732" s="3">
        <v>41855.647372685184</v>
      </c>
      <c r="B2732" s="6">
        <v>45471.149999999994</v>
      </c>
      <c r="C2732" s="7">
        <f t="shared" si="42"/>
        <v>45.471149999999994</v>
      </c>
      <c r="I2732" s="1"/>
    </row>
    <row r="2733" spans="1:9" x14ac:dyDescent="0.25">
      <c r="A2733" s="3">
        <v>41855.647488425922</v>
      </c>
      <c r="B2733" s="6">
        <v>45487.799999999996</v>
      </c>
      <c r="C2733" s="7">
        <f t="shared" si="42"/>
        <v>45.487799999999993</v>
      </c>
      <c r="I2733" s="1"/>
    </row>
    <row r="2734" spans="1:9" x14ac:dyDescent="0.25">
      <c r="A2734" s="3">
        <v>41855.647893518515</v>
      </c>
      <c r="B2734" s="6">
        <v>45504.45</v>
      </c>
      <c r="C2734" s="7">
        <f t="shared" si="42"/>
        <v>45.504449999999999</v>
      </c>
      <c r="I2734" s="1"/>
    </row>
    <row r="2735" spans="1:9" x14ac:dyDescent="0.25">
      <c r="A2735" s="3">
        <v>41855.647951388892</v>
      </c>
      <c r="B2735" s="6">
        <v>45521.1</v>
      </c>
      <c r="C2735" s="7">
        <f t="shared" si="42"/>
        <v>45.521099999999997</v>
      </c>
      <c r="I2735" s="1"/>
    </row>
    <row r="2736" spans="1:9" x14ac:dyDescent="0.25">
      <c r="A2736" s="3">
        <v>41855.649236111109</v>
      </c>
      <c r="B2736" s="6">
        <v>45537.749999999993</v>
      </c>
      <c r="C2736" s="7">
        <f t="shared" si="42"/>
        <v>45.537749999999996</v>
      </c>
      <c r="I2736" s="1"/>
    </row>
    <row r="2737" spans="1:9" x14ac:dyDescent="0.25">
      <c r="A2737" s="3">
        <v>41855.649317129632</v>
      </c>
      <c r="B2737" s="6">
        <v>45554.399999999994</v>
      </c>
      <c r="C2737" s="7">
        <f t="shared" si="42"/>
        <v>45.554399999999994</v>
      </c>
      <c r="I2737" s="1"/>
    </row>
    <row r="2738" spans="1:9" x14ac:dyDescent="0.25">
      <c r="A2738" s="3">
        <v>41855.650081018517</v>
      </c>
      <c r="B2738" s="6">
        <v>45571.049999999996</v>
      </c>
      <c r="C2738" s="7">
        <f t="shared" si="42"/>
        <v>45.571049999999993</v>
      </c>
      <c r="I2738" s="1"/>
    </row>
    <row r="2739" spans="1:9" x14ac:dyDescent="0.25">
      <c r="A2739" s="3">
        <v>41855.650219907409</v>
      </c>
      <c r="B2739" s="6">
        <v>45587.7</v>
      </c>
      <c r="C2739" s="7">
        <f t="shared" si="42"/>
        <v>45.587699999999998</v>
      </c>
      <c r="I2739" s="1"/>
    </row>
    <row r="2740" spans="1:9" x14ac:dyDescent="0.25">
      <c r="A2740" s="3">
        <v>41855.65216435185</v>
      </c>
      <c r="B2740" s="6">
        <v>45604.35</v>
      </c>
      <c r="C2740" s="7">
        <f t="shared" si="42"/>
        <v>45.604349999999997</v>
      </c>
      <c r="I2740" s="1"/>
    </row>
    <row r="2741" spans="1:9" x14ac:dyDescent="0.25">
      <c r="A2741" s="3">
        <v>41855.652222222219</v>
      </c>
      <c r="B2741" s="6">
        <v>45620.999999999993</v>
      </c>
      <c r="C2741" s="7">
        <f t="shared" si="42"/>
        <v>45.620999999999995</v>
      </c>
      <c r="I2741" s="1"/>
    </row>
    <row r="2742" spans="1:9" x14ac:dyDescent="0.25">
      <c r="A2742" s="3">
        <v>41855.652881944443</v>
      </c>
      <c r="B2742" s="6">
        <v>45637.649999999994</v>
      </c>
      <c r="C2742" s="7">
        <f t="shared" si="42"/>
        <v>45.637649999999994</v>
      </c>
      <c r="I2742" s="1"/>
    </row>
    <row r="2743" spans="1:9" x14ac:dyDescent="0.25">
      <c r="A2743" s="3">
        <v>41855.652939814812</v>
      </c>
      <c r="B2743" s="6">
        <v>45654.299999999996</v>
      </c>
      <c r="C2743" s="7">
        <f t="shared" si="42"/>
        <v>45.654299999999992</v>
      </c>
      <c r="I2743" s="1"/>
    </row>
    <row r="2744" spans="1:9" x14ac:dyDescent="0.25">
      <c r="A2744" s="3">
        <v>41855.653553240743</v>
      </c>
      <c r="B2744" s="6">
        <v>45670.95</v>
      </c>
      <c r="C2744" s="7">
        <f t="shared" si="42"/>
        <v>45.670949999999998</v>
      </c>
      <c r="I2744" s="1"/>
    </row>
    <row r="2745" spans="1:9" x14ac:dyDescent="0.25">
      <c r="A2745" s="3">
        <v>41855.653657407405</v>
      </c>
      <c r="B2745" s="6">
        <v>45687.6</v>
      </c>
      <c r="C2745" s="7">
        <f t="shared" si="42"/>
        <v>45.687599999999996</v>
      </c>
      <c r="I2745" s="1"/>
    </row>
    <row r="2746" spans="1:9" x14ac:dyDescent="0.25">
      <c r="A2746" s="3">
        <v>41855.654872685183</v>
      </c>
      <c r="B2746" s="6">
        <v>45704.249999999993</v>
      </c>
      <c r="C2746" s="7">
        <f t="shared" si="42"/>
        <v>45.704249999999995</v>
      </c>
      <c r="I2746" s="1"/>
    </row>
    <row r="2747" spans="1:9" x14ac:dyDescent="0.25">
      <c r="A2747" s="3">
        <v>41855.654953703706</v>
      </c>
      <c r="B2747" s="6">
        <v>45720.899999999994</v>
      </c>
      <c r="C2747" s="7">
        <f t="shared" si="42"/>
        <v>45.720899999999993</v>
      </c>
      <c r="I2747" s="1"/>
    </row>
    <row r="2748" spans="1:9" x14ac:dyDescent="0.25">
      <c r="A2748" s="3">
        <v>41855.656157407408</v>
      </c>
      <c r="B2748" s="6">
        <v>45737.549999999996</v>
      </c>
      <c r="C2748" s="7">
        <f t="shared" si="42"/>
        <v>45.737549999999999</v>
      </c>
      <c r="I2748" s="1"/>
    </row>
    <row r="2749" spans="1:9" x14ac:dyDescent="0.25">
      <c r="A2749" s="3">
        <v>41855.6562037037</v>
      </c>
      <c r="B2749" s="6">
        <v>45754.2</v>
      </c>
      <c r="C2749" s="7">
        <f t="shared" si="42"/>
        <v>45.754199999999997</v>
      </c>
      <c r="I2749" s="1"/>
    </row>
    <row r="2750" spans="1:9" x14ac:dyDescent="0.25">
      <c r="A2750" s="3">
        <v>41855.656909722224</v>
      </c>
      <c r="B2750" s="6">
        <v>45770.85</v>
      </c>
      <c r="C2750" s="7">
        <f t="shared" si="42"/>
        <v>45.770849999999996</v>
      </c>
      <c r="I2750" s="1"/>
    </row>
    <row r="2751" spans="1:9" x14ac:dyDescent="0.25">
      <c r="A2751" s="3">
        <v>41855.656990740739</v>
      </c>
      <c r="B2751" s="6">
        <v>45787.499999999993</v>
      </c>
      <c r="C2751" s="7">
        <f t="shared" si="42"/>
        <v>45.787499999999994</v>
      </c>
      <c r="I2751" s="1"/>
    </row>
    <row r="2752" spans="1:9" x14ac:dyDescent="0.25">
      <c r="A2752" s="3">
        <v>41855.65761574074</v>
      </c>
      <c r="B2752" s="6">
        <v>45804.149999999994</v>
      </c>
      <c r="C2752" s="7">
        <f t="shared" si="42"/>
        <v>45.804149999999993</v>
      </c>
      <c r="I2752" s="1"/>
    </row>
    <row r="2753" spans="1:9" x14ac:dyDescent="0.25">
      <c r="A2753" s="3">
        <v>41855.65766203704</v>
      </c>
      <c r="B2753" s="6">
        <v>45820.799999999996</v>
      </c>
      <c r="C2753" s="7">
        <f t="shared" si="42"/>
        <v>45.820799999999998</v>
      </c>
      <c r="I2753" s="1"/>
    </row>
    <row r="2754" spans="1:9" x14ac:dyDescent="0.25">
      <c r="A2754" s="3">
        <v>41855.658217592594</v>
      </c>
      <c r="B2754" s="6">
        <v>45837.45</v>
      </c>
      <c r="C2754" s="7">
        <f t="shared" si="42"/>
        <v>45.837449999999997</v>
      </c>
      <c r="I2754" s="1"/>
    </row>
    <row r="2755" spans="1:9" x14ac:dyDescent="0.25">
      <c r="A2755" s="3">
        <v>41855.658321759256</v>
      </c>
      <c r="B2755" s="6">
        <v>45854.1</v>
      </c>
      <c r="C2755" s="7">
        <f t="shared" ref="C2755:C2818" si="43">B2755/1000</f>
        <v>45.854099999999995</v>
      </c>
      <c r="I2755" s="1"/>
    </row>
    <row r="2756" spans="1:9" x14ac:dyDescent="0.25">
      <c r="A2756" s="3">
        <v>41855.659120370372</v>
      </c>
      <c r="B2756" s="6">
        <v>45870.749999999993</v>
      </c>
      <c r="C2756" s="7">
        <f t="shared" si="43"/>
        <v>45.870749999999994</v>
      </c>
      <c r="I2756" s="1"/>
    </row>
    <row r="2757" spans="1:9" x14ac:dyDescent="0.25">
      <c r="A2757" s="3">
        <v>41855.65929398148</v>
      </c>
      <c r="B2757" s="6">
        <v>45887.399999999994</v>
      </c>
      <c r="C2757" s="7">
        <f t="shared" si="43"/>
        <v>45.887399999999992</v>
      </c>
      <c r="I2757" s="1"/>
    </row>
    <row r="2758" spans="1:9" x14ac:dyDescent="0.25">
      <c r="A2758" s="3">
        <v>41855.660138888888</v>
      </c>
      <c r="B2758" s="6">
        <v>45904.049999999996</v>
      </c>
      <c r="C2758" s="7">
        <f t="shared" si="43"/>
        <v>45.904049999999998</v>
      </c>
      <c r="I2758" s="1"/>
    </row>
    <row r="2759" spans="1:9" x14ac:dyDescent="0.25">
      <c r="A2759" s="3">
        <v>41855.660208333335</v>
      </c>
      <c r="B2759" s="6">
        <v>45920.7</v>
      </c>
      <c r="C2759" s="7">
        <f t="shared" si="43"/>
        <v>45.920699999999997</v>
      </c>
      <c r="I2759" s="1"/>
    </row>
    <row r="2760" spans="1:9" x14ac:dyDescent="0.25">
      <c r="A2760" s="3">
        <v>41855.660613425927</v>
      </c>
      <c r="B2760" s="6">
        <v>45937.35</v>
      </c>
      <c r="C2760" s="7">
        <f t="shared" si="43"/>
        <v>45.937349999999995</v>
      </c>
      <c r="I2760" s="1"/>
    </row>
    <row r="2761" spans="1:9" x14ac:dyDescent="0.25">
      <c r="A2761" s="3">
        <v>41855.660694444443</v>
      </c>
      <c r="B2761" s="6">
        <v>45953.999999999993</v>
      </c>
      <c r="C2761" s="7">
        <f t="shared" si="43"/>
        <v>45.953999999999994</v>
      </c>
      <c r="I2761" s="1"/>
    </row>
    <row r="2762" spans="1:9" x14ac:dyDescent="0.25">
      <c r="A2762" s="3">
        <v>41855.661354166667</v>
      </c>
      <c r="B2762" s="6">
        <v>45970.649999999994</v>
      </c>
      <c r="C2762" s="7">
        <f t="shared" si="43"/>
        <v>45.970649999999992</v>
      </c>
      <c r="I2762" s="1"/>
    </row>
    <row r="2763" spans="1:9" x14ac:dyDescent="0.25">
      <c r="A2763" s="3">
        <v>41855.661446759259</v>
      </c>
      <c r="B2763" s="6">
        <v>45987.299999999996</v>
      </c>
      <c r="C2763" s="7">
        <f t="shared" si="43"/>
        <v>45.987299999999998</v>
      </c>
      <c r="I2763" s="1"/>
    </row>
    <row r="2764" spans="1:9" x14ac:dyDescent="0.25">
      <c r="A2764" s="3">
        <v>41855.662152777775</v>
      </c>
      <c r="B2764" s="6">
        <v>46003.95</v>
      </c>
      <c r="C2764" s="7">
        <f t="shared" si="43"/>
        <v>46.003949999999996</v>
      </c>
      <c r="I2764" s="1"/>
    </row>
    <row r="2765" spans="1:9" x14ac:dyDescent="0.25">
      <c r="A2765" s="3">
        <v>41855.662245370368</v>
      </c>
      <c r="B2765" s="6">
        <v>46020.6</v>
      </c>
      <c r="C2765" s="7">
        <f t="shared" si="43"/>
        <v>46.020600000000002</v>
      </c>
      <c r="I2765" s="1"/>
    </row>
    <row r="2766" spans="1:9" x14ac:dyDescent="0.25">
      <c r="A2766" s="3">
        <v>41855.664351851854</v>
      </c>
      <c r="B2766" s="6">
        <v>46037.249999999993</v>
      </c>
      <c r="C2766" s="7">
        <f t="shared" si="43"/>
        <v>46.037249999999993</v>
      </c>
      <c r="I2766" s="1"/>
    </row>
    <row r="2767" spans="1:9" x14ac:dyDescent="0.25">
      <c r="A2767" s="3">
        <v>41855.664537037039</v>
      </c>
      <c r="B2767" s="6">
        <v>46053.899999999994</v>
      </c>
      <c r="C2767" s="7">
        <f t="shared" si="43"/>
        <v>46.053899999999992</v>
      </c>
      <c r="I2767" s="1"/>
    </row>
    <row r="2768" spans="1:9" x14ac:dyDescent="0.25">
      <c r="A2768" s="3">
        <v>41855.665289351855</v>
      </c>
      <c r="B2768" s="6">
        <v>46070.549999999996</v>
      </c>
      <c r="C2768" s="7">
        <f t="shared" si="43"/>
        <v>46.070549999999997</v>
      </c>
      <c r="I2768" s="1"/>
    </row>
    <row r="2769" spans="1:9" x14ac:dyDescent="0.25">
      <c r="A2769" s="3">
        <v>41855.665358796294</v>
      </c>
      <c r="B2769" s="6">
        <v>46087.199999999997</v>
      </c>
      <c r="C2769" s="7">
        <f t="shared" si="43"/>
        <v>46.087199999999996</v>
      </c>
      <c r="I2769" s="1"/>
    </row>
    <row r="2770" spans="1:9" x14ac:dyDescent="0.25">
      <c r="A2770" s="3">
        <v>41855.66605324074</v>
      </c>
      <c r="B2770" s="6">
        <v>46103.85</v>
      </c>
      <c r="C2770" s="7">
        <f t="shared" si="43"/>
        <v>46.103850000000001</v>
      </c>
      <c r="I2770" s="1"/>
    </row>
    <row r="2771" spans="1:9" x14ac:dyDescent="0.25">
      <c r="A2771" s="3">
        <v>41855.666168981479</v>
      </c>
      <c r="B2771" s="6">
        <v>46120.499999999993</v>
      </c>
      <c r="C2771" s="7">
        <f t="shared" si="43"/>
        <v>46.120499999999993</v>
      </c>
      <c r="I2771" s="1"/>
    </row>
    <row r="2772" spans="1:9" x14ac:dyDescent="0.25">
      <c r="A2772" s="3">
        <v>41855.66684027778</v>
      </c>
      <c r="B2772" s="6">
        <v>46137.149999999994</v>
      </c>
      <c r="C2772" s="7">
        <f t="shared" si="43"/>
        <v>46.137149999999991</v>
      </c>
      <c r="I2772" s="1"/>
    </row>
    <row r="2773" spans="1:9" x14ac:dyDescent="0.25">
      <c r="A2773" s="3">
        <v>41855.666886574072</v>
      </c>
      <c r="B2773" s="6">
        <v>46153.799999999996</v>
      </c>
      <c r="C2773" s="7">
        <f t="shared" si="43"/>
        <v>46.153799999999997</v>
      </c>
      <c r="I2773" s="1"/>
    </row>
    <row r="2774" spans="1:9" x14ac:dyDescent="0.25">
      <c r="A2774" s="3">
        <v>41855.66746527778</v>
      </c>
      <c r="B2774" s="6">
        <v>46170.45</v>
      </c>
      <c r="C2774" s="7">
        <f t="shared" si="43"/>
        <v>46.170449999999995</v>
      </c>
      <c r="I2774" s="1"/>
    </row>
    <row r="2775" spans="1:9" x14ac:dyDescent="0.25">
      <c r="A2775" s="3">
        <v>41855.667534722219</v>
      </c>
      <c r="B2775" s="6">
        <v>46187.1</v>
      </c>
      <c r="C2775" s="7">
        <f t="shared" si="43"/>
        <v>46.187100000000001</v>
      </c>
      <c r="I2775" s="1"/>
    </row>
    <row r="2776" spans="1:9" x14ac:dyDescent="0.25">
      <c r="A2776" s="3">
        <v>41855.667974537035</v>
      </c>
      <c r="B2776" s="6">
        <v>46203.749999999993</v>
      </c>
      <c r="C2776" s="7">
        <f t="shared" si="43"/>
        <v>46.203749999999992</v>
      </c>
      <c r="I2776" s="1"/>
    </row>
    <row r="2777" spans="1:9" x14ac:dyDescent="0.25">
      <c r="A2777" s="3">
        <v>41855.668020833335</v>
      </c>
      <c r="B2777" s="6">
        <v>46220.399999999994</v>
      </c>
      <c r="C2777" s="7">
        <f t="shared" si="43"/>
        <v>46.220399999999991</v>
      </c>
      <c r="I2777" s="1"/>
    </row>
    <row r="2778" spans="1:9" x14ac:dyDescent="0.25">
      <c r="A2778" s="3">
        <v>41855.668680555558</v>
      </c>
      <c r="B2778" s="6">
        <v>46237.049999999996</v>
      </c>
      <c r="C2778" s="7">
        <f t="shared" si="43"/>
        <v>46.237049999999996</v>
      </c>
      <c r="I2778" s="1"/>
    </row>
    <row r="2779" spans="1:9" x14ac:dyDescent="0.25">
      <c r="A2779" s="3">
        <v>41855.668738425928</v>
      </c>
      <c r="B2779" s="6">
        <v>46253.7</v>
      </c>
      <c r="C2779" s="7">
        <f t="shared" si="43"/>
        <v>46.253699999999995</v>
      </c>
      <c r="I2779" s="1"/>
    </row>
    <row r="2780" spans="1:9" x14ac:dyDescent="0.25">
      <c r="A2780" s="3">
        <v>41855.669675925928</v>
      </c>
      <c r="B2780" s="6">
        <v>46270.35</v>
      </c>
      <c r="C2780" s="7">
        <f t="shared" si="43"/>
        <v>46.270350000000001</v>
      </c>
      <c r="I2780" s="1"/>
    </row>
    <row r="2781" spans="1:9" x14ac:dyDescent="0.25">
      <c r="A2781" s="3">
        <v>41855.669745370367</v>
      </c>
      <c r="B2781" s="6">
        <v>46286.999999999993</v>
      </c>
      <c r="C2781" s="7">
        <f t="shared" si="43"/>
        <v>46.286999999999992</v>
      </c>
      <c r="I2781" s="1"/>
    </row>
    <row r="2782" spans="1:9" x14ac:dyDescent="0.25">
      <c r="A2782" s="3">
        <v>41855.670358796298</v>
      </c>
      <c r="B2782" s="6">
        <v>46303.649999999994</v>
      </c>
      <c r="C2782" s="7">
        <f t="shared" si="43"/>
        <v>46.303649999999998</v>
      </c>
      <c r="I2782" s="1"/>
    </row>
    <row r="2783" spans="1:9" x14ac:dyDescent="0.25">
      <c r="A2783" s="3">
        <v>41855.670405092591</v>
      </c>
      <c r="B2783" s="6">
        <v>46320.299999999996</v>
      </c>
      <c r="C2783" s="7">
        <f t="shared" si="43"/>
        <v>46.320299999999996</v>
      </c>
      <c r="I2783" s="1"/>
    </row>
    <row r="2784" spans="1:9" x14ac:dyDescent="0.25">
      <c r="A2784" s="3">
        <v>41855.671365740738</v>
      </c>
      <c r="B2784" s="6">
        <v>46336.95</v>
      </c>
      <c r="C2784" s="7">
        <f t="shared" si="43"/>
        <v>46.336949999999995</v>
      </c>
      <c r="I2784" s="1"/>
    </row>
    <row r="2785" spans="1:9" x14ac:dyDescent="0.25">
      <c r="A2785" s="3">
        <v>41855.671493055554</v>
      </c>
      <c r="B2785" s="6">
        <v>46353.599999999999</v>
      </c>
      <c r="C2785" s="7">
        <f t="shared" si="43"/>
        <v>46.3536</v>
      </c>
      <c r="I2785" s="1"/>
    </row>
    <row r="2786" spans="1:9" x14ac:dyDescent="0.25">
      <c r="A2786" s="3">
        <v>41855.672303240739</v>
      </c>
      <c r="B2786" s="6">
        <v>46370.249999999993</v>
      </c>
      <c r="C2786" s="7">
        <f t="shared" si="43"/>
        <v>46.370249999999992</v>
      </c>
      <c r="I2786" s="1"/>
    </row>
    <row r="2787" spans="1:9" x14ac:dyDescent="0.25">
      <c r="A2787" s="3">
        <v>41855.672372685185</v>
      </c>
      <c r="B2787" s="6">
        <v>46386.899999999994</v>
      </c>
      <c r="C2787" s="7">
        <f t="shared" si="43"/>
        <v>46.386899999999997</v>
      </c>
      <c r="I2787" s="1"/>
    </row>
    <row r="2788" spans="1:9" x14ac:dyDescent="0.25">
      <c r="A2788" s="3">
        <v>41855.673645833333</v>
      </c>
      <c r="B2788" s="6">
        <v>46403.549999999996</v>
      </c>
      <c r="C2788" s="7">
        <f t="shared" si="43"/>
        <v>46.403549999999996</v>
      </c>
      <c r="I2788" s="1"/>
    </row>
    <row r="2789" spans="1:9" x14ac:dyDescent="0.25">
      <c r="A2789" s="3">
        <v>41855.673900462964</v>
      </c>
      <c r="B2789" s="6">
        <v>46420.2</v>
      </c>
      <c r="C2789" s="7">
        <f t="shared" si="43"/>
        <v>46.420199999999994</v>
      </c>
      <c r="I2789" s="1"/>
    </row>
    <row r="2790" spans="1:9" x14ac:dyDescent="0.25">
      <c r="A2790" s="3">
        <v>41855.675150462965</v>
      </c>
      <c r="B2790" s="6">
        <v>46436.85</v>
      </c>
      <c r="C2790" s="7">
        <f t="shared" si="43"/>
        <v>46.43685</v>
      </c>
      <c r="I2790" s="1"/>
    </row>
    <row r="2791" spans="1:9" x14ac:dyDescent="0.25">
      <c r="A2791" s="3">
        <v>41855.67527777778</v>
      </c>
      <c r="B2791" s="6">
        <v>46453.499999999993</v>
      </c>
      <c r="C2791" s="7">
        <f t="shared" si="43"/>
        <v>46.453499999999991</v>
      </c>
      <c r="I2791" s="1"/>
    </row>
    <row r="2792" spans="1:9" x14ac:dyDescent="0.25">
      <c r="A2792" s="3">
        <v>41855.676574074074</v>
      </c>
      <c r="B2792" s="6">
        <v>46470.149999999994</v>
      </c>
      <c r="C2792" s="7">
        <f t="shared" si="43"/>
        <v>46.470149999999997</v>
      </c>
      <c r="I2792" s="1"/>
    </row>
    <row r="2793" spans="1:9" x14ac:dyDescent="0.25">
      <c r="A2793" s="3">
        <v>41855.676631944443</v>
      </c>
      <c r="B2793" s="6">
        <v>46486.799999999996</v>
      </c>
      <c r="C2793" s="7">
        <f t="shared" si="43"/>
        <v>46.486799999999995</v>
      </c>
      <c r="I2793" s="1"/>
    </row>
    <row r="2794" spans="1:9" x14ac:dyDescent="0.25">
      <c r="A2794" s="3">
        <v>41855.677303240744</v>
      </c>
      <c r="B2794" s="6">
        <v>46503.45</v>
      </c>
      <c r="C2794" s="7">
        <f t="shared" si="43"/>
        <v>46.503449999999994</v>
      </c>
      <c r="I2794" s="1"/>
    </row>
    <row r="2795" spans="1:9" x14ac:dyDescent="0.25">
      <c r="A2795" s="3">
        <v>41855.677615740744</v>
      </c>
      <c r="B2795" s="6">
        <v>46520.1</v>
      </c>
      <c r="C2795" s="7">
        <f t="shared" si="43"/>
        <v>46.520099999999999</v>
      </c>
      <c r="I2795" s="1"/>
    </row>
    <row r="2796" spans="1:9" x14ac:dyDescent="0.25">
      <c r="A2796" s="3">
        <v>41855.678240740737</v>
      </c>
      <c r="B2796" s="6">
        <v>46536.749999999993</v>
      </c>
      <c r="C2796" s="7">
        <f t="shared" si="43"/>
        <v>46.536749999999991</v>
      </c>
      <c r="I2796" s="1"/>
    </row>
    <row r="2797" spans="1:9" x14ac:dyDescent="0.25">
      <c r="A2797" s="3">
        <v>41855.678287037037</v>
      </c>
      <c r="B2797" s="6">
        <v>46553.399999999994</v>
      </c>
      <c r="C2797" s="7">
        <f t="shared" si="43"/>
        <v>46.553399999999996</v>
      </c>
      <c r="I2797" s="1"/>
    </row>
    <row r="2798" spans="1:9" x14ac:dyDescent="0.25">
      <c r="A2798" s="3">
        <v>41855.679178240738</v>
      </c>
      <c r="B2798" s="6">
        <v>46570.049999999996</v>
      </c>
      <c r="C2798" s="7">
        <f t="shared" si="43"/>
        <v>46.570049999999995</v>
      </c>
      <c r="I2798" s="1"/>
    </row>
    <row r="2799" spans="1:9" x14ac:dyDescent="0.25">
      <c r="A2799" s="3">
        <v>41855.679247685184</v>
      </c>
      <c r="B2799" s="6">
        <v>46586.7</v>
      </c>
      <c r="C2799" s="7">
        <f t="shared" si="43"/>
        <v>46.5867</v>
      </c>
      <c r="I2799" s="1"/>
    </row>
    <row r="2800" spans="1:9" x14ac:dyDescent="0.25">
      <c r="A2800" s="3">
        <v>41855.680752314816</v>
      </c>
      <c r="B2800" s="6">
        <v>46603.35</v>
      </c>
      <c r="C2800" s="7">
        <f t="shared" si="43"/>
        <v>46.603349999999999</v>
      </c>
      <c r="I2800" s="1"/>
    </row>
    <row r="2801" spans="1:9" x14ac:dyDescent="0.25">
      <c r="A2801" s="3">
        <v>41855.680949074071</v>
      </c>
      <c r="B2801" s="6">
        <v>46619.999999999993</v>
      </c>
      <c r="C2801" s="7">
        <f t="shared" si="43"/>
        <v>46.61999999999999</v>
      </c>
      <c r="I2801" s="1"/>
    </row>
    <row r="2802" spans="1:9" x14ac:dyDescent="0.25">
      <c r="A2802" s="3">
        <v>41855.682037037041</v>
      </c>
      <c r="B2802" s="6">
        <v>46636.649999999994</v>
      </c>
      <c r="C2802" s="7">
        <f t="shared" si="43"/>
        <v>46.636649999999996</v>
      </c>
      <c r="I2802" s="1"/>
    </row>
    <row r="2803" spans="1:9" x14ac:dyDescent="0.25">
      <c r="A2803" s="3">
        <v>41855.682118055556</v>
      </c>
      <c r="B2803" s="6">
        <v>46653.299999999996</v>
      </c>
      <c r="C2803" s="7">
        <f t="shared" si="43"/>
        <v>46.653299999999994</v>
      </c>
      <c r="I2803" s="1"/>
    </row>
    <row r="2804" spans="1:9" x14ac:dyDescent="0.25">
      <c r="A2804" s="3">
        <v>41855.683749999997</v>
      </c>
      <c r="B2804" s="6">
        <v>46669.95</v>
      </c>
      <c r="C2804" s="7">
        <f t="shared" si="43"/>
        <v>46.66995</v>
      </c>
      <c r="I2804" s="1"/>
    </row>
    <row r="2805" spans="1:9" x14ac:dyDescent="0.25">
      <c r="A2805" s="3">
        <v>41855.684166666666</v>
      </c>
      <c r="B2805" s="6">
        <v>46686.6</v>
      </c>
      <c r="C2805" s="7">
        <f t="shared" si="43"/>
        <v>46.686599999999999</v>
      </c>
      <c r="I2805" s="1"/>
    </row>
    <row r="2806" spans="1:9" x14ac:dyDescent="0.25">
      <c r="A2806" s="3">
        <v>41855.685787037037</v>
      </c>
      <c r="B2806" s="6">
        <v>46703.249999999993</v>
      </c>
      <c r="C2806" s="7">
        <f t="shared" si="43"/>
        <v>46.70324999999999</v>
      </c>
      <c r="I2806" s="1"/>
    </row>
    <row r="2807" spans="1:9" x14ac:dyDescent="0.25">
      <c r="A2807" s="3">
        <v>41855.685868055552</v>
      </c>
      <c r="B2807" s="6">
        <v>46719.899999999994</v>
      </c>
      <c r="C2807" s="7">
        <f t="shared" si="43"/>
        <v>46.719899999999996</v>
      </c>
      <c r="I2807" s="1"/>
    </row>
    <row r="2808" spans="1:9" x14ac:dyDescent="0.25">
      <c r="A2808" s="3">
        <v>41855.686539351853</v>
      </c>
      <c r="B2808" s="6">
        <v>46736.549999999996</v>
      </c>
      <c r="C2808" s="7">
        <f t="shared" si="43"/>
        <v>46.736549999999994</v>
      </c>
      <c r="I2808" s="1"/>
    </row>
    <row r="2809" spans="1:9" x14ac:dyDescent="0.25">
      <c r="A2809" s="3">
        <v>41855.686597222222</v>
      </c>
      <c r="B2809" s="6">
        <v>46753.2</v>
      </c>
      <c r="C2809" s="7">
        <f t="shared" si="43"/>
        <v>46.7532</v>
      </c>
      <c r="I2809" s="1"/>
    </row>
    <row r="2810" spans="1:9" x14ac:dyDescent="0.25">
      <c r="A2810" s="3">
        <v>41855.687858796293</v>
      </c>
      <c r="B2810" s="6">
        <v>46769.85</v>
      </c>
      <c r="C2810" s="7">
        <f t="shared" si="43"/>
        <v>46.769849999999998</v>
      </c>
      <c r="I2810" s="1"/>
    </row>
    <row r="2811" spans="1:9" x14ac:dyDescent="0.25">
      <c r="A2811" s="3">
        <v>41855.687928240739</v>
      </c>
      <c r="B2811" s="6">
        <v>46786.499999999993</v>
      </c>
      <c r="C2811" s="7">
        <f t="shared" si="43"/>
        <v>46.78649999999999</v>
      </c>
      <c r="I2811" s="1"/>
    </row>
    <row r="2812" spans="1:9" x14ac:dyDescent="0.25">
      <c r="A2812" s="3">
        <v>41855.690555555557</v>
      </c>
      <c r="B2812" s="6">
        <v>46803.149999999994</v>
      </c>
      <c r="C2812" s="7">
        <f t="shared" si="43"/>
        <v>46.803149999999995</v>
      </c>
      <c r="I2812" s="1"/>
    </row>
    <row r="2813" spans="1:9" x14ac:dyDescent="0.25">
      <c r="A2813" s="3">
        <v>41855.690717592595</v>
      </c>
      <c r="B2813" s="6">
        <v>46819.799999999996</v>
      </c>
      <c r="C2813" s="7">
        <f t="shared" si="43"/>
        <v>46.819799999999994</v>
      </c>
      <c r="I2813" s="1"/>
    </row>
    <row r="2814" spans="1:9" x14ac:dyDescent="0.25">
      <c r="A2814" s="3">
        <v>41855.692662037036</v>
      </c>
      <c r="B2814" s="6">
        <v>46836.45</v>
      </c>
      <c r="C2814" s="7">
        <f t="shared" si="43"/>
        <v>46.836449999999999</v>
      </c>
      <c r="I2814" s="1"/>
    </row>
    <row r="2815" spans="1:9" x14ac:dyDescent="0.25">
      <c r="A2815" s="3">
        <v>41855.692766203705</v>
      </c>
      <c r="B2815" s="6">
        <v>46853.1</v>
      </c>
      <c r="C2815" s="7">
        <f t="shared" si="43"/>
        <v>46.853099999999998</v>
      </c>
      <c r="I2815" s="1"/>
    </row>
    <row r="2816" spans="1:9" x14ac:dyDescent="0.25">
      <c r="A2816" s="3">
        <v>41855.69458333333</v>
      </c>
      <c r="B2816" s="6">
        <v>46869.749999999993</v>
      </c>
      <c r="C2816" s="7">
        <f t="shared" si="43"/>
        <v>46.869749999999996</v>
      </c>
      <c r="I2816" s="1"/>
    </row>
    <row r="2817" spans="1:9" x14ac:dyDescent="0.25">
      <c r="A2817" s="3">
        <v>41855.695277777777</v>
      </c>
      <c r="B2817" s="6">
        <v>46886.399999999994</v>
      </c>
      <c r="C2817" s="7">
        <f t="shared" si="43"/>
        <v>46.886399999999995</v>
      </c>
      <c r="I2817" s="1"/>
    </row>
    <row r="2818" spans="1:9" x14ac:dyDescent="0.25">
      <c r="A2818" s="3">
        <v>41855.697569444441</v>
      </c>
      <c r="B2818" s="6">
        <v>46903.049999999996</v>
      </c>
      <c r="C2818" s="7">
        <f t="shared" si="43"/>
        <v>46.903049999999993</v>
      </c>
      <c r="I2818" s="1"/>
    </row>
    <row r="2819" spans="1:9" x14ac:dyDescent="0.25">
      <c r="A2819" s="3">
        <v>41855.697789351849</v>
      </c>
      <c r="B2819" s="6">
        <v>46919.7</v>
      </c>
      <c r="C2819" s="7">
        <f t="shared" ref="C2819:C2882" si="44">B2819/1000</f>
        <v>46.919699999999999</v>
      </c>
      <c r="I2819" s="1"/>
    </row>
    <row r="2820" spans="1:9" x14ac:dyDescent="0.25">
      <c r="A2820" s="3">
        <v>41855.698611111111</v>
      </c>
      <c r="B2820" s="6">
        <v>46936.35</v>
      </c>
      <c r="C2820" s="7">
        <f t="shared" si="44"/>
        <v>46.936349999999997</v>
      </c>
      <c r="I2820" s="1"/>
    </row>
    <row r="2821" spans="1:9" x14ac:dyDescent="0.25">
      <c r="A2821" s="3">
        <v>41855.698692129627</v>
      </c>
      <c r="B2821" s="6">
        <v>46952.999999999993</v>
      </c>
      <c r="C2821" s="7">
        <f t="shared" si="44"/>
        <v>46.952999999999996</v>
      </c>
      <c r="I2821" s="1"/>
    </row>
    <row r="2822" spans="1:9" x14ac:dyDescent="0.25">
      <c r="A2822" s="3">
        <v>41855.69935185185</v>
      </c>
      <c r="B2822" s="6">
        <v>46969.649999999994</v>
      </c>
      <c r="C2822" s="7">
        <f t="shared" si="44"/>
        <v>46.969649999999994</v>
      </c>
      <c r="I2822" s="1"/>
    </row>
    <row r="2823" spans="1:9" x14ac:dyDescent="0.25">
      <c r="A2823" s="3">
        <v>41855.699513888889</v>
      </c>
      <c r="B2823" s="6">
        <v>46986.299999999996</v>
      </c>
      <c r="C2823" s="7">
        <f t="shared" si="44"/>
        <v>46.986299999999993</v>
      </c>
      <c r="I2823" s="1"/>
    </row>
    <row r="2824" spans="1:9" x14ac:dyDescent="0.25">
      <c r="A2824" s="3">
        <v>41855.700648148151</v>
      </c>
      <c r="B2824" s="6">
        <v>47002.95</v>
      </c>
      <c r="C2824" s="7">
        <f t="shared" si="44"/>
        <v>47.002949999999998</v>
      </c>
      <c r="I2824" s="1"/>
    </row>
    <row r="2825" spans="1:9" x14ac:dyDescent="0.25">
      <c r="A2825" s="3">
        <v>41855.701296296298</v>
      </c>
      <c r="B2825" s="6">
        <v>47019.6</v>
      </c>
      <c r="C2825" s="7">
        <f t="shared" si="44"/>
        <v>47.019599999999997</v>
      </c>
      <c r="I2825" s="1"/>
    </row>
    <row r="2826" spans="1:9" x14ac:dyDescent="0.25">
      <c r="A2826" s="3">
        <v>41855.702175925922</v>
      </c>
      <c r="B2826" s="6">
        <v>47036.249999999993</v>
      </c>
      <c r="C2826" s="7">
        <f t="shared" si="44"/>
        <v>47.036249999999995</v>
      </c>
      <c r="I2826" s="1"/>
    </row>
    <row r="2827" spans="1:9" x14ac:dyDescent="0.25">
      <c r="A2827" s="3">
        <v>41855.702268518522</v>
      </c>
      <c r="B2827" s="6">
        <v>47052.899999999994</v>
      </c>
      <c r="C2827" s="7">
        <f t="shared" si="44"/>
        <v>47.052899999999994</v>
      </c>
      <c r="I2827" s="1"/>
    </row>
    <row r="2828" spans="1:9" x14ac:dyDescent="0.25">
      <c r="A2828" s="3">
        <v>41855.703043981484</v>
      </c>
      <c r="B2828" s="6">
        <v>47069.549999999996</v>
      </c>
      <c r="C2828" s="7">
        <f t="shared" si="44"/>
        <v>47.069549999999992</v>
      </c>
      <c r="I2828" s="1"/>
    </row>
    <row r="2829" spans="1:9" x14ac:dyDescent="0.25">
      <c r="A2829" s="3">
        <v>41855.703101851854</v>
      </c>
      <c r="B2829" s="6">
        <v>47086.2</v>
      </c>
      <c r="C2829" s="7">
        <f t="shared" si="44"/>
        <v>47.086199999999998</v>
      </c>
      <c r="I2829" s="1"/>
    </row>
    <row r="2830" spans="1:9" x14ac:dyDescent="0.25">
      <c r="A2830" s="3">
        <v>41855.70385416667</v>
      </c>
      <c r="B2830" s="6">
        <v>47102.85</v>
      </c>
      <c r="C2830" s="7">
        <f t="shared" si="44"/>
        <v>47.102849999999997</v>
      </c>
      <c r="I2830" s="1"/>
    </row>
    <row r="2831" spans="1:9" x14ac:dyDescent="0.25">
      <c r="A2831" s="3">
        <v>41855.703912037039</v>
      </c>
      <c r="B2831" s="6">
        <v>47119.499999999993</v>
      </c>
      <c r="C2831" s="7">
        <f t="shared" si="44"/>
        <v>47.119499999999995</v>
      </c>
      <c r="I2831" s="1"/>
    </row>
    <row r="2832" spans="1:9" x14ac:dyDescent="0.25">
      <c r="A2832" s="3">
        <v>41855.705104166664</v>
      </c>
      <c r="B2832" s="6">
        <v>47136.149999999994</v>
      </c>
      <c r="C2832" s="7">
        <f t="shared" si="44"/>
        <v>47.136149999999994</v>
      </c>
      <c r="I2832" s="1"/>
    </row>
    <row r="2833" spans="1:9" x14ac:dyDescent="0.25">
      <c r="A2833" s="3">
        <v>41855.705208333333</v>
      </c>
      <c r="B2833" s="6">
        <v>47152.799999999996</v>
      </c>
      <c r="C2833" s="7">
        <f t="shared" si="44"/>
        <v>47.152799999999999</v>
      </c>
      <c r="I2833" s="1"/>
    </row>
    <row r="2834" spans="1:9" x14ac:dyDescent="0.25">
      <c r="A2834" s="3">
        <v>41855.705925925926</v>
      </c>
      <c r="B2834" s="6">
        <v>47169.45</v>
      </c>
      <c r="C2834" s="7">
        <f t="shared" si="44"/>
        <v>47.169449999999998</v>
      </c>
      <c r="I2834" s="1"/>
    </row>
    <row r="2835" spans="1:9" x14ac:dyDescent="0.25">
      <c r="A2835" s="3">
        <v>41855.706030092595</v>
      </c>
      <c r="B2835" s="6">
        <v>47186.1</v>
      </c>
      <c r="C2835" s="7">
        <f t="shared" si="44"/>
        <v>47.186099999999996</v>
      </c>
      <c r="I2835" s="1"/>
    </row>
    <row r="2836" spans="1:9" x14ac:dyDescent="0.25">
      <c r="A2836" s="3">
        <v>41855.708368055559</v>
      </c>
      <c r="B2836" s="6">
        <v>47202.749999999993</v>
      </c>
      <c r="C2836" s="7">
        <f t="shared" si="44"/>
        <v>47.202749999999995</v>
      </c>
      <c r="I2836" s="1"/>
    </row>
    <row r="2837" spans="1:9" x14ac:dyDescent="0.25">
      <c r="A2837" s="3">
        <v>41855.708611111113</v>
      </c>
      <c r="B2837" s="6">
        <v>47219.399999999994</v>
      </c>
      <c r="C2837" s="7">
        <f t="shared" si="44"/>
        <v>47.219399999999993</v>
      </c>
      <c r="I2837" s="1"/>
    </row>
    <row r="2838" spans="1:9" x14ac:dyDescent="0.25">
      <c r="A2838" s="3">
        <v>41855.709583333337</v>
      </c>
      <c r="B2838" s="6">
        <v>47236.049999999996</v>
      </c>
      <c r="C2838" s="7">
        <f t="shared" si="44"/>
        <v>47.236049999999999</v>
      </c>
      <c r="I2838" s="1"/>
    </row>
    <row r="2839" spans="1:9" x14ac:dyDescent="0.25">
      <c r="A2839" s="3">
        <v>41855.709687499999</v>
      </c>
      <c r="B2839" s="6">
        <v>47252.7</v>
      </c>
      <c r="C2839" s="7">
        <f t="shared" si="44"/>
        <v>47.252699999999997</v>
      </c>
      <c r="I2839" s="1"/>
    </row>
    <row r="2840" spans="1:9" x14ac:dyDescent="0.25">
      <c r="A2840" s="3">
        <v>41855.711493055554</v>
      </c>
      <c r="B2840" s="6">
        <v>47269.35</v>
      </c>
      <c r="C2840" s="7">
        <f t="shared" si="44"/>
        <v>47.269349999999996</v>
      </c>
      <c r="I2840" s="1"/>
    </row>
    <row r="2841" spans="1:9" x14ac:dyDescent="0.25">
      <c r="A2841" s="3">
        <v>41855.711562500001</v>
      </c>
      <c r="B2841" s="6">
        <v>47285.999999999993</v>
      </c>
      <c r="C2841" s="7">
        <f t="shared" si="44"/>
        <v>47.285999999999994</v>
      </c>
      <c r="I2841" s="1"/>
    </row>
    <row r="2842" spans="1:9" x14ac:dyDescent="0.25">
      <c r="A2842" s="3">
        <v>41855.712222222224</v>
      </c>
      <c r="B2842" s="6">
        <v>47302.649999999994</v>
      </c>
      <c r="C2842" s="7">
        <f t="shared" si="44"/>
        <v>47.302649999999993</v>
      </c>
      <c r="I2842" s="1"/>
    </row>
    <row r="2843" spans="1:9" x14ac:dyDescent="0.25">
      <c r="A2843" s="3">
        <v>41855.71234953704</v>
      </c>
      <c r="B2843" s="6">
        <v>47319.299999999996</v>
      </c>
      <c r="C2843" s="7">
        <f t="shared" si="44"/>
        <v>47.319299999999998</v>
      </c>
      <c r="I2843" s="1"/>
    </row>
    <row r="2844" spans="1:9" x14ac:dyDescent="0.25">
      <c r="A2844" s="3">
        <v>41855.713726851849</v>
      </c>
      <c r="B2844" s="6">
        <v>47335.95</v>
      </c>
      <c r="C2844" s="7">
        <f t="shared" si="44"/>
        <v>47.335949999999997</v>
      </c>
      <c r="I2844" s="1"/>
    </row>
    <row r="2845" spans="1:9" x14ac:dyDescent="0.25">
      <c r="A2845" s="3">
        <v>41855.713807870372</v>
      </c>
      <c r="B2845" s="6">
        <v>47352.6</v>
      </c>
      <c r="C2845" s="7">
        <f t="shared" si="44"/>
        <v>47.352599999999995</v>
      </c>
      <c r="I2845" s="1"/>
    </row>
    <row r="2846" spans="1:9" x14ac:dyDescent="0.25">
      <c r="A2846" s="3">
        <v>41855.714432870373</v>
      </c>
      <c r="B2846" s="6">
        <v>47369.249999999993</v>
      </c>
      <c r="C2846" s="7">
        <f t="shared" si="44"/>
        <v>47.369249999999994</v>
      </c>
      <c r="I2846" s="1"/>
    </row>
    <row r="2847" spans="1:9" x14ac:dyDescent="0.25">
      <c r="A2847" s="3">
        <v>41855.714490740742</v>
      </c>
      <c r="B2847" s="6">
        <v>47385.899999999994</v>
      </c>
      <c r="C2847" s="7">
        <f t="shared" si="44"/>
        <v>47.385899999999992</v>
      </c>
      <c r="I2847" s="1"/>
    </row>
    <row r="2848" spans="1:9" x14ac:dyDescent="0.25">
      <c r="A2848" s="3">
        <v>41855.715428240743</v>
      </c>
      <c r="B2848" s="6">
        <v>47402.549999999996</v>
      </c>
      <c r="C2848" s="7">
        <f t="shared" si="44"/>
        <v>47.402549999999998</v>
      </c>
      <c r="I2848" s="1"/>
    </row>
    <row r="2849" spans="1:9" x14ac:dyDescent="0.25">
      <c r="A2849" s="3">
        <v>41855.715543981481</v>
      </c>
      <c r="B2849" s="6">
        <v>47419.199999999997</v>
      </c>
      <c r="C2849" s="7">
        <f t="shared" si="44"/>
        <v>47.419199999999996</v>
      </c>
      <c r="I2849" s="1"/>
    </row>
    <row r="2850" spans="1:9" x14ac:dyDescent="0.25">
      <c r="A2850" s="3">
        <v>41855.716180555559</v>
      </c>
      <c r="B2850" s="6">
        <v>47435.85</v>
      </c>
      <c r="C2850" s="7">
        <f t="shared" si="44"/>
        <v>47.435850000000002</v>
      </c>
      <c r="I2850" s="1"/>
    </row>
    <row r="2851" spans="1:9" x14ac:dyDescent="0.25">
      <c r="A2851" s="3">
        <v>41855.716249999998</v>
      </c>
      <c r="B2851" s="6">
        <v>47452.499999999993</v>
      </c>
      <c r="C2851" s="7">
        <f t="shared" si="44"/>
        <v>47.452499999999993</v>
      </c>
      <c r="I2851" s="1"/>
    </row>
    <row r="2852" spans="1:9" x14ac:dyDescent="0.25">
      <c r="A2852" s="3">
        <v>41855.717743055553</v>
      </c>
      <c r="B2852" s="6">
        <v>47469.149999999994</v>
      </c>
      <c r="C2852" s="7">
        <f t="shared" si="44"/>
        <v>47.469149999999992</v>
      </c>
      <c r="I2852" s="1"/>
    </row>
    <row r="2853" spans="1:9" x14ac:dyDescent="0.25">
      <c r="A2853" s="3">
        <v>41855.717847222222</v>
      </c>
      <c r="B2853" s="6">
        <v>47485.799999999996</v>
      </c>
      <c r="C2853" s="7">
        <f t="shared" si="44"/>
        <v>47.485799999999998</v>
      </c>
      <c r="I2853" s="1"/>
    </row>
    <row r="2854" spans="1:9" x14ac:dyDescent="0.25">
      <c r="A2854" s="3">
        <v>41855.719224537039</v>
      </c>
      <c r="B2854" s="6">
        <v>47502.45</v>
      </c>
      <c r="C2854" s="7">
        <f t="shared" si="44"/>
        <v>47.502449999999996</v>
      </c>
      <c r="I2854" s="1"/>
    </row>
    <row r="2855" spans="1:9" x14ac:dyDescent="0.25">
      <c r="A2855" s="3">
        <v>41855.719351851854</v>
      </c>
      <c r="B2855" s="6">
        <v>47519.1</v>
      </c>
      <c r="C2855" s="7">
        <f t="shared" si="44"/>
        <v>47.519100000000002</v>
      </c>
      <c r="I2855" s="1"/>
    </row>
    <row r="2856" spans="1:9" x14ac:dyDescent="0.25">
      <c r="A2856" s="3">
        <v>41855.720092592594</v>
      </c>
      <c r="B2856" s="6">
        <v>47535.749999999993</v>
      </c>
      <c r="C2856" s="7">
        <f t="shared" si="44"/>
        <v>47.535749999999993</v>
      </c>
      <c r="I2856" s="1"/>
    </row>
    <row r="2857" spans="1:9" x14ac:dyDescent="0.25">
      <c r="A2857" s="3">
        <v>41855.720208333332</v>
      </c>
      <c r="B2857" s="6">
        <v>47552.399999999994</v>
      </c>
      <c r="C2857" s="7">
        <f t="shared" si="44"/>
        <v>47.552399999999992</v>
      </c>
      <c r="I2857" s="1"/>
    </row>
    <row r="2858" spans="1:9" x14ac:dyDescent="0.25">
      <c r="A2858" s="3">
        <v>41855.721365740741</v>
      </c>
      <c r="B2858" s="6">
        <v>47569.049999999996</v>
      </c>
      <c r="C2858" s="7">
        <f t="shared" si="44"/>
        <v>47.569049999999997</v>
      </c>
      <c r="I2858" s="1"/>
    </row>
    <row r="2859" spans="1:9" x14ac:dyDescent="0.25">
      <c r="A2859" s="3">
        <v>41855.721504629626</v>
      </c>
      <c r="B2859" s="6">
        <v>47585.7</v>
      </c>
      <c r="C2859" s="7">
        <f t="shared" si="44"/>
        <v>47.585699999999996</v>
      </c>
      <c r="I2859" s="1"/>
    </row>
    <row r="2860" spans="1:9" x14ac:dyDescent="0.25">
      <c r="A2860" s="3">
        <v>41855.722384259258</v>
      </c>
      <c r="B2860" s="6">
        <v>47602.35</v>
      </c>
      <c r="C2860" s="7">
        <f t="shared" si="44"/>
        <v>47.602350000000001</v>
      </c>
      <c r="I2860" s="1"/>
    </row>
    <row r="2861" spans="1:9" x14ac:dyDescent="0.25">
      <c r="A2861" s="3">
        <v>41855.72247685185</v>
      </c>
      <c r="B2861" s="6">
        <v>47618.999999999993</v>
      </c>
      <c r="C2861" s="7">
        <f t="shared" si="44"/>
        <v>47.618999999999993</v>
      </c>
      <c r="I2861" s="1"/>
    </row>
    <row r="2862" spans="1:9" x14ac:dyDescent="0.25">
      <c r="A2862" s="3">
        <v>41855.722997685189</v>
      </c>
      <c r="B2862" s="6">
        <v>47635.649999999994</v>
      </c>
      <c r="C2862" s="7">
        <f t="shared" si="44"/>
        <v>47.635649999999991</v>
      </c>
      <c r="I2862" s="1"/>
    </row>
    <row r="2863" spans="1:9" x14ac:dyDescent="0.25">
      <c r="A2863" s="3">
        <v>41855.723043981481</v>
      </c>
      <c r="B2863" s="6">
        <v>47652.299999999996</v>
      </c>
      <c r="C2863" s="7">
        <f t="shared" si="44"/>
        <v>47.652299999999997</v>
      </c>
      <c r="I2863" s="1"/>
    </row>
    <row r="2864" spans="1:9" x14ac:dyDescent="0.25">
      <c r="A2864" s="3">
        <v>41855.723530092589</v>
      </c>
      <c r="B2864" s="6">
        <v>47668.95</v>
      </c>
      <c r="C2864" s="7">
        <f t="shared" si="44"/>
        <v>47.668949999999995</v>
      </c>
      <c r="I2864" s="1"/>
    </row>
    <row r="2865" spans="1:9" x14ac:dyDescent="0.25">
      <c r="A2865" s="3">
        <v>41855.723611111112</v>
      </c>
      <c r="B2865" s="6">
        <v>47685.599999999999</v>
      </c>
      <c r="C2865" s="7">
        <f t="shared" si="44"/>
        <v>47.685600000000001</v>
      </c>
      <c r="I2865" s="1"/>
    </row>
    <row r="2866" spans="1:9" x14ac:dyDescent="0.25">
      <c r="A2866" s="3">
        <v>41855.724606481483</v>
      </c>
      <c r="B2866" s="6">
        <v>47702.249999999993</v>
      </c>
      <c r="C2866" s="7">
        <f t="shared" si="44"/>
        <v>47.702249999999992</v>
      </c>
      <c r="I2866" s="1"/>
    </row>
    <row r="2867" spans="1:9" x14ac:dyDescent="0.25">
      <c r="A2867" s="3">
        <v>41855.724733796298</v>
      </c>
      <c r="B2867" s="6">
        <v>47718.899999999994</v>
      </c>
      <c r="C2867" s="7">
        <f t="shared" si="44"/>
        <v>47.718899999999991</v>
      </c>
      <c r="I2867" s="1"/>
    </row>
    <row r="2868" spans="1:9" x14ac:dyDescent="0.25">
      <c r="A2868" s="3">
        <v>41855.727118055554</v>
      </c>
      <c r="B2868" s="6">
        <v>47735.549999999996</v>
      </c>
      <c r="C2868" s="7">
        <f t="shared" si="44"/>
        <v>47.735549999999996</v>
      </c>
      <c r="I2868" s="1"/>
    </row>
    <row r="2869" spans="1:9" x14ac:dyDescent="0.25">
      <c r="A2869" s="3">
        <v>41855.727210648147</v>
      </c>
      <c r="B2869" s="6">
        <v>47752.2</v>
      </c>
      <c r="C2869" s="7">
        <f t="shared" si="44"/>
        <v>47.752199999999995</v>
      </c>
      <c r="I2869" s="1"/>
    </row>
    <row r="2870" spans="1:9" x14ac:dyDescent="0.25">
      <c r="A2870" s="3">
        <v>41855.729270833333</v>
      </c>
      <c r="B2870" s="6">
        <v>47768.85</v>
      </c>
      <c r="C2870" s="7">
        <f t="shared" si="44"/>
        <v>47.76885</v>
      </c>
      <c r="I2870" s="1"/>
    </row>
    <row r="2871" spans="1:9" x14ac:dyDescent="0.25">
      <c r="A2871" s="3">
        <v>41855.729317129626</v>
      </c>
      <c r="B2871" s="6">
        <v>47785.499999999993</v>
      </c>
      <c r="C2871" s="7">
        <f t="shared" si="44"/>
        <v>47.785499999999992</v>
      </c>
      <c r="I2871" s="1"/>
    </row>
    <row r="2872" spans="1:9" x14ac:dyDescent="0.25">
      <c r="A2872" s="3">
        <v>41855.730300925927</v>
      </c>
      <c r="B2872" s="6">
        <v>47802.149999999994</v>
      </c>
      <c r="C2872" s="7">
        <f t="shared" si="44"/>
        <v>47.802149999999997</v>
      </c>
      <c r="I2872" s="1"/>
    </row>
    <row r="2873" spans="1:9" x14ac:dyDescent="0.25">
      <c r="A2873" s="3">
        <v>41855.730428240742</v>
      </c>
      <c r="B2873" s="6">
        <v>47818.799999999996</v>
      </c>
      <c r="C2873" s="7">
        <f t="shared" si="44"/>
        <v>47.818799999999996</v>
      </c>
      <c r="I2873" s="1"/>
    </row>
    <row r="2874" spans="1:9" x14ac:dyDescent="0.25">
      <c r="A2874" s="3">
        <v>41855.732812499999</v>
      </c>
      <c r="B2874" s="6">
        <v>47835.45</v>
      </c>
      <c r="C2874" s="7">
        <f t="shared" si="44"/>
        <v>47.835449999999994</v>
      </c>
      <c r="I2874" s="1"/>
    </row>
    <row r="2875" spans="1:9" x14ac:dyDescent="0.25">
      <c r="A2875" s="3">
        <v>41855.732916666668</v>
      </c>
      <c r="B2875" s="6">
        <v>47852.1</v>
      </c>
      <c r="C2875" s="7">
        <f t="shared" si="44"/>
        <v>47.8521</v>
      </c>
      <c r="I2875" s="1"/>
    </row>
    <row r="2876" spans="1:9" x14ac:dyDescent="0.25">
      <c r="A2876" s="3">
        <v>41855.734386574077</v>
      </c>
      <c r="B2876" s="6">
        <v>47868.749999999993</v>
      </c>
      <c r="C2876" s="7">
        <f t="shared" si="44"/>
        <v>47.868749999999991</v>
      </c>
      <c r="I2876" s="1"/>
    </row>
    <row r="2877" spans="1:9" x14ac:dyDescent="0.25">
      <c r="A2877" s="3">
        <v>41855.734618055554</v>
      </c>
      <c r="B2877" s="6">
        <v>47885.399999999994</v>
      </c>
      <c r="C2877" s="7">
        <f t="shared" si="44"/>
        <v>47.885399999999997</v>
      </c>
      <c r="I2877" s="1"/>
    </row>
    <row r="2878" spans="1:9" x14ac:dyDescent="0.25">
      <c r="A2878" s="3">
        <v>41855.736250000002</v>
      </c>
      <c r="B2878" s="6">
        <v>47902.049999999996</v>
      </c>
      <c r="C2878" s="7">
        <f t="shared" si="44"/>
        <v>47.902049999999996</v>
      </c>
      <c r="I2878" s="1"/>
    </row>
    <row r="2879" spans="1:9" x14ac:dyDescent="0.25">
      <c r="A2879" s="3">
        <v>41855.736342592594</v>
      </c>
      <c r="B2879" s="6">
        <v>47918.7</v>
      </c>
      <c r="C2879" s="7">
        <f t="shared" si="44"/>
        <v>47.918699999999994</v>
      </c>
      <c r="I2879" s="1"/>
    </row>
    <row r="2880" spans="1:9" x14ac:dyDescent="0.25">
      <c r="A2880" s="3">
        <v>41855.737037037034</v>
      </c>
      <c r="B2880" s="6">
        <v>47935.35</v>
      </c>
      <c r="C2880" s="7">
        <f t="shared" si="44"/>
        <v>47.93535</v>
      </c>
      <c r="I2880" s="1"/>
    </row>
    <row r="2881" spans="1:9" x14ac:dyDescent="0.25">
      <c r="A2881" s="3">
        <v>41855.73710648148</v>
      </c>
      <c r="B2881" s="6">
        <v>47951.999999999993</v>
      </c>
      <c r="C2881" s="7">
        <f t="shared" si="44"/>
        <v>47.951999999999991</v>
      </c>
      <c r="I2881" s="1"/>
    </row>
    <row r="2882" spans="1:9" x14ac:dyDescent="0.25">
      <c r="A2882" s="3">
        <v>41855.737673611111</v>
      </c>
      <c r="B2882" s="6">
        <v>47968.649999999994</v>
      </c>
      <c r="C2882" s="7">
        <f t="shared" si="44"/>
        <v>47.968649999999997</v>
      </c>
      <c r="I2882" s="1"/>
    </row>
    <row r="2883" spans="1:9" x14ac:dyDescent="0.25">
      <c r="A2883" s="3">
        <v>41855.73778935185</v>
      </c>
      <c r="B2883" s="6">
        <v>47985.299999999996</v>
      </c>
      <c r="C2883" s="7">
        <f t="shared" ref="C2883:C2946" si="45">B2883/1000</f>
        <v>47.985299999999995</v>
      </c>
      <c r="I2883" s="1"/>
    </row>
    <row r="2884" spans="1:9" x14ac:dyDescent="0.25">
      <c r="A2884" s="3">
        <v>41855.738935185182</v>
      </c>
      <c r="B2884" s="6">
        <v>48001.95</v>
      </c>
      <c r="C2884" s="7">
        <f t="shared" si="45"/>
        <v>48.001949999999994</v>
      </c>
      <c r="I2884" s="1"/>
    </row>
    <row r="2885" spans="1:9" x14ac:dyDescent="0.25">
      <c r="A2885" s="3">
        <v>41855.739085648151</v>
      </c>
      <c r="B2885" s="6">
        <v>48018.6</v>
      </c>
      <c r="C2885" s="7">
        <f t="shared" si="45"/>
        <v>48.018599999999999</v>
      </c>
      <c r="I2885" s="1"/>
    </row>
    <row r="2886" spans="1:9" x14ac:dyDescent="0.25">
      <c r="A2886" s="3">
        <v>41855.741446759261</v>
      </c>
      <c r="B2886" s="6">
        <v>48035.249999999993</v>
      </c>
      <c r="C2886" s="7">
        <f t="shared" si="45"/>
        <v>48.035249999999991</v>
      </c>
      <c r="I2886" s="1"/>
    </row>
    <row r="2887" spans="1:9" x14ac:dyDescent="0.25">
      <c r="A2887" s="3">
        <v>41855.741678240738</v>
      </c>
      <c r="B2887" s="6">
        <v>48051.899999999994</v>
      </c>
      <c r="C2887" s="7">
        <f t="shared" si="45"/>
        <v>48.051899999999996</v>
      </c>
      <c r="I2887" s="1"/>
    </row>
    <row r="2888" spans="1:9" x14ac:dyDescent="0.25">
      <c r="A2888" s="3">
        <v>41855.743819444448</v>
      </c>
      <c r="B2888" s="6">
        <v>48068.549999999996</v>
      </c>
      <c r="C2888" s="7">
        <f t="shared" si="45"/>
        <v>48.068549999999995</v>
      </c>
      <c r="I2888" s="1"/>
    </row>
    <row r="2889" spans="1:9" x14ac:dyDescent="0.25">
      <c r="A2889" s="3">
        <v>41855.743900462963</v>
      </c>
      <c r="B2889" s="6">
        <v>48085.2</v>
      </c>
      <c r="C2889" s="7">
        <f t="shared" si="45"/>
        <v>48.0852</v>
      </c>
      <c r="I2889" s="1"/>
    </row>
    <row r="2890" spans="1:9" x14ac:dyDescent="0.25">
      <c r="A2890" s="3">
        <v>41855.746145833335</v>
      </c>
      <c r="B2890" s="6">
        <v>48101.85</v>
      </c>
      <c r="C2890" s="7">
        <f t="shared" si="45"/>
        <v>48.101849999999999</v>
      </c>
      <c r="I2890" s="1"/>
    </row>
    <row r="2891" spans="1:9" x14ac:dyDescent="0.25">
      <c r="A2891" s="3">
        <v>41855.74622685185</v>
      </c>
      <c r="B2891" s="6">
        <v>48118.499999999993</v>
      </c>
      <c r="C2891" s="7">
        <f t="shared" si="45"/>
        <v>48.11849999999999</v>
      </c>
      <c r="I2891" s="1"/>
    </row>
    <row r="2892" spans="1:9" x14ac:dyDescent="0.25">
      <c r="A2892" s="3">
        <v>41855.747511574074</v>
      </c>
      <c r="B2892" s="6">
        <v>48135.149999999994</v>
      </c>
      <c r="C2892" s="7">
        <f t="shared" si="45"/>
        <v>48.135149999999996</v>
      </c>
      <c r="I2892" s="1"/>
    </row>
    <row r="2893" spans="1:9" x14ac:dyDescent="0.25">
      <c r="A2893" s="3">
        <v>41855.747604166667</v>
      </c>
      <c r="B2893" s="6">
        <v>48151.799999999996</v>
      </c>
      <c r="C2893" s="7">
        <f t="shared" si="45"/>
        <v>48.151799999999994</v>
      </c>
      <c r="I2893" s="1"/>
    </row>
    <row r="2894" spans="1:9" x14ac:dyDescent="0.25">
      <c r="A2894" s="3">
        <v>41855.748877314814</v>
      </c>
      <c r="B2894" s="6">
        <v>48168.45</v>
      </c>
      <c r="C2894" s="7">
        <f t="shared" si="45"/>
        <v>48.16845</v>
      </c>
      <c r="I2894" s="1"/>
    </row>
    <row r="2895" spans="1:9" x14ac:dyDescent="0.25">
      <c r="A2895" s="3">
        <v>41855.748981481483</v>
      </c>
      <c r="B2895" s="6">
        <v>48185.1</v>
      </c>
      <c r="C2895" s="7">
        <f t="shared" si="45"/>
        <v>48.185099999999998</v>
      </c>
      <c r="I2895" s="1"/>
    </row>
    <row r="2896" spans="1:9" x14ac:dyDescent="0.25">
      <c r="A2896" s="3">
        <v>41855.750532407408</v>
      </c>
      <c r="B2896" s="6">
        <v>48201.749999999993</v>
      </c>
      <c r="C2896" s="7">
        <f t="shared" si="45"/>
        <v>48.20174999999999</v>
      </c>
      <c r="I2896" s="1"/>
    </row>
    <row r="2897" spans="1:9" x14ac:dyDescent="0.25">
      <c r="A2897" s="3">
        <v>41855.750613425924</v>
      </c>
      <c r="B2897" s="6">
        <v>48218.399999999994</v>
      </c>
      <c r="C2897" s="7">
        <f t="shared" si="45"/>
        <v>48.218399999999995</v>
      </c>
      <c r="I2897" s="1"/>
    </row>
    <row r="2898" spans="1:9" x14ac:dyDescent="0.25">
      <c r="A2898" s="3">
        <v>41855.753634259258</v>
      </c>
      <c r="B2898" s="6">
        <v>48235.049999999996</v>
      </c>
      <c r="C2898" s="7">
        <f t="shared" si="45"/>
        <v>48.235049999999994</v>
      </c>
      <c r="I2898" s="1"/>
    </row>
    <row r="2899" spans="1:9" x14ac:dyDescent="0.25">
      <c r="A2899" s="3">
        <v>41855.754861111112</v>
      </c>
      <c r="B2899" s="6">
        <v>48251.7</v>
      </c>
      <c r="C2899" s="7">
        <f t="shared" si="45"/>
        <v>48.2517</v>
      </c>
      <c r="I2899" s="1"/>
    </row>
    <row r="2900" spans="1:9" x14ac:dyDescent="0.25">
      <c r="A2900" s="3">
        <v>41855.756643518522</v>
      </c>
      <c r="B2900" s="6">
        <v>48268.35</v>
      </c>
      <c r="C2900" s="7">
        <f t="shared" si="45"/>
        <v>48.268349999999998</v>
      </c>
      <c r="I2900" s="1"/>
    </row>
    <row r="2901" spans="1:9" x14ac:dyDescent="0.25">
      <c r="A2901" s="3">
        <v>41855.75677083333</v>
      </c>
      <c r="B2901" s="6">
        <v>48284.999999999993</v>
      </c>
      <c r="C2901" s="7">
        <f t="shared" si="45"/>
        <v>48.284999999999989</v>
      </c>
      <c r="I2901" s="1"/>
    </row>
    <row r="2902" spans="1:9" x14ac:dyDescent="0.25">
      <c r="A2902" s="3">
        <v>41855.760104166664</v>
      </c>
      <c r="B2902" s="6">
        <v>48301.649999999994</v>
      </c>
      <c r="C2902" s="7">
        <f t="shared" si="45"/>
        <v>48.301649999999995</v>
      </c>
      <c r="I2902" s="1"/>
    </row>
    <row r="2903" spans="1:9" x14ac:dyDescent="0.25">
      <c r="A2903" s="3">
        <v>41855.760138888887</v>
      </c>
      <c r="B2903" s="6">
        <v>48318.299999999996</v>
      </c>
      <c r="C2903" s="7">
        <f t="shared" si="45"/>
        <v>48.318299999999994</v>
      </c>
      <c r="I2903" s="1"/>
    </row>
    <row r="2904" spans="1:9" x14ac:dyDescent="0.25">
      <c r="A2904" s="3">
        <v>41855.761018518519</v>
      </c>
      <c r="B2904" s="6">
        <v>48334.95</v>
      </c>
      <c r="C2904" s="7">
        <f t="shared" si="45"/>
        <v>48.334949999999999</v>
      </c>
      <c r="I2904" s="1"/>
    </row>
    <row r="2905" spans="1:9" x14ac:dyDescent="0.25">
      <c r="A2905" s="3">
        <v>41855.761157407411</v>
      </c>
      <c r="B2905" s="6">
        <v>48351.6</v>
      </c>
      <c r="C2905" s="7">
        <f t="shared" si="45"/>
        <v>48.351599999999998</v>
      </c>
      <c r="I2905" s="1"/>
    </row>
    <row r="2906" spans="1:9" x14ac:dyDescent="0.25">
      <c r="A2906" s="3">
        <v>41855.761979166666</v>
      </c>
      <c r="B2906" s="6">
        <v>48368.249999999993</v>
      </c>
      <c r="C2906" s="7">
        <f t="shared" si="45"/>
        <v>48.368249999999996</v>
      </c>
      <c r="I2906" s="1"/>
    </row>
    <row r="2907" spans="1:9" x14ac:dyDescent="0.25">
      <c r="A2907" s="3">
        <v>41855.762048611112</v>
      </c>
      <c r="B2907" s="6">
        <v>48384.899999999994</v>
      </c>
      <c r="C2907" s="7">
        <f t="shared" si="45"/>
        <v>48.384899999999995</v>
      </c>
      <c r="I2907" s="1"/>
    </row>
    <row r="2908" spans="1:9" x14ac:dyDescent="0.25">
      <c r="A2908" s="3">
        <v>41855.763356481482</v>
      </c>
      <c r="B2908" s="6">
        <v>48401.549999999996</v>
      </c>
      <c r="C2908" s="7">
        <f t="shared" si="45"/>
        <v>48.401549999999993</v>
      </c>
      <c r="I2908" s="1"/>
    </row>
    <row r="2909" spans="1:9" x14ac:dyDescent="0.25">
      <c r="A2909" s="3">
        <v>41855.763495370367</v>
      </c>
      <c r="B2909" s="6">
        <v>48418.2</v>
      </c>
      <c r="C2909" s="7">
        <f t="shared" si="45"/>
        <v>48.418199999999999</v>
      </c>
      <c r="I2909" s="1"/>
    </row>
    <row r="2910" spans="1:9" x14ac:dyDescent="0.25">
      <c r="A2910" s="3">
        <v>41855.766435185185</v>
      </c>
      <c r="B2910" s="6">
        <v>48434.85</v>
      </c>
      <c r="C2910" s="7">
        <f t="shared" si="45"/>
        <v>48.434849999999997</v>
      </c>
      <c r="I2910" s="1"/>
    </row>
    <row r="2911" spans="1:9" x14ac:dyDescent="0.25">
      <c r="A2911" s="3">
        <v>41855.766562500001</v>
      </c>
      <c r="B2911" s="6">
        <v>48451.499999999993</v>
      </c>
      <c r="C2911" s="7">
        <f t="shared" si="45"/>
        <v>48.451499999999996</v>
      </c>
      <c r="I2911" s="1"/>
    </row>
    <row r="2912" spans="1:9" x14ac:dyDescent="0.25">
      <c r="A2912" s="3">
        <v>41855.768726851849</v>
      </c>
      <c r="B2912" s="6">
        <v>48468.149999999994</v>
      </c>
      <c r="C2912" s="7">
        <f t="shared" si="45"/>
        <v>48.468149999999994</v>
      </c>
      <c r="I2912" s="1"/>
    </row>
    <row r="2913" spans="1:9" x14ac:dyDescent="0.25">
      <c r="A2913" s="3">
        <v>41855.768807870372</v>
      </c>
      <c r="B2913" s="6">
        <v>48484.799999999996</v>
      </c>
      <c r="C2913" s="7">
        <f t="shared" si="45"/>
        <v>48.484799999999993</v>
      </c>
      <c r="I2913" s="1"/>
    </row>
    <row r="2914" spans="1:9" x14ac:dyDescent="0.25">
      <c r="A2914" s="3">
        <v>41855.770787037036</v>
      </c>
      <c r="B2914" s="6">
        <v>48501.45</v>
      </c>
      <c r="C2914" s="7">
        <f t="shared" si="45"/>
        <v>48.501449999999998</v>
      </c>
      <c r="I2914" s="1"/>
    </row>
    <row r="2915" spans="1:9" x14ac:dyDescent="0.25">
      <c r="A2915" s="3">
        <v>41855.771006944444</v>
      </c>
      <c r="B2915" s="6">
        <v>48518.1</v>
      </c>
      <c r="C2915" s="7">
        <f t="shared" si="45"/>
        <v>48.518099999999997</v>
      </c>
      <c r="I2915" s="1"/>
    </row>
    <row r="2916" spans="1:9" x14ac:dyDescent="0.25">
      <c r="A2916" s="3">
        <v>41855.772060185183</v>
      </c>
      <c r="B2916" s="6">
        <v>48534.749999999993</v>
      </c>
      <c r="C2916" s="7">
        <f t="shared" si="45"/>
        <v>48.534749999999995</v>
      </c>
      <c r="I2916" s="1"/>
    </row>
    <row r="2917" spans="1:9" x14ac:dyDescent="0.25">
      <c r="A2917" s="3">
        <v>41855.772129629629</v>
      </c>
      <c r="B2917" s="6">
        <v>48551.399999999994</v>
      </c>
      <c r="C2917" s="7">
        <f t="shared" si="45"/>
        <v>48.551399999999994</v>
      </c>
      <c r="I2917" s="1"/>
    </row>
    <row r="2918" spans="1:9" x14ac:dyDescent="0.25">
      <c r="A2918" s="3">
        <v>41855.773611111108</v>
      </c>
      <c r="B2918" s="6">
        <v>48568.049999999996</v>
      </c>
      <c r="C2918" s="7">
        <f t="shared" si="45"/>
        <v>48.568049999999992</v>
      </c>
      <c r="I2918" s="1"/>
    </row>
    <row r="2919" spans="1:9" x14ac:dyDescent="0.25">
      <c r="A2919" s="3">
        <v>41855.773738425924</v>
      </c>
      <c r="B2919" s="6">
        <v>48584.7</v>
      </c>
      <c r="C2919" s="7">
        <f t="shared" si="45"/>
        <v>48.584699999999998</v>
      </c>
      <c r="I2919" s="1"/>
    </row>
    <row r="2920" spans="1:9" x14ac:dyDescent="0.25">
      <c r="A2920" s="3">
        <v>41855.775138888886</v>
      </c>
      <c r="B2920" s="6">
        <v>48601.35</v>
      </c>
      <c r="C2920" s="7">
        <f t="shared" si="45"/>
        <v>48.601349999999996</v>
      </c>
      <c r="I2920" s="1"/>
    </row>
    <row r="2921" spans="1:9" x14ac:dyDescent="0.25">
      <c r="A2921" s="3">
        <v>41855.775243055556</v>
      </c>
      <c r="B2921" s="6">
        <v>48617.999999999993</v>
      </c>
      <c r="C2921" s="7">
        <f t="shared" si="45"/>
        <v>48.617999999999995</v>
      </c>
      <c r="I2921" s="1"/>
    </row>
    <row r="2922" spans="1:9" x14ac:dyDescent="0.25">
      <c r="A2922" s="3">
        <v>41855.777743055558</v>
      </c>
      <c r="B2922" s="6">
        <v>48634.649999999994</v>
      </c>
      <c r="C2922" s="7">
        <f t="shared" si="45"/>
        <v>48.634649999999993</v>
      </c>
      <c r="I2922" s="1"/>
    </row>
    <row r="2923" spans="1:9" x14ac:dyDescent="0.25">
      <c r="A2923" s="3">
        <v>41855.77783564815</v>
      </c>
      <c r="B2923" s="6">
        <v>48651.299999999996</v>
      </c>
      <c r="C2923" s="7">
        <f t="shared" si="45"/>
        <v>48.651299999999999</v>
      </c>
      <c r="I2923" s="1"/>
    </row>
    <row r="2924" spans="1:9" x14ac:dyDescent="0.25">
      <c r="A2924" s="3">
        <v>41855.781099537038</v>
      </c>
      <c r="B2924" s="6">
        <v>48667.95</v>
      </c>
      <c r="C2924" s="7">
        <f t="shared" si="45"/>
        <v>48.667949999999998</v>
      </c>
      <c r="I2924" s="1"/>
    </row>
    <row r="2925" spans="1:9" x14ac:dyDescent="0.25">
      <c r="A2925" s="3">
        <v>41855.7812037037</v>
      </c>
      <c r="B2925" s="6">
        <v>48684.6</v>
      </c>
      <c r="C2925" s="7">
        <f t="shared" si="45"/>
        <v>48.684599999999996</v>
      </c>
      <c r="I2925" s="1"/>
    </row>
    <row r="2926" spans="1:9" x14ac:dyDescent="0.25">
      <c r="A2926" s="3">
        <v>41855.783842592595</v>
      </c>
      <c r="B2926" s="6">
        <v>48701.249999999993</v>
      </c>
      <c r="C2926" s="7">
        <f t="shared" si="45"/>
        <v>48.701249999999995</v>
      </c>
      <c r="I2926" s="1"/>
    </row>
    <row r="2927" spans="1:9" x14ac:dyDescent="0.25">
      <c r="A2927" s="3">
        <v>41855.783935185187</v>
      </c>
      <c r="B2927" s="6">
        <v>48717.899999999994</v>
      </c>
      <c r="C2927" s="7">
        <f t="shared" si="45"/>
        <v>48.717899999999993</v>
      </c>
      <c r="I2927" s="1"/>
    </row>
    <row r="2928" spans="1:9" x14ac:dyDescent="0.25">
      <c r="A2928" s="3">
        <v>41855.785555555558</v>
      </c>
      <c r="B2928" s="6">
        <v>48734.549999999996</v>
      </c>
      <c r="C2928" s="7">
        <f t="shared" si="45"/>
        <v>48.734549999999999</v>
      </c>
      <c r="I2928" s="1"/>
    </row>
    <row r="2929" spans="1:9" x14ac:dyDescent="0.25">
      <c r="A2929" s="3">
        <v>41855.78597222222</v>
      </c>
      <c r="B2929" s="6">
        <v>48751.199999999997</v>
      </c>
      <c r="C2929" s="7">
        <f t="shared" si="45"/>
        <v>48.751199999999997</v>
      </c>
      <c r="I2929" s="1"/>
    </row>
    <row r="2930" spans="1:9" x14ac:dyDescent="0.25">
      <c r="A2930" s="3">
        <v>41855.786921296298</v>
      </c>
      <c r="B2930" s="6">
        <v>48767.85</v>
      </c>
      <c r="C2930" s="7">
        <f t="shared" si="45"/>
        <v>48.767849999999996</v>
      </c>
      <c r="I2930" s="1"/>
    </row>
    <row r="2931" spans="1:9" x14ac:dyDescent="0.25">
      <c r="A2931" s="3">
        <v>41855.78702546296</v>
      </c>
      <c r="B2931" s="6">
        <v>48784.499999999993</v>
      </c>
      <c r="C2931" s="7">
        <f t="shared" si="45"/>
        <v>48.784499999999994</v>
      </c>
      <c r="I2931" s="1"/>
    </row>
    <row r="2932" spans="1:9" x14ac:dyDescent="0.25">
      <c r="A2932" s="3">
        <v>41855.789259259262</v>
      </c>
      <c r="B2932" s="6">
        <v>48801.149999999994</v>
      </c>
      <c r="C2932" s="7">
        <f t="shared" si="45"/>
        <v>48.801149999999993</v>
      </c>
      <c r="I2932" s="1"/>
    </row>
    <row r="2933" spans="1:9" x14ac:dyDescent="0.25">
      <c r="A2933" s="3">
        <v>41855.789386574077</v>
      </c>
      <c r="B2933" s="6">
        <v>48817.799999999996</v>
      </c>
      <c r="C2933" s="7">
        <f t="shared" si="45"/>
        <v>48.817799999999998</v>
      </c>
      <c r="I2933" s="1"/>
    </row>
    <row r="2934" spans="1:9" x14ac:dyDescent="0.25">
      <c r="A2934" s="3">
        <v>41855.790590277778</v>
      </c>
      <c r="B2934" s="6">
        <v>48834.45</v>
      </c>
      <c r="C2934" s="7">
        <f t="shared" si="45"/>
        <v>48.834449999999997</v>
      </c>
      <c r="I2934" s="1"/>
    </row>
    <row r="2935" spans="1:9" x14ac:dyDescent="0.25">
      <c r="A2935" s="3">
        <v>41855.790694444448</v>
      </c>
      <c r="B2935" s="6">
        <v>48851.1</v>
      </c>
      <c r="C2935" s="7">
        <f t="shared" si="45"/>
        <v>48.851099999999995</v>
      </c>
      <c r="I2935" s="1"/>
    </row>
    <row r="2936" spans="1:9" x14ac:dyDescent="0.25">
      <c r="A2936" s="3">
        <v>41855.792627314811</v>
      </c>
      <c r="B2936" s="6">
        <v>48867.749999999993</v>
      </c>
      <c r="C2936" s="7">
        <f t="shared" si="45"/>
        <v>48.867749999999994</v>
      </c>
      <c r="I2936" s="1"/>
    </row>
    <row r="2937" spans="1:9" x14ac:dyDescent="0.25">
      <c r="A2937" s="3">
        <v>41855.792708333334</v>
      </c>
      <c r="B2937" s="6">
        <v>48884.399999999994</v>
      </c>
      <c r="C2937" s="7">
        <f t="shared" si="45"/>
        <v>48.884399999999992</v>
      </c>
      <c r="I2937" s="1"/>
    </row>
    <row r="2938" spans="1:9" x14ac:dyDescent="0.25">
      <c r="A2938" s="3">
        <v>41855.795532407406</v>
      </c>
      <c r="B2938" s="6">
        <v>48901.049999999996</v>
      </c>
      <c r="C2938" s="7">
        <f t="shared" si="45"/>
        <v>48.901049999999998</v>
      </c>
      <c r="I2938" s="1"/>
    </row>
    <row r="2939" spans="1:9" x14ac:dyDescent="0.25">
      <c r="A2939" s="3">
        <v>41855.795694444445</v>
      </c>
      <c r="B2939" s="6">
        <v>48917.7</v>
      </c>
      <c r="C2939" s="7">
        <f t="shared" si="45"/>
        <v>48.917699999999996</v>
      </c>
      <c r="I2939" s="1"/>
    </row>
    <row r="2940" spans="1:9" x14ac:dyDescent="0.25">
      <c r="A2940" s="3">
        <v>41855.796759259261</v>
      </c>
      <c r="B2940" s="6">
        <v>48934.35</v>
      </c>
      <c r="C2940" s="7">
        <f t="shared" si="45"/>
        <v>48.934350000000002</v>
      </c>
      <c r="I2940" s="1"/>
    </row>
    <row r="2941" spans="1:9" x14ac:dyDescent="0.25">
      <c r="A2941" s="3">
        <v>41855.796863425923</v>
      </c>
      <c r="B2941" s="6">
        <v>48950.999999999993</v>
      </c>
      <c r="C2941" s="7">
        <f t="shared" si="45"/>
        <v>48.950999999999993</v>
      </c>
      <c r="I2941" s="1"/>
    </row>
    <row r="2942" spans="1:9" x14ac:dyDescent="0.25">
      <c r="A2942" s="3">
        <v>41855.797997685186</v>
      </c>
      <c r="B2942" s="6">
        <v>48967.649999999994</v>
      </c>
      <c r="C2942" s="7">
        <f t="shared" si="45"/>
        <v>48.967649999999992</v>
      </c>
      <c r="I2942" s="1"/>
    </row>
    <row r="2943" spans="1:9" x14ac:dyDescent="0.25">
      <c r="A2943" s="3">
        <v>41855.798078703701</v>
      </c>
      <c r="B2943" s="6">
        <v>48984.299999999996</v>
      </c>
      <c r="C2943" s="7">
        <f t="shared" si="45"/>
        <v>48.984299999999998</v>
      </c>
      <c r="I2943" s="1"/>
    </row>
    <row r="2944" spans="1:9" x14ac:dyDescent="0.25">
      <c r="A2944" s="3">
        <v>41855.79928240741</v>
      </c>
      <c r="B2944" s="6">
        <v>49000.95</v>
      </c>
      <c r="C2944" s="7">
        <f t="shared" si="45"/>
        <v>49.000949999999996</v>
      </c>
      <c r="I2944" s="1"/>
    </row>
    <row r="2945" spans="1:9" x14ac:dyDescent="0.25">
      <c r="A2945" s="3">
        <v>41855.799398148149</v>
      </c>
      <c r="B2945" s="6">
        <v>49017.599999999999</v>
      </c>
      <c r="C2945" s="7">
        <f t="shared" si="45"/>
        <v>49.017600000000002</v>
      </c>
      <c r="I2945" s="1"/>
    </row>
    <row r="2946" spans="1:9" x14ac:dyDescent="0.25">
      <c r="A2946" s="3">
        <v>41855.800706018519</v>
      </c>
      <c r="B2946" s="6">
        <v>49034.249999999993</v>
      </c>
      <c r="C2946" s="7">
        <f t="shared" si="45"/>
        <v>49.034249999999993</v>
      </c>
      <c r="I2946" s="1"/>
    </row>
    <row r="2947" spans="1:9" x14ac:dyDescent="0.25">
      <c r="A2947" s="3">
        <v>41855.800983796296</v>
      </c>
      <c r="B2947" s="6">
        <v>49050.899999999994</v>
      </c>
      <c r="C2947" s="7">
        <f t="shared" ref="C2947:C3010" si="46">B2947/1000</f>
        <v>49.050899999999992</v>
      </c>
      <c r="I2947" s="1"/>
    </row>
    <row r="2948" spans="1:9" x14ac:dyDescent="0.25">
      <c r="A2948" s="3">
        <v>41855.802314814813</v>
      </c>
      <c r="B2948" s="6">
        <v>49067.549999999996</v>
      </c>
      <c r="C2948" s="7">
        <f t="shared" si="46"/>
        <v>49.067549999999997</v>
      </c>
      <c r="I2948" s="1"/>
    </row>
    <row r="2949" spans="1:9" x14ac:dyDescent="0.25">
      <c r="A2949" s="3">
        <v>41855.802418981482</v>
      </c>
      <c r="B2949" s="6">
        <v>49084.2</v>
      </c>
      <c r="C2949" s="7">
        <f t="shared" si="46"/>
        <v>49.084199999999996</v>
      </c>
      <c r="I2949" s="1"/>
    </row>
    <row r="2950" spans="1:9" x14ac:dyDescent="0.25">
      <c r="A2950" s="3">
        <v>41855.804328703707</v>
      </c>
      <c r="B2950" s="6">
        <v>49100.85</v>
      </c>
      <c r="C2950" s="7">
        <f t="shared" si="46"/>
        <v>49.100850000000001</v>
      </c>
      <c r="I2950" s="1"/>
    </row>
    <row r="2951" spans="1:9" x14ac:dyDescent="0.25">
      <c r="A2951" s="3">
        <v>41855.804675925923</v>
      </c>
      <c r="B2951" s="6">
        <v>49117.499999999993</v>
      </c>
      <c r="C2951" s="7">
        <f t="shared" si="46"/>
        <v>49.117499999999993</v>
      </c>
      <c r="I2951" s="1"/>
    </row>
    <row r="2952" spans="1:9" x14ac:dyDescent="0.25">
      <c r="A2952" s="3">
        <v>41855.807662037034</v>
      </c>
      <c r="B2952" s="6">
        <v>49134.149999999994</v>
      </c>
      <c r="C2952" s="7">
        <f t="shared" si="46"/>
        <v>49.134149999999991</v>
      </c>
      <c r="I2952" s="1"/>
    </row>
    <row r="2953" spans="1:9" x14ac:dyDescent="0.25">
      <c r="A2953" s="3">
        <v>41855.80809027778</v>
      </c>
      <c r="B2953" s="6">
        <v>49150.799999999996</v>
      </c>
      <c r="C2953" s="7">
        <f t="shared" si="46"/>
        <v>49.150799999999997</v>
      </c>
      <c r="I2953" s="1"/>
    </row>
    <row r="2954" spans="1:9" x14ac:dyDescent="0.25">
      <c r="A2954" s="3">
        <v>41855.809699074074</v>
      </c>
      <c r="B2954" s="6">
        <v>49167.45</v>
      </c>
      <c r="C2954" s="7">
        <f t="shared" si="46"/>
        <v>49.167449999999995</v>
      </c>
      <c r="I2954" s="1"/>
    </row>
    <row r="2955" spans="1:9" x14ac:dyDescent="0.25">
      <c r="A2955" s="3">
        <v>41855.809895833336</v>
      </c>
      <c r="B2955" s="6">
        <v>49184.1</v>
      </c>
      <c r="C2955" s="7">
        <f t="shared" si="46"/>
        <v>49.184100000000001</v>
      </c>
      <c r="I2955" s="1"/>
    </row>
    <row r="2956" spans="1:9" x14ac:dyDescent="0.25">
      <c r="A2956" s="3">
        <v>41855.813807870371</v>
      </c>
      <c r="B2956" s="6">
        <v>49200.749999999993</v>
      </c>
      <c r="C2956" s="7">
        <f t="shared" si="46"/>
        <v>49.200749999999992</v>
      </c>
      <c r="I2956" s="1"/>
    </row>
    <row r="2957" spans="1:9" x14ac:dyDescent="0.25">
      <c r="A2957" s="3">
        <v>41855.813842592594</v>
      </c>
      <c r="B2957" s="6">
        <v>49217.399999999994</v>
      </c>
      <c r="C2957" s="7">
        <f t="shared" si="46"/>
        <v>49.217399999999991</v>
      </c>
      <c r="I2957" s="1"/>
    </row>
    <row r="2958" spans="1:9" x14ac:dyDescent="0.25">
      <c r="A2958" s="3">
        <v>41855.814525462964</v>
      </c>
      <c r="B2958" s="6">
        <v>49234.049999999996</v>
      </c>
      <c r="C2958" s="7">
        <f t="shared" si="46"/>
        <v>49.234049999999996</v>
      </c>
      <c r="I2958" s="1"/>
    </row>
    <row r="2959" spans="1:9" x14ac:dyDescent="0.25">
      <c r="A2959" s="3">
        <v>41855.814814814818</v>
      </c>
      <c r="B2959" s="6">
        <v>49250.7</v>
      </c>
      <c r="C2959" s="7">
        <f t="shared" si="46"/>
        <v>49.250699999999995</v>
      </c>
      <c r="I2959" s="1"/>
    </row>
    <row r="2960" spans="1:9" x14ac:dyDescent="0.25">
      <c r="A2960" s="3">
        <v>41855.820277777777</v>
      </c>
      <c r="B2960" s="6">
        <v>49267.35</v>
      </c>
      <c r="C2960" s="7">
        <f t="shared" si="46"/>
        <v>49.26735</v>
      </c>
      <c r="I2960" s="1"/>
    </row>
    <row r="2961" spans="1:9" x14ac:dyDescent="0.25">
      <c r="A2961" s="3">
        <v>41855.820416666669</v>
      </c>
      <c r="B2961" s="6">
        <v>49283.999999999993</v>
      </c>
      <c r="C2961" s="7">
        <f t="shared" si="46"/>
        <v>49.283999999999992</v>
      </c>
      <c r="I2961" s="1"/>
    </row>
    <row r="2962" spans="1:9" x14ac:dyDescent="0.25">
      <c r="A2962" s="3">
        <v>41855.825439814813</v>
      </c>
      <c r="B2962" s="6">
        <v>49300.649999999994</v>
      </c>
      <c r="C2962" s="7">
        <f t="shared" si="46"/>
        <v>49.300649999999997</v>
      </c>
      <c r="I2962" s="1"/>
    </row>
    <row r="2963" spans="1:9" x14ac:dyDescent="0.25">
      <c r="A2963" s="3">
        <v>41855.826053240744</v>
      </c>
      <c r="B2963" s="6">
        <v>49317.299999999996</v>
      </c>
      <c r="C2963" s="7">
        <f t="shared" si="46"/>
        <v>49.317299999999996</v>
      </c>
      <c r="I2963" s="1"/>
    </row>
    <row r="2964" spans="1:9" x14ac:dyDescent="0.25">
      <c r="A2964" s="3">
        <v>41855.831226851849</v>
      </c>
      <c r="B2964" s="6">
        <v>49333.95</v>
      </c>
      <c r="C2964" s="7">
        <f t="shared" si="46"/>
        <v>49.333949999999994</v>
      </c>
      <c r="I2964" s="1"/>
    </row>
    <row r="2965" spans="1:9" x14ac:dyDescent="0.25">
      <c r="A2965" s="3">
        <v>41855.831724537034</v>
      </c>
      <c r="B2965" s="6">
        <v>49350.6</v>
      </c>
      <c r="C2965" s="7">
        <f t="shared" si="46"/>
        <v>49.3506</v>
      </c>
      <c r="I2965" s="1"/>
    </row>
    <row r="2966" spans="1:9" x14ac:dyDescent="0.25">
      <c r="A2966" s="3">
        <v>41855.836712962962</v>
      </c>
      <c r="B2966" s="6">
        <v>49367.249999999993</v>
      </c>
      <c r="C2966" s="7">
        <f t="shared" si="46"/>
        <v>49.367249999999991</v>
      </c>
      <c r="I2966" s="1"/>
    </row>
    <row r="2967" spans="1:9" x14ac:dyDescent="0.25">
      <c r="A2967" s="3">
        <v>41855.837013888886</v>
      </c>
      <c r="B2967" s="6">
        <v>49383.899999999994</v>
      </c>
      <c r="C2967" s="7">
        <f t="shared" si="46"/>
        <v>49.383899999999997</v>
      </c>
      <c r="I2967" s="1"/>
    </row>
    <row r="2968" spans="1:9" x14ac:dyDescent="0.25">
      <c r="A2968" s="3">
        <v>41855.838587962964</v>
      </c>
      <c r="B2968" s="6">
        <v>49400.549999999996</v>
      </c>
      <c r="C2968" s="7">
        <f t="shared" si="46"/>
        <v>49.400549999999996</v>
      </c>
      <c r="I2968" s="1"/>
    </row>
    <row r="2969" spans="1:9" x14ac:dyDescent="0.25">
      <c r="A2969" s="3">
        <v>41855.83866898148</v>
      </c>
      <c r="B2969" s="6">
        <v>49417.2</v>
      </c>
      <c r="C2969" s="7">
        <f t="shared" si="46"/>
        <v>49.417199999999994</v>
      </c>
      <c r="I2969" s="1"/>
    </row>
    <row r="2970" spans="1:9" x14ac:dyDescent="0.25">
      <c r="A2970" s="3">
        <v>41855.841377314813</v>
      </c>
      <c r="B2970" s="6">
        <v>49433.85</v>
      </c>
      <c r="C2970" s="7">
        <f t="shared" si="46"/>
        <v>49.43385</v>
      </c>
      <c r="I2970" s="1"/>
    </row>
    <row r="2971" spans="1:9" x14ac:dyDescent="0.25">
      <c r="A2971" s="3">
        <v>41855.841840277775</v>
      </c>
      <c r="B2971" s="6">
        <v>49450.499999999993</v>
      </c>
      <c r="C2971" s="7">
        <f t="shared" si="46"/>
        <v>49.450499999999991</v>
      </c>
      <c r="I2971" s="1"/>
    </row>
    <row r="2972" spans="1:9" x14ac:dyDescent="0.25">
      <c r="A2972" s="3">
        <v>41855.853229166663</v>
      </c>
      <c r="B2972" s="6">
        <v>49467.149999999994</v>
      </c>
      <c r="C2972" s="7">
        <f t="shared" si="46"/>
        <v>49.467149999999997</v>
      </c>
      <c r="I2972" s="1"/>
    </row>
    <row r="2973" spans="1:9" x14ac:dyDescent="0.25">
      <c r="A2973" s="3">
        <v>41855.853530092594</v>
      </c>
      <c r="B2973" s="6">
        <v>49483.799999999996</v>
      </c>
      <c r="C2973" s="7">
        <f t="shared" si="46"/>
        <v>49.483799999999995</v>
      </c>
      <c r="I2973" s="1"/>
    </row>
    <row r="2974" spans="1:9" x14ac:dyDescent="0.25">
      <c r="A2974" s="3">
        <v>41855.86041666667</v>
      </c>
      <c r="B2974" s="6">
        <v>49500.45</v>
      </c>
      <c r="C2974" s="7">
        <f t="shared" si="46"/>
        <v>49.500449999999994</v>
      </c>
      <c r="I2974" s="1"/>
    </row>
    <row r="2975" spans="1:9" x14ac:dyDescent="0.25">
      <c r="A2975" s="3">
        <v>41855.860717592594</v>
      </c>
      <c r="B2975" s="6">
        <v>49517.1</v>
      </c>
      <c r="C2975" s="7">
        <f t="shared" si="46"/>
        <v>49.517099999999999</v>
      </c>
      <c r="I2975" s="1"/>
    </row>
    <row r="2976" spans="1:9" x14ac:dyDescent="0.25">
      <c r="A2976" s="3">
        <v>41855.867534722223</v>
      </c>
      <c r="B2976" s="6">
        <v>49533.749999999993</v>
      </c>
      <c r="C2976" s="7">
        <f t="shared" si="46"/>
        <v>49.533749999999991</v>
      </c>
      <c r="I2976" s="1"/>
    </row>
    <row r="2977" spans="1:9" x14ac:dyDescent="0.25">
      <c r="A2977" s="3">
        <v>41855.867696759262</v>
      </c>
      <c r="B2977" s="6">
        <v>49550.399999999994</v>
      </c>
      <c r="C2977" s="7">
        <f t="shared" si="46"/>
        <v>49.550399999999996</v>
      </c>
      <c r="I2977" s="1"/>
    </row>
    <row r="2978" spans="1:9" x14ac:dyDescent="0.25">
      <c r="A2978" s="3">
        <v>41855.875763888886</v>
      </c>
      <c r="B2978" s="6">
        <v>49567.049999999996</v>
      </c>
      <c r="C2978" s="7">
        <f t="shared" si="46"/>
        <v>49.567049999999995</v>
      </c>
      <c r="I2978" s="1"/>
    </row>
    <row r="2979" spans="1:9" x14ac:dyDescent="0.25">
      <c r="A2979" s="3">
        <v>41855.876006944447</v>
      </c>
      <c r="B2979" s="6">
        <v>49583.7</v>
      </c>
      <c r="C2979" s="7">
        <f t="shared" si="46"/>
        <v>49.5837</v>
      </c>
      <c r="I2979" s="1"/>
    </row>
    <row r="2980" spans="1:9" x14ac:dyDescent="0.25">
      <c r="A2980" s="3">
        <v>41855.990335648145</v>
      </c>
      <c r="B2980" s="6">
        <v>49600.35</v>
      </c>
      <c r="C2980" s="7">
        <f t="shared" si="46"/>
        <v>49.600349999999999</v>
      </c>
      <c r="I2980" s="1"/>
    </row>
    <row r="2981" spans="1:9" x14ac:dyDescent="0.25">
      <c r="A2981" s="3">
        <v>41855.990451388891</v>
      </c>
      <c r="B2981" s="6">
        <v>49616.999999999993</v>
      </c>
      <c r="C2981" s="7">
        <f t="shared" si="46"/>
        <v>49.61699999999999</v>
      </c>
      <c r="I2981" s="1"/>
    </row>
    <row r="2982" spans="1:9" x14ac:dyDescent="0.25">
      <c r="A2982" s="3">
        <v>41855.993032407408</v>
      </c>
      <c r="B2982" s="6">
        <v>49633.649999999994</v>
      </c>
      <c r="C2982" s="7">
        <f t="shared" si="46"/>
        <v>49.633649999999996</v>
      </c>
      <c r="I2982" s="1"/>
    </row>
    <row r="2983" spans="1:9" x14ac:dyDescent="0.25">
      <c r="A2983" s="3">
        <v>41855.993090277778</v>
      </c>
      <c r="B2983" s="6">
        <v>49650.299999999996</v>
      </c>
      <c r="C2983" s="7">
        <f t="shared" si="46"/>
        <v>49.650299999999994</v>
      </c>
      <c r="I2983" s="1"/>
    </row>
    <row r="2984" spans="1:9" x14ac:dyDescent="0.25">
      <c r="A2984" s="3">
        <v>41855.996030092596</v>
      </c>
      <c r="B2984" s="6">
        <v>49666.95</v>
      </c>
      <c r="C2984" s="7">
        <f t="shared" si="46"/>
        <v>49.66695</v>
      </c>
      <c r="I2984" s="1"/>
    </row>
    <row r="2985" spans="1:9" x14ac:dyDescent="0.25">
      <c r="A2985" s="3">
        <v>41855.999618055554</v>
      </c>
      <c r="B2985" s="6">
        <v>49683.6</v>
      </c>
      <c r="C2985" s="7">
        <f t="shared" si="46"/>
        <v>49.683599999999998</v>
      </c>
      <c r="I2985" s="1"/>
    </row>
    <row r="2986" spans="1:9" x14ac:dyDescent="0.25">
      <c r="A2986" s="3">
        <v>41886.03802083333</v>
      </c>
      <c r="B2986" s="6">
        <v>49700.249999999993</v>
      </c>
      <c r="C2986" s="7">
        <f t="shared" si="46"/>
        <v>49.70024999999999</v>
      </c>
      <c r="I2986" s="1"/>
    </row>
    <row r="2987" spans="1:9" x14ac:dyDescent="0.25">
      <c r="A2987" s="3">
        <v>41886.038148148145</v>
      </c>
      <c r="B2987" s="6">
        <v>49716.899999999994</v>
      </c>
      <c r="C2987" s="7">
        <f t="shared" si="46"/>
        <v>49.716899999999995</v>
      </c>
      <c r="I2987" s="1"/>
    </row>
    <row r="2988" spans="1:9" x14ac:dyDescent="0.25">
      <c r="A2988" s="3">
        <v>41886.044016203705</v>
      </c>
      <c r="B2988" s="6">
        <v>49733.549999999996</v>
      </c>
      <c r="C2988" s="7">
        <f t="shared" si="46"/>
        <v>49.733549999999994</v>
      </c>
      <c r="I2988" s="1"/>
    </row>
    <row r="2989" spans="1:9" x14ac:dyDescent="0.25">
      <c r="A2989" s="3">
        <v>41886.046030092592</v>
      </c>
      <c r="B2989" s="6">
        <v>49750.2</v>
      </c>
      <c r="C2989" s="7">
        <f t="shared" si="46"/>
        <v>49.7502</v>
      </c>
      <c r="I2989" s="1"/>
    </row>
    <row r="2990" spans="1:9" x14ac:dyDescent="0.25">
      <c r="A2990" s="3">
        <v>41886.121666666666</v>
      </c>
      <c r="B2990" s="6">
        <v>49766.85</v>
      </c>
      <c r="C2990" s="7">
        <f t="shared" si="46"/>
        <v>49.766849999999998</v>
      </c>
      <c r="I2990" s="1"/>
    </row>
    <row r="2991" spans="1:9" x14ac:dyDescent="0.25">
      <c r="A2991" s="3">
        <v>41886.129004629627</v>
      </c>
      <c r="B2991" s="6">
        <v>49783.499999999993</v>
      </c>
      <c r="C2991" s="7">
        <f t="shared" si="46"/>
        <v>49.783499999999989</v>
      </c>
      <c r="I2991" s="1"/>
    </row>
    <row r="2992" spans="1:9" x14ac:dyDescent="0.25">
      <c r="A2992" s="3">
        <v>41886.13486111111</v>
      </c>
      <c r="B2992" s="6">
        <v>49800.149999999994</v>
      </c>
      <c r="C2992" s="7">
        <f t="shared" si="46"/>
        <v>49.800149999999995</v>
      </c>
      <c r="I2992" s="1"/>
    </row>
    <row r="2993" spans="1:9" x14ac:dyDescent="0.25">
      <c r="A2993" s="3">
        <v>41886.135127314818</v>
      </c>
      <c r="B2993" s="6">
        <v>49816.799999999996</v>
      </c>
      <c r="C2993" s="7">
        <f t="shared" si="46"/>
        <v>49.816799999999994</v>
      </c>
      <c r="I2993" s="1"/>
    </row>
    <row r="2994" spans="1:9" x14ac:dyDescent="0.25">
      <c r="A2994" s="3">
        <v>41886.144236111111</v>
      </c>
      <c r="B2994" s="6">
        <v>49833.45</v>
      </c>
      <c r="C2994" s="7">
        <f t="shared" si="46"/>
        <v>49.833449999999999</v>
      </c>
      <c r="I2994" s="1"/>
    </row>
    <row r="2995" spans="1:9" x14ac:dyDescent="0.25">
      <c r="A2995" s="3">
        <v>41886.144953703704</v>
      </c>
      <c r="B2995" s="6">
        <v>49850.1</v>
      </c>
      <c r="C2995" s="7">
        <f t="shared" si="46"/>
        <v>49.850099999999998</v>
      </c>
      <c r="I2995" s="1"/>
    </row>
    <row r="2996" spans="1:9" x14ac:dyDescent="0.25">
      <c r="A2996" s="3">
        <v>41886.154652777775</v>
      </c>
      <c r="B2996" s="6">
        <v>49866.749999999993</v>
      </c>
      <c r="C2996" s="7">
        <f t="shared" si="46"/>
        <v>49.866749999999996</v>
      </c>
      <c r="I2996" s="1"/>
    </row>
    <row r="2997" spans="1:9" x14ac:dyDescent="0.25">
      <c r="A2997" s="3">
        <v>41886.154791666668</v>
      </c>
      <c r="B2997" s="6">
        <v>49883.399999999994</v>
      </c>
      <c r="C2997" s="7">
        <f t="shared" si="46"/>
        <v>49.883399999999995</v>
      </c>
      <c r="I2997" s="1"/>
    </row>
    <row r="2998" spans="1:9" x14ac:dyDescent="0.25">
      <c r="A2998" s="3">
        <v>41886.164675925924</v>
      </c>
      <c r="B2998" s="6">
        <v>49900.049999999996</v>
      </c>
      <c r="C2998" s="7">
        <f t="shared" si="46"/>
        <v>49.900049999999993</v>
      </c>
      <c r="I2998" s="1"/>
    </row>
    <row r="2999" spans="1:9" x14ac:dyDescent="0.25">
      <c r="A2999" s="3">
        <v>41886.16474537037</v>
      </c>
      <c r="B2999" s="6">
        <v>49916.7</v>
      </c>
      <c r="C2999" s="7">
        <f t="shared" si="46"/>
        <v>49.916699999999999</v>
      </c>
      <c r="I2999" s="1"/>
    </row>
    <row r="3000" spans="1:9" x14ac:dyDescent="0.25">
      <c r="A3000" s="3">
        <v>41886.170856481483</v>
      </c>
      <c r="B3000" s="6">
        <v>49933.35</v>
      </c>
      <c r="C3000" s="7">
        <f t="shared" si="46"/>
        <v>49.933349999999997</v>
      </c>
      <c r="I3000" s="1"/>
    </row>
    <row r="3001" spans="1:9" x14ac:dyDescent="0.25">
      <c r="A3001" s="3">
        <v>41886.17255787037</v>
      </c>
      <c r="B3001" s="6">
        <v>49949.999999999993</v>
      </c>
      <c r="C3001" s="7">
        <f t="shared" si="46"/>
        <v>49.949999999999996</v>
      </c>
      <c r="I3001" s="1"/>
    </row>
    <row r="3002" spans="1:9" x14ac:dyDescent="0.25">
      <c r="A3002" s="3">
        <v>41886.180023148147</v>
      </c>
      <c r="B3002" s="6">
        <v>49966.649999999994</v>
      </c>
      <c r="C3002" s="7">
        <f t="shared" si="46"/>
        <v>49.966649999999994</v>
      </c>
      <c r="I3002" s="1"/>
    </row>
    <row r="3003" spans="1:9" x14ac:dyDescent="0.25">
      <c r="A3003" s="3">
        <v>41886.180300925924</v>
      </c>
      <c r="B3003" s="6">
        <v>49983.299999999996</v>
      </c>
      <c r="C3003" s="7">
        <f t="shared" si="46"/>
        <v>49.983299999999993</v>
      </c>
      <c r="I3003" s="1"/>
    </row>
    <row r="3004" spans="1:9" x14ac:dyDescent="0.25">
      <c r="A3004" s="3">
        <v>41886.188738425924</v>
      </c>
      <c r="B3004" s="6">
        <v>49999.95</v>
      </c>
      <c r="C3004" s="7">
        <f t="shared" si="46"/>
        <v>49.999949999999998</v>
      </c>
      <c r="I3004" s="1"/>
    </row>
    <row r="3005" spans="1:9" x14ac:dyDescent="0.25">
      <c r="A3005" s="3">
        <v>41886.19090277778</v>
      </c>
      <c r="B3005" s="6">
        <v>50016.6</v>
      </c>
      <c r="C3005" s="7">
        <f t="shared" si="46"/>
        <v>50.016599999999997</v>
      </c>
      <c r="I3005" s="1"/>
    </row>
    <row r="3006" spans="1:9" x14ac:dyDescent="0.25">
      <c r="A3006" s="3">
        <v>41886.200370370374</v>
      </c>
      <c r="B3006" s="6">
        <v>50033.249999999993</v>
      </c>
      <c r="C3006" s="7">
        <f t="shared" si="46"/>
        <v>50.033249999999995</v>
      </c>
      <c r="I3006" s="1"/>
    </row>
    <row r="3007" spans="1:9" x14ac:dyDescent="0.25">
      <c r="A3007" s="3">
        <v>41886.200532407405</v>
      </c>
      <c r="B3007" s="6">
        <v>50049.899999999994</v>
      </c>
      <c r="C3007" s="7">
        <f t="shared" si="46"/>
        <v>50.049899999999994</v>
      </c>
      <c r="I3007" s="1"/>
    </row>
    <row r="3008" spans="1:9" x14ac:dyDescent="0.25">
      <c r="A3008" s="3">
        <v>41886.203599537039</v>
      </c>
      <c r="B3008" s="6">
        <v>50066.549999999996</v>
      </c>
      <c r="C3008" s="7">
        <f t="shared" si="46"/>
        <v>50.066549999999992</v>
      </c>
      <c r="I3008" s="1"/>
    </row>
    <row r="3009" spans="1:9" x14ac:dyDescent="0.25">
      <c r="A3009" s="3">
        <v>41886.203680555554</v>
      </c>
      <c r="B3009" s="6">
        <v>50083.199999999997</v>
      </c>
      <c r="C3009" s="7">
        <f t="shared" si="46"/>
        <v>50.083199999999998</v>
      </c>
      <c r="I3009" s="1"/>
    </row>
    <row r="3010" spans="1:9" x14ac:dyDescent="0.25">
      <c r="A3010" s="3">
        <v>41886.210451388892</v>
      </c>
      <c r="B3010" s="6">
        <v>50099.85</v>
      </c>
      <c r="C3010" s="7">
        <f t="shared" si="46"/>
        <v>50.099849999999996</v>
      </c>
      <c r="I3010" s="1"/>
    </row>
    <row r="3011" spans="1:9" x14ac:dyDescent="0.25">
      <c r="A3011" s="3">
        <v>41886.210532407407</v>
      </c>
      <c r="B3011" s="6">
        <v>50116.499999999993</v>
      </c>
      <c r="C3011" s="7">
        <f t="shared" ref="C3011:C3074" si="47">B3011/1000</f>
        <v>50.116499999999995</v>
      </c>
      <c r="I3011" s="1"/>
    </row>
    <row r="3012" spans="1:9" x14ac:dyDescent="0.25">
      <c r="A3012" s="3">
        <v>41886.211643518516</v>
      </c>
      <c r="B3012" s="6">
        <v>50133.149999999994</v>
      </c>
      <c r="C3012" s="7">
        <f t="shared" si="47"/>
        <v>50.133149999999993</v>
      </c>
      <c r="I3012" s="1"/>
    </row>
    <row r="3013" spans="1:9" x14ac:dyDescent="0.25">
      <c r="A3013" s="3">
        <v>41886.211921296293</v>
      </c>
      <c r="B3013" s="6">
        <v>50149.799999999996</v>
      </c>
      <c r="C3013" s="7">
        <f t="shared" si="47"/>
        <v>50.149799999999999</v>
      </c>
      <c r="I3013" s="1"/>
    </row>
    <row r="3014" spans="1:9" x14ac:dyDescent="0.25">
      <c r="A3014" s="3">
        <v>41886.212685185186</v>
      </c>
      <c r="B3014" s="6">
        <v>50166.45</v>
      </c>
      <c r="C3014" s="7">
        <f t="shared" si="47"/>
        <v>50.166449999999998</v>
      </c>
      <c r="I3014" s="1"/>
    </row>
    <row r="3015" spans="1:9" x14ac:dyDescent="0.25">
      <c r="A3015" s="3">
        <v>41886.212731481479</v>
      </c>
      <c r="B3015" s="6">
        <v>50183.1</v>
      </c>
      <c r="C3015" s="7">
        <f t="shared" si="47"/>
        <v>50.183099999999996</v>
      </c>
      <c r="I3015" s="1"/>
    </row>
    <row r="3016" spans="1:9" x14ac:dyDescent="0.25">
      <c r="A3016" s="3">
        <v>41886.215451388889</v>
      </c>
      <c r="B3016" s="6">
        <v>50199.749999999993</v>
      </c>
      <c r="C3016" s="7">
        <f t="shared" si="47"/>
        <v>50.199749999999995</v>
      </c>
      <c r="I3016" s="1"/>
    </row>
    <row r="3017" spans="1:9" x14ac:dyDescent="0.25">
      <c r="A3017" s="3">
        <v>41886.216597222221</v>
      </c>
      <c r="B3017" s="6">
        <v>50216.399999999994</v>
      </c>
      <c r="C3017" s="7">
        <f t="shared" si="47"/>
        <v>50.216399999999993</v>
      </c>
      <c r="I3017" s="1"/>
    </row>
    <row r="3018" spans="1:9" x14ac:dyDescent="0.25">
      <c r="A3018" s="3">
        <v>41886.220277777778</v>
      </c>
      <c r="B3018" s="6">
        <v>50233.049999999996</v>
      </c>
      <c r="C3018" s="7">
        <f t="shared" si="47"/>
        <v>50.233049999999999</v>
      </c>
      <c r="I3018" s="1"/>
    </row>
    <row r="3019" spans="1:9" x14ac:dyDescent="0.25">
      <c r="A3019" s="3">
        <v>41886.220486111109</v>
      </c>
      <c r="B3019" s="6">
        <v>50249.7</v>
      </c>
      <c r="C3019" s="7">
        <f t="shared" si="47"/>
        <v>50.249699999999997</v>
      </c>
      <c r="I3019" s="1"/>
    </row>
    <row r="3020" spans="1:9" x14ac:dyDescent="0.25">
      <c r="A3020" s="3">
        <v>41886.223171296297</v>
      </c>
      <c r="B3020" s="6">
        <v>50266.35</v>
      </c>
      <c r="C3020" s="7">
        <f t="shared" si="47"/>
        <v>50.266349999999996</v>
      </c>
      <c r="I3020" s="1"/>
    </row>
    <row r="3021" spans="1:9" x14ac:dyDescent="0.25">
      <c r="A3021" s="3">
        <v>41886.223287037035</v>
      </c>
      <c r="B3021" s="6">
        <v>50282.999999999993</v>
      </c>
      <c r="C3021" s="7">
        <f t="shared" si="47"/>
        <v>50.282999999999994</v>
      </c>
      <c r="I3021" s="1"/>
    </row>
    <row r="3022" spans="1:9" x14ac:dyDescent="0.25">
      <c r="A3022" s="3">
        <v>41886.229525462964</v>
      </c>
      <c r="B3022" s="6">
        <v>50299.649999999994</v>
      </c>
      <c r="C3022" s="7">
        <f t="shared" si="47"/>
        <v>50.299649999999993</v>
      </c>
      <c r="I3022" s="1"/>
    </row>
    <row r="3023" spans="1:9" x14ac:dyDescent="0.25">
      <c r="A3023" s="3">
        <v>41886.229756944442</v>
      </c>
      <c r="B3023" s="6">
        <v>50316.299999999996</v>
      </c>
      <c r="C3023" s="7">
        <f t="shared" si="47"/>
        <v>50.316299999999998</v>
      </c>
      <c r="I3023" s="1"/>
    </row>
    <row r="3024" spans="1:9" x14ac:dyDescent="0.25">
      <c r="A3024" s="3">
        <v>41886.23609953704</v>
      </c>
      <c r="B3024" s="6">
        <v>50332.95</v>
      </c>
      <c r="C3024" s="7">
        <f t="shared" si="47"/>
        <v>50.332949999999997</v>
      </c>
      <c r="I3024" s="1"/>
    </row>
    <row r="3025" spans="1:9" x14ac:dyDescent="0.25">
      <c r="A3025" s="3">
        <v>41886.236192129632</v>
      </c>
      <c r="B3025" s="6">
        <v>50349.599999999999</v>
      </c>
      <c r="C3025" s="7">
        <f t="shared" si="47"/>
        <v>50.349599999999995</v>
      </c>
      <c r="I3025" s="1"/>
    </row>
    <row r="3026" spans="1:9" x14ac:dyDescent="0.25">
      <c r="A3026" s="3">
        <v>41886.23914351852</v>
      </c>
      <c r="B3026" s="6">
        <v>50366.249999999993</v>
      </c>
      <c r="C3026" s="7">
        <f t="shared" si="47"/>
        <v>50.366249999999994</v>
      </c>
      <c r="I3026" s="1"/>
    </row>
    <row r="3027" spans="1:9" x14ac:dyDescent="0.25">
      <c r="A3027" s="3">
        <v>41886.239571759259</v>
      </c>
      <c r="B3027" s="6">
        <v>50382.899999999994</v>
      </c>
      <c r="C3027" s="7">
        <f t="shared" si="47"/>
        <v>50.382899999999992</v>
      </c>
      <c r="I3027" s="1"/>
    </row>
    <row r="3028" spans="1:9" x14ac:dyDescent="0.25">
      <c r="A3028" s="3">
        <v>41886.241076388891</v>
      </c>
      <c r="B3028" s="6">
        <v>50399.549999999996</v>
      </c>
      <c r="C3028" s="7">
        <f t="shared" si="47"/>
        <v>50.399549999999998</v>
      </c>
      <c r="I3028" s="1"/>
    </row>
    <row r="3029" spans="1:9" x14ac:dyDescent="0.25">
      <c r="A3029" s="3">
        <v>41886.244652777779</v>
      </c>
      <c r="B3029" s="6">
        <v>50416.2</v>
      </c>
      <c r="C3029" s="7">
        <f t="shared" si="47"/>
        <v>50.416199999999996</v>
      </c>
      <c r="I3029" s="1"/>
    </row>
    <row r="3030" spans="1:9" x14ac:dyDescent="0.25">
      <c r="A3030" s="3">
        <v>41886.253182870372</v>
      </c>
      <c r="B3030" s="6">
        <v>50432.85</v>
      </c>
      <c r="C3030" s="7">
        <f t="shared" si="47"/>
        <v>50.432850000000002</v>
      </c>
      <c r="I3030" s="1"/>
    </row>
    <row r="3031" spans="1:9" x14ac:dyDescent="0.25">
      <c r="A3031" s="3">
        <v>41886.254826388889</v>
      </c>
      <c r="B3031" s="6">
        <v>50449.499999999993</v>
      </c>
      <c r="C3031" s="7">
        <f t="shared" si="47"/>
        <v>50.449499999999993</v>
      </c>
      <c r="I3031" s="1"/>
    </row>
    <row r="3032" spans="1:9" x14ac:dyDescent="0.25">
      <c r="A3032" s="3">
        <v>41886.265833333331</v>
      </c>
      <c r="B3032" s="6">
        <v>50466.149999999994</v>
      </c>
      <c r="C3032" s="7">
        <f t="shared" si="47"/>
        <v>50.466149999999992</v>
      </c>
      <c r="I3032" s="1"/>
    </row>
    <row r="3033" spans="1:9" x14ac:dyDescent="0.25">
      <c r="A3033" s="3">
        <v>41886.266030092593</v>
      </c>
      <c r="B3033" s="6">
        <v>50482.799999999996</v>
      </c>
      <c r="C3033" s="7">
        <f t="shared" si="47"/>
        <v>50.482799999999997</v>
      </c>
      <c r="I3033" s="1"/>
    </row>
    <row r="3034" spans="1:9" x14ac:dyDescent="0.25">
      <c r="A3034" s="3">
        <v>41886.270428240743</v>
      </c>
      <c r="B3034" s="6">
        <v>50499.45</v>
      </c>
      <c r="C3034" s="7">
        <f t="shared" si="47"/>
        <v>50.499449999999996</v>
      </c>
      <c r="I3034" s="1"/>
    </row>
    <row r="3035" spans="1:9" x14ac:dyDescent="0.25">
      <c r="A3035" s="3">
        <v>41886.270520833335</v>
      </c>
      <c r="B3035" s="6">
        <v>50516.1</v>
      </c>
      <c r="C3035" s="7">
        <f t="shared" si="47"/>
        <v>50.516100000000002</v>
      </c>
      <c r="I3035" s="1"/>
    </row>
    <row r="3036" spans="1:9" x14ac:dyDescent="0.25">
      <c r="A3036" s="3">
        <v>41886.274930555555</v>
      </c>
      <c r="B3036" s="6">
        <v>50532.749999999993</v>
      </c>
      <c r="C3036" s="7">
        <f t="shared" si="47"/>
        <v>50.532749999999993</v>
      </c>
      <c r="I3036" s="1"/>
    </row>
    <row r="3037" spans="1:9" x14ac:dyDescent="0.25">
      <c r="A3037" s="3">
        <v>41886.275810185187</v>
      </c>
      <c r="B3037" s="6">
        <v>50549.399999999994</v>
      </c>
      <c r="C3037" s="7">
        <f t="shared" si="47"/>
        <v>50.549399999999991</v>
      </c>
      <c r="I3037" s="1"/>
    </row>
    <row r="3038" spans="1:9" x14ac:dyDescent="0.25">
      <c r="A3038" s="3">
        <v>41886.281585648147</v>
      </c>
      <c r="B3038" s="6">
        <v>50566.049999999996</v>
      </c>
      <c r="C3038" s="7">
        <f t="shared" si="47"/>
        <v>50.566049999999997</v>
      </c>
      <c r="I3038" s="1"/>
    </row>
    <row r="3039" spans="1:9" x14ac:dyDescent="0.25">
      <c r="A3039" s="3">
        <v>41886.281701388885</v>
      </c>
      <c r="B3039" s="6">
        <v>50582.7</v>
      </c>
      <c r="C3039" s="7">
        <f t="shared" si="47"/>
        <v>50.582699999999996</v>
      </c>
      <c r="I3039" s="1"/>
    </row>
    <row r="3040" spans="1:9" x14ac:dyDescent="0.25">
      <c r="A3040" s="3">
        <v>41886.287314814814</v>
      </c>
      <c r="B3040" s="6">
        <v>50599.35</v>
      </c>
      <c r="C3040" s="7">
        <f t="shared" si="47"/>
        <v>50.599350000000001</v>
      </c>
      <c r="I3040" s="1"/>
    </row>
    <row r="3041" spans="1:9" x14ac:dyDescent="0.25">
      <c r="A3041" s="3">
        <v>41886.287453703706</v>
      </c>
      <c r="B3041" s="6">
        <v>50615.999999999993</v>
      </c>
      <c r="C3041" s="7">
        <f t="shared" si="47"/>
        <v>50.615999999999993</v>
      </c>
      <c r="I3041" s="1"/>
    </row>
    <row r="3042" spans="1:9" x14ac:dyDescent="0.25">
      <c r="A3042" s="3">
        <v>41886.292534722219</v>
      </c>
      <c r="B3042" s="6">
        <v>50632.649999999994</v>
      </c>
      <c r="C3042" s="7">
        <f t="shared" si="47"/>
        <v>50.632649999999991</v>
      </c>
      <c r="I3042" s="1"/>
    </row>
    <row r="3043" spans="1:9" x14ac:dyDescent="0.25">
      <c r="A3043" s="3">
        <v>41886.293240740742</v>
      </c>
      <c r="B3043" s="6">
        <v>50649.299999999996</v>
      </c>
      <c r="C3043" s="7">
        <f t="shared" si="47"/>
        <v>50.649299999999997</v>
      </c>
      <c r="I3043" s="1"/>
    </row>
    <row r="3044" spans="1:9" x14ac:dyDescent="0.25">
      <c r="A3044" s="3">
        <v>41886.302997685183</v>
      </c>
      <c r="B3044" s="6">
        <v>50665.95</v>
      </c>
      <c r="C3044" s="7">
        <f t="shared" si="47"/>
        <v>50.665949999999995</v>
      </c>
      <c r="I3044" s="1"/>
    </row>
    <row r="3045" spans="1:9" x14ac:dyDescent="0.25">
      <c r="A3045" s="3">
        <v>41886.305219907408</v>
      </c>
      <c r="B3045" s="6">
        <v>50682.6</v>
      </c>
      <c r="C3045" s="7">
        <f t="shared" si="47"/>
        <v>50.682600000000001</v>
      </c>
      <c r="I3045" s="1"/>
    </row>
    <row r="3046" spans="1:9" x14ac:dyDescent="0.25">
      <c r="A3046" s="3">
        <v>41886.309305555558</v>
      </c>
      <c r="B3046" s="6">
        <v>50699.249999999993</v>
      </c>
      <c r="C3046" s="7">
        <f t="shared" si="47"/>
        <v>50.699249999999992</v>
      </c>
      <c r="I3046" s="1"/>
    </row>
    <row r="3047" spans="1:9" x14ac:dyDescent="0.25">
      <c r="A3047" s="3">
        <v>41886.309398148151</v>
      </c>
      <c r="B3047" s="6">
        <v>50715.899999999994</v>
      </c>
      <c r="C3047" s="7">
        <f t="shared" si="47"/>
        <v>50.715899999999991</v>
      </c>
      <c r="I3047" s="1"/>
    </row>
    <row r="3048" spans="1:9" x14ac:dyDescent="0.25">
      <c r="A3048" s="3">
        <v>41886.312696759262</v>
      </c>
      <c r="B3048" s="6">
        <v>50732.549999999996</v>
      </c>
      <c r="C3048" s="7">
        <f t="shared" si="47"/>
        <v>50.732549999999996</v>
      </c>
      <c r="I3048" s="1"/>
    </row>
    <row r="3049" spans="1:9" x14ac:dyDescent="0.25">
      <c r="A3049" s="3">
        <v>41886.312962962962</v>
      </c>
      <c r="B3049" s="6">
        <v>50749.2</v>
      </c>
      <c r="C3049" s="7">
        <f t="shared" si="47"/>
        <v>50.749199999999995</v>
      </c>
      <c r="I3049" s="1"/>
    </row>
    <row r="3050" spans="1:9" x14ac:dyDescent="0.25">
      <c r="A3050" s="3">
        <v>41886.318171296298</v>
      </c>
      <c r="B3050" s="6">
        <v>50765.85</v>
      </c>
      <c r="C3050" s="7">
        <f t="shared" si="47"/>
        <v>50.76585</v>
      </c>
      <c r="I3050" s="1"/>
    </row>
    <row r="3051" spans="1:9" x14ac:dyDescent="0.25">
      <c r="A3051" s="3">
        <v>41886.318657407406</v>
      </c>
      <c r="B3051" s="6">
        <v>50782.499999999993</v>
      </c>
      <c r="C3051" s="7">
        <f t="shared" si="47"/>
        <v>50.782499999999992</v>
      </c>
      <c r="I3051" s="1"/>
    </row>
    <row r="3052" spans="1:9" x14ac:dyDescent="0.25">
      <c r="A3052" s="3">
        <v>41886.320092592592</v>
      </c>
      <c r="B3052" s="6">
        <v>50799.149999999994</v>
      </c>
      <c r="C3052" s="7">
        <f t="shared" si="47"/>
        <v>50.799149999999997</v>
      </c>
      <c r="I3052" s="1"/>
    </row>
    <row r="3053" spans="1:9" x14ac:dyDescent="0.25">
      <c r="A3053" s="3">
        <v>41886.320590277777</v>
      </c>
      <c r="B3053" s="6">
        <v>50815.799999999996</v>
      </c>
      <c r="C3053" s="7">
        <f t="shared" si="47"/>
        <v>50.815799999999996</v>
      </c>
      <c r="I3053" s="1"/>
    </row>
    <row r="3054" spans="1:9" x14ac:dyDescent="0.25">
      <c r="A3054" s="3">
        <v>41886.331180555557</v>
      </c>
      <c r="B3054" s="6">
        <v>50832.45</v>
      </c>
      <c r="C3054" s="7">
        <f t="shared" si="47"/>
        <v>50.832449999999994</v>
      </c>
      <c r="I3054" s="1"/>
    </row>
    <row r="3055" spans="1:9" x14ac:dyDescent="0.25">
      <c r="A3055" s="3">
        <v>41886.331238425926</v>
      </c>
      <c r="B3055" s="6">
        <v>50849.1</v>
      </c>
      <c r="C3055" s="7">
        <f t="shared" si="47"/>
        <v>50.8491</v>
      </c>
      <c r="I3055" s="1"/>
    </row>
    <row r="3056" spans="1:9" x14ac:dyDescent="0.25">
      <c r="A3056" s="3">
        <v>41886.334722222222</v>
      </c>
      <c r="B3056" s="6">
        <v>50865.749999999993</v>
      </c>
      <c r="C3056" s="7">
        <f t="shared" si="47"/>
        <v>50.865749999999991</v>
      </c>
      <c r="I3056" s="1"/>
    </row>
    <row r="3057" spans="1:9" x14ac:dyDescent="0.25">
      <c r="A3057" s="3">
        <v>41886.334861111114</v>
      </c>
      <c r="B3057" s="6">
        <v>50882.399999999994</v>
      </c>
      <c r="C3057" s="7">
        <f t="shared" si="47"/>
        <v>50.882399999999997</v>
      </c>
      <c r="I3057" s="1"/>
    </row>
    <row r="3058" spans="1:9" x14ac:dyDescent="0.25">
      <c r="A3058" s="3">
        <v>41886.336550925924</v>
      </c>
      <c r="B3058" s="6">
        <v>50899.049999999996</v>
      </c>
      <c r="C3058" s="7">
        <f t="shared" si="47"/>
        <v>50.899049999999995</v>
      </c>
      <c r="I3058" s="1"/>
    </row>
    <row r="3059" spans="1:9" x14ac:dyDescent="0.25">
      <c r="A3059" s="3">
        <v>41886.336608796293</v>
      </c>
      <c r="B3059" s="6">
        <v>50915.7</v>
      </c>
      <c r="C3059" s="7">
        <f t="shared" si="47"/>
        <v>50.915699999999994</v>
      </c>
      <c r="I3059" s="1"/>
    </row>
    <row r="3060" spans="1:9" x14ac:dyDescent="0.25">
      <c r="A3060" s="3">
        <v>41886.348391203705</v>
      </c>
      <c r="B3060" s="6">
        <v>50932.35</v>
      </c>
      <c r="C3060" s="7">
        <f t="shared" si="47"/>
        <v>50.93235</v>
      </c>
      <c r="I3060" s="1"/>
    </row>
    <row r="3061" spans="1:9" x14ac:dyDescent="0.25">
      <c r="A3061" s="3">
        <v>41886.34888888889</v>
      </c>
      <c r="B3061" s="6">
        <v>50948.999999999993</v>
      </c>
      <c r="C3061" s="7">
        <f t="shared" si="47"/>
        <v>50.948999999999991</v>
      </c>
      <c r="I3061" s="1"/>
    </row>
    <row r="3062" spans="1:9" x14ac:dyDescent="0.25">
      <c r="A3062" s="3">
        <v>41886.35255787037</v>
      </c>
      <c r="B3062" s="6">
        <v>50965.649999999994</v>
      </c>
      <c r="C3062" s="7">
        <f t="shared" si="47"/>
        <v>50.965649999999997</v>
      </c>
      <c r="I3062" s="1"/>
    </row>
    <row r="3063" spans="1:9" x14ac:dyDescent="0.25">
      <c r="A3063" s="3">
        <v>41886.353171296294</v>
      </c>
      <c r="B3063" s="6">
        <v>50982.299999999996</v>
      </c>
      <c r="C3063" s="7">
        <f t="shared" si="47"/>
        <v>50.982299999999995</v>
      </c>
      <c r="I3063" s="1"/>
    </row>
    <row r="3064" spans="1:9" x14ac:dyDescent="0.25">
      <c r="A3064" s="3">
        <v>41886.35769675926</v>
      </c>
      <c r="B3064" s="6">
        <v>50998.95</v>
      </c>
      <c r="C3064" s="7">
        <f t="shared" si="47"/>
        <v>50.998949999999994</v>
      </c>
      <c r="I3064" s="1"/>
    </row>
    <row r="3065" spans="1:9" x14ac:dyDescent="0.25">
      <c r="A3065" s="3">
        <v>41886.359675925924</v>
      </c>
      <c r="B3065" s="6">
        <v>51015.6</v>
      </c>
      <c r="C3065" s="7">
        <f t="shared" si="47"/>
        <v>51.015599999999999</v>
      </c>
      <c r="I3065" s="1"/>
    </row>
    <row r="3066" spans="1:9" x14ac:dyDescent="0.25">
      <c r="A3066" s="3">
        <v>41886.364814814813</v>
      </c>
      <c r="B3066" s="6">
        <v>51032.249999999993</v>
      </c>
      <c r="C3066" s="7">
        <f t="shared" si="47"/>
        <v>51.032249999999991</v>
      </c>
      <c r="I3066" s="1"/>
    </row>
    <row r="3067" spans="1:9" x14ac:dyDescent="0.25">
      <c r="A3067" s="3">
        <v>41886.368541666663</v>
      </c>
      <c r="B3067" s="6">
        <v>51048.899999999994</v>
      </c>
      <c r="C3067" s="7">
        <f t="shared" si="47"/>
        <v>51.048899999999996</v>
      </c>
      <c r="I3067" s="1"/>
    </row>
    <row r="3068" spans="1:9" x14ac:dyDescent="0.25">
      <c r="A3068" s="3">
        <v>41886.374537037038</v>
      </c>
      <c r="B3068" s="6">
        <v>51065.549999999996</v>
      </c>
      <c r="C3068" s="7">
        <f t="shared" si="47"/>
        <v>51.065549999999995</v>
      </c>
      <c r="I3068" s="1"/>
    </row>
    <row r="3069" spans="1:9" x14ac:dyDescent="0.25">
      <c r="A3069" s="3">
        <v>41886.376180555555</v>
      </c>
      <c r="B3069" s="6">
        <v>51082.2</v>
      </c>
      <c r="C3069" s="7">
        <f t="shared" si="47"/>
        <v>51.0822</v>
      </c>
      <c r="I3069" s="1"/>
    </row>
    <row r="3070" spans="1:9" x14ac:dyDescent="0.25">
      <c r="A3070" s="3">
        <v>41886.384502314817</v>
      </c>
      <c r="B3070" s="6">
        <v>51098.85</v>
      </c>
      <c r="C3070" s="7">
        <f t="shared" si="47"/>
        <v>51.098849999999999</v>
      </c>
      <c r="I3070" s="1"/>
    </row>
    <row r="3071" spans="1:9" x14ac:dyDescent="0.25">
      <c r="A3071" s="3">
        <v>41886.384675925925</v>
      </c>
      <c r="B3071" s="6">
        <v>51115.499999999993</v>
      </c>
      <c r="C3071" s="7">
        <f t="shared" si="47"/>
        <v>51.11549999999999</v>
      </c>
      <c r="I3071" s="1"/>
    </row>
    <row r="3072" spans="1:9" x14ac:dyDescent="0.25">
      <c r="A3072" s="3">
        <v>41886.388113425928</v>
      </c>
      <c r="B3072" s="6">
        <v>51132.149999999994</v>
      </c>
      <c r="C3072" s="7">
        <f t="shared" si="47"/>
        <v>51.132149999999996</v>
      </c>
      <c r="I3072" s="1"/>
    </row>
    <row r="3073" spans="1:9" x14ac:dyDescent="0.25">
      <c r="A3073" s="3">
        <v>41886.3909375</v>
      </c>
      <c r="B3073" s="6">
        <v>51148.799999999996</v>
      </c>
      <c r="C3073" s="7">
        <f t="shared" si="47"/>
        <v>51.148799999999994</v>
      </c>
      <c r="I3073" s="1"/>
    </row>
    <row r="3074" spans="1:9" x14ac:dyDescent="0.25">
      <c r="A3074" s="3">
        <v>41886.396944444445</v>
      </c>
      <c r="B3074" s="6">
        <v>51165.45</v>
      </c>
      <c r="C3074" s="7">
        <f t="shared" si="47"/>
        <v>51.16545</v>
      </c>
      <c r="I3074" s="1"/>
    </row>
    <row r="3075" spans="1:9" x14ac:dyDescent="0.25">
      <c r="A3075" s="3">
        <v>41886.397256944445</v>
      </c>
      <c r="B3075" s="6">
        <v>51182.1</v>
      </c>
      <c r="C3075" s="7">
        <f t="shared" ref="C3075:C3138" si="48">B3075/1000</f>
        <v>51.182099999999998</v>
      </c>
      <c r="I3075" s="1"/>
    </row>
    <row r="3076" spans="1:9" x14ac:dyDescent="0.25">
      <c r="A3076" s="3">
        <v>41886.399791666663</v>
      </c>
      <c r="B3076" s="6">
        <v>51198.749999999993</v>
      </c>
      <c r="C3076" s="7">
        <f t="shared" si="48"/>
        <v>51.19874999999999</v>
      </c>
      <c r="I3076" s="1"/>
    </row>
    <row r="3077" spans="1:9" x14ac:dyDescent="0.25">
      <c r="A3077" s="3">
        <v>41886.40084490741</v>
      </c>
      <c r="B3077" s="6">
        <v>51215.399999999994</v>
      </c>
      <c r="C3077" s="7">
        <f t="shared" si="48"/>
        <v>51.215399999999995</v>
      </c>
      <c r="I3077" s="1"/>
    </row>
    <row r="3078" spans="1:9" x14ac:dyDescent="0.25">
      <c r="A3078" s="3">
        <v>41886.405532407407</v>
      </c>
      <c r="B3078" s="6">
        <v>51232.049999999996</v>
      </c>
      <c r="C3078" s="7">
        <f t="shared" si="48"/>
        <v>51.232049999999994</v>
      </c>
      <c r="I3078" s="1"/>
    </row>
    <row r="3079" spans="1:9" x14ac:dyDescent="0.25">
      <c r="A3079" s="3">
        <v>41886.406076388892</v>
      </c>
      <c r="B3079" s="6">
        <v>51248.7</v>
      </c>
      <c r="C3079" s="7">
        <f t="shared" si="48"/>
        <v>51.248699999999999</v>
      </c>
      <c r="I3079" s="1"/>
    </row>
    <row r="3080" spans="1:9" x14ac:dyDescent="0.25">
      <c r="A3080" s="3">
        <v>41886.408703703702</v>
      </c>
      <c r="B3080" s="6">
        <v>51265.35</v>
      </c>
      <c r="C3080" s="7">
        <f t="shared" si="48"/>
        <v>51.265349999999998</v>
      </c>
      <c r="I3080" s="1"/>
    </row>
    <row r="3081" spans="1:9" x14ac:dyDescent="0.25">
      <c r="A3081" s="3">
        <v>41886.408888888887</v>
      </c>
      <c r="B3081" s="6">
        <v>51281.999999999993</v>
      </c>
      <c r="C3081" s="7">
        <f t="shared" si="48"/>
        <v>51.281999999999989</v>
      </c>
      <c r="I3081" s="1"/>
    </row>
    <row r="3082" spans="1:9" x14ac:dyDescent="0.25">
      <c r="A3082" s="3">
        <v>41886.410752314812</v>
      </c>
      <c r="B3082" s="6">
        <v>51298.649999999994</v>
      </c>
      <c r="C3082" s="7">
        <f t="shared" si="48"/>
        <v>51.298649999999995</v>
      </c>
      <c r="I3082" s="1"/>
    </row>
    <row r="3083" spans="1:9" x14ac:dyDescent="0.25">
      <c r="A3083" s="3">
        <v>41886.410937499997</v>
      </c>
      <c r="B3083" s="6">
        <v>51315.299999999996</v>
      </c>
      <c r="C3083" s="7">
        <f t="shared" si="48"/>
        <v>51.315299999999993</v>
      </c>
      <c r="I3083" s="1"/>
    </row>
    <row r="3084" spans="1:9" x14ac:dyDescent="0.25">
      <c r="A3084" s="3">
        <v>41886.413634259261</v>
      </c>
      <c r="B3084" s="6">
        <v>51331.95</v>
      </c>
      <c r="C3084" s="7">
        <f t="shared" si="48"/>
        <v>51.331949999999999</v>
      </c>
      <c r="I3084" s="1"/>
    </row>
    <row r="3085" spans="1:9" x14ac:dyDescent="0.25">
      <c r="A3085" s="3">
        <v>41886.413981481484</v>
      </c>
      <c r="B3085" s="6">
        <v>51348.6</v>
      </c>
      <c r="C3085" s="7">
        <f t="shared" si="48"/>
        <v>51.348599999999998</v>
      </c>
      <c r="I3085" s="1"/>
    </row>
    <row r="3086" spans="1:9" x14ac:dyDescent="0.25">
      <c r="A3086" s="3">
        <v>41886.418009259258</v>
      </c>
      <c r="B3086" s="6">
        <v>51365.249999999993</v>
      </c>
      <c r="C3086" s="7">
        <f t="shared" si="48"/>
        <v>51.365249999999996</v>
      </c>
      <c r="I3086" s="1"/>
    </row>
    <row r="3087" spans="1:9" x14ac:dyDescent="0.25">
      <c r="A3087" s="3">
        <v>41886.418738425928</v>
      </c>
      <c r="B3087" s="6">
        <v>51381.899999999994</v>
      </c>
      <c r="C3087" s="7">
        <f t="shared" si="48"/>
        <v>51.381899999999995</v>
      </c>
      <c r="I3087" s="1"/>
    </row>
    <row r="3088" spans="1:9" x14ac:dyDescent="0.25">
      <c r="A3088" s="3">
        <v>41886.421516203707</v>
      </c>
      <c r="B3088" s="6">
        <v>51398.549999999996</v>
      </c>
      <c r="C3088" s="7">
        <f t="shared" si="48"/>
        <v>51.398549999999993</v>
      </c>
      <c r="I3088" s="1"/>
    </row>
    <row r="3089" spans="1:9" x14ac:dyDescent="0.25">
      <c r="A3089" s="3">
        <v>41886.422743055555</v>
      </c>
      <c r="B3089" s="6">
        <v>51415.199999999997</v>
      </c>
      <c r="C3089" s="7">
        <f t="shared" si="48"/>
        <v>51.415199999999999</v>
      </c>
      <c r="I3089" s="1"/>
    </row>
    <row r="3090" spans="1:9" x14ac:dyDescent="0.25">
      <c r="A3090" s="3">
        <v>41886.427384259259</v>
      </c>
      <c r="B3090" s="6">
        <v>51431.85</v>
      </c>
      <c r="C3090" s="7">
        <f t="shared" si="48"/>
        <v>51.431849999999997</v>
      </c>
      <c r="I3090" s="1"/>
    </row>
    <row r="3091" spans="1:9" x14ac:dyDescent="0.25">
      <c r="A3091" s="3">
        <v>41886.427615740744</v>
      </c>
      <c r="B3091" s="6">
        <v>51448.499999999993</v>
      </c>
      <c r="C3091" s="7">
        <f t="shared" si="48"/>
        <v>51.448499999999996</v>
      </c>
      <c r="I3091" s="1"/>
    </row>
    <row r="3092" spans="1:9" x14ac:dyDescent="0.25">
      <c r="A3092" s="3">
        <v>41886.429143518515</v>
      </c>
      <c r="B3092" s="6">
        <v>51465.149999999994</v>
      </c>
      <c r="C3092" s="7">
        <f t="shared" si="48"/>
        <v>51.465149999999994</v>
      </c>
      <c r="I3092" s="1"/>
    </row>
    <row r="3093" spans="1:9" x14ac:dyDescent="0.25">
      <c r="A3093" s="3">
        <v>41886.429490740738</v>
      </c>
      <c r="B3093" s="6">
        <v>51481.799999999996</v>
      </c>
      <c r="C3093" s="7">
        <f t="shared" si="48"/>
        <v>51.481799999999993</v>
      </c>
      <c r="I3093" s="1"/>
    </row>
    <row r="3094" spans="1:9" x14ac:dyDescent="0.25">
      <c r="A3094" s="3">
        <v>41886.430879629632</v>
      </c>
      <c r="B3094" s="6">
        <v>51498.45</v>
      </c>
      <c r="C3094" s="7">
        <f t="shared" si="48"/>
        <v>51.498449999999998</v>
      </c>
      <c r="I3094" s="1"/>
    </row>
    <row r="3095" spans="1:9" x14ac:dyDescent="0.25">
      <c r="A3095" s="3">
        <v>41886.431712962964</v>
      </c>
      <c r="B3095" s="6">
        <v>51515.1</v>
      </c>
      <c r="C3095" s="7">
        <f t="shared" si="48"/>
        <v>51.515099999999997</v>
      </c>
      <c r="I3095" s="1"/>
    </row>
    <row r="3096" spans="1:9" x14ac:dyDescent="0.25">
      <c r="A3096" s="3">
        <v>41886.433391203704</v>
      </c>
      <c r="B3096" s="6">
        <v>51531.749999999993</v>
      </c>
      <c r="C3096" s="7">
        <f t="shared" si="48"/>
        <v>51.531749999999995</v>
      </c>
      <c r="I3096" s="1"/>
    </row>
    <row r="3097" spans="1:9" x14ac:dyDescent="0.25">
      <c r="A3097" s="3">
        <v>41886.433483796296</v>
      </c>
      <c r="B3097" s="6">
        <v>51548.399999999994</v>
      </c>
      <c r="C3097" s="7">
        <f t="shared" si="48"/>
        <v>51.548399999999994</v>
      </c>
      <c r="I3097" s="1"/>
    </row>
    <row r="3098" spans="1:9" x14ac:dyDescent="0.25">
      <c r="A3098" s="3">
        <v>41886.436423611114</v>
      </c>
      <c r="B3098" s="6">
        <v>51565.049999999996</v>
      </c>
      <c r="C3098" s="7">
        <f t="shared" si="48"/>
        <v>51.565049999999992</v>
      </c>
      <c r="I3098" s="1"/>
    </row>
    <row r="3099" spans="1:9" x14ac:dyDescent="0.25">
      <c r="A3099" s="3">
        <v>41886.436631944445</v>
      </c>
      <c r="B3099" s="6">
        <v>51581.7</v>
      </c>
      <c r="C3099" s="7">
        <f t="shared" si="48"/>
        <v>51.581699999999998</v>
      </c>
      <c r="I3099" s="1"/>
    </row>
    <row r="3100" spans="1:9" x14ac:dyDescent="0.25">
      <c r="A3100" s="3">
        <v>41886.439930555556</v>
      </c>
      <c r="B3100" s="6">
        <v>51598.35</v>
      </c>
      <c r="C3100" s="7">
        <f t="shared" si="48"/>
        <v>51.598349999999996</v>
      </c>
      <c r="I3100" s="1"/>
    </row>
    <row r="3101" spans="1:9" x14ac:dyDescent="0.25">
      <c r="A3101" s="3">
        <v>41886.440034722225</v>
      </c>
      <c r="B3101" s="6">
        <v>51614.999999999993</v>
      </c>
      <c r="C3101" s="7">
        <f t="shared" si="48"/>
        <v>51.614999999999995</v>
      </c>
      <c r="I3101" s="1"/>
    </row>
    <row r="3102" spans="1:9" x14ac:dyDescent="0.25">
      <c r="A3102" s="3">
        <v>41886.444131944445</v>
      </c>
      <c r="B3102" s="6">
        <v>51631.649999999994</v>
      </c>
      <c r="C3102" s="7">
        <f t="shared" si="48"/>
        <v>51.631649999999993</v>
      </c>
      <c r="I3102" s="1"/>
    </row>
    <row r="3103" spans="1:9" x14ac:dyDescent="0.25">
      <c r="A3103" s="3">
        <v>41886.444236111114</v>
      </c>
      <c r="B3103" s="6">
        <v>51648.299999999996</v>
      </c>
      <c r="C3103" s="7">
        <f t="shared" si="48"/>
        <v>51.648299999999999</v>
      </c>
      <c r="I3103" s="1"/>
    </row>
    <row r="3104" spans="1:9" x14ac:dyDescent="0.25">
      <c r="A3104" s="3">
        <v>41886.445347222223</v>
      </c>
      <c r="B3104" s="6">
        <v>51664.95</v>
      </c>
      <c r="C3104" s="7">
        <f t="shared" si="48"/>
        <v>51.664949999999997</v>
      </c>
      <c r="I3104" s="1"/>
    </row>
    <row r="3105" spans="1:9" x14ac:dyDescent="0.25">
      <c r="A3105" s="3">
        <v>41886.445405092592</v>
      </c>
      <c r="B3105" s="6">
        <v>51681.599999999999</v>
      </c>
      <c r="C3105" s="7">
        <f t="shared" si="48"/>
        <v>51.681599999999996</v>
      </c>
      <c r="I3105" s="1"/>
    </row>
    <row r="3106" spans="1:9" x14ac:dyDescent="0.25">
      <c r="A3106" s="3">
        <v>41886.446851851855</v>
      </c>
      <c r="B3106" s="6">
        <v>51698.249999999993</v>
      </c>
      <c r="C3106" s="7">
        <f t="shared" si="48"/>
        <v>51.698249999999994</v>
      </c>
      <c r="I3106" s="1"/>
    </row>
    <row r="3107" spans="1:9" x14ac:dyDescent="0.25">
      <c r="A3107" s="3">
        <v>41886.447164351855</v>
      </c>
      <c r="B3107" s="6">
        <v>51714.899999999994</v>
      </c>
      <c r="C3107" s="7">
        <f t="shared" si="48"/>
        <v>51.714899999999993</v>
      </c>
      <c r="I3107" s="1"/>
    </row>
    <row r="3108" spans="1:9" x14ac:dyDescent="0.25">
      <c r="A3108" s="3">
        <v>41886.449803240743</v>
      </c>
      <c r="B3108" s="6">
        <v>51731.549999999996</v>
      </c>
      <c r="C3108" s="7">
        <f t="shared" si="48"/>
        <v>51.731549999999999</v>
      </c>
      <c r="I3108" s="1"/>
    </row>
    <row r="3109" spans="1:9" x14ac:dyDescent="0.25">
      <c r="A3109" s="3">
        <v>41886.450162037036</v>
      </c>
      <c r="B3109" s="6">
        <v>51748.2</v>
      </c>
      <c r="C3109" s="7">
        <f t="shared" si="48"/>
        <v>51.748199999999997</v>
      </c>
      <c r="I3109" s="1"/>
    </row>
    <row r="3110" spans="1:9" x14ac:dyDescent="0.25">
      <c r="A3110" s="3">
        <v>41886.452569444446</v>
      </c>
      <c r="B3110" s="6">
        <v>51764.85</v>
      </c>
      <c r="C3110" s="7">
        <f t="shared" si="48"/>
        <v>51.764849999999996</v>
      </c>
      <c r="I3110" s="1"/>
    </row>
    <row r="3111" spans="1:9" x14ac:dyDescent="0.25">
      <c r="A3111" s="3">
        <v>41886.452731481484</v>
      </c>
      <c r="B3111" s="6">
        <v>51781.499999999993</v>
      </c>
      <c r="C3111" s="7">
        <f t="shared" si="48"/>
        <v>51.781499999999994</v>
      </c>
      <c r="I3111" s="1"/>
    </row>
    <row r="3112" spans="1:9" x14ac:dyDescent="0.25">
      <c r="A3112" s="3">
        <v>41886.454918981479</v>
      </c>
      <c r="B3112" s="6">
        <v>51798.149999999994</v>
      </c>
      <c r="C3112" s="7">
        <f t="shared" si="48"/>
        <v>51.798149999999993</v>
      </c>
      <c r="I3112" s="1"/>
    </row>
    <row r="3113" spans="1:9" x14ac:dyDescent="0.25">
      <c r="A3113" s="3">
        <v>41886.455069444448</v>
      </c>
      <c r="B3113" s="6">
        <v>51814.799999999996</v>
      </c>
      <c r="C3113" s="7">
        <f t="shared" si="48"/>
        <v>51.814799999999998</v>
      </c>
      <c r="I3113" s="1"/>
    </row>
    <row r="3114" spans="1:9" x14ac:dyDescent="0.25">
      <c r="A3114" s="3">
        <v>41886.455648148149</v>
      </c>
      <c r="B3114" s="6">
        <v>51831.45</v>
      </c>
      <c r="C3114" s="7">
        <f t="shared" si="48"/>
        <v>51.831449999999997</v>
      </c>
      <c r="I3114" s="1"/>
    </row>
    <row r="3115" spans="1:9" x14ac:dyDescent="0.25">
      <c r="A3115" s="3">
        <v>41886.455740740741</v>
      </c>
      <c r="B3115" s="6">
        <v>51848.1</v>
      </c>
      <c r="C3115" s="7">
        <f t="shared" si="48"/>
        <v>51.848099999999995</v>
      </c>
      <c r="I3115" s="1"/>
    </row>
    <row r="3116" spans="1:9" x14ac:dyDescent="0.25">
      <c r="A3116" s="3">
        <v>41886.45716435185</v>
      </c>
      <c r="B3116" s="6">
        <v>51864.749999999993</v>
      </c>
      <c r="C3116" s="7">
        <f t="shared" si="48"/>
        <v>51.864749999999994</v>
      </c>
      <c r="I3116" s="1"/>
    </row>
    <row r="3117" spans="1:9" x14ac:dyDescent="0.25">
      <c r="A3117" s="3">
        <v>41886.457256944443</v>
      </c>
      <c r="B3117" s="6">
        <v>51881.399999999994</v>
      </c>
      <c r="C3117" s="7">
        <f t="shared" si="48"/>
        <v>51.881399999999992</v>
      </c>
      <c r="I3117" s="1"/>
    </row>
    <row r="3118" spans="1:9" x14ac:dyDescent="0.25">
      <c r="A3118" s="3">
        <v>41886.458680555559</v>
      </c>
      <c r="B3118" s="6">
        <v>51898.049999999996</v>
      </c>
      <c r="C3118" s="7">
        <f t="shared" si="48"/>
        <v>51.898049999999998</v>
      </c>
      <c r="I3118" s="1"/>
    </row>
    <row r="3119" spans="1:9" x14ac:dyDescent="0.25">
      <c r="A3119" s="3">
        <v>41886.45884259259</v>
      </c>
      <c r="B3119" s="6">
        <v>51914.7</v>
      </c>
      <c r="C3119" s="7">
        <f t="shared" si="48"/>
        <v>51.914699999999996</v>
      </c>
      <c r="I3119" s="1"/>
    </row>
    <row r="3120" spans="1:9" x14ac:dyDescent="0.25">
      <c r="A3120" s="3">
        <v>41886.459849537037</v>
      </c>
      <c r="B3120" s="6">
        <v>51931.35</v>
      </c>
      <c r="C3120" s="7">
        <f t="shared" si="48"/>
        <v>51.931350000000002</v>
      </c>
      <c r="I3120" s="1"/>
    </row>
    <row r="3121" spans="1:9" x14ac:dyDescent="0.25">
      <c r="A3121" s="3">
        <v>41886.459907407407</v>
      </c>
      <c r="B3121" s="6">
        <v>51947.999999999993</v>
      </c>
      <c r="C3121" s="7">
        <f t="shared" si="48"/>
        <v>51.947999999999993</v>
      </c>
      <c r="I3121" s="1"/>
    </row>
    <row r="3122" spans="1:9" x14ac:dyDescent="0.25">
      <c r="A3122" s="3">
        <v>41886.461122685185</v>
      </c>
      <c r="B3122" s="6">
        <v>51964.649999999994</v>
      </c>
      <c r="C3122" s="7">
        <f t="shared" si="48"/>
        <v>51.964649999999992</v>
      </c>
      <c r="I3122" s="1"/>
    </row>
    <row r="3123" spans="1:9" x14ac:dyDescent="0.25">
      <c r="A3123" s="3">
        <v>41886.461215277777</v>
      </c>
      <c r="B3123" s="6">
        <v>51981.299999999996</v>
      </c>
      <c r="C3123" s="7">
        <f t="shared" si="48"/>
        <v>51.981299999999997</v>
      </c>
      <c r="I3123" s="1"/>
    </row>
    <row r="3124" spans="1:9" x14ac:dyDescent="0.25">
      <c r="A3124" s="3">
        <v>41886.463402777779</v>
      </c>
      <c r="B3124" s="6">
        <v>51997.95</v>
      </c>
      <c r="C3124" s="7">
        <f t="shared" si="48"/>
        <v>51.997949999999996</v>
      </c>
      <c r="I3124" s="1"/>
    </row>
    <row r="3125" spans="1:9" x14ac:dyDescent="0.25">
      <c r="A3125" s="3">
        <v>41886.463472222225</v>
      </c>
      <c r="B3125" s="6">
        <v>52014.6</v>
      </c>
      <c r="C3125" s="7">
        <f t="shared" si="48"/>
        <v>52.014600000000002</v>
      </c>
      <c r="I3125" s="1"/>
    </row>
    <row r="3126" spans="1:9" x14ac:dyDescent="0.25">
      <c r="A3126" s="3">
        <v>41886.464768518519</v>
      </c>
      <c r="B3126" s="6">
        <v>52031.249999999993</v>
      </c>
      <c r="C3126" s="7">
        <f t="shared" si="48"/>
        <v>52.031249999999993</v>
      </c>
      <c r="I3126" s="1"/>
    </row>
    <row r="3127" spans="1:9" x14ac:dyDescent="0.25">
      <c r="A3127" s="3">
        <v>41886.465798611112</v>
      </c>
      <c r="B3127" s="6">
        <v>52047.899999999994</v>
      </c>
      <c r="C3127" s="7">
        <f t="shared" si="48"/>
        <v>52.047899999999991</v>
      </c>
      <c r="I3127" s="1"/>
    </row>
    <row r="3128" spans="1:9" x14ac:dyDescent="0.25">
      <c r="A3128" s="3">
        <v>41886.466898148145</v>
      </c>
      <c r="B3128" s="6">
        <v>52064.549999999996</v>
      </c>
      <c r="C3128" s="7">
        <f t="shared" si="48"/>
        <v>52.064549999999997</v>
      </c>
      <c r="I3128" s="1"/>
    </row>
    <row r="3129" spans="1:9" x14ac:dyDescent="0.25">
      <c r="A3129" s="3">
        <v>41886.466956018521</v>
      </c>
      <c r="B3129" s="6">
        <v>52081.2</v>
      </c>
      <c r="C3129" s="7">
        <f t="shared" si="48"/>
        <v>52.081199999999995</v>
      </c>
      <c r="I3129" s="1"/>
    </row>
    <row r="3130" spans="1:9" x14ac:dyDescent="0.25">
      <c r="A3130" s="3">
        <v>41886.4687037037</v>
      </c>
      <c r="B3130" s="6">
        <v>52097.85</v>
      </c>
      <c r="C3130" s="7">
        <f t="shared" si="48"/>
        <v>52.097850000000001</v>
      </c>
      <c r="I3130" s="1"/>
    </row>
    <row r="3131" spans="1:9" x14ac:dyDescent="0.25">
      <c r="A3131" s="3">
        <v>41886.468935185185</v>
      </c>
      <c r="B3131" s="6">
        <v>52114.499999999993</v>
      </c>
      <c r="C3131" s="7">
        <f t="shared" si="48"/>
        <v>52.114499999999992</v>
      </c>
      <c r="I3131" s="1"/>
    </row>
    <row r="3132" spans="1:9" x14ac:dyDescent="0.25">
      <c r="A3132" s="3">
        <v>41886.471620370372</v>
      </c>
      <c r="B3132" s="6">
        <v>52131.149999999994</v>
      </c>
      <c r="C3132" s="7">
        <f t="shared" si="48"/>
        <v>52.131149999999991</v>
      </c>
      <c r="I3132" s="1"/>
    </row>
    <row r="3133" spans="1:9" x14ac:dyDescent="0.25">
      <c r="A3133" s="3">
        <v>41886.471678240741</v>
      </c>
      <c r="B3133" s="6">
        <v>52147.799999999996</v>
      </c>
      <c r="C3133" s="7">
        <f t="shared" si="48"/>
        <v>52.147799999999997</v>
      </c>
      <c r="I3133" s="1"/>
    </row>
    <row r="3134" spans="1:9" x14ac:dyDescent="0.25">
      <c r="A3134" s="3">
        <v>41886.472708333335</v>
      </c>
      <c r="B3134" s="6">
        <v>52164.45</v>
      </c>
      <c r="C3134" s="7">
        <f t="shared" si="48"/>
        <v>52.164449999999995</v>
      </c>
      <c r="I3134" s="1"/>
    </row>
    <row r="3135" spans="1:9" x14ac:dyDescent="0.25">
      <c r="A3135" s="3">
        <v>41886.47283564815</v>
      </c>
      <c r="B3135" s="6">
        <v>52181.1</v>
      </c>
      <c r="C3135" s="7">
        <f t="shared" si="48"/>
        <v>52.181100000000001</v>
      </c>
      <c r="I3135" s="1"/>
    </row>
    <row r="3136" spans="1:9" x14ac:dyDescent="0.25">
      <c r="A3136" s="3">
        <v>41886.474814814814</v>
      </c>
      <c r="B3136" s="6">
        <v>52197.749999999993</v>
      </c>
      <c r="C3136" s="7">
        <f t="shared" si="48"/>
        <v>52.197749999999992</v>
      </c>
      <c r="I3136" s="1"/>
    </row>
    <row r="3137" spans="1:9" x14ac:dyDescent="0.25">
      <c r="A3137" s="3">
        <v>41886.474976851852</v>
      </c>
      <c r="B3137" s="6">
        <v>52214.399999999994</v>
      </c>
      <c r="C3137" s="7">
        <f t="shared" si="48"/>
        <v>52.214399999999998</v>
      </c>
      <c r="I3137" s="1"/>
    </row>
    <row r="3138" spans="1:9" x14ac:dyDescent="0.25">
      <c r="A3138" s="3">
        <v>41886.476875</v>
      </c>
      <c r="B3138" s="6">
        <v>52231.049999999996</v>
      </c>
      <c r="C3138" s="7">
        <f t="shared" si="48"/>
        <v>52.231049999999996</v>
      </c>
      <c r="I3138" s="1"/>
    </row>
    <row r="3139" spans="1:9" x14ac:dyDescent="0.25">
      <c r="A3139" s="3">
        <v>41886.477106481485</v>
      </c>
      <c r="B3139" s="6">
        <v>52247.7</v>
      </c>
      <c r="C3139" s="7">
        <f t="shared" ref="C3139:C3202" si="49">B3139/1000</f>
        <v>52.247699999999995</v>
      </c>
      <c r="I3139" s="1"/>
    </row>
    <row r="3140" spans="1:9" x14ac:dyDescent="0.25">
      <c r="A3140" s="3">
        <v>41886.477997685186</v>
      </c>
      <c r="B3140" s="6">
        <v>52264.35</v>
      </c>
      <c r="C3140" s="7">
        <f t="shared" si="49"/>
        <v>52.26435</v>
      </c>
      <c r="I3140" s="1"/>
    </row>
    <row r="3141" spans="1:9" x14ac:dyDescent="0.25">
      <c r="A3141" s="3">
        <v>41886.478055555555</v>
      </c>
      <c r="B3141" s="6">
        <v>52280.999999999993</v>
      </c>
      <c r="C3141" s="7">
        <f t="shared" si="49"/>
        <v>52.280999999999992</v>
      </c>
      <c r="I3141" s="1"/>
    </row>
    <row r="3142" spans="1:9" x14ac:dyDescent="0.25">
      <c r="A3142" s="3">
        <v>41886.478912037041</v>
      </c>
      <c r="B3142" s="6">
        <v>52297.649999999994</v>
      </c>
      <c r="C3142" s="7">
        <f t="shared" si="49"/>
        <v>52.297649999999997</v>
      </c>
      <c r="I3142" s="1"/>
    </row>
    <row r="3143" spans="1:9" x14ac:dyDescent="0.25">
      <c r="A3143" s="3">
        <v>41886.479097222225</v>
      </c>
      <c r="B3143" s="6">
        <v>52314.299999999996</v>
      </c>
      <c r="C3143" s="7">
        <f t="shared" si="49"/>
        <v>52.314299999999996</v>
      </c>
      <c r="I3143" s="1"/>
    </row>
    <row r="3144" spans="1:9" x14ac:dyDescent="0.25">
      <c r="A3144" s="3">
        <v>41886.480868055558</v>
      </c>
      <c r="B3144" s="6">
        <v>52330.95</v>
      </c>
      <c r="C3144" s="7">
        <f t="shared" si="49"/>
        <v>52.330949999999994</v>
      </c>
      <c r="I3144" s="1"/>
    </row>
    <row r="3145" spans="1:9" x14ac:dyDescent="0.25">
      <c r="A3145" s="3">
        <v>41886.481041666666</v>
      </c>
      <c r="B3145" s="6">
        <v>52347.6</v>
      </c>
      <c r="C3145" s="7">
        <f t="shared" si="49"/>
        <v>52.3476</v>
      </c>
      <c r="I3145" s="1"/>
    </row>
    <row r="3146" spans="1:9" x14ac:dyDescent="0.25">
      <c r="A3146" s="3">
        <v>41886.482071759259</v>
      </c>
      <c r="B3146" s="6">
        <v>52364.249999999993</v>
      </c>
      <c r="C3146" s="7">
        <f t="shared" si="49"/>
        <v>52.364249999999991</v>
      </c>
      <c r="I3146" s="1"/>
    </row>
    <row r="3147" spans="1:9" x14ac:dyDescent="0.25">
      <c r="A3147" s="3">
        <v>41886.482199074075</v>
      </c>
      <c r="B3147" s="6">
        <v>52380.899999999994</v>
      </c>
      <c r="C3147" s="7">
        <f t="shared" si="49"/>
        <v>52.380899999999997</v>
      </c>
      <c r="I3147" s="1"/>
    </row>
    <row r="3148" spans="1:9" x14ac:dyDescent="0.25">
      <c r="A3148" s="3">
        <v>41886.483472222222</v>
      </c>
      <c r="B3148" s="6">
        <v>52397.549999999996</v>
      </c>
      <c r="C3148" s="7">
        <f t="shared" si="49"/>
        <v>52.397549999999995</v>
      </c>
      <c r="I3148" s="1"/>
    </row>
    <row r="3149" spans="1:9" x14ac:dyDescent="0.25">
      <c r="A3149" s="3">
        <v>41886.483564814815</v>
      </c>
      <c r="B3149" s="6">
        <v>52414.2</v>
      </c>
      <c r="C3149" s="7">
        <f t="shared" si="49"/>
        <v>52.414199999999994</v>
      </c>
      <c r="I3149" s="1"/>
    </row>
    <row r="3150" spans="1:9" x14ac:dyDescent="0.25">
      <c r="A3150" s="3">
        <v>41886.485092592593</v>
      </c>
      <c r="B3150" s="6">
        <v>52430.85</v>
      </c>
      <c r="C3150" s="7">
        <f t="shared" si="49"/>
        <v>52.43085</v>
      </c>
      <c r="I3150" s="1"/>
    </row>
    <row r="3151" spans="1:9" x14ac:dyDescent="0.25">
      <c r="A3151" s="3">
        <v>41886.485324074078</v>
      </c>
      <c r="B3151" s="6">
        <v>52447.499999999993</v>
      </c>
      <c r="C3151" s="7">
        <f t="shared" si="49"/>
        <v>52.447499999999991</v>
      </c>
      <c r="I3151" s="1"/>
    </row>
    <row r="3152" spans="1:9" x14ac:dyDescent="0.25">
      <c r="A3152" s="3">
        <v>41886.48673611111</v>
      </c>
      <c r="B3152" s="6">
        <v>52464.149999999994</v>
      </c>
      <c r="C3152" s="7">
        <f t="shared" si="49"/>
        <v>52.464149999999997</v>
      </c>
      <c r="I3152" s="1"/>
    </row>
    <row r="3153" spans="1:9" x14ac:dyDescent="0.25">
      <c r="A3153" s="3">
        <v>41886.486805555556</v>
      </c>
      <c r="B3153" s="6">
        <v>52480.799999999996</v>
      </c>
      <c r="C3153" s="7">
        <f t="shared" si="49"/>
        <v>52.480799999999995</v>
      </c>
      <c r="I3153" s="1"/>
    </row>
    <row r="3154" spans="1:9" x14ac:dyDescent="0.25">
      <c r="A3154" s="3">
        <v>41886.488356481481</v>
      </c>
      <c r="B3154" s="6">
        <v>52497.45</v>
      </c>
      <c r="C3154" s="7">
        <f t="shared" si="49"/>
        <v>52.497450000000001</v>
      </c>
      <c r="I3154" s="1"/>
    </row>
    <row r="3155" spans="1:9" x14ac:dyDescent="0.25">
      <c r="A3155" s="3">
        <v>41886.488506944443</v>
      </c>
      <c r="B3155" s="6">
        <v>52514.1</v>
      </c>
      <c r="C3155" s="7">
        <f t="shared" si="49"/>
        <v>52.514099999999999</v>
      </c>
      <c r="I3155" s="1"/>
    </row>
    <row r="3156" spans="1:9" x14ac:dyDescent="0.25">
      <c r="A3156" s="3">
        <v>41886.489733796298</v>
      </c>
      <c r="B3156" s="6">
        <v>52530.749999999993</v>
      </c>
      <c r="C3156" s="7">
        <f t="shared" si="49"/>
        <v>52.530749999999991</v>
      </c>
      <c r="I3156" s="1"/>
    </row>
    <row r="3157" spans="1:9" x14ac:dyDescent="0.25">
      <c r="A3157" s="3">
        <v>41886.489872685182</v>
      </c>
      <c r="B3157" s="6">
        <v>52547.399999999994</v>
      </c>
      <c r="C3157" s="7">
        <f t="shared" si="49"/>
        <v>52.547399999999996</v>
      </c>
      <c r="I3157" s="1"/>
    </row>
    <row r="3158" spans="1:9" x14ac:dyDescent="0.25">
      <c r="A3158" s="3">
        <v>41886.491423611114</v>
      </c>
      <c r="B3158" s="6">
        <v>52564.049999999996</v>
      </c>
      <c r="C3158" s="7">
        <f t="shared" si="49"/>
        <v>52.564049999999995</v>
      </c>
      <c r="I3158" s="1"/>
    </row>
    <row r="3159" spans="1:9" x14ac:dyDescent="0.25">
      <c r="A3159" s="3">
        <v>41886.491597222222</v>
      </c>
      <c r="B3159" s="6">
        <v>52580.7</v>
      </c>
      <c r="C3159" s="7">
        <f t="shared" si="49"/>
        <v>52.5807</v>
      </c>
      <c r="I3159" s="1"/>
    </row>
    <row r="3160" spans="1:9" x14ac:dyDescent="0.25">
      <c r="A3160" s="3">
        <v>41886.492546296293</v>
      </c>
      <c r="B3160" s="6">
        <v>52597.35</v>
      </c>
      <c r="C3160" s="7">
        <f t="shared" si="49"/>
        <v>52.597349999999999</v>
      </c>
      <c r="I3160" s="1"/>
    </row>
    <row r="3161" spans="1:9" x14ac:dyDescent="0.25">
      <c r="A3161" s="3">
        <v>41886.492881944447</v>
      </c>
      <c r="B3161" s="6">
        <v>52613.999999999993</v>
      </c>
      <c r="C3161" s="7">
        <f t="shared" si="49"/>
        <v>52.61399999999999</v>
      </c>
      <c r="I3161" s="1"/>
    </row>
    <row r="3162" spans="1:9" x14ac:dyDescent="0.25">
      <c r="A3162" s="3">
        <v>41886.494155092594</v>
      </c>
      <c r="B3162" s="6">
        <v>52630.649999999994</v>
      </c>
      <c r="C3162" s="7">
        <f t="shared" si="49"/>
        <v>52.630649999999996</v>
      </c>
      <c r="I3162" s="1"/>
    </row>
    <row r="3163" spans="1:9" x14ac:dyDescent="0.25">
      <c r="A3163" s="3">
        <v>41886.494328703702</v>
      </c>
      <c r="B3163" s="6">
        <v>52647.299999999996</v>
      </c>
      <c r="C3163" s="7">
        <f t="shared" si="49"/>
        <v>52.647299999999994</v>
      </c>
      <c r="I3163" s="1"/>
    </row>
    <row r="3164" spans="1:9" x14ac:dyDescent="0.25">
      <c r="A3164" s="3">
        <v>41886.495891203704</v>
      </c>
      <c r="B3164" s="6">
        <v>52663.95</v>
      </c>
      <c r="C3164" s="7">
        <f t="shared" si="49"/>
        <v>52.66395</v>
      </c>
      <c r="I3164" s="1"/>
    </row>
    <row r="3165" spans="1:9" x14ac:dyDescent="0.25">
      <c r="A3165" s="3">
        <v>41886.496041666665</v>
      </c>
      <c r="B3165" s="6">
        <v>52680.6</v>
      </c>
      <c r="C3165" s="7">
        <f t="shared" si="49"/>
        <v>52.680599999999998</v>
      </c>
      <c r="I3165" s="1"/>
    </row>
    <row r="3166" spans="1:9" x14ac:dyDescent="0.25">
      <c r="A3166" s="3">
        <v>41886.497233796297</v>
      </c>
      <c r="B3166" s="6">
        <v>52697.249999999993</v>
      </c>
      <c r="C3166" s="7">
        <f t="shared" si="49"/>
        <v>52.69724999999999</v>
      </c>
      <c r="I3166" s="1"/>
    </row>
    <row r="3167" spans="1:9" x14ac:dyDescent="0.25">
      <c r="A3167" s="3">
        <v>41886.497337962966</v>
      </c>
      <c r="B3167" s="6">
        <v>52713.899999999994</v>
      </c>
      <c r="C3167" s="7">
        <f t="shared" si="49"/>
        <v>52.713899999999995</v>
      </c>
      <c r="I3167" s="1"/>
    </row>
    <row r="3168" spans="1:9" x14ac:dyDescent="0.25">
      <c r="A3168" s="3">
        <v>41886.498472222222</v>
      </c>
      <c r="B3168" s="6">
        <v>52730.549999999996</v>
      </c>
      <c r="C3168" s="7">
        <f t="shared" si="49"/>
        <v>52.730549999999994</v>
      </c>
      <c r="I3168" s="1"/>
    </row>
    <row r="3169" spans="1:9" x14ac:dyDescent="0.25">
      <c r="A3169" s="3">
        <v>41886.498553240737</v>
      </c>
      <c r="B3169" s="6">
        <v>52747.199999999997</v>
      </c>
      <c r="C3169" s="7">
        <f t="shared" si="49"/>
        <v>52.747199999999999</v>
      </c>
      <c r="I3169" s="1"/>
    </row>
    <row r="3170" spans="1:9" x14ac:dyDescent="0.25">
      <c r="A3170" s="3">
        <v>41886.499236111114</v>
      </c>
      <c r="B3170" s="6">
        <v>52763.85</v>
      </c>
      <c r="C3170" s="7">
        <f t="shared" si="49"/>
        <v>52.763849999999998</v>
      </c>
      <c r="I3170" s="1"/>
    </row>
    <row r="3171" spans="1:9" x14ac:dyDescent="0.25">
      <c r="A3171" s="3">
        <v>41886.499340277776</v>
      </c>
      <c r="B3171" s="6">
        <v>52780.499999999993</v>
      </c>
      <c r="C3171" s="7">
        <f t="shared" si="49"/>
        <v>52.780499999999989</v>
      </c>
      <c r="I3171" s="1"/>
    </row>
    <row r="3172" spans="1:9" x14ac:dyDescent="0.25">
      <c r="A3172" s="3">
        <v>41886.500034722223</v>
      </c>
      <c r="B3172" s="6">
        <v>52797.149999999994</v>
      </c>
      <c r="C3172" s="7">
        <f t="shared" si="49"/>
        <v>52.797149999999995</v>
      </c>
      <c r="I3172" s="1"/>
    </row>
    <row r="3173" spans="1:9" x14ac:dyDescent="0.25">
      <c r="A3173" s="3">
        <v>41886.500138888892</v>
      </c>
      <c r="B3173" s="6">
        <v>52813.799999999996</v>
      </c>
      <c r="C3173" s="7">
        <f t="shared" si="49"/>
        <v>52.813799999999993</v>
      </c>
      <c r="I3173" s="1"/>
    </row>
    <row r="3174" spans="1:9" x14ac:dyDescent="0.25">
      <c r="A3174" s="3">
        <v>41886.500833333332</v>
      </c>
      <c r="B3174" s="6">
        <v>52830.45</v>
      </c>
      <c r="C3174" s="7">
        <f t="shared" si="49"/>
        <v>52.830449999999999</v>
      </c>
      <c r="I3174" s="1"/>
    </row>
    <row r="3175" spans="1:9" x14ac:dyDescent="0.25">
      <c r="A3175" s="3">
        <v>41886.500902777778</v>
      </c>
      <c r="B3175" s="6">
        <v>52847.1</v>
      </c>
      <c r="C3175" s="7">
        <f t="shared" si="49"/>
        <v>52.847099999999998</v>
      </c>
      <c r="I3175" s="1"/>
    </row>
    <row r="3176" spans="1:9" x14ac:dyDescent="0.25">
      <c r="A3176" s="3">
        <v>41886.501793981479</v>
      </c>
      <c r="B3176" s="6">
        <v>52863.749999999993</v>
      </c>
      <c r="C3176" s="7">
        <f t="shared" si="49"/>
        <v>52.863749999999996</v>
      </c>
      <c r="I3176" s="1"/>
    </row>
    <row r="3177" spans="1:9" x14ac:dyDescent="0.25">
      <c r="A3177" s="3">
        <v>41886.501898148148</v>
      </c>
      <c r="B3177" s="6">
        <v>52880.399999999994</v>
      </c>
      <c r="C3177" s="7">
        <f t="shared" si="49"/>
        <v>52.880399999999995</v>
      </c>
      <c r="I3177" s="1"/>
    </row>
    <row r="3178" spans="1:9" x14ac:dyDescent="0.25">
      <c r="A3178" s="3">
        <v>41886.502939814818</v>
      </c>
      <c r="B3178" s="6">
        <v>52897.049999999996</v>
      </c>
      <c r="C3178" s="7">
        <f t="shared" si="49"/>
        <v>52.897049999999993</v>
      </c>
      <c r="I3178" s="1"/>
    </row>
    <row r="3179" spans="1:9" x14ac:dyDescent="0.25">
      <c r="A3179" s="3">
        <v>41886.503125000003</v>
      </c>
      <c r="B3179" s="6">
        <v>52913.7</v>
      </c>
      <c r="C3179" s="7">
        <f t="shared" si="49"/>
        <v>52.913699999999999</v>
      </c>
      <c r="I3179" s="1"/>
    </row>
    <row r="3180" spans="1:9" x14ac:dyDescent="0.25">
      <c r="A3180" s="3">
        <v>41886.505324074074</v>
      </c>
      <c r="B3180" s="6">
        <v>52930.35</v>
      </c>
      <c r="C3180" s="7">
        <f t="shared" si="49"/>
        <v>52.930349999999997</v>
      </c>
      <c r="I3180" s="1"/>
    </row>
    <row r="3181" spans="1:9" x14ac:dyDescent="0.25">
      <c r="A3181" s="3">
        <v>41886.505474537036</v>
      </c>
      <c r="B3181" s="6">
        <v>52946.999999999993</v>
      </c>
      <c r="C3181" s="7">
        <f t="shared" si="49"/>
        <v>52.946999999999996</v>
      </c>
      <c r="I3181" s="1"/>
    </row>
    <row r="3182" spans="1:9" x14ac:dyDescent="0.25">
      <c r="A3182" s="3">
        <v>41886.508449074077</v>
      </c>
      <c r="B3182" s="6">
        <v>52963.649999999994</v>
      </c>
      <c r="C3182" s="7">
        <f t="shared" si="49"/>
        <v>52.963649999999994</v>
      </c>
      <c r="I3182" s="1"/>
    </row>
    <row r="3183" spans="1:9" x14ac:dyDescent="0.25">
      <c r="A3183" s="3">
        <v>41886.508576388886</v>
      </c>
      <c r="B3183" s="6">
        <v>52980.299999999996</v>
      </c>
      <c r="C3183" s="7">
        <f t="shared" si="49"/>
        <v>52.980299999999993</v>
      </c>
      <c r="I3183" s="1"/>
    </row>
    <row r="3184" spans="1:9" x14ac:dyDescent="0.25">
      <c r="A3184" s="3">
        <v>41886.509571759256</v>
      </c>
      <c r="B3184" s="6">
        <v>52996.95</v>
      </c>
      <c r="C3184" s="7">
        <f t="shared" si="49"/>
        <v>52.996949999999998</v>
      </c>
      <c r="I3184" s="1"/>
    </row>
    <row r="3185" spans="1:9" x14ac:dyDescent="0.25">
      <c r="A3185" s="3">
        <v>41886.50986111111</v>
      </c>
      <c r="B3185" s="6">
        <v>53013.599999999999</v>
      </c>
      <c r="C3185" s="7">
        <f t="shared" si="49"/>
        <v>53.013599999999997</v>
      </c>
      <c r="I3185" s="1"/>
    </row>
    <row r="3186" spans="1:9" x14ac:dyDescent="0.25">
      <c r="A3186" s="3">
        <v>41886.511203703703</v>
      </c>
      <c r="B3186" s="6">
        <v>53030.249999999993</v>
      </c>
      <c r="C3186" s="7">
        <f t="shared" si="49"/>
        <v>53.030249999999995</v>
      </c>
      <c r="I3186" s="1"/>
    </row>
    <row r="3187" spans="1:9" x14ac:dyDescent="0.25">
      <c r="A3187" s="3">
        <v>41886.511284722219</v>
      </c>
      <c r="B3187" s="6">
        <v>53046.899999999994</v>
      </c>
      <c r="C3187" s="7">
        <f t="shared" si="49"/>
        <v>53.046899999999994</v>
      </c>
      <c r="I3187" s="1"/>
    </row>
    <row r="3188" spans="1:9" x14ac:dyDescent="0.25">
      <c r="A3188" s="3">
        <v>41886.512592592589</v>
      </c>
      <c r="B3188" s="6">
        <v>53063.549999999996</v>
      </c>
      <c r="C3188" s="7">
        <f t="shared" si="49"/>
        <v>53.063549999999992</v>
      </c>
      <c r="I3188" s="1"/>
    </row>
    <row r="3189" spans="1:9" x14ac:dyDescent="0.25">
      <c r="A3189" s="3">
        <v>41886.512708333335</v>
      </c>
      <c r="B3189" s="6">
        <v>53080.2</v>
      </c>
      <c r="C3189" s="7">
        <f t="shared" si="49"/>
        <v>53.080199999999998</v>
      </c>
      <c r="I3189" s="1"/>
    </row>
    <row r="3190" spans="1:9" x14ac:dyDescent="0.25">
      <c r="A3190" s="3">
        <v>41886.514837962961</v>
      </c>
      <c r="B3190" s="6">
        <v>53096.85</v>
      </c>
      <c r="C3190" s="7">
        <f t="shared" si="49"/>
        <v>53.096849999999996</v>
      </c>
      <c r="I3190" s="1"/>
    </row>
    <row r="3191" spans="1:9" x14ac:dyDescent="0.25">
      <c r="A3191" s="3">
        <v>41886.515046296299</v>
      </c>
      <c r="B3191" s="6">
        <v>53113.499999999993</v>
      </c>
      <c r="C3191" s="7">
        <f t="shared" si="49"/>
        <v>53.113499999999995</v>
      </c>
      <c r="I3191" s="1"/>
    </row>
    <row r="3192" spans="1:9" x14ac:dyDescent="0.25">
      <c r="A3192" s="3">
        <v>41886.516817129632</v>
      </c>
      <c r="B3192" s="6">
        <v>53130.149999999994</v>
      </c>
      <c r="C3192" s="7">
        <f t="shared" si="49"/>
        <v>53.130149999999993</v>
      </c>
      <c r="I3192" s="1"/>
    </row>
    <row r="3193" spans="1:9" x14ac:dyDescent="0.25">
      <c r="A3193" s="3">
        <v>41886.516979166663</v>
      </c>
      <c r="B3193" s="6">
        <v>53146.799999999996</v>
      </c>
      <c r="C3193" s="7">
        <f t="shared" si="49"/>
        <v>53.146799999999999</v>
      </c>
      <c r="I3193" s="1"/>
    </row>
    <row r="3194" spans="1:9" x14ac:dyDescent="0.25">
      <c r="A3194" s="3">
        <v>41886.522499999999</v>
      </c>
      <c r="B3194" s="6">
        <v>53163.45</v>
      </c>
      <c r="C3194" s="7">
        <f t="shared" si="49"/>
        <v>53.163449999999997</v>
      </c>
      <c r="I3194" s="1"/>
    </row>
    <row r="3195" spans="1:9" x14ac:dyDescent="0.25">
      <c r="A3195" s="3">
        <v>41886.522581018522</v>
      </c>
      <c r="B3195" s="6">
        <v>53180.1</v>
      </c>
      <c r="C3195" s="7">
        <f t="shared" si="49"/>
        <v>53.180099999999996</v>
      </c>
      <c r="I3195" s="1"/>
    </row>
    <row r="3196" spans="1:9" x14ac:dyDescent="0.25">
      <c r="A3196" s="3">
        <v>41886.523715277777</v>
      </c>
      <c r="B3196" s="6">
        <v>53196.749999999993</v>
      </c>
      <c r="C3196" s="7">
        <f t="shared" si="49"/>
        <v>53.196749999999994</v>
      </c>
      <c r="I3196" s="1"/>
    </row>
    <row r="3197" spans="1:9" x14ac:dyDescent="0.25">
      <c r="A3197" s="3">
        <v>41886.523796296293</v>
      </c>
      <c r="B3197" s="6">
        <v>53213.399999999994</v>
      </c>
      <c r="C3197" s="7">
        <f t="shared" si="49"/>
        <v>53.213399999999993</v>
      </c>
      <c r="I3197" s="1"/>
    </row>
    <row r="3198" spans="1:9" x14ac:dyDescent="0.25">
      <c r="A3198" s="3">
        <v>41886.524687500001</v>
      </c>
      <c r="B3198" s="6">
        <v>53230.049999999996</v>
      </c>
      <c r="C3198" s="7">
        <f t="shared" si="49"/>
        <v>53.230049999999999</v>
      </c>
      <c r="I3198" s="1"/>
    </row>
    <row r="3199" spans="1:9" x14ac:dyDescent="0.25">
      <c r="A3199" s="3">
        <v>41886.52484953704</v>
      </c>
      <c r="B3199" s="6">
        <v>53246.7</v>
      </c>
      <c r="C3199" s="7">
        <f t="shared" si="49"/>
        <v>53.246699999999997</v>
      </c>
      <c r="I3199" s="1"/>
    </row>
    <row r="3200" spans="1:9" x14ac:dyDescent="0.25">
      <c r="A3200" s="3">
        <v>41886.526631944442</v>
      </c>
      <c r="B3200" s="6">
        <v>53263.35</v>
      </c>
      <c r="C3200" s="7">
        <f t="shared" si="49"/>
        <v>53.263349999999996</v>
      </c>
      <c r="I3200" s="1"/>
    </row>
    <row r="3201" spans="1:9" x14ac:dyDescent="0.25">
      <c r="A3201" s="3">
        <v>41886.526689814818</v>
      </c>
      <c r="B3201" s="6">
        <v>53279.999999999993</v>
      </c>
      <c r="C3201" s="7">
        <f t="shared" si="49"/>
        <v>53.279999999999994</v>
      </c>
      <c r="I3201" s="1"/>
    </row>
    <row r="3202" spans="1:9" x14ac:dyDescent="0.25">
      <c r="A3202" s="3">
        <v>41886.527650462966</v>
      </c>
      <c r="B3202" s="6">
        <v>53296.649999999994</v>
      </c>
      <c r="C3202" s="7">
        <f t="shared" si="49"/>
        <v>53.296649999999993</v>
      </c>
      <c r="I3202" s="1"/>
    </row>
    <row r="3203" spans="1:9" x14ac:dyDescent="0.25">
      <c r="A3203" s="3">
        <v>41886.527708333335</v>
      </c>
      <c r="B3203" s="6">
        <v>53313.299999999996</v>
      </c>
      <c r="C3203" s="7">
        <f t="shared" ref="C3203:C3266" si="50">B3203/1000</f>
        <v>53.313299999999998</v>
      </c>
      <c r="I3203" s="1"/>
    </row>
    <row r="3204" spans="1:9" x14ac:dyDescent="0.25">
      <c r="A3204" s="3">
        <v>41886.52988425926</v>
      </c>
      <c r="B3204" s="6">
        <v>53329.95</v>
      </c>
      <c r="C3204" s="7">
        <f t="shared" si="50"/>
        <v>53.329949999999997</v>
      </c>
      <c r="I3204" s="1"/>
    </row>
    <row r="3205" spans="1:9" x14ac:dyDescent="0.25">
      <c r="A3205" s="3">
        <v>41886.530046296299</v>
      </c>
      <c r="B3205" s="6">
        <v>53346.6</v>
      </c>
      <c r="C3205" s="7">
        <f t="shared" si="50"/>
        <v>53.346599999999995</v>
      </c>
      <c r="I3205" s="1"/>
    </row>
    <row r="3206" spans="1:9" x14ac:dyDescent="0.25">
      <c r="A3206" s="3">
        <v>41886.532604166663</v>
      </c>
      <c r="B3206" s="6">
        <v>53363.249999999993</v>
      </c>
      <c r="C3206" s="7">
        <f t="shared" si="50"/>
        <v>53.363249999999994</v>
      </c>
      <c r="I3206" s="1"/>
    </row>
    <row r="3207" spans="1:9" x14ac:dyDescent="0.25">
      <c r="A3207" s="3">
        <v>41886.532766203702</v>
      </c>
      <c r="B3207" s="6">
        <v>53379.899999999994</v>
      </c>
      <c r="C3207" s="7">
        <f t="shared" si="50"/>
        <v>53.379899999999992</v>
      </c>
      <c r="I3207" s="1"/>
    </row>
    <row r="3208" spans="1:9" x14ac:dyDescent="0.25">
      <c r="A3208" s="3">
        <v>41886.536585648151</v>
      </c>
      <c r="B3208" s="6">
        <v>53396.549999999996</v>
      </c>
      <c r="C3208" s="7">
        <f t="shared" si="50"/>
        <v>53.396549999999998</v>
      </c>
      <c r="I3208" s="1"/>
    </row>
    <row r="3209" spans="1:9" x14ac:dyDescent="0.25">
      <c r="A3209" s="3">
        <v>41886.536759259259</v>
      </c>
      <c r="B3209" s="6">
        <v>53413.2</v>
      </c>
      <c r="C3209" s="7">
        <f t="shared" si="50"/>
        <v>53.413199999999996</v>
      </c>
      <c r="I3209" s="1"/>
    </row>
    <row r="3210" spans="1:9" x14ac:dyDescent="0.25">
      <c r="A3210" s="3">
        <v>41886.539097222223</v>
      </c>
      <c r="B3210" s="6">
        <v>53429.85</v>
      </c>
      <c r="C3210" s="7">
        <f t="shared" si="50"/>
        <v>53.429850000000002</v>
      </c>
      <c r="I3210" s="1"/>
    </row>
    <row r="3211" spans="1:9" x14ac:dyDescent="0.25">
      <c r="A3211" s="3">
        <v>41886.539270833331</v>
      </c>
      <c r="B3211" s="6">
        <v>53446.499999999993</v>
      </c>
      <c r="C3211" s="7">
        <f t="shared" si="50"/>
        <v>53.446499999999993</v>
      </c>
      <c r="I3211" s="1"/>
    </row>
    <row r="3212" spans="1:9" x14ac:dyDescent="0.25">
      <c r="A3212" s="3">
        <v>41886.54451388889</v>
      </c>
      <c r="B3212" s="6">
        <v>53463.149999999994</v>
      </c>
      <c r="C3212" s="7">
        <f t="shared" si="50"/>
        <v>53.463149999999992</v>
      </c>
      <c r="I3212" s="1"/>
    </row>
    <row r="3213" spans="1:9" x14ac:dyDescent="0.25">
      <c r="A3213" s="3">
        <v>41886.544710648152</v>
      </c>
      <c r="B3213" s="6">
        <v>53479.799999999996</v>
      </c>
      <c r="C3213" s="7">
        <f t="shared" si="50"/>
        <v>53.479799999999997</v>
      </c>
      <c r="I3213" s="1"/>
    </row>
    <row r="3214" spans="1:9" x14ac:dyDescent="0.25">
      <c r="A3214" s="3">
        <v>41886.546400462961</v>
      </c>
      <c r="B3214" s="6">
        <v>53496.45</v>
      </c>
      <c r="C3214" s="7">
        <f t="shared" si="50"/>
        <v>53.496449999999996</v>
      </c>
      <c r="I3214" s="1"/>
    </row>
    <row r="3215" spans="1:9" x14ac:dyDescent="0.25">
      <c r="A3215" s="3">
        <v>41886.549340277779</v>
      </c>
      <c r="B3215" s="6">
        <v>53513.1</v>
      </c>
      <c r="C3215" s="7">
        <f t="shared" si="50"/>
        <v>53.513100000000001</v>
      </c>
      <c r="I3215" s="1"/>
    </row>
    <row r="3216" spans="1:9" x14ac:dyDescent="0.25">
      <c r="A3216" s="3">
        <v>41886.552395833336</v>
      </c>
      <c r="B3216" s="6">
        <v>53529.749999999993</v>
      </c>
      <c r="C3216" s="7">
        <f t="shared" si="50"/>
        <v>53.529749999999993</v>
      </c>
      <c r="I3216" s="1"/>
    </row>
    <row r="3217" spans="1:9" x14ac:dyDescent="0.25">
      <c r="A3217" s="3">
        <v>41886.552685185183</v>
      </c>
      <c r="B3217" s="6">
        <v>53546.399999999994</v>
      </c>
      <c r="C3217" s="7">
        <f t="shared" si="50"/>
        <v>53.546399999999991</v>
      </c>
      <c r="I3217" s="1"/>
    </row>
    <row r="3218" spans="1:9" x14ac:dyDescent="0.25">
      <c r="A3218" s="3">
        <v>41886.5544212963</v>
      </c>
      <c r="B3218" s="6">
        <v>53563.049999999996</v>
      </c>
      <c r="C3218" s="7">
        <f t="shared" si="50"/>
        <v>53.563049999999997</v>
      </c>
      <c r="I3218" s="1"/>
    </row>
    <row r="3219" spans="1:9" x14ac:dyDescent="0.25">
      <c r="A3219" s="3">
        <v>41886.554664351854</v>
      </c>
      <c r="B3219" s="6">
        <v>53579.7</v>
      </c>
      <c r="C3219" s="7">
        <f t="shared" si="50"/>
        <v>53.579699999999995</v>
      </c>
      <c r="I3219" s="1"/>
    </row>
    <row r="3220" spans="1:9" x14ac:dyDescent="0.25">
      <c r="A3220" s="3">
        <v>41886.557997685188</v>
      </c>
      <c r="B3220" s="6">
        <v>53596.35</v>
      </c>
      <c r="C3220" s="7">
        <f t="shared" si="50"/>
        <v>53.596350000000001</v>
      </c>
      <c r="I3220" s="1"/>
    </row>
    <row r="3221" spans="1:9" x14ac:dyDescent="0.25">
      <c r="A3221" s="3">
        <v>41886.558136574073</v>
      </c>
      <c r="B3221" s="6">
        <v>53612.999999999993</v>
      </c>
      <c r="C3221" s="7">
        <f t="shared" si="50"/>
        <v>53.612999999999992</v>
      </c>
      <c r="I3221" s="1"/>
    </row>
    <row r="3222" spans="1:9" x14ac:dyDescent="0.25">
      <c r="A3222" s="3">
        <v>41886.560497685183</v>
      </c>
      <c r="B3222" s="6">
        <v>53629.649999999994</v>
      </c>
      <c r="C3222" s="7">
        <f t="shared" si="50"/>
        <v>53.629649999999991</v>
      </c>
      <c r="I3222" s="1"/>
    </row>
    <row r="3223" spans="1:9" x14ac:dyDescent="0.25">
      <c r="A3223" s="3">
        <v>41886.560682870368</v>
      </c>
      <c r="B3223" s="6">
        <v>53646.299999999996</v>
      </c>
      <c r="C3223" s="7">
        <f t="shared" si="50"/>
        <v>53.646299999999997</v>
      </c>
      <c r="I3223" s="1"/>
    </row>
    <row r="3224" spans="1:9" x14ac:dyDescent="0.25">
      <c r="A3224" s="3">
        <v>41886.562060185184</v>
      </c>
      <c r="B3224" s="6">
        <v>53662.95</v>
      </c>
      <c r="C3224" s="7">
        <f t="shared" si="50"/>
        <v>53.662949999999995</v>
      </c>
      <c r="I3224" s="1"/>
    </row>
    <row r="3225" spans="1:9" x14ac:dyDescent="0.25">
      <c r="A3225" s="3">
        <v>41886.56212962963</v>
      </c>
      <c r="B3225" s="6">
        <v>53679.6</v>
      </c>
      <c r="C3225" s="7">
        <f t="shared" si="50"/>
        <v>53.679600000000001</v>
      </c>
      <c r="I3225" s="1"/>
    </row>
    <row r="3226" spans="1:9" x14ac:dyDescent="0.25">
      <c r="A3226" s="3">
        <v>41886.563125000001</v>
      </c>
      <c r="B3226" s="6">
        <v>53696.249999999993</v>
      </c>
      <c r="C3226" s="7">
        <f t="shared" si="50"/>
        <v>53.696249999999992</v>
      </c>
      <c r="I3226" s="1"/>
    </row>
    <row r="3227" spans="1:9" x14ac:dyDescent="0.25">
      <c r="A3227" s="3">
        <v>41886.563252314816</v>
      </c>
      <c r="B3227" s="6">
        <v>53712.899999999994</v>
      </c>
      <c r="C3227" s="7">
        <f t="shared" si="50"/>
        <v>53.712899999999998</v>
      </c>
      <c r="I3227" s="1"/>
    </row>
    <row r="3228" spans="1:9" x14ac:dyDescent="0.25">
      <c r="A3228" s="3">
        <v>41886.569664351853</v>
      </c>
      <c r="B3228" s="6">
        <v>53729.549999999996</v>
      </c>
      <c r="C3228" s="7">
        <f t="shared" si="50"/>
        <v>53.729549999999996</v>
      </c>
      <c r="I3228" s="1"/>
    </row>
    <row r="3229" spans="1:9" x14ac:dyDescent="0.25">
      <c r="A3229" s="3">
        <v>41886.569745370369</v>
      </c>
      <c r="B3229" s="6">
        <v>53746.2</v>
      </c>
      <c r="C3229" s="7">
        <f t="shared" si="50"/>
        <v>53.746199999999995</v>
      </c>
      <c r="I3229" s="1"/>
    </row>
    <row r="3230" spans="1:9" x14ac:dyDescent="0.25">
      <c r="A3230" s="3">
        <v>41886.571111111109</v>
      </c>
      <c r="B3230" s="6">
        <v>53762.85</v>
      </c>
      <c r="C3230" s="7">
        <f t="shared" si="50"/>
        <v>53.76285</v>
      </c>
      <c r="I3230" s="1"/>
    </row>
    <row r="3231" spans="1:9" x14ac:dyDescent="0.25">
      <c r="A3231" s="3">
        <v>41886.571319444447</v>
      </c>
      <c r="B3231" s="6">
        <v>53779.499999999993</v>
      </c>
      <c r="C3231" s="7">
        <f t="shared" si="50"/>
        <v>53.779499999999992</v>
      </c>
      <c r="I3231" s="1"/>
    </row>
    <row r="3232" spans="1:9" x14ac:dyDescent="0.25">
      <c r="A3232" s="3">
        <v>41886.573599537034</v>
      </c>
      <c r="B3232" s="6">
        <v>53796.149999999994</v>
      </c>
      <c r="C3232" s="7">
        <f t="shared" si="50"/>
        <v>53.796149999999997</v>
      </c>
      <c r="I3232" s="1"/>
    </row>
    <row r="3233" spans="1:9" x14ac:dyDescent="0.25">
      <c r="A3233" s="3">
        <v>41886.574259259258</v>
      </c>
      <c r="B3233" s="6">
        <v>53812.799999999996</v>
      </c>
      <c r="C3233" s="7">
        <f t="shared" si="50"/>
        <v>53.812799999999996</v>
      </c>
      <c r="I3233" s="1"/>
    </row>
    <row r="3234" spans="1:9" x14ac:dyDescent="0.25">
      <c r="A3234" s="3">
        <v>41886.577268518522</v>
      </c>
      <c r="B3234" s="6">
        <v>53829.45</v>
      </c>
      <c r="C3234" s="7">
        <f t="shared" si="50"/>
        <v>53.829449999999994</v>
      </c>
      <c r="I3234" s="1"/>
    </row>
    <row r="3235" spans="1:9" x14ac:dyDescent="0.25">
      <c r="A3235" s="3">
        <v>41886.577789351853</v>
      </c>
      <c r="B3235" s="6">
        <v>53846.1</v>
      </c>
      <c r="C3235" s="7">
        <f t="shared" si="50"/>
        <v>53.8461</v>
      </c>
      <c r="I3235" s="1"/>
    </row>
    <row r="3236" spans="1:9" x14ac:dyDescent="0.25">
      <c r="A3236" s="3">
        <v>41886.580277777779</v>
      </c>
      <c r="B3236" s="6">
        <v>53862.749999999993</v>
      </c>
      <c r="C3236" s="7">
        <f t="shared" si="50"/>
        <v>53.862749999999991</v>
      </c>
      <c r="I3236" s="1"/>
    </row>
    <row r="3237" spans="1:9" x14ac:dyDescent="0.25">
      <c r="A3237" s="3">
        <v>41886.580393518518</v>
      </c>
      <c r="B3237" s="6">
        <v>53879.399999999994</v>
      </c>
      <c r="C3237" s="7">
        <f t="shared" si="50"/>
        <v>53.879399999999997</v>
      </c>
      <c r="I3237" s="1"/>
    </row>
    <row r="3238" spans="1:9" x14ac:dyDescent="0.25">
      <c r="A3238" s="3">
        <v>41886.582314814812</v>
      </c>
      <c r="B3238" s="6">
        <v>53896.049999999996</v>
      </c>
      <c r="C3238" s="7">
        <f t="shared" si="50"/>
        <v>53.896049999999995</v>
      </c>
      <c r="I3238" s="1"/>
    </row>
    <row r="3239" spans="1:9" x14ac:dyDescent="0.25">
      <c r="A3239" s="3">
        <v>41886.582638888889</v>
      </c>
      <c r="B3239" s="6">
        <v>53912.7</v>
      </c>
      <c r="C3239" s="7">
        <f t="shared" si="50"/>
        <v>53.912699999999994</v>
      </c>
      <c r="I3239" s="1"/>
    </row>
    <row r="3240" spans="1:9" x14ac:dyDescent="0.25">
      <c r="A3240" s="3">
        <v>41886.583506944444</v>
      </c>
      <c r="B3240" s="6">
        <v>53929.35</v>
      </c>
      <c r="C3240" s="7">
        <f t="shared" si="50"/>
        <v>53.929349999999999</v>
      </c>
      <c r="I3240" s="1"/>
    </row>
    <row r="3241" spans="1:9" x14ac:dyDescent="0.25">
      <c r="A3241" s="3">
        <v>41886.583587962959</v>
      </c>
      <c r="B3241" s="6">
        <v>53945.999999999993</v>
      </c>
      <c r="C3241" s="7">
        <f t="shared" si="50"/>
        <v>53.945999999999991</v>
      </c>
      <c r="I3241" s="1"/>
    </row>
    <row r="3242" spans="1:9" x14ac:dyDescent="0.25">
      <c r="A3242" s="3">
        <v>41886.58697916667</v>
      </c>
      <c r="B3242" s="6">
        <v>53962.649999999994</v>
      </c>
      <c r="C3242" s="7">
        <f t="shared" si="50"/>
        <v>53.962649999999996</v>
      </c>
      <c r="I3242" s="1"/>
    </row>
    <row r="3243" spans="1:9" x14ac:dyDescent="0.25">
      <c r="A3243" s="3">
        <v>41886.587222222224</v>
      </c>
      <c r="B3243" s="6">
        <v>53979.299999999996</v>
      </c>
      <c r="C3243" s="7">
        <f t="shared" si="50"/>
        <v>53.979299999999995</v>
      </c>
      <c r="I3243" s="1"/>
    </row>
    <row r="3244" spans="1:9" x14ac:dyDescent="0.25">
      <c r="A3244" s="3">
        <v>41886.588495370372</v>
      </c>
      <c r="B3244" s="6">
        <v>53995.95</v>
      </c>
      <c r="C3244" s="7">
        <f t="shared" si="50"/>
        <v>53.995950000000001</v>
      </c>
      <c r="I3244" s="1"/>
    </row>
    <row r="3245" spans="1:9" x14ac:dyDescent="0.25">
      <c r="A3245" s="3">
        <v>41886.589166666665</v>
      </c>
      <c r="B3245" s="6">
        <v>54012.6</v>
      </c>
      <c r="C3245" s="7">
        <f t="shared" si="50"/>
        <v>54.012599999999999</v>
      </c>
      <c r="I3245" s="1"/>
    </row>
    <row r="3246" spans="1:9" x14ac:dyDescent="0.25">
      <c r="A3246" s="3">
        <v>41886.589918981481</v>
      </c>
      <c r="B3246" s="6">
        <v>54029.249999999993</v>
      </c>
      <c r="C3246" s="7">
        <f t="shared" si="50"/>
        <v>54.02924999999999</v>
      </c>
      <c r="I3246" s="1"/>
    </row>
    <row r="3247" spans="1:9" x14ac:dyDescent="0.25">
      <c r="A3247" s="3">
        <v>41886.58997685185</v>
      </c>
      <c r="B3247" s="6">
        <v>54045.899999999994</v>
      </c>
      <c r="C3247" s="7">
        <f t="shared" si="50"/>
        <v>54.045899999999996</v>
      </c>
      <c r="I3247" s="1"/>
    </row>
    <row r="3248" spans="1:9" x14ac:dyDescent="0.25">
      <c r="A3248" s="3">
        <v>41886.591111111113</v>
      </c>
      <c r="B3248" s="6">
        <v>54062.549999999996</v>
      </c>
      <c r="C3248" s="7">
        <f t="shared" si="50"/>
        <v>54.062549999999995</v>
      </c>
      <c r="I3248" s="1"/>
    </row>
    <row r="3249" spans="1:9" x14ac:dyDescent="0.25">
      <c r="A3249" s="3">
        <v>41886.591249999998</v>
      </c>
      <c r="B3249" s="6">
        <v>54079.199999999997</v>
      </c>
      <c r="C3249" s="7">
        <f t="shared" si="50"/>
        <v>54.0792</v>
      </c>
      <c r="I3249" s="1"/>
    </row>
    <row r="3250" spans="1:9" x14ac:dyDescent="0.25">
      <c r="A3250" s="3">
        <v>41886.592418981483</v>
      </c>
      <c r="B3250" s="6">
        <v>54095.85</v>
      </c>
      <c r="C3250" s="7">
        <f t="shared" si="50"/>
        <v>54.095849999999999</v>
      </c>
      <c r="I3250" s="1"/>
    </row>
    <row r="3251" spans="1:9" x14ac:dyDescent="0.25">
      <c r="A3251" s="3">
        <v>41886.592523148145</v>
      </c>
      <c r="B3251" s="6">
        <v>54112.499999999993</v>
      </c>
      <c r="C3251" s="7">
        <f t="shared" si="50"/>
        <v>54.11249999999999</v>
      </c>
      <c r="I3251" s="1"/>
    </row>
    <row r="3252" spans="1:9" x14ac:dyDescent="0.25">
      <c r="A3252" s="3">
        <v>41886.593310185184</v>
      </c>
      <c r="B3252" s="6">
        <v>54129.149999999994</v>
      </c>
      <c r="C3252" s="7">
        <f t="shared" si="50"/>
        <v>54.129149999999996</v>
      </c>
      <c r="I3252" s="1"/>
    </row>
    <row r="3253" spans="1:9" x14ac:dyDescent="0.25">
      <c r="A3253" s="3">
        <v>41886.593368055554</v>
      </c>
      <c r="B3253" s="6">
        <v>54145.799999999996</v>
      </c>
      <c r="C3253" s="7">
        <f t="shared" si="50"/>
        <v>54.145799999999994</v>
      </c>
      <c r="I3253" s="1"/>
    </row>
    <row r="3254" spans="1:9" x14ac:dyDescent="0.25">
      <c r="A3254" s="3">
        <v>41886.594444444447</v>
      </c>
      <c r="B3254" s="6">
        <v>54162.45</v>
      </c>
      <c r="C3254" s="7">
        <f t="shared" si="50"/>
        <v>54.16245</v>
      </c>
      <c r="I3254" s="1"/>
    </row>
    <row r="3255" spans="1:9" x14ac:dyDescent="0.25">
      <c r="A3255" s="3">
        <v>41886.594629629632</v>
      </c>
      <c r="B3255" s="6">
        <v>54179.1</v>
      </c>
      <c r="C3255" s="7">
        <f t="shared" si="50"/>
        <v>54.179099999999998</v>
      </c>
      <c r="I3255" s="1"/>
    </row>
    <row r="3256" spans="1:9" x14ac:dyDescent="0.25">
      <c r="A3256" s="3">
        <v>41886.596018518518</v>
      </c>
      <c r="B3256" s="6">
        <v>54195.749999999993</v>
      </c>
      <c r="C3256" s="7">
        <f t="shared" si="50"/>
        <v>54.19574999999999</v>
      </c>
      <c r="I3256" s="1"/>
    </row>
    <row r="3257" spans="1:9" x14ac:dyDescent="0.25">
      <c r="A3257" s="3">
        <v>41886.596099537041</v>
      </c>
      <c r="B3257" s="6">
        <v>54212.399999999994</v>
      </c>
      <c r="C3257" s="7">
        <f t="shared" si="50"/>
        <v>54.212399999999995</v>
      </c>
      <c r="I3257" s="1"/>
    </row>
    <row r="3258" spans="1:9" x14ac:dyDescent="0.25">
      <c r="A3258" s="3">
        <v>41886.596759259257</v>
      </c>
      <c r="B3258" s="6">
        <v>54229.049999999996</v>
      </c>
      <c r="C3258" s="7">
        <f t="shared" si="50"/>
        <v>54.229049999999994</v>
      </c>
      <c r="I3258" s="1"/>
    </row>
    <row r="3259" spans="1:9" x14ac:dyDescent="0.25">
      <c r="A3259" s="3">
        <v>41886.59684027778</v>
      </c>
      <c r="B3259" s="6">
        <v>54245.7</v>
      </c>
      <c r="C3259" s="7">
        <f t="shared" si="50"/>
        <v>54.245699999999999</v>
      </c>
      <c r="I3259" s="1"/>
    </row>
    <row r="3260" spans="1:9" x14ac:dyDescent="0.25">
      <c r="A3260" s="3">
        <v>41886.597696759258</v>
      </c>
      <c r="B3260" s="6">
        <v>54262.35</v>
      </c>
      <c r="C3260" s="7">
        <f t="shared" si="50"/>
        <v>54.262349999999998</v>
      </c>
      <c r="I3260" s="1"/>
    </row>
    <row r="3261" spans="1:9" x14ac:dyDescent="0.25">
      <c r="A3261" s="3">
        <v>41886.597766203704</v>
      </c>
      <c r="B3261" s="6">
        <v>54278.999999999993</v>
      </c>
      <c r="C3261" s="7">
        <f t="shared" si="50"/>
        <v>54.278999999999989</v>
      </c>
      <c r="I3261" s="1"/>
    </row>
    <row r="3262" spans="1:9" x14ac:dyDescent="0.25">
      <c r="A3262" s="3">
        <v>41886.598576388889</v>
      </c>
      <c r="B3262" s="6">
        <v>54295.649999999994</v>
      </c>
      <c r="C3262" s="7">
        <f t="shared" si="50"/>
        <v>54.295649999999995</v>
      </c>
      <c r="I3262" s="1"/>
    </row>
    <row r="3263" spans="1:9" x14ac:dyDescent="0.25">
      <c r="A3263" s="3">
        <v>41886.598645833335</v>
      </c>
      <c r="B3263" s="6">
        <v>54312.299999999996</v>
      </c>
      <c r="C3263" s="7">
        <f t="shared" si="50"/>
        <v>54.312299999999993</v>
      </c>
      <c r="I3263" s="1"/>
    </row>
    <row r="3264" spans="1:9" x14ac:dyDescent="0.25">
      <c r="A3264" s="3">
        <v>41886.599351851852</v>
      </c>
      <c r="B3264" s="6">
        <v>54328.95</v>
      </c>
      <c r="C3264" s="7">
        <f t="shared" si="50"/>
        <v>54.328949999999999</v>
      </c>
      <c r="I3264" s="1"/>
    </row>
    <row r="3265" spans="1:9" x14ac:dyDescent="0.25">
      <c r="A3265" s="3">
        <v>41886.599421296298</v>
      </c>
      <c r="B3265" s="6">
        <v>54345.599999999999</v>
      </c>
      <c r="C3265" s="7">
        <f t="shared" si="50"/>
        <v>54.345599999999997</v>
      </c>
      <c r="I3265" s="1"/>
    </row>
    <row r="3266" spans="1:9" x14ac:dyDescent="0.25">
      <c r="A3266" s="3">
        <v>41886.60056712963</v>
      </c>
      <c r="B3266" s="6">
        <v>54362.249999999993</v>
      </c>
      <c r="C3266" s="7">
        <f t="shared" si="50"/>
        <v>54.362249999999996</v>
      </c>
      <c r="I3266" s="1"/>
    </row>
    <row r="3267" spans="1:9" x14ac:dyDescent="0.25">
      <c r="A3267" s="3">
        <v>41886.600624999999</v>
      </c>
      <c r="B3267" s="6">
        <v>54378.899999999994</v>
      </c>
      <c r="C3267" s="7">
        <f t="shared" ref="C3267:C3330" si="51">B3267/1000</f>
        <v>54.378899999999994</v>
      </c>
      <c r="I3267" s="1"/>
    </row>
    <row r="3268" spans="1:9" x14ac:dyDescent="0.25">
      <c r="A3268" s="3">
        <v>41886.601319444446</v>
      </c>
      <c r="B3268" s="6">
        <v>54395.549999999996</v>
      </c>
      <c r="C3268" s="7">
        <f t="shared" si="51"/>
        <v>54.395549999999993</v>
      </c>
      <c r="I3268" s="1"/>
    </row>
    <row r="3269" spans="1:9" x14ac:dyDescent="0.25">
      <c r="A3269" s="3">
        <v>41886.601446759261</v>
      </c>
      <c r="B3269" s="6">
        <v>54412.2</v>
      </c>
      <c r="C3269" s="7">
        <f t="shared" si="51"/>
        <v>54.412199999999999</v>
      </c>
      <c r="I3269" s="1"/>
    </row>
    <row r="3270" spans="1:9" x14ac:dyDescent="0.25">
      <c r="A3270" s="3">
        <v>41886.602766203701</v>
      </c>
      <c r="B3270" s="6">
        <v>54428.85</v>
      </c>
      <c r="C3270" s="7">
        <f t="shared" si="51"/>
        <v>54.428849999999997</v>
      </c>
      <c r="I3270" s="1"/>
    </row>
    <row r="3271" spans="1:9" x14ac:dyDescent="0.25">
      <c r="A3271" s="3">
        <v>41886.602847222224</v>
      </c>
      <c r="B3271" s="6">
        <v>54445.499999999993</v>
      </c>
      <c r="C3271" s="7">
        <f t="shared" si="51"/>
        <v>54.445499999999996</v>
      </c>
      <c r="I3271" s="1"/>
    </row>
    <row r="3272" spans="1:9" x14ac:dyDescent="0.25">
      <c r="A3272" s="3">
        <v>41886.604409722226</v>
      </c>
      <c r="B3272" s="6">
        <v>54462.149999999994</v>
      </c>
      <c r="C3272" s="7">
        <f t="shared" si="51"/>
        <v>54.462149999999994</v>
      </c>
      <c r="I3272" s="1"/>
    </row>
    <row r="3273" spans="1:9" x14ac:dyDescent="0.25">
      <c r="A3273" s="3">
        <v>41886.604537037034</v>
      </c>
      <c r="B3273" s="6">
        <v>54478.799999999996</v>
      </c>
      <c r="C3273" s="7">
        <f t="shared" si="51"/>
        <v>54.478799999999993</v>
      </c>
      <c r="I3273" s="1"/>
    </row>
    <row r="3274" spans="1:9" x14ac:dyDescent="0.25">
      <c r="A3274" s="3">
        <v>41886.607847222222</v>
      </c>
      <c r="B3274" s="6">
        <v>54495.45</v>
      </c>
      <c r="C3274" s="7">
        <f t="shared" si="51"/>
        <v>54.495449999999998</v>
      </c>
      <c r="I3274" s="1"/>
    </row>
    <row r="3275" spans="1:9" x14ac:dyDescent="0.25">
      <c r="A3275" s="3">
        <v>41886.607951388891</v>
      </c>
      <c r="B3275" s="6">
        <v>54512.1</v>
      </c>
      <c r="C3275" s="7">
        <f t="shared" si="51"/>
        <v>54.512099999999997</v>
      </c>
      <c r="I3275" s="1"/>
    </row>
    <row r="3276" spans="1:9" x14ac:dyDescent="0.25">
      <c r="A3276" s="3">
        <v>41886.608958333331</v>
      </c>
      <c r="B3276" s="6">
        <v>54528.749999999993</v>
      </c>
      <c r="C3276" s="7">
        <f t="shared" si="51"/>
        <v>54.528749999999995</v>
      </c>
      <c r="I3276" s="1"/>
    </row>
    <row r="3277" spans="1:9" x14ac:dyDescent="0.25">
      <c r="A3277" s="3">
        <v>41886.609027777777</v>
      </c>
      <c r="B3277" s="6">
        <v>54545.399999999994</v>
      </c>
      <c r="C3277" s="7">
        <f t="shared" si="51"/>
        <v>54.545399999999994</v>
      </c>
      <c r="I3277" s="1"/>
    </row>
    <row r="3278" spans="1:9" x14ac:dyDescent="0.25">
      <c r="A3278" s="3">
        <v>41886.609791666669</v>
      </c>
      <c r="B3278" s="6">
        <v>54562.049999999996</v>
      </c>
      <c r="C3278" s="7">
        <f t="shared" si="51"/>
        <v>54.562049999999992</v>
      </c>
      <c r="I3278" s="1"/>
    </row>
    <row r="3279" spans="1:9" x14ac:dyDescent="0.25">
      <c r="A3279" s="3">
        <v>41886.609988425924</v>
      </c>
      <c r="B3279" s="6">
        <v>54578.7</v>
      </c>
      <c r="C3279" s="7">
        <f t="shared" si="51"/>
        <v>54.578699999999998</v>
      </c>
      <c r="I3279" s="1"/>
    </row>
    <row r="3280" spans="1:9" x14ac:dyDescent="0.25">
      <c r="A3280" s="3">
        <v>41886.612175925926</v>
      </c>
      <c r="B3280" s="6">
        <v>54595.35</v>
      </c>
      <c r="C3280" s="7">
        <f t="shared" si="51"/>
        <v>54.595349999999996</v>
      </c>
      <c r="I3280" s="1"/>
    </row>
    <row r="3281" spans="1:9" x14ac:dyDescent="0.25">
      <c r="A3281" s="3">
        <v>41886.612696759257</v>
      </c>
      <c r="B3281" s="6">
        <v>54611.999999999993</v>
      </c>
      <c r="C3281" s="7">
        <f t="shared" si="51"/>
        <v>54.611999999999995</v>
      </c>
      <c r="I3281" s="1"/>
    </row>
    <row r="3282" spans="1:9" x14ac:dyDescent="0.25">
      <c r="A3282" s="3">
        <v>41886.614004629628</v>
      </c>
      <c r="B3282" s="6">
        <v>54628.649999999994</v>
      </c>
      <c r="C3282" s="7">
        <f t="shared" si="51"/>
        <v>54.628649999999993</v>
      </c>
      <c r="I3282" s="1"/>
    </row>
    <row r="3283" spans="1:9" x14ac:dyDescent="0.25">
      <c r="A3283" s="3">
        <v>41886.614108796297</v>
      </c>
      <c r="B3283" s="6">
        <v>54645.299999999996</v>
      </c>
      <c r="C3283" s="7">
        <f t="shared" si="51"/>
        <v>54.645299999999999</v>
      </c>
      <c r="I3283" s="1"/>
    </row>
    <row r="3284" spans="1:9" x14ac:dyDescent="0.25">
      <c r="A3284" s="3">
        <v>41886.615370370368</v>
      </c>
      <c r="B3284" s="6">
        <v>54661.95</v>
      </c>
      <c r="C3284" s="7">
        <f t="shared" si="51"/>
        <v>54.661949999999997</v>
      </c>
      <c r="I3284" s="1"/>
    </row>
    <row r="3285" spans="1:9" x14ac:dyDescent="0.25">
      <c r="A3285" s="3">
        <v>41886.615416666667</v>
      </c>
      <c r="B3285" s="6">
        <v>54678.6</v>
      </c>
      <c r="C3285" s="7">
        <f t="shared" si="51"/>
        <v>54.678599999999996</v>
      </c>
      <c r="I3285" s="1"/>
    </row>
    <row r="3286" spans="1:9" x14ac:dyDescent="0.25">
      <c r="A3286" s="3">
        <v>41886.615868055553</v>
      </c>
      <c r="B3286" s="6">
        <v>54695.249999999993</v>
      </c>
      <c r="C3286" s="7">
        <f t="shared" si="51"/>
        <v>54.695249999999994</v>
      </c>
      <c r="I3286" s="1"/>
    </row>
    <row r="3287" spans="1:9" x14ac:dyDescent="0.25">
      <c r="A3287" s="3">
        <v>41886.615949074076</v>
      </c>
      <c r="B3287" s="6">
        <v>54711.899999999994</v>
      </c>
      <c r="C3287" s="7">
        <f t="shared" si="51"/>
        <v>54.711899999999993</v>
      </c>
      <c r="I3287" s="1"/>
    </row>
    <row r="3288" spans="1:9" x14ac:dyDescent="0.25">
      <c r="A3288" s="3">
        <v>41886.619398148148</v>
      </c>
      <c r="B3288" s="6">
        <v>54728.549999999996</v>
      </c>
      <c r="C3288" s="7">
        <f t="shared" si="51"/>
        <v>54.728549999999998</v>
      </c>
      <c r="I3288" s="1"/>
    </row>
    <row r="3289" spans="1:9" x14ac:dyDescent="0.25">
      <c r="A3289" s="3">
        <v>41886.619490740741</v>
      </c>
      <c r="B3289" s="6">
        <v>54745.2</v>
      </c>
      <c r="C3289" s="7">
        <f t="shared" si="51"/>
        <v>54.745199999999997</v>
      </c>
      <c r="I3289" s="1"/>
    </row>
    <row r="3290" spans="1:9" x14ac:dyDescent="0.25">
      <c r="A3290" s="3">
        <v>41886.621192129627</v>
      </c>
      <c r="B3290" s="6">
        <v>54761.85</v>
      </c>
      <c r="C3290" s="7">
        <f t="shared" si="51"/>
        <v>54.761849999999995</v>
      </c>
      <c r="I3290" s="1"/>
    </row>
    <row r="3291" spans="1:9" x14ac:dyDescent="0.25">
      <c r="A3291" s="3">
        <v>41886.621388888889</v>
      </c>
      <c r="B3291" s="6">
        <v>54778.499999999993</v>
      </c>
      <c r="C3291" s="7">
        <f t="shared" si="51"/>
        <v>54.778499999999994</v>
      </c>
      <c r="I3291" s="1"/>
    </row>
    <row r="3292" spans="1:9" x14ac:dyDescent="0.25">
      <c r="A3292" s="3">
        <v>41886.625324074077</v>
      </c>
      <c r="B3292" s="6">
        <v>54795.149999999994</v>
      </c>
      <c r="C3292" s="7">
        <f t="shared" si="51"/>
        <v>54.795149999999992</v>
      </c>
      <c r="I3292" s="1"/>
    </row>
    <row r="3293" spans="1:9" x14ac:dyDescent="0.25">
      <c r="A3293" s="3">
        <v>41886.625706018516</v>
      </c>
      <c r="B3293" s="6">
        <v>54811.799999999996</v>
      </c>
      <c r="C3293" s="7">
        <f t="shared" si="51"/>
        <v>54.811799999999998</v>
      </c>
      <c r="I3293" s="1"/>
    </row>
    <row r="3294" spans="1:9" x14ac:dyDescent="0.25">
      <c r="A3294" s="3">
        <v>41886.627303240741</v>
      </c>
      <c r="B3294" s="6">
        <v>54828.45</v>
      </c>
      <c r="C3294" s="7">
        <f t="shared" si="51"/>
        <v>54.828449999999997</v>
      </c>
      <c r="I3294" s="1"/>
    </row>
    <row r="3295" spans="1:9" x14ac:dyDescent="0.25">
      <c r="A3295" s="3">
        <v>41886.627465277779</v>
      </c>
      <c r="B3295" s="6">
        <v>54845.1</v>
      </c>
      <c r="C3295" s="7">
        <f t="shared" si="51"/>
        <v>54.845099999999995</v>
      </c>
      <c r="I3295" s="1"/>
    </row>
    <row r="3296" spans="1:9" x14ac:dyDescent="0.25">
      <c r="A3296" s="3">
        <v>41886.629710648151</v>
      </c>
      <c r="B3296" s="6">
        <v>54861.749999999993</v>
      </c>
      <c r="C3296" s="7">
        <f t="shared" si="51"/>
        <v>54.861749999999994</v>
      </c>
      <c r="I3296" s="1"/>
    </row>
    <row r="3297" spans="1:9" x14ac:dyDescent="0.25">
      <c r="A3297" s="3">
        <v>41886.629930555559</v>
      </c>
      <c r="B3297" s="6">
        <v>54878.399999999994</v>
      </c>
      <c r="C3297" s="7">
        <f t="shared" si="51"/>
        <v>54.878399999999992</v>
      </c>
      <c r="I3297" s="1"/>
    </row>
    <row r="3298" spans="1:9" x14ac:dyDescent="0.25">
      <c r="A3298" s="3">
        <v>41886.631805555553</v>
      </c>
      <c r="B3298" s="6">
        <v>54895.049999999996</v>
      </c>
      <c r="C3298" s="7">
        <f t="shared" si="51"/>
        <v>54.895049999999998</v>
      </c>
      <c r="I3298" s="1"/>
    </row>
    <row r="3299" spans="1:9" x14ac:dyDescent="0.25">
      <c r="A3299" s="3">
        <v>41886.632071759261</v>
      </c>
      <c r="B3299" s="6">
        <v>54911.7</v>
      </c>
      <c r="C3299" s="7">
        <f t="shared" si="51"/>
        <v>54.911699999999996</v>
      </c>
      <c r="I3299" s="1"/>
    </row>
    <row r="3300" spans="1:9" x14ac:dyDescent="0.25">
      <c r="A3300" s="3">
        <v>41886.635787037034</v>
      </c>
      <c r="B3300" s="6">
        <v>54928.35</v>
      </c>
      <c r="C3300" s="7">
        <f t="shared" si="51"/>
        <v>54.928350000000002</v>
      </c>
      <c r="I3300" s="1"/>
    </row>
    <row r="3301" spans="1:9" x14ac:dyDescent="0.25">
      <c r="A3301" s="3">
        <v>41886.635891203703</v>
      </c>
      <c r="B3301" s="6">
        <v>54944.999999999993</v>
      </c>
      <c r="C3301" s="7">
        <f t="shared" si="51"/>
        <v>54.944999999999993</v>
      </c>
      <c r="I3301" s="1"/>
    </row>
    <row r="3302" spans="1:9" x14ac:dyDescent="0.25">
      <c r="A3302" s="3">
        <v>41886.636331018519</v>
      </c>
      <c r="B3302" s="6">
        <v>54961.649999999994</v>
      </c>
      <c r="C3302" s="7">
        <f t="shared" si="51"/>
        <v>54.961649999999992</v>
      </c>
      <c r="I3302" s="1"/>
    </row>
    <row r="3303" spans="1:9" x14ac:dyDescent="0.25">
      <c r="A3303" s="3">
        <v>41886.636412037034</v>
      </c>
      <c r="B3303" s="6">
        <v>54978.299999999996</v>
      </c>
      <c r="C3303" s="7">
        <f t="shared" si="51"/>
        <v>54.978299999999997</v>
      </c>
      <c r="I3303" s="1"/>
    </row>
    <row r="3304" spans="1:9" x14ac:dyDescent="0.25">
      <c r="A3304" s="3">
        <v>41886.637175925927</v>
      </c>
      <c r="B3304" s="6">
        <v>54994.95</v>
      </c>
      <c r="C3304" s="7">
        <f t="shared" si="51"/>
        <v>54.994949999999996</v>
      </c>
      <c r="I3304" s="1"/>
    </row>
    <row r="3305" spans="1:9" x14ac:dyDescent="0.25">
      <c r="A3305" s="3">
        <v>41886.637256944443</v>
      </c>
      <c r="B3305" s="6">
        <v>55011.6</v>
      </c>
      <c r="C3305" s="7">
        <f t="shared" si="51"/>
        <v>55.011600000000001</v>
      </c>
      <c r="I3305" s="1"/>
    </row>
    <row r="3306" spans="1:9" x14ac:dyDescent="0.25">
      <c r="A3306" s="3">
        <v>41886.638182870367</v>
      </c>
      <c r="B3306" s="6">
        <v>55028.249999999993</v>
      </c>
      <c r="C3306" s="7">
        <f t="shared" si="51"/>
        <v>55.028249999999993</v>
      </c>
      <c r="I3306" s="1"/>
    </row>
    <row r="3307" spans="1:9" x14ac:dyDescent="0.25">
      <c r="A3307" s="3">
        <v>41886.638506944444</v>
      </c>
      <c r="B3307" s="6">
        <v>55044.899999999994</v>
      </c>
      <c r="C3307" s="7">
        <f t="shared" si="51"/>
        <v>55.044899999999991</v>
      </c>
      <c r="I3307" s="1"/>
    </row>
    <row r="3308" spans="1:9" x14ac:dyDescent="0.25">
      <c r="A3308" s="3">
        <v>41886.639386574076</v>
      </c>
      <c r="B3308" s="6">
        <v>55061.549999999996</v>
      </c>
      <c r="C3308" s="7">
        <f t="shared" si="51"/>
        <v>55.061549999999997</v>
      </c>
      <c r="I3308" s="1"/>
    </row>
    <row r="3309" spans="1:9" x14ac:dyDescent="0.25">
      <c r="A3309" s="3">
        <v>41886.639502314814</v>
      </c>
      <c r="B3309" s="6">
        <v>55078.2</v>
      </c>
      <c r="C3309" s="7">
        <f t="shared" si="51"/>
        <v>55.078199999999995</v>
      </c>
      <c r="I3309" s="1"/>
    </row>
    <row r="3310" spans="1:9" x14ac:dyDescent="0.25">
      <c r="A3310" s="3">
        <v>41886.641481481478</v>
      </c>
      <c r="B3310" s="6">
        <v>55094.85</v>
      </c>
      <c r="C3310" s="7">
        <f t="shared" si="51"/>
        <v>55.094850000000001</v>
      </c>
      <c r="I3310" s="1"/>
    </row>
    <row r="3311" spans="1:9" x14ac:dyDescent="0.25">
      <c r="A3311" s="3">
        <v>41886.641574074078</v>
      </c>
      <c r="B3311" s="6">
        <v>55111.499999999993</v>
      </c>
      <c r="C3311" s="7">
        <f t="shared" si="51"/>
        <v>55.111499999999992</v>
      </c>
      <c r="I3311" s="1"/>
    </row>
    <row r="3312" spans="1:9" x14ac:dyDescent="0.25">
      <c r="A3312" s="3">
        <v>41886.643067129633</v>
      </c>
      <c r="B3312" s="6">
        <v>55128.149999999994</v>
      </c>
      <c r="C3312" s="7">
        <f t="shared" si="51"/>
        <v>55.128149999999991</v>
      </c>
      <c r="I3312" s="1"/>
    </row>
    <row r="3313" spans="1:9" x14ac:dyDescent="0.25">
      <c r="A3313" s="3">
        <v>41886.643148148149</v>
      </c>
      <c r="B3313" s="6">
        <v>55144.799999999996</v>
      </c>
      <c r="C3313" s="7">
        <f t="shared" si="51"/>
        <v>55.144799999999996</v>
      </c>
      <c r="I3313" s="1"/>
    </row>
    <row r="3314" spans="1:9" x14ac:dyDescent="0.25">
      <c r="A3314" s="3">
        <v>41886.644004629627</v>
      </c>
      <c r="B3314" s="6">
        <v>55161.45</v>
      </c>
      <c r="C3314" s="7">
        <f t="shared" si="51"/>
        <v>55.161449999999995</v>
      </c>
      <c r="I3314" s="1"/>
    </row>
    <row r="3315" spans="1:9" x14ac:dyDescent="0.25">
      <c r="A3315" s="3">
        <v>41886.644097222219</v>
      </c>
      <c r="B3315" s="6">
        <v>55178.1</v>
      </c>
      <c r="C3315" s="7">
        <f t="shared" si="51"/>
        <v>55.178100000000001</v>
      </c>
      <c r="I3315" s="1"/>
    </row>
    <row r="3316" spans="1:9" x14ac:dyDescent="0.25">
      <c r="A3316" s="3">
        <v>41886.645150462966</v>
      </c>
      <c r="B3316" s="6">
        <v>55194.749999999993</v>
      </c>
      <c r="C3316" s="7">
        <f t="shared" si="51"/>
        <v>55.194749999999992</v>
      </c>
      <c r="I3316" s="1"/>
    </row>
    <row r="3317" spans="1:9" x14ac:dyDescent="0.25">
      <c r="A3317" s="3">
        <v>41886.645219907405</v>
      </c>
      <c r="B3317" s="6">
        <v>55211.399999999994</v>
      </c>
      <c r="C3317" s="7">
        <f t="shared" si="51"/>
        <v>55.211399999999998</v>
      </c>
      <c r="I3317" s="1"/>
    </row>
    <row r="3318" spans="1:9" x14ac:dyDescent="0.25">
      <c r="A3318" s="3">
        <v>41886.645787037036</v>
      </c>
      <c r="B3318" s="6">
        <v>55228.049999999996</v>
      </c>
      <c r="C3318" s="7">
        <f t="shared" si="51"/>
        <v>55.228049999999996</v>
      </c>
      <c r="I3318" s="1"/>
    </row>
    <row r="3319" spans="1:9" x14ac:dyDescent="0.25">
      <c r="A3319" s="3">
        <v>41886.645821759259</v>
      </c>
      <c r="B3319" s="6">
        <v>55244.7</v>
      </c>
      <c r="C3319" s="7">
        <f t="shared" si="51"/>
        <v>55.244699999999995</v>
      </c>
      <c r="I3319" s="1"/>
    </row>
    <row r="3320" spans="1:9" x14ac:dyDescent="0.25">
      <c r="A3320" s="3">
        <v>41886.646226851852</v>
      </c>
      <c r="B3320" s="6">
        <v>55261.35</v>
      </c>
      <c r="C3320" s="7">
        <f t="shared" si="51"/>
        <v>55.26135</v>
      </c>
      <c r="I3320" s="1"/>
    </row>
    <row r="3321" spans="1:9" x14ac:dyDescent="0.25">
      <c r="A3321" s="3">
        <v>41886.646261574075</v>
      </c>
      <c r="B3321" s="6">
        <v>55277.999999999993</v>
      </c>
      <c r="C3321" s="7">
        <f t="shared" si="51"/>
        <v>55.277999999999992</v>
      </c>
      <c r="I3321" s="1"/>
    </row>
    <row r="3322" spans="1:9" x14ac:dyDescent="0.25">
      <c r="A3322" s="3">
        <v>41886.646678240744</v>
      </c>
      <c r="B3322" s="6">
        <v>55294.649999999994</v>
      </c>
      <c r="C3322" s="7">
        <f t="shared" si="51"/>
        <v>55.294649999999997</v>
      </c>
      <c r="I3322" s="1"/>
    </row>
    <row r="3323" spans="1:9" x14ac:dyDescent="0.25">
      <c r="A3323" s="3">
        <v>41886.64675925926</v>
      </c>
      <c r="B3323" s="6">
        <v>55311.299999999996</v>
      </c>
      <c r="C3323" s="7">
        <f t="shared" si="51"/>
        <v>55.311299999999996</v>
      </c>
      <c r="I3323" s="1"/>
    </row>
    <row r="3324" spans="1:9" x14ac:dyDescent="0.25">
      <c r="A3324" s="3">
        <v>41886.647534722222</v>
      </c>
      <c r="B3324" s="6">
        <v>55327.95</v>
      </c>
      <c r="C3324" s="7">
        <f t="shared" si="51"/>
        <v>55.327949999999994</v>
      </c>
      <c r="I3324" s="1"/>
    </row>
    <row r="3325" spans="1:9" x14ac:dyDescent="0.25">
      <c r="A3325" s="3">
        <v>41886.64770833333</v>
      </c>
      <c r="B3325" s="6">
        <v>55344.6</v>
      </c>
      <c r="C3325" s="7">
        <f t="shared" si="51"/>
        <v>55.3446</v>
      </c>
      <c r="I3325" s="1"/>
    </row>
    <row r="3326" spans="1:9" x14ac:dyDescent="0.25">
      <c r="A3326" s="3">
        <v>41886.649004629631</v>
      </c>
      <c r="B3326" s="6">
        <v>55361.249999999993</v>
      </c>
      <c r="C3326" s="7">
        <f t="shared" si="51"/>
        <v>55.361249999999991</v>
      </c>
      <c r="I3326" s="1"/>
    </row>
    <row r="3327" spans="1:9" x14ac:dyDescent="0.25">
      <c r="A3327" s="3">
        <v>41886.649074074077</v>
      </c>
      <c r="B3327" s="6">
        <v>55377.899999999994</v>
      </c>
      <c r="C3327" s="7">
        <f t="shared" si="51"/>
        <v>55.377899999999997</v>
      </c>
      <c r="I3327" s="1"/>
    </row>
    <row r="3328" spans="1:9" x14ac:dyDescent="0.25">
      <c r="A3328" s="3">
        <v>41886.649722222224</v>
      </c>
      <c r="B3328" s="6">
        <v>55394.549999999996</v>
      </c>
      <c r="C3328" s="7">
        <f t="shared" si="51"/>
        <v>55.394549999999995</v>
      </c>
      <c r="I3328" s="1"/>
    </row>
    <row r="3329" spans="1:9" x14ac:dyDescent="0.25">
      <c r="A3329" s="3">
        <v>41886.64984953704</v>
      </c>
      <c r="B3329" s="6">
        <v>55411.199999999997</v>
      </c>
      <c r="C3329" s="7">
        <f t="shared" si="51"/>
        <v>55.411199999999994</v>
      </c>
      <c r="I3329" s="1"/>
    </row>
    <row r="3330" spans="1:9" x14ac:dyDescent="0.25">
      <c r="A3330" s="3">
        <v>41886.656608796293</v>
      </c>
      <c r="B3330" s="6">
        <v>55427.85</v>
      </c>
      <c r="C3330" s="7">
        <f t="shared" si="51"/>
        <v>55.427849999999999</v>
      </c>
      <c r="I3330" s="1"/>
    </row>
    <row r="3331" spans="1:9" x14ac:dyDescent="0.25">
      <c r="A3331" s="3">
        <v>41886.656666666669</v>
      </c>
      <c r="B3331" s="6">
        <v>55444.499999999993</v>
      </c>
      <c r="C3331" s="7">
        <f t="shared" ref="C3331:C3394" si="52">B3331/1000</f>
        <v>55.444499999999991</v>
      </c>
      <c r="I3331" s="1"/>
    </row>
    <row r="3332" spans="1:9" x14ac:dyDescent="0.25">
      <c r="A3332" s="3">
        <v>41886.658738425926</v>
      </c>
      <c r="B3332" s="6">
        <v>55461.149999999994</v>
      </c>
      <c r="C3332" s="7">
        <f t="shared" si="52"/>
        <v>55.461149999999996</v>
      </c>
      <c r="I3332" s="1"/>
    </row>
    <row r="3333" spans="1:9" x14ac:dyDescent="0.25">
      <c r="A3333" s="3">
        <v>41886.658854166664</v>
      </c>
      <c r="B3333" s="6">
        <v>55477.799999999996</v>
      </c>
      <c r="C3333" s="7">
        <f t="shared" si="52"/>
        <v>55.477799999999995</v>
      </c>
      <c r="I3333" s="1"/>
    </row>
    <row r="3334" spans="1:9" x14ac:dyDescent="0.25">
      <c r="A3334" s="3">
        <v>41886.660127314812</v>
      </c>
      <c r="B3334" s="6">
        <v>55494.45</v>
      </c>
      <c r="C3334" s="7">
        <f t="shared" si="52"/>
        <v>55.494450000000001</v>
      </c>
      <c r="I3334" s="1"/>
    </row>
    <row r="3335" spans="1:9" x14ac:dyDescent="0.25">
      <c r="A3335" s="3">
        <v>41886.660185185188</v>
      </c>
      <c r="B3335" s="6">
        <v>55511.1</v>
      </c>
      <c r="C3335" s="7">
        <f t="shared" si="52"/>
        <v>55.511099999999999</v>
      </c>
      <c r="I3335" s="1"/>
    </row>
    <row r="3336" spans="1:9" x14ac:dyDescent="0.25">
      <c r="A3336" s="3">
        <v>41886.661203703705</v>
      </c>
      <c r="B3336" s="6">
        <v>55527.749999999993</v>
      </c>
      <c r="C3336" s="7">
        <f t="shared" si="52"/>
        <v>55.52774999999999</v>
      </c>
      <c r="I3336" s="1"/>
    </row>
    <row r="3337" spans="1:9" x14ac:dyDescent="0.25">
      <c r="A3337" s="3">
        <v>41886.661354166667</v>
      </c>
      <c r="B3337" s="6">
        <v>55544.399999999994</v>
      </c>
      <c r="C3337" s="7">
        <f t="shared" si="52"/>
        <v>55.544399999999996</v>
      </c>
      <c r="I3337" s="1"/>
    </row>
    <row r="3338" spans="1:9" x14ac:dyDescent="0.25">
      <c r="A3338" s="3">
        <v>41886.661932870367</v>
      </c>
      <c r="B3338" s="6">
        <v>55561.049999999996</v>
      </c>
      <c r="C3338" s="7">
        <f t="shared" si="52"/>
        <v>55.561049999999994</v>
      </c>
      <c r="I3338" s="1"/>
    </row>
    <row r="3339" spans="1:9" x14ac:dyDescent="0.25">
      <c r="A3339" s="3">
        <v>41886.662002314813</v>
      </c>
      <c r="B3339" s="6">
        <v>55577.7</v>
      </c>
      <c r="C3339" s="7">
        <f t="shared" si="52"/>
        <v>55.5777</v>
      </c>
      <c r="I3339" s="1"/>
    </row>
    <row r="3340" spans="1:9" x14ac:dyDescent="0.25">
      <c r="A3340" s="3">
        <v>41886.663784722223</v>
      </c>
      <c r="B3340" s="6">
        <v>55594.35</v>
      </c>
      <c r="C3340" s="7">
        <f t="shared" si="52"/>
        <v>55.594349999999999</v>
      </c>
      <c r="I3340" s="1"/>
    </row>
    <row r="3341" spans="1:9" x14ac:dyDescent="0.25">
      <c r="A3341" s="3">
        <v>41886.663912037038</v>
      </c>
      <c r="B3341" s="6">
        <v>55610.999999999993</v>
      </c>
      <c r="C3341" s="7">
        <f t="shared" si="52"/>
        <v>55.61099999999999</v>
      </c>
      <c r="I3341" s="1"/>
    </row>
    <row r="3342" spans="1:9" x14ac:dyDescent="0.25">
      <c r="A3342" s="3">
        <v>41886.667187500003</v>
      </c>
      <c r="B3342" s="6">
        <v>55627.649999999994</v>
      </c>
      <c r="C3342" s="7">
        <f t="shared" si="52"/>
        <v>55.627649999999996</v>
      </c>
      <c r="I3342" s="1"/>
    </row>
    <row r="3343" spans="1:9" x14ac:dyDescent="0.25">
      <c r="A3343" s="3">
        <v>41886.667256944442</v>
      </c>
      <c r="B3343" s="6">
        <v>55644.299999999996</v>
      </c>
      <c r="C3343" s="7">
        <f t="shared" si="52"/>
        <v>55.644299999999994</v>
      </c>
      <c r="I3343" s="1"/>
    </row>
    <row r="3344" spans="1:9" x14ac:dyDescent="0.25">
      <c r="A3344" s="3">
        <v>41886.670162037037</v>
      </c>
      <c r="B3344" s="6">
        <v>55660.95</v>
      </c>
      <c r="C3344" s="7">
        <f t="shared" si="52"/>
        <v>55.66095</v>
      </c>
      <c r="I3344" s="1"/>
    </row>
    <row r="3345" spans="1:9" x14ac:dyDescent="0.25">
      <c r="A3345" s="3">
        <v>41886.670266203706</v>
      </c>
      <c r="B3345" s="6">
        <v>55677.599999999999</v>
      </c>
      <c r="C3345" s="7">
        <f t="shared" si="52"/>
        <v>55.677599999999998</v>
      </c>
      <c r="I3345" s="1"/>
    </row>
    <row r="3346" spans="1:9" x14ac:dyDescent="0.25">
      <c r="A3346" s="3">
        <v>41886.672453703701</v>
      </c>
      <c r="B3346" s="6">
        <v>55694.249999999993</v>
      </c>
      <c r="C3346" s="7">
        <f t="shared" si="52"/>
        <v>55.69424999999999</v>
      </c>
      <c r="I3346" s="1"/>
    </row>
    <row r="3347" spans="1:9" x14ac:dyDescent="0.25">
      <c r="A3347" s="3">
        <v>41886.672905092593</v>
      </c>
      <c r="B3347" s="6">
        <v>55710.899999999994</v>
      </c>
      <c r="C3347" s="7">
        <f t="shared" si="52"/>
        <v>55.710899999999995</v>
      </c>
      <c r="I3347" s="1"/>
    </row>
    <row r="3348" spans="1:9" x14ac:dyDescent="0.25">
      <c r="A3348" s="3">
        <v>41886.674050925925</v>
      </c>
      <c r="B3348" s="6">
        <v>55727.549999999996</v>
      </c>
      <c r="C3348" s="7">
        <f t="shared" si="52"/>
        <v>55.727549999999994</v>
      </c>
      <c r="I3348" s="1"/>
    </row>
    <row r="3349" spans="1:9" x14ac:dyDescent="0.25">
      <c r="A3349" s="3">
        <v>41886.674201388887</v>
      </c>
      <c r="B3349" s="6">
        <v>55744.2</v>
      </c>
      <c r="C3349" s="7">
        <f t="shared" si="52"/>
        <v>55.744199999999999</v>
      </c>
      <c r="I3349" s="1"/>
    </row>
    <row r="3350" spans="1:9" x14ac:dyDescent="0.25">
      <c r="A3350" s="3">
        <v>41886.680891203701</v>
      </c>
      <c r="B3350" s="6">
        <v>55760.85</v>
      </c>
      <c r="C3350" s="7">
        <f t="shared" si="52"/>
        <v>55.760849999999998</v>
      </c>
      <c r="I3350" s="1"/>
    </row>
    <row r="3351" spans="1:9" x14ac:dyDescent="0.25">
      <c r="A3351" s="3">
        <v>41886.681018518517</v>
      </c>
      <c r="B3351" s="6">
        <v>55777.499999999993</v>
      </c>
      <c r="C3351" s="7">
        <f t="shared" si="52"/>
        <v>55.777499999999989</v>
      </c>
      <c r="I3351" s="1"/>
    </row>
    <row r="3352" spans="1:9" x14ac:dyDescent="0.25">
      <c r="A3352" s="3">
        <v>41886.685312499998</v>
      </c>
      <c r="B3352" s="6">
        <v>55794.149999999994</v>
      </c>
      <c r="C3352" s="7">
        <f t="shared" si="52"/>
        <v>55.794149999999995</v>
      </c>
      <c r="I3352" s="1"/>
    </row>
    <row r="3353" spans="1:9" x14ac:dyDescent="0.25">
      <c r="A3353" s="3">
        <v>41886.685428240744</v>
      </c>
      <c r="B3353" s="6">
        <v>55810.799999999996</v>
      </c>
      <c r="C3353" s="7">
        <f t="shared" si="52"/>
        <v>55.810799999999993</v>
      </c>
      <c r="I3353" s="1"/>
    </row>
    <row r="3354" spans="1:9" x14ac:dyDescent="0.25">
      <c r="A3354" s="3">
        <v>41886.688900462963</v>
      </c>
      <c r="B3354" s="6">
        <v>55827.45</v>
      </c>
      <c r="C3354" s="7">
        <f t="shared" si="52"/>
        <v>55.827449999999999</v>
      </c>
      <c r="I3354" s="1"/>
    </row>
    <row r="3355" spans="1:9" x14ac:dyDescent="0.25">
      <c r="A3355" s="3">
        <v>41886.689097222225</v>
      </c>
      <c r="B3355" s="6">
        <v>55844.1</v>
      </c>
      <c r="C3355" s="7">
        <f t="shared" si="52"/>
        <v>55.844099999999997</v>
      </c>
      <c r="I3355" s="1"/>
    </row>
    <row r="3356" spans="1:9" x14ac:dyDescent="0.25">
      <c r="A3356" s="3">
        <v>41886.696863425925</v>
      </c>
      <c r="B3356" s="6">
        <v>55860.749999999993</v>
      </c>
      <c r="C3356" s="7">
        <f t="shared" si="52"/>
        <v>55.860749999999996</v>
      </c>
      <c r="I3356" s="1"/>
    </row>
    <row r="3357" spans="1:9" x14ac:dyDescent="0.25">
      <c r="A3357" s="3">
        <v>41886.697060185186</v>
      </c>
      <c r="B3357" s="6">
        <v>55877.399999999994</v>
      </c>
      <c r="C3357" s="7">
        <f t="shared" si="52"/>
        <v>55.877399999999994</v>
      </c>
      <c r="I3357" s="1"/>
    </row>
    <row r="3358" spans="1:9" x14ac:dyDescent="0.25">
      <c r="A3358" s="3">
        <v>41886.698634259257</v>
      </c>
      <c r="B3358" s="6">
        <v>55894.049999999996</v>
      </c>
      <c r="C3358" s="7">
        <f t="shared" si="52"/>
        <v>55.894049999999993</v>
      </c>
      <c r="I3358" s="1"/>
    </row>
    <row r="3359" spans="1:9" x14ac:dyDescent="0.25">
      <c r="A3359" s="3">
        <v>41886.698761574073</v>
      </c>
      <c r="B3359" s="6">
        <v>55910.7</v>
      </c>
      <c r="C3359" s="7">
        <f t="shared" si="52"/>
        <v>55.910699999999999</v>
      </c>
      <c r="I3359" s="1"/>
    </row>
    <row r="3360" spans="1:9" x14ac:dyDescent="0.25">
      <c r="A3360" s="3">
        <v>41886.699675925927</v>
      </c>
      <c r="B3360" s="6">
        <v>55927.35</v>
      </c>
      <c r="C3360" s="7">
        <f t="shared" si="52"/>
        <v>55.927349999999997</v>
      </c>
      <c r="I3360" s="1"/>
    </row>
    <row r="3361" spans="1:9" x14ac:dyDescent="0.25">
      <c r="A3361" s="3">
        <v>41886.699942129628</v>
      </c>
      <c r="B3361" s="6">
        <v>55943.999999999993</v>
      </c>
      <c r="C3361" s="7">
        <f t="shared" si="52"/>
        <v>55.943999999999996</v>
      </c>
      <c r="I3361" s="1"/>
    </row>
    <row r="3362" spans="1:9" x14ac:dyDescent="0.25">
      <c r="A3362" s="3">
        <v>41886.701249999998</v>
      </c>
      <c r="B3362" s="6">
        <v>55960.649999999994</v>
      </c>
      <c r="C3362" s="7">
        <f t="shared" si="52"/>
        <v>55.960649999999994</v>
      </c>
      <c r="I3362" s="1"/>
    </row>
    <row r="3363" spans="1:9" x14ac:dyDescent="0.25">
      <c r="A3363" s="3">
        <v>41886.701319444444</v>
      </c>
      <c r="B3363" s="6">
        <v>55977.299999999996</v>
      </c>
      <c r="C3363" s="7">
        <f t="shared" si="52"/>
        <v>55.977299999999993</v>
      </c>
      <c r="I3363" s="1"/>
    </row>
    <row r="3364" spans="1:9" x14ac:dyDescent="0.25">
      <c r="A3364" s="3">
        <v>41886.702060185184</v>
      </c>
      <c r="B3364" s="6">
        <v>55993.95</v>
      </c>
      <c r="C3364" s="7">
        <f t="shared" si="52"/>
        <v>55.993949999999998</v>
      </c>
      <c r="I3364" s="1"/>
    </row>
    <row r="3365" spans="1:9" x14ac:dyDescent="0.25">
      <c r="A3365" s="3">
        <v>41886.702256944445</v>
      </c>
      <c r="B3365" s="6">
        <v>56010.6</v>
      </c>
      <c r="C3365" s="7">
        <f t="shared" si="52"/>
        <v>56.010599999999997</v>
      </c>
      <c r="I3365" s="1"/>
    </row>
    <row r="3366" spans="1:9" x14ac:dyDescent="0.25">
      <c r="A3366" s="3">
        <v>41886.703506944446</v>
      </c>
      <c r="B3366" s="6">
        <v>56027.249999999993</v>
      </c>
      <c r="C3366" s="7">
        <f t="shared" si="52"/>
        <v>56.027249999999995</v>
      </c>
      <c r="I3366" s="1"/>
    </row>
    <row r="3367" spans="1:9" x14ac:dyDescent="0.25">
      <c r="A3367" s="3">
        <v>41886.703923611109</v>
      </c>
      <c r="B3367" s="6">
        <v>56043.899999999994</v>
      </c>
      <c r="C3367" s="7">
        <f t="shared" si="52"/>
        <v>56.043899999999994</v>
      </c>
      <c r="I3367" s="1"/>
    </row>
    <row r="3368" spans="1:9" x14ac:dyDescent="0.25">
      <c r="A3368" s="3">
        <v>41886.705254629633</v>
      </c>
      <c r="B3368" s="6">
        <v>56060.549999999996</v>
      </c>
      <c r="C3368" s="7">
        <f t="shared" si="52"/>
        <v>56.060549999999992</v>
      </c>
      <c r="I3368" s="1"/>
    </row>
    <row r="3369" spans="1:9" x14ac:dyDescent="0.25">
      <c r="A3369" s="3">
        <v>41886.705347222225</v>
      </c>
      <c r="B3369" s="6">
        <v>56077.2</v>
      </c>
      <c r="C3369" s="7">
        <f t="shared" si="52"/>
        <v>56.077199999999998</v>
      </c>
      <c r="I3369" s="1"/>
    </row>
    <row r="3370" spans="1:9" x14ac:dyDescent="0.25">
      <c r="A3370" s="3">
        <v>41886.711724537039</v>
      </c>
      <c r="B3370" s="6">
        <v>56093.85</v>
      </c>
      <c r="C3370" s="7">
        <f t="shared" si="52"/>
        <v>56.093849999999996</v>
      </c>
      <c r="I3370" s="1"/>
    </row>
    <row r="3371" spans="1:9" x14ac:dyDescent="0.25">
      <c r="A3371" s="3">
        <v>41886.711805555555</v>
      </c>
      <c r="B3371" s="6">
        <v>56110.499999999993</v>
      </c>
      <c r="C3371" s="7">
        <f t="shared" si="52"/>
        <v>56.110499999999995</v>
      </c>
      <c r="I3371" s="1"/>
    </row>
    <row r="3372" spans="1:9" x14ac:dyDescent="0.25">
      <c r="A3372" s="3">
        <v>41886.715057870373</v>
      </c>
      <c r="B3372" s="6">
        <v>56127.149999999994</v>
      </c>
      <c r="C3372" s="7">
        <f t="shared" si="52"/>
        <v>56.127149999999993</v>
      </c>
      <c r="I3372" s="1"/>
    </row>
    <row r="3373" spans="1:9" x14ac:dyDescent="0.25">
      <c r="A3373" s="3">
        <v>41886.715277777781</v>
      </c>
      <c r="B3373" s="6">
        <v>56143.799999999996</v>
      </c>
      <c r="C3373" s="7">
        <f t="shared" si="52"/>
        <v>56.143799999999999</v>
      </c>
      <c r="I3373" s="1"/>
    </row>
    <row r="3374" spans="1:9" x14ac:dyDescent="0.25">
      <c r="A3374" s="3">
        <v>41886.718553240738</v>
      </c>
      <c r="B3374" s="6">
        <v>56160.45</v>
      </c>
      <c r="C3374" s="7">
        <f t="shared" si="52"/>
        <v>56.160449999999997</v>
      </c>
      <c r="I3374" s="1"/>
    </row>
    <row r="3375" spans="1:9" x14ac:dyDescent="0.25">
      <c r="A3375" s="3">
        <v>41886.718645833331</v>
      </c>
      <c r="B3375" s="6">
        <v>56177.1</v>
      </c>
      <c r="C3375" s="7">
        <f t="shared" si="52"/>
        <v>56.177099999999996</v>
      </c>
      <c r="I3375" s="1"/>
    </row>
    <row r="3376" spans="1:9" x14ac:dyDescent="0.25">
      <c r="A3376" s="3">
        <v>41886.723703703705</v>
      </c>
      <c r="B3376" s="6">
        <v>56193.749999999993</v>
      </c>
      <c r="C3376" s="7">
        <f t="shared" si="52"/>
        <v>56.193749999999994</v>
      </c>
      <c r="I3376" s="1"/>
    </row>
    <row r="3377" spans="1:9" x14ac:dyDescent="0.25">
      <c r="A3377" s="3">
        <v>41886.72384259259</v>
      </c>
      <c r="B3377" s="6">
        <v>56210.399999999994</v>
      </c>
      <c r="C3377" s="7">
        <f t="shared" si="52"/>
        <v>56.210399999999993</v>
      </c>
      <c r="I3377" s="1"/>
    </row>
    <row r="3378" spans="1:9" x14ac:dyDescent="0.25">
      <c r="A3378" s="3">
        <v>41886.727685185186</v>
      </c>
      <c r="B3378" s="6">
        <v>56227.049999999996</v>
      </c>
      <c r="C3378" s="7">
        <f t="shared" si="52"/>
        <v>56.227049999999998</v>
      </c>
      <c r="I3378" s="1"/>
    </row>
    <row r="3379" spans="1:9" x14ac:dyDescent="0.25">
      <c r="A3379" s="3">
        <v>41886.728321759256</v>
      </c>
      <c r="B3379" s="6">
        <v>56243.7</v>
      </c>
      <c r="C3379" s="7">
        <f t="shared" si="52"/>
        <v>56.243699999999997</v>
      </c>
      <c r="I3379" s="1"/>
    </row>
    <row r="3380" spans="1:9" x14ac:dyDescent="0.25">
      <c r="A3380" s="3">
        <v>41886.731087962966</v>
      </c>
      <c r="B3380" s="6">
        <v>56260.35</v>
      </c>
      <c r="C3380" s="7">
        <f t="shared" si="52"/>
        <v>56.260349999999995</v>
      </c>
      <c r="I3380" s="1"/>
    </row>
    <row r="3381" spans="1:9" x14ac:dyDescent="0.25">
      <c r="A3381" s="3">
        <v>41886.731921296298</v>
      </c>
      <c r="B3381" s="6">
        <v>56276.999999999993</v>
      </c>
      <c r="C3381" s="7">
        <f t="shared" si="52"/>
        <v>56.276999999999994</v>
      </c>
      <c r="I3381" s="1"/>
    </row>
    <row r="3382" spans="1:9" x14ac:dyDescent="0.25">
      <c r="A3382" s="3">
        <v>41886.733726851853</v>
      </c>
      <c r="B3382" s="6">
        <v>56293.649999999994</v>
      </c>
      <c r="C3382" s="7">
        <f t="shared" si="52"/>
        <v>56.293649999999992</v>
      </c>
      <c r="I3382" s="1"/>
    </row>
    <row r="3383" spans="1:9" x14ac:dyDescent="0.25">
      <c r="A3383" s="3">
        <v>41886.733946759261</v>
      </c>
      <c r="B3383" s="6">
        <v>56310.299999999996</v>
      </c>
      <c r="C3383" s="7">
        <f t="shared" si="52"/>
        <v>56.310299999999998</v>
      </c>
      <c r="I3383" s="1"/>
    </row>
    <row r="3384" spans="1:9" x14ac:dyDescent="0.25">
      <c r="A3384" s="3">
        <v>41886.734849537039</v>
      </c>
      <c r="B3384" s="6">
        <v>56326.95</v>
      </c>
      <c r="C3384" s="7">
        <f t="shared" si="52"/>
        <v>56.326949999999997</v>
      </c>
      <c r="I3384" s="1"/>
    </row>
    <row r="3385" spans="1:9" x14ac:dyDescent="0.25">
      <c r="A3385" s="3">
        <v>41886.734976851854</v>
      </c>
      <c r="B3385" s="6">
        <v>56343.6</v>
      </c>
      <c r="C3385" s="7">
        <f t="shared" si="52"/>
        <v>56.343599999999995</v>
      </c>
      <c r="I3385" s="1"/>
    </row>
    <row r="3386" spans="1:9" x14ac:dyDescent="0.25">
      <c r="A3386" s="3">
        <v>41886.741932870369</v>
      </c>
      <c r="B3386" s="6">
        <v>56360.249999999993</v>
      </c>
      <c r="C3386" s="7">
        <f t="shared" si="52"/>
        <v>56.360249999999994</v>
      </c>
      <c r="I3386" s="1"/>
    </row>
    <row r="3387" spans="1:9" x14ac:dyDescent="0.25">
      <c r="A3387" s="3">
        <v>41886.742060185185</v>
      </c>
      <c r="B3387" s="6">
        <v>56376.899999999994</v>
      </c>
      <c r="C3387" s="7">
        <f t="shared" si="52"/>
        <v>56.376899999999992</v>
      </c>
      <c r="I3387" s="1"/>
    </row>
    <row r="3388" spans="1:9" x14ac:dyDescent="0.25">
      <c r="A3388" s="3">
        <v>41886.748703703706</v>
      </c>
      <c r="B3388" s="6">
        <v>56393.549999999996</v>
      </c>
      <c r="C3388" s="7">
        <f t="shared" si="52"/>
        <v>56.393549999999998</v>
      </c>
      <c r="I3388" s="1"/>
    </row>
    <row r="3389" spans="1:9" x14ac:dyDescent="0.25">
      <c r="A3389" s="3">
        <v>41886.748819444445</v>
      </c>
      <c r="B3389" s="6">
        <v>56410.2</v>
      </c>
      <c r="C3389" s="7">
        <f t="shared" si="52"/>
        <v>56.410199999999996</v>
      </c>
      <c r="I3389" s="1"/>
    </row>
    <row r="3390" spans="1:9" x14ac:dyDescent="0.25">
      <c r="A3390" s="3">
        <v>41886.753541666665</v>
      </c>
      <c r="B3390" s="6">
        <v>56426.85</v>
      </c>
      <c r="C3390" s="7">
        <f t="shared" si="52"/>
        <v>56.426850000000002</v>
      </c>
      <c r="I3390" s="1"/>
    </row>
    <row r="3391" spans="1:9" x14ac:dyDescent="0.25">
      <c r="A3391" s="3">
        <v>41886.753668981481</v>
      </c>
      <c r="B3391" s="6">
        <v>56443.499999999993</v>
      </c>
      <c r="C3391" s="7">
        <f t="shared" si="52"/>
        <v>56.443499999999993</v>
      </c>
      <c r="I3391" s="1"/>
    </row>
    <row r="3392" spans="1:9" x14ac:dyDescent="0.25">
      <c r="A3392" s="3">
        <v>41886.757951388892</v>
      </c>
      <c r="B3392" s="6">
        <v>56460.149999999994</v>
      </c>
      <c r="C3392" s="7">
        <f t="shared" si="52"/>
        <v>56.460149999999992</v>
      </c>
      <c r="I3392" s="1"/>
    </row>
    <row r="3393" spans="1:9" x14ac:dyDescent="0.25">
      <c r="A3393" s="3">
        <v>41886.758159722223</v>
      </c>
      <c r="B3393" s="6">
        <v>56476.799999999996</v>
      </c>
      <c r="C3393" s="7">
        <f t="shared" si="52"/>
        <v>56.476799999999997</v>
      </c>
      <c r="I3393" s="1"/>
    </row>
    <row r="3394" spans="1:9" x14ac:dyDescent="0.25">
      <c r="A3394" s="3">
        <v>41886.764537037037</v>
      </c>
      <c r="B3394" s="6">
        <v>56493.45</v>
      </c>
      <c r="C3394" s="7">
        <f t="shared" si="52"/>
        <v>56.493449999999996</v>
      </c>
      <c r="I3394" s="1"/>
    </row>
    <row r="3395" spans="1:9" x14ac:dyDescent="0.25">
      <c r="A3395" s="3">
        <v>41886.764768518522</v>
      </c>
      <c r="B3395" s="6">
        <v>56510.1</v>
      </c>
      <c r="C3395" s="7">
        <f t="shared" ref="C3395:C3458" si="53">B3395/1000</f>
        <v>56.510100000000001</v>
      </c>
      <c r="I3395" s="1"/>
    </row>
    <row r="3396" spans="1:9" x14ac:dyDescent="0.25">
      <c r="A3396" s="3">
        <v>41886.778645833336</v>
      </c>
      <c r="B3396" s="6">
        <v>56526.749999999993</v>
      </c>
      <c r="C3396" s="7">
        <f t="shared" si="53"/>
        <v>56.526749999999993</v>
      </c>
      <c r="I3396" s="1"/>
    </row>
    <row r="3397" spans="1:9" x14ac:dyDescent="0.25">
      <c r="A3397" s="3">
        <v>41886.778912037036</v>
      </c>
      <c r="B3397" s="6">
        <v>56543.399999999994</v>
      </c>
      <c r="C3397" s="7">
        <f t="shared" si="53"/>
        <v>56.543399999999991</v>
      </c>
      <c r="I3397" s="1"/>
    </row>
    <row r="3398" spans="1:9" x14ac:dyDescent="0.25">
      <c r="A3398" s="3">
        <v>41886.783738425926</v>
      </c>
      <c r="B3398" s="6">
        <v>56560.049999999996</v>
      </c>
      <c r="C3398" s="7">
        <f t="shared" si="53"/>
        <v>56.560049999999997</v>
      </c>
      <c r="I3398" s="1"/>
    </row>
    <row r="3399" spans="1:9" x14ac:dyDescent="0.25">
      <c r="A3399" s="3">
        <v>41886.783877314818</v>
      </c>
      <c r="B3399" s="6">
        <v>56576.7</v>
      </c>
      <c r="C3399" s="7">
        <f t="shared" si="53"/>
        <v>56.576699999999995</v>
      </c>
      <c r="I3399" s="1"/>
    </row>
    <row r="3400" spans="1:9" x14ac:dyDescent="0.25">
      <c r="A3400" s="3">
        <v>41886.821064814816</v>
      </c>
      <c r="B3400" s="6">
        <v>56593.35</v>
      </c>
      <c r="C3400" s="7">
        <f t="shared" si="53"/>
        <v>56.593350000000001</v>
      </c>
      <c r="I3400" s="1"/>
    </row>
    <row r="3401" spans="1:9" x14ac:dyDescent="0.25">
      <c r="A3401" s="3">
        <v>41886.821608796294</v>
      </c>
      <c r="B3401" s="6">
        <v>56609.999999999993</v>
      </c>
      <c r="C3401" s="7">
        <f t="shared" si="53"/>
        <v>56.609999999999992</v>
      </c>
      <c r="I3401" s="1"/>
    </row>
    <row r="3402" spans="1:9" x14ac:dyDescent="0.25">
      <c r="A3402" s="3">
        <v>41886.834733796299</v>
      </c>
      <c r="B3402" s="6">
        <v>56626.649999999994</v>
      </c>
      <c r="C3402" s="7">
        <f t="shared" si="53"/>
        <v>56.626649999999991</v>
      </c>
      <c r="I3402" s="1"/>
    </row>
    <row r="3403" spans="1:9" x14ac:dyDescent="0.25">
      <c r="A3403" s="3">
        <v>41886.83625</v>
      </c>
      <c r="B3403" s="6">
        <v>56643.299999999996</v>
      </c>
      <c r="C3403" s="7">
        <f t="shared" si="53"/>
        <v>56.643299999999996</v>
      </c>
      <c r="I3403" s="1"/>
    </row>
    <row r="3404" spans="1:9" x14ac:dyDescent="0.25">
      <c r="A3404" s="3">
        <v>41916.228495370371</v>
      </c>
      <c r="B3404" s="6">
        <v>56659.95</v>
      </c>
      <c r="C3404" s="7">
        <f t="shared" si="53"/>
        <v>56.659949999999995</v>
      </c>
      <c r="I3404" s="1"/>
    </row>
    <row r="3405" spans="1:9" x14ac:dyDescent="0.25">
      <c r="A3405" s="3">
        <v>41916.228668981479</v>
      </c>
      <c r="B3405" s="6">
        <v>56676.6</v>
      </c>
      <c r="C3405" s="7">
        <f t="shared" si="53"/>
        <v>56.676600000000001</v>
      </c>
      <c r="I3405" s="1"/>
    </row>
    <row r="3406" spans="1:9" x14ac:dyDescent="0.25">
      <c r="A3406" s="3">
        <v>41916.344189814816</v>
      </c>
      <c r="B3406" s="6">
        <v>56693.249999999993</v>
      </c>
      <c r="C3406" s="7">
        <f t="shared" si="53"/>
        <v>56.693249999999992</v>
      </c>
      <c r="I3406" s="1"/>
    </row>
    <row r="3407" spans="1:9" x14ac:dyDescent="0.25">
      <c r="A3407" s="3">
        <v>41916.344560185185</v>
      </c>
      <c r="B3407" s="6">
        <v>56709.899999999994</v>
      </c>
      <c r="C3407" s="7">
        <f t="shared" si="53"/>
        <v>56.709899999999998</v>
      </c>
      <c r="I3407" s="1"/>
    </row>
    <row r="3408" spans="1:9" x14ac:dyDescent="0.25">
      <c r="A3408" s="3">
        <v>41916.370196759257</v>
      </c>
      <c r="B3408" s="6">
        <v>56726.549999999996</v>
      </c>
      <c r="C3408" s="7">
        <f t="shared" si="53"/>
        <v>56.726549999999996</v>
      </c>
      <c r="I3408" s="1"/>
    </row>
    <row r="3409" spans="1:9" x14ac:dyDescent="0.25">
      <c r="A3409" s="3">
        <v>41916.370717592596</v>
      </c>
      <c r="B3409" s="6">
        <v>56743.199999999997</v>
      </c>
      <c r="C3409" s="7">
        <f t="shared" si="53"/>
        <v>56.743199999999995</v>
      </c>
      <c r="I3409" s="1"/>
    </row>
    <row r="3410" spans="1:9" x14ac:dyDescent="0.25">
      <c r="A3410" s="3">
        <v>41916.378981481481</v>
      </c>
      <c r="B3410" s="6">
        <v>56759.85</v>
      </c>
      <c r="C3410" s="7">
        <f t="shared" si="53"/>
        <v>56.75985</v>
      </c>
      <c r="I3410" s="1"/>
    </row>
    <row r="3411" spans="1:9" x14ac:dyDescent="0.25">
      <c r="A3411" s="3">
        <v>41916.379189814812</v>
      </c>
      <c r="B3411" s="6">
        <v>56776.499999999993</v>
      </c>
      <c r="C3411" s="7">
        <f t="shared" si="53"/>
        <v>56.776499999999992</v>
      </c>
      <c r="I3411" s="1"/>
    </row>
    <row r="3412" spans="1:9" x14ac:dyDescent="0.25">
      <c r="A3412" s="3">
        <v>41916.388356481482</v>
      </c>
      <c r="B3412" s="6">
        <v>56793.149999999994</v>
      </c>
      <c r="C3412" s="7">
        <f t="shared" si="53"/>
        <v>56.793149999999997</v>
      </c>
      <c r="I3412" s="1"/>
    </row>
    <row r="3413" spans="1:9" x14ac:dyDescent="0.25">
      <c r="A3413" s="3">
        <v>41916.388888888891</v>
      </c>
      <c r="B3413" s="6">
        <v>56809.799999999996</v>
      </c>
      <c r="C3413" s="7">
        <f t="shared" si="53"/>
        <v>56.809799999999996</v>
      </c>
      <c r="I3413" s="1"/>
    </row>
    <row r="3414" spans="1:9" x14ac:dyDescent="0.25">
      <c r="A3414" s="3">
        <v>41916.392129629632</v>
      </c>
      <c r="B3414" s="6">
        <v>56826.45</v>
      </c>
      <c r="C3414" s="7">
        <f t="shared" si="53"/>
        <v>56.826449999999994</v>
      </c>
      <c r="I3414" s="1"/>
    </row>
    <row r="3415" spans="1:9" x14ac:dyDescent="0.25">
      <c r="A3415" s="3">
        <v>41916.39234953704</v>
      </c>
      <c r="B3415" s="6">
        <v>56843.1</v>
      </c>
      <c r="C3415" s="7">
        <f t="shared" si="53"/>
        <v>56.8431</v>
      </c>
      <c r="I3415" s="1"/>
    </row>
    <row r="3416" spans="1:9" x14ac:dyDescent="0.25">
      <c r="A3416" s="3">
        <v>41916.395335648151</v>
      </c>
      <c r="B3416" s="6">
        <v>56859.749999999993</v>
      </c>
      <c r="C3416" s="7">
        <f t="shared" si="53"/>
        <v>56.859749999999991</v>
      </c>
      <c r="I3416" s="1"/>
    </row>
    <row r="3417" spans="1:9" x14ac:dyDescent="0.25">
      <c r="A3417" s="3">
        <v>41916.395613425928</v>
      </c>
      <c r="B3417" s="6">
        <v>56876.399999999994</v>
      </c>
      <c r="C3417" s="7">
        <f t="shared" si="53"/>
        <v>56.876399999999997</v>
      </c>
      <c r="I3417" s="1"/>
    </row>
    <row r="3418" spans="1:9" x14ac:dyDescent="0.25">
      <c r="A3418" s="3">
        <v>41916.398379629631</v>
      </c>
      <c r="B3418" s="6">
        <v>56893.049999999996</v>
      </c>
      <c r="C3418" s="7">
        <f t="shared" si="53"/>
        <v>56.893049999999995</v>
      </c>
      <c r="I3418" s="1"/>
    </row>
    <row r="3419" spans="1:9" x14ac:dyDescent="0.25">
      <c r="A3419" s="3">
        <v>41916.398877314816</v>
      </c>
      <c r="B3419" s="6">
        <v>56909.7</v>
      </c>
      <c r="C3419" s="7">
        <f t="shared" si="53"/>
        <v>56.909699999999994</v>
      </c>
      <c r="I3419" s="1"/>
    </row>
    <row r="3420" spans="1:9" x14ac:dyDescent="0.25">
      <c r="A3420" s="3">
        <v>41916.402326388888</v>
      </c>
      <c r="B3420" s="6">
        <v>56926.35</v>
      </c>
      <c r="C3420" s="7">
        <f t="shared" si="53"/>
        <v>56.926349999999999</v>
      </c>
      <c r="I3420" s="1"/>
    </row>
    <row r="3421" spans="1:9" x14ac:dyDescent="0.25">
      <c r="A3421" s="3">
        <v>41916.403078703705</v>
      </c>
      <c r="B3421" s="6">
        <v>56942.999999999993</v>
      </c>
      <c r="C3421" s="7">
        <f t="shared" si="53"/>
        <v>56.942999999999991</v>
      </c>
      <c r="I3421" s="1"/>
    </row>
    <row r="3422" spans="1:9" x14ac:dyDescent="0.25">
      <c r="A3422" s="3">
        <v>41916.405555555553</v>
      </c>
      <c r="B3422" s="6">
        <v>56959.649999999994</v>
      </c>
      <c r="C3422" s="7">
        <f t="shared" si="53"/>
        <v>56.959649999999996</v>
      </c>
      <c r="I3422" s="1"/>
    </row>
    <row r="3423" spans="1:9" x14ac:dyDescent="0.25">
      <c r="A3423" s="3">
        <v>41916.405775462961</v>
      </c>
      <c r="B3423" s="6">
        <v>56976.299999999996</v>
      </c>
      <c r="C3423" s="7">
        <f t="shared" si="53"/>
        <v>56.976299999999995</v>
      </c>
      <c r="I3423" s="1"/>
    </row>
    <row r="3424" spans="1:9" x14ac:dyDescent="0.25">
      <c r="A3424" s="3">
        <v>41916.408842592595</v>
      </c>
      <c r="B3424" s="6">
        <v>56992.95</v>
      </c>
      <c r="C3424" s="7">
        <f t="shared" si="53"/>
        <v>56.99295</v>
      </c>
      <c r="I3424" s="1"/>
    </row>
    <row r="3425" spans="1:9" x14ac:dyDescent="0.25">
      <c r="A3425" s="3">
        <v>41916.409074074072</v>
      </c>
      <c r="B3425" s="6">
        <v>57009.599999999999</v>
      </c>
      <c r="C3425" s="7">
        <f t="shared" si="53"/>
        <v>57.009599999999999</v>
      </c>
      <c r="I3425" s="1"/>
    </row>
    <row r="3426" spans="1:9" x14ac:dyDescent="0.25">
      <c r="A3426" s="3">
        <v>41916.410856481481</v>
      </c>
      <c r="B3426" s="6">
        <v>57026.249999999993</v>
      </c>
      <c r="C3426" s="7">
        <f t="shared" si="53"/>
        <v>57.02624999999999</v>
      </c>
      <c r="I3426" s="1"/>
    </row>
    <row r="3427" spans="1:9" x14ac:dyDescent="0.25">
      <c r="A3427" s="3">
        <v>41916.410960648151</v>
      </c>
      <c r="B3427" s="6">
        <v>57042.899999999994</v>
      </c>
      <c r="C3427" s="7">
        <f t="shared" si="53"/>
        <v>57.042899999999996</v>
      </c>
      <c r="I3427" s="1"/>
    </row>
    <row r="3428" spans="1:9" x14ac:dyDescent="0.25">
      <c r="A3428" s="3">
        <v>41916.412812499999</v>
      </c>
      <c r="B3428" s="6">
        <v>57059.549999999996</v>
      </c>
      <c r="C3428" s="7">
        <f t="shared" si="53"/>
        <v>57.059549999999994</v>
      </c>
      <c r="I3428" s="1"/>
    </row>
    <row r="3429" spans="1:9" x14ac:dyDescent="0.25">
      <c r="A3429" s="3">
        <v>41916.41306712963</v>
      </c>
      <c r="B3429" s="6">
        <v>57076.2</v>
      </c>
      <c r="C3429" s="7">
        <f t="shared" si="53"/>
        <v>57.0762</v>
      </c>
      <c r="I3429" s="1"/>
    </row>
    <row r="3430" spans="1:9" x14ac:dyDescent="0.25">
      <c r="A3430" s="3">
        <v>41916.414942129632</v>
      </c>
      <c r="B3430" s="6">
        <v>57092.85</v>
      </c>
      <c r="C3430" s="7">
        <f t="shared" si="53"/>
        <v>57.092849999999999</v>
      </c>
      <c r="I3430" s="1"/>
    </row>
    <row r="3431" spans="1:9" x14ac:dyDescent="0.25">
      <c r="A3431" s="3">
        <v>41916.415138888886</v>
      </c>
      <c r="B3431" s="6">
        <v>57109.499999999993</v>
      </c>
      <c r="C3431" s="7">
        <f t="shared" si="53"/>
        <v>57.10949999999999</v>
      </c>
      <c r="I3431" s="1"/>
    </row>
    <row r="3432" spans="1:9" x14ac:dyDescent="0.25">
      <c r="A3432" s="3">
        <v>41916.419988425929</v>
      </c>
      <c r="B3432" s="6">
        <v>57126.149999999994</v>
      </c>
      <c r="C3432" s="7">
        <f t="shared" si="53"/>
        <v>57.126149999999996</v>
      </c>
      <c r="I3432" s="1"/>
    </row>
    <row r="3433" spans="1:9" x14ac:dyDescent="0.25">
      <c r="A3433" s="3">
        <v>41916.42359953704</v>
      </c>
      <c r="B3433" s="6">
        <v>57142.799999999996</v>
      </c>
      <c r="C3433" s="7">
        <f t="shared" si="53"/>
        <v>57.142799999999994</v>
      </c>
      <c r="I3433" s="1"/>
    </row>
    <row r="3434" spans="1:9" x14ac:dyDescent="0.25">
      <c r="A3434" s="3">
        <v>41916.435324074075</v>
      </c>
      <c r="B3434" s="6">
        <v>57159.45</v>
      </c>
      <c r="C3434" s="7">
        <f t="shared" si="53"/>
        <v>57.15945</v>
      </c>
      <c r="I3434" s="1"/>
    </row>
    <row r="3435" spans="1:9" x14ac:dyDescent="0.25">
      <c r="A3435" s="3">
        <v>41916.435740740744</v>
      </c>
      <c r="B3435" s="6">
        <v>57176.1</v>
      </c>
      <c r="C3435" s="7">
        <f t="shared" si="53"/>
        <v>57.176099999999998</v>
      </c>
      <c r="I3435" s="1"/>
    </row>
    <row r="3436" spans="1:9" x14ac:dyDescent="0.25">
      <c r="A3436" s="3">
        <v>41916.443310185183</v>
      </c>
      <c r="B3436" s="6">
        <v>57192.749999999993</v>
      </c>
      <c r="C3436" s="7">
        <f t="shared" si="53"/>
        <v>57.19274999999999</v>
      </c>
      <c r="I3436" s="1"/>
    </row>
    <row r="3437" spans="1:9" x14ac:dyDescent="0.25">
      <c r="A3437" s="3">
        <v>41916.445856481485</v>
      </c>
      <c r="B3437" s="6">
        <v>57209.399999999994</v>
      </c>
      <c r="C3437" s="7">
        <f t="shared" si="53"/>
        <v>57.209399999999995</v>
      </c>
      <c r="I3437" s="1"/>
    </row>
    <row r="3438" spans="1:9" x14ac:dyDescent="0.25">
      <c r="A3438" s="3">
        <v>41916.450983796298</v>
      </c>
      <c r="B3438" s="6">
        <v>57226.049999999996</v>
      </c>
      <c r="C3438" s="7">
        <f t="shared" si="53"/>
        <v>57.226049999999994</v>
      </c>
      <c r="I3438" s="1"/>
    </row>
    <row r="3439" spans="1:9" x14ac:dyDescent="0.25">
      <c r="A3439" s="3">
        <v>41916.451284722221</v>
      </c>
      <c r="B3439" s="6">
        <v>57242.7</v>
      </c>
      <c r="C3439" s="7">
        <f t="shared" si="53"/>
        <v>57.242699999999999</v>
      </c>
      <c r="I3439" s="1"/>
    </row>
    <row r="3440" spans="1:9" x14ac:dyDescent="0.25">
      <c r="A3440" s="3">
        <v>41916.461053240739</v>
      </c>
      <c r="B3440" s="6">
        <v>57259.35</v>
      </c>
      <c r="C3440" s="7">
        <f t="shared" si="53"/>
        <v>57.259349999999998</v>
      </c>
      <c r="I3440" s="1"/>
    </row>
    <row r="3441" spans="1:9" x14ac:dyDescent="0.25">
      <c r="A3441" s="3">
        <v>41916.461261574077</v>
      </c>
      <c r="B3441" s="6">
        <v>57275.999999999993</v>
      </c>
      <c r="C3441" s="7">
        <f t="shared" si="53"/>
        <v>57.275999999999996</v>
      </c>
      <c r="I3441" s="1"/>
    </row>
    <row r="3442" spans="1:9" x14ac:dyDescent="0.25">
      <c r="A3442" s="3">
        <v>41916.471122685187</v>
      </c>
      <c r="B3442" s="6">
        <v>57292.649999999994</v>
      </c>
      <c r="C3442" s="7">
        <f t="shared" si="53"/>
        <v>57.292649999999995</v>
      </c>
      <c r="I3442" s="1"/>
    </row>
    <row r="3443" spans="1:9" x14ac:dyDescent="0.25">
      <c r="A3443" s="3">
        <v>41916.471539351849</v>
      </c>
      <c r="B3443" s="6">
        <v>57309.299999999996</v>
      </c>
      <c r="C3443" s="7">
        <f t="shared" si="53"/>
        <v>57.309299999999993</v>
      </c>
      <c r="I3443" s="1"/>
    </row>
    <row r="3444" spans="1:9" x14ac:dyDescent="0.25">
      <c r="A3444" s="3">
        <v>41916.478831018518</v>
      </c>
      <c r="B3444" s="6">
        <v>57325.95</v>
      </c>
      <c r="C3444" s="7">
        <f t="shared" si="53"/>
        <v>57.325949999999999</v>
      </c>
      <c r="I3444" s="1"/>
    </row>
    <row r="3445" spans="1:9" x14ac:dyDescent="0.25">
      <c r="A3445" s="3">
        <v>41916.479212962964</v>
      </c>
      <c r="B3445" s="6">
        <v>57342.6</v>
      </c>
      <c r="C3445" s="7">
        <f t="shared" si="53"/>
        <v>57.342599999999997</v>
      </c>
      <c r="I3445" s="1"/>
    </row>
    <row r="3446" spans="1:9" x14ac:dyDescent="0.25">
      <c r="A3446" s="3">
        <v>41916.485115740739</v>
      </c>
      <c r="B3446" s="6">
        <v>57359.249999999993</v>
      </c>
      <c r="C3446" s="7">
        <f t="shared" si="53"/>
        <v>57.359249999999996</v>
      </c>
      <c r="I3446" s="1"/>
    </row>
    <row r="3447" spans="1:9" x14ac:dyDescent="0.25">
      <c r="A3447" s="3">
        <v>41916.485520833332</v>
      </c>
      <c r="B3447" s="6">
        <v>57375.899999999994</v>
      </c>
      <c r="C3447" s="7">
        <f t="shared" si="53"/>
        <v>57.375899999999994</v>
      </c>
      <c r="I3447" s="1"/>
    </row>
    <row r="3448" spans="1:9" x14ac:dyDescent="0.25">
      <c r="A3448" s="3">
        <v>41916.490567129629</v>
      </c>
      <c r="B3448" s="6">
        <v>57392.549999999996</v>
      </c>
      <c r="C3448" s="7">
        <f t="shared" si="53"/>
        <v>57.392549999999993</v>
      </c>
      <c r="I3448" s="1"/>
    </row>
    <row r="3449" spans="1:9" x14ac:dyDescent="0.25">
      <c r="A3449" s="3">
        <v>41916.491122685184</v>
      </c>
      <c r="B3449" s="6">
        <v>57409.2</v>
      </c>
      <c r="C3449" s="7">
        <f t="shared" si="53"/>
        <v>57.409199999999998</v>
      </c>
      <c r="I3449" s="1"/>
    </row>
    <row r="3450" spans="1:9" x14ac:dyDescent="0.25">
      <c r="A3450" s="3">
        <v>41916.494560185187</v>
      </c>
      <c r="B3450" s="6">
        <v>57425.85</v>
      </c>
      <c r="C3450" s="7">
        <f t="shared" si="53"/>
        <v>57.425849999999997</v>
      </c>
      <c r="I3450" s="1"/>
    </row>
    <row r="3451" spans="1:9" x14ac:dyDescent="0.25">
      <c r="A3451" s="3">
        <v>41916.49490740741</v>
      </c>
      <c r="B3451" s="6">
        <v>57442.499999999993</v>
      </c>
      <c r="C3451" s="7">
        <f t="shared" si="53"/>
        <v>57.442499999999995</v>
      </c>
      <c r="I3451" s="1"/>
    </row>
    <row r="3452" spans="1:9" x14ac:dyDescent="0.25">
      <c r="A3452" s="3">
        <v>41916.497037037036</v>
      </c>
      <c r="B3452" s="6">
        <v>57459.149999999994</v>
      </c>
      <c r="C3452" s="7">
        <f t="shared" si="53"/>
        <v>57.459149999999994</v>
      </c>
      <c r="I3452" s="1"/>
    </row>
    <row r="3453" spans="1:9" x14ac:dyDescent="0.25">
      <c r="A3453" s="3">
        <v>41916.497118055559</v>
      </c>
      <c r="B3453" s="6">
        <v>57475.799999999996</v>
      </c>
      <c r="C3453" s="7">
        <f t="shared" si="53"/>
        <v>57.475799999999992</v>
      </c>
      <c r="I3453" s="1"/>
    </row>
    <row r="3454" spans="1:9" x14ac:dyDescent="0.25">
      <c r="A3454" s="3">
        <v>41916.498148148145</v>
      </c>
      <c r="B3454" s="6">
        <v>57492.45</v>
      </c>
      <c r="C3454" s="7">
        <f t="shared" si="53"/>
        <v>57.492449999999998</v>
      </c>
      <c r="I3454" s="1"/>
    </row>
    <row r="3455" spans="1:9" x14ac:dyDescent="0.25">
      <c r="A3455" s="3">
        <v>41916.498240740744</v>
      </c>
      <c r="B3455" s="6">
        <v>57509.1</v>
      </c>
      <c r="C3455" s="7">
        <f t="shared" si="53"/>
        <v>57.509099999999997</v>
      </c>
      <c r="I3455" s="1"/>
    </row>
    <row r="3456" spans="1:9" x14ac:dyDescent="0.25">
      <c r="A3456" s="3">
        <v>41916.498923611114</v>
      </c>
      <c r="B3456" s="6">
        <v>57525.749999999993</v>
      </c>
      <c r="C3456" s="7">
        <f t="shared" si="53"/>
        <v>57.525749999999995</v>
      </c>
      <c r="I3456" s="1"/>
    </row>
    <row r="3457" spans="1:9" x14ac:dyDescent="0.25">
      <c r="A3457" s="3">
        <v>41916.499074074076</v>
      </c>
      <c r="B3457" s="6">
        <v>57542.399999999994</v>
      </c>
      <c r="C3457" s="7">
        <f t="shared" si="53"/>
        <v>57.542399999999994</v>
      </c>
      <c r="I3457" s="1"/>
    </row>
    <row r="3458" spans="1:9" x14ac:dyDescent="0.25">
      <c r="A3458" s="3">
        <v>41916.500520833331</v>
      </c>
      <c r="B3458" s="6">
        <v>57559.049999999996</v>
      </c>
      <c r="C3458" s="7">
        <f t="shared" si="53"/>
        <v>57.559049999999999</v>
      </c>
      <c r="I3458" s="1"/>
    </row>
    <row r="3459" spans="1:9" x14ac:dyDescent="0.25">
      <c r="A3459" s="3">
        <v>41916.500625000001</v>
      </c>
      <c r="B3459" s="6">
        <v>57575.7</v>
      </c>
      <c r="C3459" s="7">
        <f t="shared" ref="C3459:C3522" si="54">B3459/1000</f>
        <v>57.575699999999998</v>
      </c>
      <c r="I3459" s="1"/>
    </row>
    <row r="3460" spans="1:9" x14ac:dyDescent="0.25">
      <c r="A3460" s="3">
        <v>41916.502175925925</v>
      </c>
      <c r="B3460" s="6">
        <v>57592.35</v>
      </c>
      <c r="C3460" s="7">
        <f t="shared" si="54"/>
        <v>57.592349999999996</v>
      </c>
      <c r="I3460" s="1"/>
    </row>
    <row r="3461" spans="1:9" x14ac:dyDescent="0.25">
      <c r="A3461" s="3">
        <v>41916.502256944441</v>
      </c>
      <c r="B3461" s="6">
        <v>57608.999999999993</v>
      </c>
      <c r="C3461" s="7">
        <f t="shared" si="54"/>
        <v>57.608999999999995</v>
      </c>
      <c r="I3461" s="1"/>
    </row>
    <row r="3462" spans="1:9" x14ac:dyDescent="0.25">
      <c r="A3462" s="3">
        <v>41916.503240740742</v>
      </c>
      <c r="B3462" s="6">
        <v>57625.649999999994</v>
      </c>
      <c r="C3462" s="7">
        <f t="shared" si="54"/>
        <v>57.625649999999993</v>
      </c>
      <c r="I3462" s="1"/>
    </row>
    <row r="3463" spans="1:9" x14ac:dyDescent="0.25">
      <c r="A3463" s="3">
        <v>41916.50335648148</v>
      </c>
      <c r="B3463" s="6">
        <v>57642.299999999996</v>
      </c>
      <c r="C3463" s="7">
        <f t="shared" si="54"/>
        <v>57.642299999999999</v>
      </c>
      <c r="I3463" s="1"/>
    </row>
    <row r="3464" spans="1:9" x14ac:dyDescent="0.25">
      <c r="A3464" s="3">
        <v>41916.505567129629</v>
      </c>
      <c r="B3464" s="6">
        <v>57658.95</v>
      </c>
      <c r="C3464" s="7">
        <f t="shared" si="54"/>
        <v>57.658949999999997</v>
      </c>
      <c r="I3464" s="1"/>
    </row>
    <row r="3465" spans="1:9" x14ac:dyDescent="0.25">
      <c r="A3465" s="3">
        <v>41916.505706018521</v>
      </c>
      <c r="B3465" s="6">
        <v>57675.6</v>
      </c>
      <c r="C3465" s="7">
        <f t="shared" si="54"/>
        <v>57.675599999999996</v>
      </c>
      <c r="I3465" s="1"/>
    </row>
    <row r="3466" spans="1:9" x14ac:dyDescent="0.25">
      <c r="A3466" s="3">
        <v>41916.506435185183</v>
      </c>
      <c r="B3466" s="6">
        <v>57692.249999999993</v>
      </c>
      <c r="C3466" s="7">
        <f t="shared" si="54"/>
        <v>57.692249999999994</v>
      </c>
      <c r="I3466" s="1"/>
    </row>
    <row r="3467" spans="1:9" x14ac:dyDescent="0.25">
      <c r="A3467" s="3">
        <v>41916.506539351853</v>
      </c>
      <c r="B3467" s="6">
        <v>57708.899999999994</v>
      </c>
      <c r="C3467" s="7">
        <f t="shared" si="54"/>
        <v>57.708899999999993</v>
      </c>
      <c r="I3467" s="1"/>
    </row>
    <row r="3468" spans="1:9" x14ac:dyDescent="0.25">
      <c r="A3468" s="3">
        <v>41916.508888888886</v>
      </c>
      <c r="B3468" s="6">
        <v>57725.549999999996</v>
      </c>
      <c r="C3468" s="7">
        <f t="shared" si="54"/>
        <v>57.725549999999998</v>
      </c>
      <c r="I3468" s="1"/>
    </row>
    <row r="3469" spans="1:9" x14ac:dyDescent="0.25">
      <c r="A3469" s="3">
        <v>41916.508958333332</v>
      </c>
      <c r="B3469" s="6">
        <v>57742.2</v>
      </c>
      <c r="C3469" s="7">
        <f t="shared" si="54"/>
        <v>57.742199999999997</v>
      </c>
      <c r="I3469" s="1"/>
    </row>
    <row r="3470" spans="1:9" x14ac:dyDescent="0.25">
      <c r="A3470" s="3">
        <v>41916.510104166664</v>
      </c>
      <c r="B3470" s="6">
        <v>57758.85</v>
      </c>
      <c r="C3470" s="7">
        <f t="shared" si="54"/>
        <v>57.758849999999995</v>
      </c>
      <c r="I3470" s="1"/>
    </row>
    <row r="3471" spans="1:9" x14ac:dyDescent="0.25">
      <c r="A3471" s="3">
        <v>41916.510266203702</v>
      </c>
      <c r="B3471" s="6">
        <v>57775.499999999993</v>
      </c>
      <c r="C3471" s="7">
        <f t="shared" si="54"/>
        <v>57.775499999999994</v>
      </c>
      <c r="I3471" s="1"/>
    </row>
    <row r="3472" spans="1:9" x14ac:dyDescent="0.25">
      <c r="A3472" s="3">
        <v>41916.512476851851</v>
      </c>
      <c r="B3472" s="6">
        <v>57792.149999999994</v>
      </c>
      <c r="C3472" s="7">
        <f t="shared" si="54"/>
        <v>57.792149999999992</v>
      </c>
      <c r="I3472" s="1"/>
    </row>
    <row r="3473" spans="1:9" x14ac:dyDescent="0.25">
      <c r="A3473" s="3">
        <v>41916.512569444443</v>
      </c>
      <c r="B3473" s="6">
        <v>57808.799999999996</v>
      </c>
      <c r="C3473" s="7">
        <f t="shared" si="54"/>
        <v>57.808799999999998</v>
      </c>
      <c r="I3473" s="1"/>
    </row>
    <row r="3474" spans="1:9" x14ac:dyDescent="0.25">
      <c r="A3474" s="3">
        <v>41916.515567129631</v>
      </c>
      <c r="B3474" s="6">
        <v>57825.45</v>
      </c>
      <c r="C3474" s="7">
        <f t="shared" si="54"/>
        <v>57.825449999999996</v>
      </c>
      <c r="I3474" s="1"/>
    </row>
    <row r="3475" spans="1:9" x14ac:dyDescent="0.25">
      <c r="A3475" s="3">
        <v>41916.515682870369</v>
      </c>
      <c r="B3475" s="6">
        <v>57842.1</v>
      </c>
      <c r="C3475" s="7">
        <f t="shared" si="54"/>
        <v>57.842100000000002</v>
      </c>
      <c r="I3475" s="1"/>
    </row>
    <row r="3476" spans="1:9" x14ac:dyDescent="0.25">
      <c r="A3476" s="3">
        <v>41916.518275462964</v>
      </c>
      <c r="B3476" s="6">
        <v>57858.749999999993</v>
      </c>
      <c r="C3476" s="7">
        <f t="shared" si="54"/>
        <v>57.858749999999993</v>
      </c>
      <c r="I3476" s="1"/>
    </row>
    <row r="3477" spans="1:9" x14ac:dyDescent="0.25">
      <c r="A3477" s="3">
        <v>41916.518483796295</v>
      </c>
      <c r="B3477" s="6">
        <v>57875.399999999994</v>
      </c>
      <c r="C3477" s="7">
        <f t="shared" si="54"/>
        <v>57.875399999999992</v>
      </c>
      <c r="I3477" s="1"/>
    </row>
    <row r="3478" spans="1:9" x14ac:dyDescent="0.25">
      <c r="A3478" s="3">
        <v>41916.520104166666</v>
      </c>
      <c r="B3478" s="6">
        <v>57892.049999999996</v>
      </c>
      <c r="C3478" s="7">
        <f t="shared" si="54"/>
        <v>57.892049999999998</v>
      </c>
      <c r="I3478" s="1"/>
    </row>
    <row r="3479" spans="1:9" x14ac:dyDescent="0.25">
      <c r="A3479" s="3">
        <v>41916.520358796297</v>
      </c>
      <c r="B3479" s="6">
        <v>57908.7</v>
      </c>
      <c r="C3479" s="7">
        <f t="shared" si="54"/>
        <v>57.908699999999996</v>
      </c>
      <c r="I3479" s="1"/>
    </row>
    <row r="3480" spans="1:9" x14ac:dyDescent="0.25">
      <c r="A3480" s="3">
        <v>41916.521689814814</v>
      </c>
      <c r="B3480" s="6">
        <v>57925.35</v>
      </c>
      <c r="C3480" s="7">
        <f t="shared" si="54"/>
        <v>57.925350000000002</v>
      </c>
      <c r="I3480" s="1"/>
    </row>
    <row r="3481" spans="1:9" x14ac:dyDescent="0.25">
      <c r="A3481" s="3">
        <v>41916.521874999999</v>
      </c>
      <c r="B3481" s="6">
        <v>57941.999999999993</v>
      </c>
      <c r="C3481" s="7">
        <f t="shared" si="54"/>
        <v>57.941999999999993</v>
      </c>
      <c r="I3481" s="1"/>
    </row>
    <row r="3482" spans="1:9" x14ac:dyDescent="0.25">
      <c r="A3482" s="3">
        <v>41916.522997685184</v>
      </c>
      <c r="B3482" s="6">
        <v>57958.649999999994</v>
      </c>
      <c r="C3482" s="7">
        <f t="shared" si="54"/>
        <v>57.958649999999992</v>
      </c>
      <c r="I3482" s="1"/>
    </row>
    <row r="3483" spans="1:9" x14ac:dyDescent="0.25">
      <c r="A3483" s="3">
        <v>41916.523043981484</v>
      </c>
      <c r="B3483" s="6">
        <v>57975.299999999996</v>
      </c>
      <c r="C3483" s="7">
        <f t="shared" si="54"/>
        <v>57.975299999999997</v>
      </c>
      <c r="I3483" s="1"/>
    </row>
    <row r="3484" spans="1:9" x14ac:dyDescent="0.25">
      <c r="A3484" s="3">
        <v>41916.523553240739</v>
      </c>
      <c r="B3484" s="6">
        <v>57991.95</v>
      </c>
      <c r="C3484" s="7">
        <f t="shared" si="54"/>
        <v>57.991949999999996</v>
      </c>
      <c r="I3484" s="1"/>
    </row>
    <row r="3485" spans="1:9" x14ac:dyDescent="0.25">
      <c r="A3485" s="3">
        <v>41916.523587962962</v>
      </c>
      <c r="B3485" s="6">
        <v>58008.6</v>
      </c>
      <c r="C3485" s="7">
        <f t="shared" si="54"/>
        <v>58.008600000000001</v>
      </c>
      <c r="I3485" s="1"/>
    </row>
    <row r="3486" spans="1:9" x14ac:dyDescent="0.25">
      <c r="A3486" s="3">
        <v>41916.524375000001</v>
      </c>
      <c r="B3486" s="6">
        <v>58025.249999999993</v>
      </c>
      <c r="C3486" s="7">
        <f t="shared" si="54"/>
        <v>58.025249999999993</v>
      </c>
      <c r="I3486" s="1"/>
    </row>
    <row r="3487" spans="1:9" x14ac:dyDescent="0.25">
      <c r="A3487" s="3">
        <v>41916.524456018517</v>
      </c>
      <c r="B3487" s="6">
        <v>58041.899999999994</v>
      </c>
      <c r="C3487" s="7">
        <f t="shared" si="54"/>
        <v>58.041899999999991</v>
      </c>
      <c r="I3487" s="1"/>
    </row>
    <row r="3488" spans="1:9" x14ac:dyDescent="0.25">
      <c r="A3488" s="3">
        <v>41916.525104166663</v>
      </c>
      <c r="B3488" s="6">
        <v>58058.549999999996</v>
      </c>
      <c r="C3488" s="7">
        <f t="shared" si="54"/>
        <v>58.058549999999997</v>
      </c>
      <c r="I3488" s="1"/>
    </row>
    <row r="3489" spans="1:9" x14ac:dyDescent="0.25">
      <c r="A3489" s="3">
        <v>41916.525150462963</v>
      </c>
      <c r="B3489" s="6">
        <v>58075.199999999997</v>
      </c>
      <c r="C3489" s="7">
        <f t="shared" si="54"/>
        <v>58.075199999999995</v>
      </c>
      <c r="I3489" s="1"/>
    </row>
    <row r="3490" spans="1:9" x14ac:dyDescent="0.25">
      <c r="A3490" s="3">
        <v>41916.526435185187</v>
      </c>
      <c r="B3490" s="6">
        <v>58091.85</v>
      </c>
      <c r="C3490" s="7">
        <f t="shared" si="54"/>
        <v>58.091850000000001</v>
      </c>
      <c r="I3490" s="1"/>
    </row>
    <row r="3491" spans="1:9" x14ac:dyDescent="0.25">
      <c r="A3491" s="3">
        <v>41916.526620370372</v>
      </c>
      <c r="B3491" s="6">
        <v>58108.499999999993</v>
      </c>
      <c r="C3491" s="7">
        <f t="shared" si="54"/>
        <v>58.108499999999992</v>
      </c>
      <c r="I3491" s="1"/>
    </row>
    <row r="3492" spans="1:9" x14ac:dyDescent="0.25">
      <c r="A3492" s="3">
        <v>41916.528078703705</v>
      </c>
      <c r="B3492" s="6">
        <v>58125.149999999994</v>
      </c>
      <c r="C3492" s="7">
        <f t="shared" si="54"/>
        <v>58.125149999999991</v>
      </c>
      <c r="I3492" s="1"/>
    </row>
    <row r="3493" spans="1:9" x14ac:dyDescent="0.25">
      <c r="A3493" s="3">
        <v>41916.528136574074</v>
      </c>
      <c r="B3493" s="6">
        <v>58141.799999999996</v>
      </c>
      <c r="C3493" s="7">
        <f t="shared" si="54"/>
        <v>58.141799999999996</v>
      </c>
      <c r="I3493" s="1"/>
    </row>
    <row r="3494" spans="1:9" x14ac:dyDescent="0.25">
      <c r="A3494" s="3">
        <v>41916.528784722221</v>
      </c>
      <c r="B3494" s="6">
        <v>58158.45</v>
      </c>
      <c r="C3494" s="7">
        <f t="shared" si="54"/>
        <v>58.158449999999995</v>
      </c>
      <c r="I3494" s="1"/>
    </row>
    <row r="3495" spans="1:9" x14ac:dyDescent="0.25">
      <c r="A3495" s="3">
        <v>41916.528854166667</v>
      </c>
      <c r="B3495" s="6">
        <v>58175.1</v>
      </c>
      <c r="C3495" s="7">
        <f t="shared" si="54"/>
        <v>58.1751</v>
      </c>
      <c r="I3495" s="1"/>
    </row>
    <row r="3496" spans="1:9" x14ac:dyDescent="0.25">
      <c r="A3496" s="3">
        <v>41916.530300925922</v>
      </c>
      <c r="B3496" s="6">
        <v>58191.749999999993</v>
      </c>
      <c r="C3496" s="7">
        <f t="shared" si="54"/>
        <v>58.191749999999992</v>
      </c>
      <c r="I3496" s="1"/>
    </row>
    <row r="3497" spans="1:9" x14ac:dyDescent="0.25">
      <c r="A3497" s="3">
        <v>41916.530439814815</v>
      </c>
      <c r="B3497" s="6">
        <v>58208.399999999994</v>
      </c>
      <c r="C3497" s="7">
        <f t="shared" si="54"/>
        <v>58.208399999999997</v>
      </c>
      <c r="I3497" s="1"/>
    </row>
    <row r="3498" spans="1:9" x14ac:dyDescent="0.25">
      <c r="A3498" s="3">
        <v>41916.530949074076</v>
      </c>
      <c r="B3498" s="6">
        <v>58225.049999999996</v>
      </c>
      <c r="C3498" s="7">
        <f t="shared" si="54"/>
        <v>58.225049999999996</v>
      </c>
      <c r="I3498" s="1"/>
    </row>
    <row r="3499" spans="1:9" x14ac:dyDescent="0.25">
      <c r="A3499" s="3">
        <v>41916.531018518515</v>
      </c>
      <c r="B3499" s="6">
        <v>58241.7</v>
      </c>
      <c r="C3499" s="7">
        <f t="shared" si="54"/>
        <v>58.241699999999994</v>
      </c>
      <c r="I3499" s="1"/>
    </row>
    <row r="3500" spans="1:9" x14ac:dyDescent="0.25">
      <c r="A3500" s="3">
        <v>41916.531539351854</v>
      </c>
      <c r="B3500" s="6">
        <v>58258.35</v>
      </c>
      <c r="C3500" s="7">
        <f t="shared" si="54"/>
        <v>58.25835</v>
      </c>
      <c r="I3500" s="1"/>
    </row>
    <row r="3501" spans="1:9" x14ac:dyDescent="0.25">
      <c r="A3501" s="3">
        <v>41916.531678240739</v>
      </c>
      <c r="B3501" s="6">
        <v>58274.999999999993</v>
      </c>
      <c r="C3501" s="7">
        <f t="shared" si="54"/>
        <v>58.274999999999991</v>
      </c>
      <c r="I3501" s="1"/>
    </row>
    <row r="3502" spans="1:9" x14ac:dyDescent="0.25">
      <c r="A3502" s="3">
        <v>41916.533333333333</v>
      </c>
      <c r="B3502" s="6">
        <v>58291.649999999994</v>
      </c>
      <c r="C3502" s="7">
        <f t="shared" si="54"/>
        <v>58.291649999999997</v>
      </c>
      <c r="I3502" s="1"/>
    </row>
    <row r="3503" spans="1:9" x14ac:dyDescent="0.25">
      <c r="A3503" s="3">
        <v>41916.533402777779</v>
      </c>
      <c r="B3503" s="6">
        <v>58308.299999999996</v>
      </c>
      <c r="C3503" s="7">
        <f t="shared" si="54"/>
        <v>58.308299999999996</v>
      </c>
      <c r="I3503" s="1"/>
    </row>
    <row r="3504" spans="1:9" x14ac:dyDescent="0.25">
      <c r="A3504" s="3">
        <v>41916.534074074072</v>
      </c>
      <c r="B3504" s="6">
        <v>58324.95</v>
      </c>
      <c r="C3504" s="7">
        <f t="shared" si="54"/>
        <v>58.324949999999994</v>
      </c>
      <c r="I3504" s="1"/>
    </row>
    <row r="3505" spans="1:9" x14ac:dyDescent="0.25">
      <c r="A3505" s="3">
        <v>41916.534120370372</v>
      </c>
      <c r="B3505" s="6">
        <v>58341.599999999999</v>
      </c>
      <c r="C3505" s="7">
        <f t="shared" si="54"/>
        <v>58.3416</v>
      </c>
      <c r="I3505" s="1"/>
    </row>
    <row r="3506" spans="1:9" x14ac:dyDescent="0.25">
      <c r="A3506" s="3">
        <v>41916.534687500003</v>
      </c>
      <c r="B3506" s="6">
        <v>58358.249999999993</v>
      </c>
      <c r="C3506" s="7">
        <f t="shared" si="54"/>
        <v>58.358249999999991</v>
      </c>
      <c r="I3506" s="1"/>
    </row>
    <row r="3507" spans="1:9" x14ac:dyDescent="0.25">
      <c r="A3507" s="3">
        <v>41916.534756944442</v>
      </c>
      <c r="B3507" s="6">
        <v>58374.899999999994</v>
      </c>
      <c r="C3507" s="7">
        <f t="shared" si="54"/>
        <v>58.374899999999997</v>
      </c>
      <c r="I3507" s="1"/>
    </row>
    <row r="3508" spans="1:9" x14ac:dyDescent="0.25">
      <c r="A3508" s="3">
        <v>41916.53597222222</v>
      </c>
      <c r="B3508" s="6">
        <v>58391.549999999996</v>
      </c>
      <c r="C3508" s="7">
        <f t="shared" si="54"/>
        <v>58.391549999999995</v>
      </c>
      <c r="I3508" s="1"/>
    </row>
    <row r="3509" spans="1:9" x14ac:dyDescent="0.25">
      <c r="A3509" s="3">
        <v>41916.536030092589</v>
      </c>
      <c r="B3509" s="6">
        <v>58408.2</v>
      </c>
      <c r="C3509" s="7">
        <f t="shared" si="54"/>
        <v>58.408199999999994</v>
      </c>
      <c r="I3509" s="1"/>
    </row>
    <row r="3510" spans="1:9" x14ac:dyDescent="0.25">
      <c r="A3510" s="3">
        <v>41916.536643518521</v>
      </c>
      <c r="B3510" s="6">
        <v>58424.85</v>
      </c>
      <c r="C3510" s="7">
        <f t="shared" si="54"/>
        <v>58.424849999999999</v>
      </c>
      <c r="I3510" s="1"/>
    </row>
    <row r="3511" spans="1:9" x14ac:dyDescent="0.25">
      <c r="A3511" s="3">
        <v>41916.536712962959</v>
      </c>
      <c r="B3511" s="6">
        <v>58441.499999999993</v>
      </c>
      <c r="C3511" s="7">
        <f t="shared" si="54"/>
        <v>58.441499999999991</v>
      </c>
      <c r="I3511" s="1"/>
    </row>
    <row r="3512" spans="1:9" x14ac:dyDescent="0.25">
      <c r="A3512" s="3">
        <v>41916.537870370368</v>
      </c>
      <c r="B3512" s="6">
        <v>58458.149999999994</v>
      </c>
      <c r="C3512" s="7">
        <f t="shared" si="54"/>
        <v>58.458149999999996</v>
      </c>
      <c r="I3512" s="1"/>
    </row>
    <row r="3513" spans="1:9" x14ac:dyDescent="0.25">
      <c r="A3513" s="3">
        <v>41916.537951388891</v>
      </c>
      <c r="B3513" s="6">
        <v>58474.799999999996</v>
      </c>
      <c r="C3513" s="7">
        <f t="shared" si="54"/>
        <v>58.474799999999995</v>
      </c>
      <c r="I3513" s="1"/>
    </row>
    <row r="3514" spans="1:9" x14ac:dyDescent="0.25">
      <c r="A3514" s="3">
        <v>41916.539340277777</v>
      </c>
      <c r="B3514" s="6">
        <v>58491.45</v>
      </c>
      <c r="C3514" s="7">
        <f t="shared" si="54"/>
        <v>58.49145</v>
      </c>
      <c r="I3514" s="1"/>
    </row>
    <row r="3515" spans="1:9" x14ac:dyDescent="0.25">
      <c r="A3515" s="3">
        <v>41916.53943287037</v>
      </c>
      <c r="B3515" s="6">
        <v>58508.1</v>
      </c>
      <c r="C3515" s="7">
        <f t="shared" si="54"/>
        <v>58.508099999999999</v>
      </c>
      <c r="I3515" s="1"/>
    </row>
    <row r="3516" spans="1:9" x14ac:dyDescent="0.25">
      <c r="A3516" s="3">
        <v>41916.540439814817</v>
      </c>
      <c r="B3516" s="6">
        <v>58524.749999999993</v>
      </c>
      <c r="C3516" s="7">
        <f t="shared" si="54"/>
        <v>58.52474999999999</v>
      </c>
      <c r="I3516" s="1"/>
    </row>
    <row r="3517" spans="1:9" x14ac:dyDescent="0.25">
      <c r="A3517" s="3">
        <v>41916.540497685186</v>
      </c>
      <c r="B3517" s="6">
        <v>58541.399999999994</v>
      </c>
      <c r="C3517" s="7">
        <f t="shared" si="54"/>
        <v>58.541399999999996</v>
      </c>
      <c r="I3517" s="1"/>
    </row>
    <row r="3518" spans="1:9" x14ac:dyDescent="0.25">
      <c r="A3518" s="3">
        <v>41916.541018518517</v>
      </c>
      <c r="B3518" s="6">
        <v>58558.049999999996</v>
      </c>
      <c r="C3518" s="7">
        <f t="shared" si="54"/>
        <v>58.558049999999994</v>
      </c>
      <c r="I3518" s="1"/>
    </row>
    <row r="3519" spans="1:9" x14ac:dyDescent="0.25">
      <c r="A3519" s="3">
        <v>41916.541134259256</v>
      </c>
      <c r="B3519" s="6">
        <v>58574.7</v>
      </c>
      <c r="C3519" s="7">
        <f t="shared" si="54"/>
        <v>58.5747</v>
      </c>
      <c r="I3519" s="1"/>
    </row>
    <row r="3520" spans="1:9" x14ac:dyDescent="0.25">
      <c r="A3520" s="3">
        <v>41916.542534722219</v>
      </c>
      <c r="B3520" s="6">
        <v>58591.35</v>
      </c>
      <c r="C3520" s="7">
        <f t="shared" si="54"/>
        <v>58.591349999999998</v>
      </c>
      <c r="I3520" s="1"/>
    </row>
    <row r="3521" spans="1:9" x14ac:dyDescent="0.25">
      <c r="A3521" s="3">
        <v>41916.542685185188</v>
      </c>
      <c r="B3521" s="6">
        <v>58607.999999999993</v>
      </c>
      <c r="C3521" s="7">
        <f t="shared" si="54"/>
        <v>58.60799999999999</v>
      </c>
      <c r="I3521" s="1"/>
    </row>
    <row r="3522" spans="1:9" x14ac:dyDescent="0.25">
      <c r="A3522" s="3">
        <v>41916.543900462966</v>
      </c>
      <c r="B3522" s="6">
        <v>58624.649999999994</v>
      </c>
      <c r="C3522" s="7">
        <f t="shared" si="54"/>
        <v>58.624649999999995</v>
      </c>
      <c r="I3522" s="1"/>
    </row>
    <row r="3523" spans="1:9" x14ac:dyDescent="0.25">
      <c r="A3523" s="3">
        <v>41916.543958333335</v>
      </c>
      <c r="B3523" s="6">
        <v>58641.299999999996</v>
      </c>
      <c r="C3523" s="7">
        <f t="shared" ref="C3523:C3586" si="55">B3523/1000</f>
        <v>58.641299999999994</v>
      </c>
      <c r="I3523" s="1"/>
    </row>
    <row r="3524" spans="1:9" x14ac:dyDescent="0.25">
      <c r="A3524" s="3">
        <v>41916.544525462959</v>
      </c>
      <c r="B3524" s="6">
        <v>58657.95</v>
      </c>
      <c r="C3524" s="7">
        <f t="shared" si="55"/>
        <v>58.65795</v>
      </c>
      <c r="I3524" s="1"/>
    </row>
    <row r="3525" spans="1:9" x14ac:dyDescent="0.25">
      <c r="A3525" s="3">
        <v>41916.544618055559</v>
      </c>
      <c r="B3525" s="6">
        <v>58674.6</v>
      </c>
      <c r="C3525" s="7">
        <f t="shared" si="55"/>
        <v>58.674599999999998</v>
      </c>
      <c r="I3525" s="1"/>
    </row>
    <row r="3526" spans="1:9" x14ac:dyDescent="0.25">
      <c r="A3526" s="3">
        <v>41916.545601851853</v>
      </c>
      <c r="B3526" s="6">
        <v>58691.249999999993</v>
      </c>
      <c r="C3526" s="7">
        <f t="shared" si="55"/>
        <v>58.691249999999989</v>
      </c>
      <c r="I3526" s="1"/>
    </row>
    <row r="3527" spans="1:9" x14ac:dyDescent="0.25">
      <c r="A3527" s="3">
        <v>41916.545694444445</v>
      </c>
      <c r="B3527" s="6">
        <v>58707.899999999994</v>
      </c>
      <c r="C3527" s="7">
        <f t="shared" si="55"/>
        <v>58.707899999999995</v>
      </c>
      <c r="I3527" s="1"/>
    </row>
    <row r="3528" spans="1:9" x14ac:dyDescent="0.25">
      <c r="A3528" s="3">
        <v>41916.546261574076</v>
      </c>
      <c r="B3528" s="6">
        <v>58724.549999999996</v>
      </c>
      <c r="C3528" s="7">
        <f t="shared" si="55"/>
        <v>58.724549999999994</v>
      </c>
      <c r="I3528" s="1"/>
    </row>
    <row r="3529" spans="1:9" x14ac:dyDescent="0.25">
      <c r="A3529" s="3">
        <v>41916.546319444446</v>
      </c>
      <c r="B3529" s="6">
        <v>58741.2</v>
      </c>
      <c r="C3529" s="7">
        <f t="shared" si="55"/>
        <v>58.741199999999999</v>
      </c>
      <c r="I3529" s="1"/>
    </row>
    <row r="3530" spans="1:9" x14ac:dyDescent="0.25">
      <c r="A3530" s="3">
        <v>41916.546932870369</v>
      </c>
      <c r="B3530" s="6">
        <v>58757.85</v>
      </c>
      <c r="C3530" s="7">
        <f t="shared" si="55"/>
        <v>58.757849999999998</v>
      </c>
      <c r="I3530" s="1"/>
    </row>
    <row r="3531" spans="1:9" x14ac:dyDescent="0.25">
      <c r="A3531" s="3">
        <v>41916.547118055554</v>
      </c>
      <c r="B3531" s="6">
        <v>58774.499999999993</v>
      </c>
      <c r="C3531" s="7">
        <f t="shared" si="55"/>
        <v>58.774499999999996</v>
      </c>
      <c r="I3531" s="1"/>
    </row>
    <row r="3532" spans="1:9" x14ac:dyDescent="0.25">
      <c r="A3532" s="3">
        <v>41916.548414351855</v>
      </c>
      <c r="B3532" s="6">
        <v>58791.149999999994</v>
      </c>
      <c r="C3532" s="7">
        <f t="shared" si="55"/>
        <v>58.791149999999995</v>
      </c>
      <c r="I3532" s="1"/>
    </row>
    <row r="3533" spans="1:9" x14ac:dyDescent="0.25">
      <c r="A3533" s="3">
        <v>41916.548506944448</v>
      </c>
      <c r="B3533" s="6">
        <v>58807.799999999996</v>
      </c>
      <c r="C3533" s="7">
        <f t="shared" si="55"/>
        <v>58.807799999999993</v>
      </c>
      <c r="I3533" s="1"/>
    </row>
    <row r="3534" spans="1:9" x14ac:dyDescent="0.25">
      <c r="A3534" s="3">
        <v>41916.54928240741</v>
      </c>
      <c r="B3534" s="6">
        <v>58824.45</v>
      </c>
      <c r="C3534" s="7">
        <f t="shared" si="55"/>
        <v>58.824449999999999</v>
      </c>
      <c r="I3534" s="1"/>
    </row>
    <row r="3535" spans="1:9" x14ac:dyDescent="0.25">
      <c r="A3535" s="3">
        <v>41916.549386574072</v>
      </c>
      <c r="B3535" s="6">
        <v>58841.1</v>
      </c>
      <c r="C3535" s="7">
        <f t="shared" si="55"/>
        <v>58.841099999999997</v>
      </c>
      <c r="I3535" s="1"/>
    </row>
    <row r="3536" spans="1:9" x14ac:dyDescent="0.25">
      <c r="A3536" s="3">
        <v>41916.550173611111</v>
      </c>
      <c r="B3536" s="6">
        <v>58857.749999999993</v>
      </c>
      <c r="C3536" s="7">
        <f t="shared" si="55"/>
        <v>58.857749999999996</v>
      </c>
      <c r="I3536" s="1"/>
    </row>
    <row r="3537" spans="1:9" x14ac:dyDescent="0.25">
      <c r="A3537" s="3">
        <v>41916.550219907411</v>
      </c>
      <c r="B3537" s="6">
        <v>58874.399999999994</v>
      </c>
      <c r="C3537" s="7">
        <f t="shared" si="55"/>
        <v>58.874399999999994</v>
      </c>
      <c r="I3537" s="1"/>
    </row>
    <row r="3538" spans="1:9" x14ac:dyDescent="0.25">
      <c r="A3538" s="3">
        <v>41916.550717592596</v>
      </c>
      <c r="B3538" s="6">
        <v>58891.049999999996</v>
      </c>
      <c r="C3538" s="7">
        <f t="shared" si="55"/>
        <v>58.891049999999993</v>
      </c>
      <c r="I3538" s="1"/>
    </row>
    <row r="3539" spans="1:9" x14ac:dyDescent="0.25">
      <c r="A3539" s="3">
        <v>41916.550821759258</v>
      </c>
      <c r="B3539" s="6">
        <v>58907.7</v>
      </c>
      <c r="C3539" s="7">
        <f t="shared" si="55"/>
        <v>58.907699999999998</v>
      </c>
      <c r="I3539" s="1"/>
    </row>
    <row r="3540" spans="1:9" x14ac:dyDescent="0.25">
      <c r="A3540" s="3">
        <v>41916.551620370374</v>
      </c>
      <c r="B3540" s="6">
        <v>58924.35</v>
      </c>
      <c r="C3540" s="7">
        <f t="shared" si="55"/>
        <v>58.924349999999997</v>
      </c>
      <c r="I3540" s="1"/>
    </row>
    <row r="3541" spans="1:9" x14ac:dyDescent="0.25">
      <c r="A3541" s="3">
        <v>41916.551724537036</v>
      </c>
      <c r="B3541" s="6">
        <v>58940.999999999993</v>
      </c>
      <c r="C3541" s="7">
        <f t="shared" si="55"/>
        <v>58.940999999999995</v>
      </c>
      <c r="I3541" s="1"/>
    </row>
    <row r="3542" spans="1:9" x14ac:dyDescent="0.25">
      <c r="A3542" s="3">
        <v>41916.55300925926</v>
      </c>
      <c r="B3542" s="6">
        <v>58957.649999999994</v>
      </c>
      <c r="C3542" s="7">
        <f t="shared" si="55"/>
        <v>58.957649999999994</v>
      </c>
      <c r="I3542" s="1"/>
    </row>
    <row r="3543" spans="1:9" x14ac:dyDescent="0.25">
      <c r="A3543" s="3">
        <v>41916.553090277775</v>
      </c>
      <c r="B3543" s="6">
        <v>58974.299999999996</v>
      </c>
      <c r="C3543" s="7">
        <f t="shared" si="55"/>
        <v>58.974299999999992</v>
      </c>
      <c r="I3543" s="1"/>
    </row>
    <row r="3544" spans="1:9" x14ac:dyDescent="0.25">
      <c r="A3544" s="3">
        <v>41916.553981481484</v>
      </c>
      <c r="B3544" s="6">
        <v>58990.95</v>
      </c>
      <c r="C3544" s="7">
        <f t="shared" si="55"/>
        <v>58.990949999999998</v>
      </c>
      <c r="I3544" s="1"/>
    </row>
    <row r="3545" spans="1:9" x14ac:dyDescent="0.25">
      <c r="A3545" s="3">
        <v>41916.554027777776</v>
      </c>
      <c r="B3545" s="6">
        <v>59007.6</v>
      </c>
      <c r="C3545" s="7">
        <f t="shared" si="55"/>
        <v>59.007599999999996</v>
      </c>
      <c r="I3545" s="1"/>
    </row>
    <row r="3546" spans="1:9" x14ac:dyDescent="0.25">
      <c r="A3546" s="3">
        <v>41916.554456018515</v>
      </c>
      <c r="B3546" s="6">
        <v>59024.249999999993</v>
      </c>
      <c r="C3546" s="7">
        <f t="shared" si="55"/>
        <v>59.024249999999995</v>
      </c>
      <c r="I3546" s="1"/>
    </row>
    <row r="3547" spans="1:9" x14ac:dyDescent="0.25">
      <c r="A3547" s="3">
        <v>41916.554513888892</v>
      </c>
      <c r="B3547" s="6">
        <v>59040.899999999994</v>
      </c>
      <c r="C3547" s="7">
        <f t="shared" si="55"/>
        <v>59.040899999999993</v>
      </c>
      <c r="I3547" s="1"/>
    </row>
    <row r="3548" spans="1:9" x14ac:dyDescent="0.25">
      <c r="A3548" s="3">
        <v>41916.555162037039</v>
      </c>
      <c r="B3548" s="6">
        <v>59057.549999999996</v>
      </c>
      <c r="C3548" s="7">
        <f t="shared" si="55"/>
        <v>59.057549999999999</v>
      </c>
      <c r="I3548" s="1"/>
    </row>
    <row r="3549" spans="1:9" x14ac:dyDescent="0.25">
      <c r="A3549" s="3">
        <v>41916.555324074077</v>
      </c>
      <c r="B3549" s="6">
        <v>59074.2</v>
      </c>
      <c r="C3549" s="7">
        <f t="shared" si="55"/>
        <v>59.074199999999998</v>
      </c>
      <c r="I3549" s="1"/>
    </row>
    <row r="3550" spans="1:9" x14ac:dyDescent="0.25">
      <c r="A3550" s="3">
        <v>41916.555844907409</v>
      </c>
      <c r="B3550" s="6">
        <v>59090.85</v>
      </c>
      <c r="C3550" s="7">
        <f t="shared" si="55"/>
        <v>59.090849999999996</v>
      </c>
      <c r="I3550" s="1"/>
    </row>
    <row r="3551" spans="1:9" x14ac:dyDescent="0.25">
      <c r="A3551" s="3">
        <v>41916.555925925924</v>
      </c>
      <c r="B3551" s="6">
        <v>59107.499999999993</v>
      </c>
      <c r="C3551" s="7">
        <f t="shared" si="55"/>
        <v>59.107499999999995</v>
      </c>
      <c r="I3551" s="1"/>
    </row>
    <row r="3552" spans="1:9" x14ac:dyDescent="0.25">
      <c r="A3552" s="3">
        <v>41916.557002314818</v>
      </c>
      <c r="B3552" s="6">
        <v>59124.149999999994</v>
      </c>
      <c r="C3552" s="7">
        <f t="shared" si="55"/>
        <v>59.124149999999993</v>
      </c>
      <c r="I3552" s="1"/>
    </row>
    <row r="3553" spans="1:9" x14ac:dyDescent="0.25">
      <c r="A3553" s="3">
        <v>41916.557071759256</v>
      </c>
      <c r="B3553" s="6">
        <v>59140.799999999996</v>
      </c>
      <c r="C3553" s="7">
        <f t="shared" si="55"/>
        <v>59.140799999999999</v>
      </c>
      <c r="I3553" s="1"/>
    </row>
    <row r="3554" spans="1:9" x14ac:dyDescent="0.25">
      <c r="A3554" s="3">
        <v>41916.557673611111</v>
      </c>
      <c r="B3554" s="6">
        <v>59157.45</v>
      </c>
      <c r="C3554" s="7">
        <f t="shared" si="55"/>
        <v>59.157449999999997</v>
      </c>
      <c r="I3554" s="1"/>
    </row>
    <row r="3555" spans="1:9" x14ac:dyDescent="0.25">
      <c r="A3555" s="3">
        <v>41916.557766203703</v>
      </c>
      <c r="B3555" s="6">
        <v>59174.1</v>
      </c>
      <c r="C3555" s="7">
        <f t="shared" si="55"/>
        <v>59.174099999999996</v>
      </c>
      <c r="I3555" s="1"/>
    </row>
    <row r="3556" spans="1:9" x14ac:dyDescent="0.25">
      <c r="A3556" s="3">
        <v>41916.558692129627</v>
      </c>
      <c r="B3556" s="6">
        <v>59190.749999999993</v>
      </c>
      <c r="C3556" s="7">
        <f t="shared" si="55"/>
        <v>59.190749999999994</v>
      </c>
      <c r="I3556" s="1"/>
    </row>
    <row r="3557" spans="1:9" x14ac:dyDescent="0.25">
      <c r="A3557" s="3">
        <v>41916.558796296296</v>
      </c>
      <c r="B3557" s="6">
        <v>59207.399999999994</v>
      </c>
      <c r="C3557" s="7">
        <f t="shared" si="55"/>
        <v>59.207399999999993</v>
      </c>
      <c r="I3557" s="1"/>
    </row>
    <row r="3558" spans="1:9" x14ac:dyDescent="0.25">
      <c r="A3558" s="3">
        <v>41916.560023148151</v>
      </c>
      <c r="B3558" s="6">
        <v>59224.049999999996</v>
      </c>
      <c r="C3558" s="7">
        <f t="shared" si="55"/>
        <v>59.224049999999998</v>
      </c>
      <c r="I3558" s="1"/>
    </row>
    <row r="3559" spans="1:9" x14ac:dyDescent="0.25">
      <c r="A3559" s="3">
        <v>41916.560196759259</v>
      </c>
      <c r="B3559" s="6">
        <v>59240.7</v>
      </c>
      <c r="C3559" s="7">
        <f t="shared" si="55"/>
        <v>59.240699999999997</v>
      </c>
      <c r="I3559" s="1"/>
    </row>
    <row r="3560" spans="1:9" x14ac:dyDescent="0.25">
      <c r="A3560" s="3">
        <v>41916.561249999999</v>
      </c>
      <c r="B3560" s="6">
        <v>59257.35</v>
      </c>
      <c r="C3560" s="7">
        <f t="shared" si="55"/>
        <v>59.257349999999995</v>
      </c>
      <c r="I3560" s="1"/>
    </row>
    <row r="3561" spans="1:9" x14ac:dyDescent="0.25">
      <c r="A3561" s="3">
        <v>41916.561388888891</v>
      </c>
      <c r="B3561" s="6">
        <v>59273.999999999993</v>
      </c>
      <c r="C3561" s="7">
        <f t="shared" si="55"/>
        <v>59.273999999999994</v>
      </c>
      <c r="I3561" s="1"/>
    </row>
    <row r="3562" spans="1:9" x14ac:dyDescent="0.25">
      <c r="A3562" s="3">
        <v>41916.562164351853</v>
      </c>
      <c r="B3562" s="6">
        <v>59290.649999999994</v>
      </c>
      <c r="C3562" s="7">
        <f t="shared" si="55"/>
        <v>59.290649999999992</v>
      </c>
      <c r="I3562" s="1"/>
    </row>
    <row r="3563" spans="1:9" x14ac:dyDescent="0.25">
      <c r="A3563" s="3">
        <v>41916.562245370369</v>
      </c>
      <c r="B3563" s="6">
        <v>59307.299999999996</v>
      </c>
      <c r="C3563" s="7">
        <f t="shared" si="55"/>
        <v>59.307299999999998</v>
      </c>
      <c r="I3563" s="1"/>
    </row>
    <row r="3564" spans="1:9" x14ac:dyDescent="0.25">
      <c r="A3564" s="3">
        <v>41916.562951388885</v>
      </c>
      <c r="B3564" s="6">
        <v>59323.95</v>
      </c>
      <c r="C3564" s="7">
        <f t="shared" si="55"/>
        <v>59.323949999999996</v>
      </c>
      <c r="I3564" s="1"/>
    </row>
    <row r="3565" spans="1:9" x14ac:dyDescent="0.25">
      <c r="A3565" s="3">
        <v>41916.563067129631</v>
      </c>
      <c r="B3565" s="6">
        <v>59340.6</v>
      </c>
      <c r="C3565" s="7">
        <f t="shared" si="55"/>
        <v>59.340600000000002</v>
      </c>
      <c r="I3565" s="1"/>
    </row>
    <row r="3566" spans="1:9" x14ac:dyDescent="0.25">
      <c r="A3566" s="3">
        <v>41916.563923611109</v>
      </c>
      <c r="B3566" s="6">
        <v>59357.249999999993</v>
      </c>
      <c r="C3566" s="7">
        <f t="shared" si="55"/>
        <v>59.357249999999993</v>
      </c>
      <c r="I3566" s="1"/>
    </row>
    <row r="3567" spans="1:9" x14ac:dyDescent="0.25">
      <c r="A3567" s="3">
        <v>41916.563969907409</v>
      </c>
      <c r="B3567" s="6">
        <v>59373.899999999994</v>
      </c>
      <c r="C3567" s="7">
        <f t="shared" si="55"/>
        <v>59.373899999999992</v>
      </c>
      <c r="I3567" s="1"/>
    </row>
    <row r="3568" spans="1:9" x14ac:dyDescent="0.25">
      <c r="A3568" s="3">
        <v>41916.565023148149</v>
      </c>
      <c r="B3568" s="6">
        <v>59390.549999999996</v>
      </c>
      <c r="C3568" s="7">
        <f t="shared" si="55"/>
        <v>59.390549999999998</v>
      </c>
      <c r="I3568" s="1"/>
    </row>
    <row r="3569" spans="1:9" x14ac:dyDescent="0.25">
      <c r="A3569" s="3">
        <v>41916.56517361111</v>
      </c>
      <c r="B3569" s="6">
        <v>59407.199999999997</v>
      </c>
      <c r="C3569" s="7">
        <f t="shared" si="55"/>
        <v>59.407199999999996</v>
      </c>
      <c r="I3569" s="1"/>
    </row>
    <row r="3570" spans="1:9" x14ac:dyDescent="0.25">
      <c r="A3570" s="3">
        <v>41916.566053240742</v>
      </c>
      <c r="B3570" s="6">
        <v>59423.85</v>
      </c>
      <c r="C3570" s="7">
        <f t="shared" si="55"/>
        <v>59.423850000000002</v>
      </c>
      <c r="I3570" s="1"/>
    </row>
    <row r="3571" spans="1:9" x14ac:dyDescent="0.25">
      <c r="A3571" s="3">
        <v>41916.566087962965</v>
      </c>
      <c r="B3571" s="6">
        <v>59440.499999999993</v>
      </c>
      <c r="C3571" s="7">
        <f t="shared" si="55"/>
        <v>59.440499999999993</v>
      </c>
      <c r="I3571" s="1"/>
    </row>
    <row r="3572" spans="1:9" x14ac:dyDescent="0.25">
      <c r="A3572" s="3">
        <v>41916.566921296297</v>
      </c>
      <c r="B3572" s="6">
        <v>59457.149999999994</v>
      </c>
      <c r="C3572" s="7">
        <f t="shared" si="55"/>
        <v>59.457149999999992</v>
      </c>
      <c r="I3572" s="1"/>
    </row>
    <row r="3573" spans="1:9" x14ac:dyDescent="0.25">
      <c r="A3573" s="3">
        <v>41916.567048611112</v>
      </c>
      <c r="B3573" s="6">
        <v>59473.799999999996</v>
      </c>
      <c r="C3573" s="7">
        <f t="shared" si="55"/>
        <v>59.473799999999997</v>
      </c>
      <c r="I3573" s="1"/>
    </row>
    <row r="3574" spans="1:9" x14ac:dyDescent="0.25">
      <c r="A3574" s="3">
        <v>41916.567789351851</v>
      </c>
      <c r="B3574" s="6">
        <v>59490.45</v>
      </c>
      <c r="C3574" s="7">
        <f t="shared" si="55"/>
        <v>59.490449999999996</v>
      </c>
      <c r="I3574" s="1"/>
    </row>
    <row r="3575" spans="1:9" x14ac:dyDescent="0.25">
      <c r="A3575" s="3">
        <v>41916.567893518521</v>
      </c>
      <c r="B3575" s="6">
        <v>59507.1</v>
      </c>
      <c r="C3575" s="7">
        <f t="shared" si="55"/>
        <v>59.507100000000001</v>
      </c>
      <c r="I3575" s="1"/>
    </row>
    <row r="3576" spans="1:9" x14ac:dyDescent="0.25">
      <c r="A3576" s="3">
        <v>41916.568506944444</v>
      </c>
      <c r="B3576" s="6">
        <v>59523.749999999993</v>
      </c>
      <c r="C3576" s="7">
        <f t="shared" si="55"/>
        <v>59.523749999999993</v>
      </c>
      <c r="I3576" s="1"/>
    </row>
    <row r="3577" spans="1:9" x14ac:dyDescent="0.25">
      <c r="A3577" s="3">
        <v>41916.56858796296</v>
      </c>
      <c r="B3577" s="6">
        <v>59540.399999999994</v>
      </c>
      <c r="C3577" s="7">
        <f t="shared" si="55"/>
        <v>59.540399999999991</v>
      </c>
      <c r="I3577" s="1"/>
    </row>
    <row r="3578" spans="1:9" x14ac:dyDescent="0.25">
      <c r="A3578" s="3">
        <v>41916.569328703707</v>
      </c>
      <c r="B3578" s="6">
        <v>59557.049999999996</v>
      </c>
      <c r="C3578" s="7">
        <f t="shared" si="55"/>
        <v>59.557049999999997</v>
      </c>
      <c r="I3578" s="1"/>
    </row>
    <row r="3579" spans="1:9" x14ac:dyDescent="0.25">
      <c r="A3579" s="3">
        <v>41916.569409722222</v>
      </c>
      <c r="B3579" s="6">
        <v>59573.7</v>
      </c>
      <c r="C3579" s="7">
        <f t="shared" si="55"/>
        <v>59.573699999999995</v>
      </c>
      <c r="I3579" s="1"/>
    </row>
    <row r="3580" spans="1:9" x14ac:dyDescent="0.25">
      <c r="A3580" s="3">
        <v>41916.569837962961</v>
      </c>
      <c r="B3580" s="6">
        <v>59590.35</v>
      </c>
      <c r="C3580" s="7">
        <f t="shared" si="55"/>
        <v>59.590350000000001</v>
      </c>
      <c r="I3580" s="1"/>
    </row>
    <row r="3581" spans="1:9" x14ac:dyDescent="0.25">
      <c r="A3581" s="3">
        <v>41916.569884259261</v>
      </c>
      <c r="B3581" s="6">
        <v>59606.999999999993</v>
      </c>
      <c r="C3581" s="7">
        <f t="shared" si="55"/>
        <v>59.606999999999992</v>
      </c>
      <c r="I3581" s="1"/>
    </row>
    <row r="3582" spans="1:9" x14ac:dyDescent="0.25">
      <c r="A3582" s="3">
        <v>41916.570717592593</v>
      </c>
      <c r="B3582" s="6">
        <v>59623.649999999994</v>
      </c>
      <c r="C3582" s="7">
        <f t="shared" si="55"/>
        <v>59.623649999999991</v>
      </c>
      <c r="I3582" s="1"/>
    </row>
    <row r="3583" spans="1:9" x14ac:dyDescent="0.25">
      <c r="A3583" s="3">
        <v>41916.570798611108</v>
      </c>
      <c r="B3583" s="6">
        <v>59640.299999999996</v>
      </c>
      <c r="C3583" s="7">
        <f t="shared" si="55"/>
        <v>59.640299999999996</v>
      </c>
      <c r="I3583" s="1"/>
    </row>
    <row r="3584" spans="1:9" x14ac:dyDescent="0.25">
      <c r="A3584" s="3">
        <v>41916.571828703702</v>
      </c>
      <c r="B3584" s="6">
        <v>59656.95</v>
      </c>
      <c r="C3584" s="7">
        <f t="shared" si="55"/>
        <v>59.656949999999995</v>
      </c>
      <c r="I3584" s="1"/>
    </row>
    <row r="3585" spans="1:9" x14ac:dyDescent="0.25">
      <c r="A3585" s="3">
        <v>41916.571979166663</v>
      </c>
      <c r="B3585" s="6">
        <v>59673.599999999991</v>
      </c>
      <c r="C3585" s="7">
        <f t="shared" si="55"/>
        <v>59.673599999999993</v>
      </c>
      <c r="I3585" s="1"/>
    </row>
    <row r="3586" spans="1:9" x14ac:dyDescent="0.25">
      <c r="A3586" s="3">
        <v>41916.572743055556</v>
      </c>
      <c r="B3586" s="6">
        <v>59690.249999999993</v>
      </c>
      <c r="C3586" s="7">
        <f t="shared" si="55"/>
        <v>59.690249999999992</v>
      </c>
      <c r="I3586" s="1"/>
    </row>
    <row r="3587" spans="1:9" x14ac:dyDescent="0.25">
      <c r="A3587" s="3">
        <v>41916.572812500002</v>
      </c>
      <c r="B3587" s="6">
        <v>59706.899999999994</v>
      </c>
      <c r="C3587" s="7">
        <f t="shared" ref="C3587:C3650" si="56">B3587/1000</f>
        <v>59.706899999999997</v>
      </c>
      <c r="I3587" s="1"/>
    </row>
    <row r="3588" spans="1:9" x14ac:dyDescent="0.25">
      <c r="A3588" s="3">
        <v>41916.573553240742</v>
      </c>
      <c r="B3588" s="6">
        <v>59723.549999999996</v>
      </c>
      <c r="C3588" s="7">
        <f t="shared" si="56"/>
        <v>59.723549999999996</v>
      </c>
      <c r="I3588" s="1"/>
    </row>
    <row r="3589" spans="1:9" x14ac:dyDescent="0.25">
      <c r="A3589" s="3">
        <v>41916.573657407411</v>
      </c>
      <c r="B3589" s="6">
        <v>59740.2</v>
      </c>
      <c r="C3589" s="7">
        <f t="shared" si="56"/>
        <v>59.740199999999994</v>
      </c>
      <c r="I3589" s="1"/>
    </row>
    <row r="3590" spans="1:9" x14ac:dyDescent="0.25">
      <c r="A3590" s="3">
        <v>41916.574224537035</v>
      </c>
      <c r="B3590" s="6">
        <v>59756.849999999991</v>
      </c>
      <c r="C3590" s="7">
        <f t="shared" si="56"/>
        <v>59.756849999999993</v>
      </c>
      <c r="I3590" s="1"/>
    </row>
    <row r="3591" spans="1:9" x14ac:dyDescent="0.25">
      <c r="A3591" s="3">
        <v>41916.574328703704</v>
      </c>
      <c r="B3591" s="6">
        <v>59773.499999999993</v>
      </c>
      <c r="C3591" s="7">
        <f t="shared" si="56"/>
        <v>59.773499999999991</v>
      </c>
      <c r="I3591" s="1"/>
    </row>
    <row r="3592" spans="1:9" x14ac:dyDescent="0.25">
      <c r="A3592" s="3">
        <v>41916.574918981481</v>
      </c>
      <c r="B3592" s="6">
        <v>59790.149999999994</v>
      </c>
      <c r="C3592" s="7">
        <f t="shared" si="56"/>
        <v>59.790149999999997</v>
      </c>
      <c r="I3592" s="1"/>
    </row>
    <row r="3593" spans="1:9" x14ac:dyDescent="0.25">
      <c r="A3593" s="3">
        <v>41916.574976851851</v>
      </c>
      <c r="B3593" s="6">
        <v>59806.799999999996</v>
      </c>
      <c r="C3593" s="7">
        <f t="shared" si="56"/>
        <v>59.806799999999996</v>
      </c>
      <c r="I3593" s="1"/>
    </row>
    <row r="3594" spans="1:9" x14ac:dyDescent="0.25">
      <c r="A3594" s="3">
        <v>41916.575659722221</v>
      </c>
      <c r="B3594" s="6">
        <v>59823.45</v>
      </c>
      <c r="C3594" s="7">
        <f t="shared" si="56"/>
        <v>59.823449999999994</v>
      </c>
      <c r="I3594" s="1"/>
    </row>
    <row r="3595" spans="1:9" x14ac:dyDescent="0.25">
      <c r="A3595" s="3">
        <v>41916.575740740744</v>
      </c>
      <c r="B3595" s="6">
        <v>59840.099999999991</v>
      </c>
      <c r="C3595" s="7">
        <f t="shared" si="56"/>
        <v>59.840099999999993</v>
      </c>
      <c r="I3595" s="1"/>
    </row>
    <row r="3596" spans="1:9" x14ac:dyDescent="0.25">
      <c r="A3596" s="3">
        <v>41916.576365740744</v>
      </c>
      <c r="B3596" s="6">
        <v>59856.749999999993</v>
      </c>
      <c r="C3596" s="7">
        <f t="shared" si="56"/>
        <v>59.856749999999991</v>
      </c>
      <c r="I3596" s="1"/>
    </row>
    <row r="3597" spans="1:9" x14ac:dyDescent="0.25">
      <c r="A3597" s="3">
        <v>41916.576469907406</v>
      </c>
      <c r="B3597" s="6">
        <v>59873.399999999994</v>
      </c>
      <c r="C3597" s="7">
        <f t="shared" si="56"/>
        <v>59.873399999999997</v>
      </c>
      <c r="I3597" s="1"/>
    </row>
    <row r="3598" spans="1:9" x14ac:dyDescent="0.25">
      <c r="A3598" s="3">
        <v>41916.577928240738</v>
      </c>
      <c r="B3598" s="6">
        <v>59890.049999999996</v>
      </c>
      <c r="C3598" s="7">
        <f t="shared" si="56"/>
        <v>59.890049999999995</v>
      </c>
      <c r="I3598" s="1"/>
    </row>
    <row r="3599" spans="1:9" x14ac:dyDescent="0.25">
      <c r="A3599" s="3">
        <v>41916.578148148146</v>
      </c>
      <c r="B3599" s="6">
        <v>59906.7</v>
      </c>
      <c r="C3599" s="7">
        <f t="shared" si="56"/>
        <v>59.906699999999994</v>
      </c>
      <c r="I3599" s="1"/>
    </row>
    <row r="3600" spans="1:9" x14ac:dyDescent="0.25">
      <c r="A3600" s="3">
        <v>41916.579085648147</v>
      </c>
      <c r="B3600" s="6">
        <v>59923.349999999991</v>
      </c>
      <c r="C3600" s="7">
        <f t="shared" si="56"/>
        <v>59.923349999999992</v>
      </c>
      <c r="I3600" s="1"/>
    </row>
    <row r="3601" spans="1:9" x14ac:dyDescent="0.25">
      <c r="A3601" s="3">
        <v>41916.579351851855</v>
      </c>
      <c r="B3601" s="6">
        <v>59939.999999999993</v>
      </c>
      <c r="C3601" s="7">
        <f t="shared" si="56"/>
        <v>59.939999999999991</v>
      </c>
      <c r="I3601" s="1"/>
    </row>
    <row r="3602" spans="1:9" x14ac:dyDescent="0.25">
      <c r="A3602" s="3">
        <v>41916.580393518518</v>
      </c>
      <c r="B3602" s="6">
        <v>59956.649999999994</v>
      </c>
      <c r="C3602" s="7">
        <f t="shared" si="56"/>
        <v>59.956649999999996</v>
      </c>
      <c r="I3602" s="1"/>
    </row>
    <row r="3603" spans="1:9" x14ac:dyDescent="0.25">
      <c r="A3603" s="3">
        <v>41916.580462962964</v>
      </c>
      <c r="B3603" s="6">
        <v>59973.299999999996</v>
      </c>
      <c r="C3603" s="7">
        <f t="shared" si="56"/>
        <v>59.973299999999995</v>
      </c>
      <c r="I3603" s="1"/>
    </row>
    <row r="3604" spans="1:9" x14ac:dyDescent="0.25">
      <c r="A3604" s="3">
        <v>41916.581423611111</v>
      </c>
      <c r="B3604" s="6">
        <v>59989.95</v>
      </c>
      <c r="C3604" s="7">
        <f t="shared" si="56"/>
        <v>59.98995</v>
      </c>
      <c r="I3604" s="1"/>
    </row>
    <row r="3605" spans="1:9" x14ac:dyDescent="0.25">
      <c r="A3605" s="3">
        <v>41916.58152777778</v>
      </c>
      <c r="B3605" s="6">
        <v>60006.599999999991</v>
      </c>
      <c r="C3605" s="7">
        <f t="shared" si="56"/>
        <v>60.006599999999992</v>
      </c>
      <c r="I3605" s="1"/>
    </row>
    <row r="3606" spans="1:9" x14ac:dyDescent="0.25">
      <c r="A3606" s="3">
        <v>41916.582291666666</v>
      </c>
      <c r="B3606" s="6">
        <v>60023.249999999993</v>
      </c>
      <c r="C3606" s="7">
        <f t="shared" si="56"/>
        <v>60.02324999999999</v>
      </c>
      <c r="I3606" s="1"/>
    </row>
    <row r="3607" spans="1:9" x14ac:dyDescent="0.25">
      <c r="A3607" s="3">
        <v>41916.582372685189</v>
      </c>
      <c r="B3607" s="6">
        <v>60039.899999999994</v>
      </c>
      <c r="C3607" s="7">
        <f t="shared" si="56"/>
        <v>60.039899999999996</v>
      </c>
      <c r="I3607" s="1"/>
    </row>
    <row r="3608" spans="1:9" x14ac:dyDescent="0.25">
      <c r="A3608" s="3">
        <v>41916.582928240743</v>
      </c>
      <c r="B3608" s="6">
        <v>60056.549999999996</v>
      </c>
      <c r="C3608" s="7">
        <f t="shared" si="56"/>
        <v>60.056549999999994</v>
      </c>
      <c r="I3608" s="1"/>
    </row>
    <row r="3609" spans="1:9" x14ac:dyDescent="0.25">
      <c r="A3609" s="3">
        <v>41916.582986111112</v>
      </c>
      <c r="B3609" s="6">
        <v>60073.2</v>
      </c>
      <c r="C3609" s="7">
        <f t="shared" si="56"/>
        <v>60.0732</v>
      </c>
      <c r="I3609" s="1"/>
    </row>
    <row r="3610" spans="1:9" x14ac:dyDescent="0.25">
      <c r="A3610" s="3">
        <v>41916.583773148152</v>
      </c>
      <c r="B3610" s="6">
        <v>60089.849999999991</v>
      </c>
      <c r="C3610" s="7">
        <f t="shared" si="56"/>
        <v>60.089849999999991</v>
      </c>
      <c r="I3610" s="1"/>
    </row>
    <row r="3611" spans="1:9" x14ac:dyDescent="0.25">
      <c r="A3611" s="3">
        <v>41916.583819444444</v>
      </c>
      <c r="B3611" s="6">
        <v>60106.499999999993</v>
      </c>
      <c r="C3611" s="7">
        <f t="shared" si="56"/>
        <v>60.10649999999999</v>
      </c>
      <c r="I3611" s="1"/>
    </row>
    <row r="3612" spans="1:9" x14ac:dyDescent="0.25">
      <c r="A3612" s="3">
        <v>41916.584513888891</v>
      </c>
      <c r="B3612" s="6">
        <v>60123.149999999994</v>
      </c>
      <c r="C3612" s="7">
        <f t="shared" si="56"/>
        <v>60.123149999999995</v>
      </c>
      <c r="I3612" s="1"/>
    </row>
    <row r="3613" spans="1:9" x14ac:dyDescent="0.25">
      <c r="A3613" s="3">
        <v>41916.584664351853</v>
      </c>
      <c r="B3613" s="6">
        <v>60139.799999999996</v>
      </c>
      <c r="C3613" s="7">
        <f t="shared" si="56"/>
        <v>60.139799999999994</v>
      </c>
      <c r="I3613" s="1"/>
    </row>
    <row r="3614" spans="1:9" x14ac:dyDescent="0.25">
      <c r="A3614" s="3">
        <v>41916.585370370369</v>
      </c>
      <c r="B3614" s="6">
        <v>60156.45</v>
      </c>
      <c r="C3614" s="7">
        <f t="shared" si="56"/>
        <v>60.15645</v>
      </c>
      <c r="I3614" s="1"/>
    </row>
    <row r="3615" spans="1:9" x14ac:dyDescent="0.25">
      <c r="A3615" s="3">
        <v>41916.585416666669</v>
      </c>
      <c r="B3615" s="6">
        <v>60173.099999999991</v>
      </c>
      <c r="C3615" s="7">
        <f t="shared" si="56"/>
        <v>60.173099999999991</v>
      </c>
      <c r="I3615" s="1"/>
    </row>
    <row r="3616" spans="1:9" x14ac:dyDescent="0.25">
      <c r="A3616" s="3">
        <v>41916.585810185185</v>
      </c>
      <c r="B3616" s="6">
        <v>60189.749999999993</v>
      </c>
      <c r="C3616" s="7">
        <f t="shared" si="56"/>
        <v>60.189749999999989</v>
      </c>
      <c r="I3616" s="1"/>
    </row>
    <row r="3617" spans="1:9" x14ac:dyDescent="0.25">
      <c r="A3617" s="3">
        <v>41916.585868055554</v>
      </c>
      <c r="B3617" s="6">
        <v>60206.399999999994</v>
      </c>
      <c r="C3617" s="7">
        <f t="shared" si="56"/>
        <v>60.206399999999995</v>
      </c>
      <c r="I3617" s="1"/>
    </row>
    <row r="3618" spans="1:9" x14ac:dyDescent="0.25">
      <c r="A3618" s="3">
        <v>41916.586851851855</v>
      </c>
      <c r="B3618" s="6">
        <v>60223.049999999996</v>
      </c>
      <c r="C3618" s="7">
        <f t="shared" si="56"/>
        <v>60.223049999999994</v>
      </c>
      <c r="I3618" s="1"/>
    </row>
    <row r="3619" spans="1:9" x14ac:dyDescent="0.25">
      <c r="A3619" s="3">
        <v>41916.587118055555</v>
      </c>
      <c r="B3619" s="6">
        <v>60239.7</v>
      </c>
      <c r="C3619" s="7">
        <f t="shared" si="56"/>
        <v>60.239699999999999</v>
      </c>
      <c r="I3619" s="1"/>
    </row>
    <row r="3620" spans="1:9" x14ac:dyDescent="0.25">
      <c r="A3620" s="3">
        <v>41916.588310185187</v>
      </c>
      <c r="B3620" s="6">
        <v>60256.349999999991</v>
      </c>
      <c r="C3620" s="7">
        <f t="shared" si="56"/>
        <v>60.256349999999991</v>
      </c>
      <c r="I3620" s="1"/>
    </row>
    <row r="3621" spans="1:9" x14ac:dyDescent="0.25">
      <c r="A3621" s="3">
        <v>41916.588379629633</v>
      </c>
      <c r="B3621" s="6">
        <v>60272.999999999993</v>
      </c>
      <c r="C3621" s="7">
        <f t="shared" si="56"/>
        <v>60.272999999999996</v>
      </c>
      <c r="I3621" s="1"/>
    </row>
    <row r="3622" spans="1:9" x14ac:dyDescent="0.25">
      <c r="A3622" s="3">
        <v>41916.589074074072</v>
      </c>
      <c r="B3622" s="6">
        <v>60289.649999999994</v>
      </c>
      <c r="C3622" s="7">
        <f t="shared" si="56"/>
        <v>60.289649999999995</v>
      </c>
      <c r="I3622" s="1"/>
    </row>
    <row r="3623" spans="1:9" x14ac:dyDescent="0.25">
      <c r="A3623" s="3">
        <v>41916.589143518519</v>
      </c>
      <c r="B3623" s="6">
        <v>60306.299999999996</v>
      </c>
      <c r="C3623" s="7">
        <f t="shared" si="56"/>
        <v>60.306299999999993</v>
      </c>
      <c r="I3623" s="1"/>
    </row>
    <row r="3624" spans="1:9" x14ac:dyDescent="0.25">
      <c r="A3624" s="3">
        <v>41916.590231481481</v>
      </c>
      <c r="B3624" s="6">
        <v>60322.95</v>
      </c>
      <c r="C3624" s="7">
        <f t="shared" si="56"/>
        <v>60.322949999999999</v>
      </c>
      <c r="I3624" s="1"/>
    </row>
    <row r="3625" spans="1:9" x14ac:dyDescent="0.25">
      <c r="A3625" s="3">
        <v>41916.59039351852</v>
      </c>
      <c r="B3625" s="6">
        <v>60339.599999999991</v>
      </c>
      <c r="C3625" s="7">
        <f t="shared" si="56"/>
        <v>60.33959999999999</v>
      </c>
      <c r="I3625" s="1"/>
    </row>
    <row r="3626" spans="1:9" x14ac:dyDescent="0.25">
      <c r="A3626" s="3">
        <v>41916.591006944444</v>
      </c>
      <c r="B3626" s="6">
        <v>60356.249999999993</v>
      </c>
      <c r="C3626" s="7">
        <f t="shared" si="56"/>
        <v>60.356249999999996</v>
      </c>
      <c r="I3626" s="1"/>
    </row>
    <row r="3627" spans="1:9" x14ac:dyDescent="0.25">
      <c r="A3627" s="3">
        <v>41916.591087962966</v>
      </c>
      <c r="B3627" s="6">
        <v>60372.899999999994</v>
      </c>
      <c r="C3627" s="7">
        <f t="shared" si="56"/>
        <v>60.372899999999994</v>
      </c>
      <c r="I3627" s="1"/>
    </row>
    <row r="3628" spans="1:9" x14ac:dyDescent="0.25">
      <c r="A3628" s="3">
        <v>41916.592013888891</v>
      </c>
      <c r="B3628" s="6">
        <v>60389.549999999996</v>
      </c>
      <c r="C3628" s="7">
        <f t="shared" si="56"/>
        <v>60.389549999999993</v>
      </c>
      <c r="I3628" s="1"/>
    </row>
    <row r="3629" spans="1:9" x14ac:dyDescent="0.25">
      <c r="A3629" s="3">
        <v>41916.592129629629</v>
      </c>
      <c r="B3629" s="6">
        <v>60406.2</v>
      </c>
      <c r="C3629" s="7">
        <f t="shared" si="56"/>
        <v>60.406199999999998</v>
      </c>
      <c r="I3629" s="1"/>
    </row>
    <row r="3630" spans="1:9" x14ac:dyDescent="0.25">
      <c r="A3630" s="3">
        <v>41916.593182870369</v>
      </c>
      <c r="B3630" s="6">
        <v>60422.849999999991</v>
      </c>
      <c r="C3630" s="7">
        <f t="shared" si="56"/>
        <v>60.42284999999999</v>
      </c>
      <c r="I3630" s="1"/>
    </row>
    <row r="3631" spans="1:9" x14ac:dyDescent="0.25">
      <c r="A3631" s="3">
        <v>41916.593310185184</v>
      </c>
      <c r="B3631" s="6">
        <v>60439.499999999993</v>
      </c>
      <c r="C3631" s="7">
        <f t="shared" si="56"/>
        <v>60.439499999999995</v>
      </c>
      <c r="I3631" s="1"/>
    </row>
    <row r="3632" spans="1:9" x14ac:dyDescent="0.25">
      <c r="A3632" s="3">
        <v>41916.594571759262</v>
      </c>
      <c r="B3632" s="6">
        <v>60456.149999999994</v>
      </c>
      <c r="C3632" s="7">
        <f t="shared" si="56"/>
        <v>60.456149999999994</v>
      </c>
      <c r="I3632" s="1"/>
    </row>
    <row r="3633" spans="1:9" x14ac:dyDescent="0.25">
      <c r="A3633" s="3">
        <v>41916.594756944447</v>
      </c>
      <c r="B3633" s="6">
        <v>60472.799999999996</v>
      </c>
      <c r="C3633" s="7">
        <f t="shared" si="56"/>
        <v>60.472799999999992</v>
      </c>
      <c r="I3633" s="1"/>
    </row>
    <row r="3634" spans="1:9" x14ac:dyDescent="0.25">
      <c r="A3634" s="3">
        <v>41916.595706018517</v>
      </c>
      <c r="B3634" s="6">
        <v>60489.45</v>
      </c>
      <c r="C3634" s="7">
        <f t="shared" si="56"/>
        <v>60.489449999999998</v>
      </c>
      <c r="I3634" s="1"/>
    </row>
    <row r="3635" spans="1:9" x14ac:dyDescent="0.25">
      <c r="A3635" s="3">
        <v>41916.595960648148</v>
      </c>
      <c r="B3635" s="6">
        <v>60506.099999999991</v>
      </c>
      <c r="C3635" s="7">
        <f t="shared" si="56"/>
        <v>60.506099999999989</v>
      </c>
      <c r="I3635" s="1"/>
    </row>
    <row r="3636" spans="1:9" x14ac:dyDescent="0.25">
      <c r="A3636" s="3">
        <v>41916.596967592595</v>
      </c>
      <c r="B3636" s="6">
        <v>60522.749999999993</v>
      </c>
      <c r="C3636" s="7">
        <f t="shared" si="56"/>
        <v>60.522749999999995</v>
      </c>
      <c r="I3636" s="1"/>
    </row>
    <row r="3637" spans="1:9" x14ac:dyDescent="0.25">
      <c r="A3637" s="3">
        <v>41916.597048611111</v>
      </c>
      <c r="B3637" s="6">
        <v>60539.399999999994</v>
      </c>
      <c r="C3637" s="7">
        <f t="shared" si="56"/>
        <v>60.539399999999993</v>
      </c>
      <c r="I3637" s="1"/>
    </row>
    <row r="3638" spans="1:9" x14ac:dyDescent="0.25">
      <c r="A3638" s="3">
        <v>41916.597592592596</v>
      </c>
      <c r="B3638" s="6">
        <v>60556.049999999996</v>
      </c>
      <c r="C3638" s="7">
        <f t="shared" si="56"/>
        <v>60.556049999999999</v>
      </c>
      <c r="I3638" s="1"/>
    </row>
    <row r="3639" spans="1:9" x14ac:dyDescent="0.25">
      <c r="A3639" s="3">
        <v>41916.597638888888</v>
      </c>
      <c r="B3639" s="6">
        <v>60572.7</v>
      </c>
      <c r="C3639" s="7">
        <f t="shared" si="56"/>
        <v>60.572699999999998</v>
      </c>
      <c r="I3639" s="1"/>
    </row>
    <row r="3640" spans="1:9" x14ac:dyDescent="0.25">
      <c r="A3640" s="3">
        <v>41916.598113425927</v>
      </c>
      <c r="B3640" s="6">
        <v>60589.349999999991</v>
      </c>
      <c r="C3640" s="7">
        <f t="shared" si="56"/>
        <v>60.589349999999989</v>
      </c>
      <c r="I3640" s="1"/>
    </row>
    <row r="3641" spans="1:9" x14ac:dyDescent="0.25">
      <c r="A3641" s="3">
        <v>41916.598182870373</v>
      </c>
      <c r="B3641" s="6">
        <v>60605.999999999993</v>
      </c>
      <c r="C3641" s="7">
        <f t="shared" si="56"/>
        <v>60.605999999999995</v>
      </c>
      <c r="I3641" s="1"/>
    </row>
    <row r="3642" spans="1:9" x14ac:dyDescent="0.25">
      <c r="A3642" s="3">
        <v>41916.599108796298</v>
      </c>
      <c r="B3642" s="6">
        <v>60622.649999999994</v>
      </c>
      <c r="C3642" s="7">
        <f t="shared" si="56"/>
        <v>60.622649999999993</v>
      </c>
      <c r="I3642" s="1"/>
    </row>
    <row r="3643" spans="1:9" x14ac:dyDescent="0.25">
      <c r="A3643" s="3">
        <v>41916.59920138889</v>
      </c>
      <c r="B3643" s="6">
        <v>60639.299999999996</v>
      </c>
      <c r="C3643" s="7">
        <f t="shared" si="56"/>
        <v>60.639299999999999</v>
      </c>
      <c r="I3643" s="1"/>
    </row>
    <row r="3644" spans="1:9" x14ac:dyDescent="0.25">
      <c r="A3644" s="3">
        <v>41916.599583333336</v>
      </c>
      <c r="B3644" s="6">
        <v>60655.95</v>
      </c>
      <c r="C3644" s="7">
        <f t="shared" si="56"/>
        <v>60.655949999999997</v>
      </c>
      <c r="I3644" s="1"/>
    </row>
    <row r="3645" spans="1:9" x14ac:dyDescent="0.25">
      <c r="A3645" s="3">
        <v>41916.599641203706</v>
      </c>
      <c r="B3645" s="6">
        <v>60672.599999999991</v>
      </c>
      <c r="C3645" s="7">
        <f t="shared" si="56"/>
        <v>60.672599999999989</v>
      </c>
      <c r="I3645" s="1"/>
    </row>
    <row r="3646" spans="1:9" x14ac:dyDescent="0.25">
      <c r="A3646" s="3">
        <v>41916.600115740737</v>
      </c>
      <c r="B3646" s="6">
        <v>60689.249999999993</v>
      </c>
      <c r="C3646" s="7">
        <f t="shared" si="56"/>
        <v>60.689249999999994</v>
      </c>
      <c r="I3646" s="1"/>
    </row>
    <row r="3647" spans="1:9" x14ac:dyDescent="0.25">
      <c r="A3647" s="3">
        <v>41916.60015046296</v>
      </c>
      <c r="B3647" s="6">
        <v>60705.899999999994</v>
      </c>
      <c r="C3647" s="7">
        <f t="shared" si="56"/>
        <v>60.705899999999993</v>
      </c>
      <c r="I3647" s="1"/>
    </row>
    <row r="3648" spans="1:9" x14ac:dyDescent="0.25">
      <c r="A3648" s="3">
        <v>41916.600370370368</v>
      </c>
      <c r="B3648" s="6">
        <v>60722.549999999996</v>
      </c>
      <c r="C3648" s="7">
        <f t="shared" si="56"/>
        <v>60.722549999999998</v>
      </c>
      <c r="I3648" s="1"/>
    </row>
    <row r="3649" spans="1:9" x14ac:dyDescent="0.25">
      <c r="A3649" s="3">
        <v>41916.600405092591</v>
      </c>
      <c r="B3649" s="6">
        <v>60739.199999999997</v>
      </c>
      <c r="C3649" s="7">
        <f t="shared" si="56"/>
        <v>60.739199999999997</v>
      </c>
      <c r="I3649" s="1"/>
    </row>
    <row r="3650" spans="1:9" x14ac:dyDescent="0.25">
      <c r="A3650" s="3">
        <v>41916.600752314815</v>
      </c>
      <c r="B3650" s="6">
        <v>60755.849999999991</v>
      </c>
      <c r="C3650" s="7">
        <f t="shared" si="56"/>
        <v>60.755849999999988</v>
      </c>
      <c r="I3650" s="1"/>
    </row>
    <row r="3651" spans="1:9" x14ac:dyDescent="0.25">
      <c r="A3651" s="3">
        <v>41916.60083333333</v>
      </c>
      <c r="B3651" s="6">
        <v>60772.499999999993</v>
      </c>
      <c r="C3651" s="7">
        <f t="shared" ref="C3651:C3714" si="57">B3651/1000</f>
        <v>60.772499999999994</v>
      </c>
      <c r="I3651" s="1"/>
    </row>
    <row r="3652" spans="1:9" x14ac:dyDescent="0.25">
      <c r="A3652" s="3">
        <v>41916.601446759261</v>
      </c>
      <c r="B3652" s="6">
        <v>60789.149999999994</v>
      </c>
      <c r="C3652" s="7">
        <f t="shared" si="57"/>
        <v>60.789149999999992</v>
      </c>
      <c r="I3652" s="1"/>
    </row>
    <row r="3653" spans="1:9" x14ac:dyDescent="0.25">
      <c r="A3653" s="3">
        <v>41916.601481481484</v>
      </c>
      <c r="B3653" s="6">
        <v>60805.799999999996</v>
      </c>
      <c r="C3653" s="7">
        <f t="shared" si="57"/>
        <v>60.805799999999998</v>
      </c>
      <c r="I3653" s="1"/>
    </row>
    <row r="3654" spans="1:9" x14ac:dyDescent="0.25">
      <c r="A3654" s="3">
        <v>41916.601793981485</v>
      </c>
      <c r="B3654" s="6">
        <v>60822.45</v>
      </c>
      <c r="C3654" s="7">
        <f t="shared" si="57"/>
        <v>60.822449999999996</v>
      </c>
      <c r="I3654" s="1"/>
    </row>
    <row r="3655" spans="1:9" x14ac:dyDescent="0.25">
      <c r="A3655" s="3">
        <v>41916.601840277777</v>
      </c>
      <c r="B3655" s="6">
        <v>60839.099999999991</v>
      </c>
      <c r="C3655" s="7">
        <f t="shared" si="57"/>
        <v>60.839099999999988</v>
      </c>
      <c r="I3655" s="1"/>
    </row>
    <row r="3656" spans="1:9" x14ac:dyDescent="0.25">
      <c r="A3656" s="3">
        <v>41916.602361111109</v>
      </c>
      <c r="B3656" s="6">
        <v>60855.749999999993</v>
      </c>
      <c r="C3656" s="7">
        <f t="shared" si="57"/>
        <v>60.855749999999993</v>
      </c>
      <c r="I3656" s="1"/>
    </row>
    <row r="3657" spans="1:9" x14ac:dyDescent="0.25">
      <c r="A3657" s="3">
        <v>41916.602453703701</v>
      </c>
      <c r="B3657" s="6">
        <v>60872.399999999994</v>
      </c>
      <c r="C3657" s="7">
        <f t="shared" si="57"/>
        <v>60.872399999999992</v>
      </c>
      <c r="I3657" s="1"/>
    </row>
    <row r="3658" spans="1:9" x14ac:dyDescent="0.25">
      <c r="A3658" s="3">
        <v>41916.603298611109</v>
      </c>
      <c r="B3658" s="6">
        <v>60889.049999999996</v>
      </c>
      <c r="C3658" s="7">
        <f t="shared" si="57"/>
        <v>60.889049999999997</v>
      </c>
      <c r="I3658" s="1"/>
    </row>
    <row r="3659" spans="1:9" x14ac:dyDescent="0.25">
      <c r="A3659" s="3">
        <v>41916.603333333333</v>
      </c>
      <c r="B3659" s="6">
        <v>60905.7</v>
      </c>
      <c r="C3659" s="7">
        <f t="shared" si="57"/>
        <v>60.905699999999996</v>
      </c>
      <c r="I3659" s="1"/>
    </row>
    <row r="3660" spans="1:9" x14ac:dyDescent="0.25">
      <c r="A3660" s="3">
        <v>41916.604398148149</v>
      </c>
      <c r="B3660" s="6">
        <v>60922.349999999991</v>
      </c>
      <c r="C3660" s="7">
        <f t="shared" si="57"/>
        <v>60.922349999999994</v>
      </c>
      <c r="I3660" s="1"/>
    </row>
    <row r="3661" spans="1:9" x14ac:dyDescent="0.25">
      <c r="A3661" s="3">
        <v>41916.604479166665</v>
      </c>
      <c r="B3661" s="6">
        <v>60938.999999999993</v>
      </c>
      <c r="C3661" s="7">
        <f t="shared" si="57"/>
        <v>60.938999999999993</v>
      </c>
      <c r="I3661" s="1"/>
    </row>
    <row r="3662" spans="1:9" x14ac:dyDescent="0.25">
      <c r="A3662" s="3">
        <v>41916.604884259257</v>
      </c>
      <c r="B3662" s="6">
        <v>60955.649999999994</v>
      </c>
      <c r="C3662" s="7">
        <f t="shared" si="57"/>
        <v>60.955649999999991</v>
      </c>
      <c r="I3662" s="1"/>
    </row>
    <row r="3663" spans="1:9" x14ac:dyDescent="0.25">
      <c r="A3663" s="3">
        <v>41916.604942129627</v>
      </c>
      <c r="B3663" s="6">
        <v>60972.299999999996</v>
      </c>
      <c r="C3663" s="7">
        <f t="shared" si="57"/>
        <v>60.972299999999997</v>
      </c>
      <c r="I3663" s="1"/>
    </row>
    <row r="3664" spans="1:9" x14ac:dyDescent="0.25">
      <c r="A3664" s="3">
        <v>41916.605624999997</v>
      </c>
      <c r="B3664" s="6">
        <v>60988.95</v>
      </c>
      <c r="C3664" s="7">
        <f t="shared" si="57"/>
        <v>60.988949999999996</v>
      </c>
      <c r="I3664" s="1"/>
    </row>
    <row r="3665" spans="1:9" x14ac:dyDescent="0.25">
      <c r="A3665" s="3">
        <v>41916.605729166666</v>
      </c>
      <c r="B3665" s="6">
        <v>61005.599999999991</v>
      </c>
      <c r="C3665" s="7">
        <f t="shared" si="57"/>
        <v>61.005599999999994</v>
      </c>
      <c r="I3665" s="1"/>
    </row>
    <row r="3666" spans="1:9" x14ac:dyDescent="0.25">
      <c r="A3666" s="3">
        <v>41916.606435185182</v>
      </c>
      <c r="B3666" s="6">
        <v>61022.249999999993</v>
      </c>
      <c r="C3666" s="7">
        <f t="shared" si="57"/>
        <v>61.022249999999993</v>
      </c>
      <c r="I3666" s="1"/>
    </row>
    <row r="3667" spans="1:9" x14ac:dyDescent="0.25">
      <c r="A3667" s="3">
        <v>41916.606493055559</v>
      </c>
      <c r="B3667" s="6">
        <v>61038.899999999994</v>
      </c>
      <c r="C3667" s="7">
        <f t="shared" si="57"/>
        <v>61.038899999999991</v>
      </c>
      <c r="I3667" s="1"/>
    </row>
    <row r="3668" spans="1:9" x14ac:dyDescent="0.25">
      <c r="A3668" s="3">
        <v>41916.607141203705</v>
      </c>
      <c r="B3668" s="6">
        <v>61055.549999999996</v>
      </c>
      <c r="C3668" s="7">
        <f t="shared" si="57"/>
        <v>61.055549999999997</v>
      </c>
      <c r="I3668" s="1"/>
    </row>
    <row r="3669" spans="1:9" x14ac:dyDescent="0.25">
      <c r="A3669" s="3">
        <v>41916.607245370367</v>
      </c>
      <c r="B3669" s="6">
        <v>61072.2</v>
      </c>
      <c r="C3669" s="7">
        <f t="shared" si="57"/>
        <v>61.072199999999995</v>
      </c>
      <c r="I3669" s="1"/>
    </row>
    <row r="3670" spans="1:9" x14ac:dyDescent="0.25">
      <c r="A3670" s="3">
        <v>41916.607824074075</v>
      </c>
      <c r="B3670" s="6">
        <v>61088.849999999991</v>
      </c>
      <c r="C3670" s="7">
        <f t="shared" si="57"/>
        <v>61.088849999999994</v>
      </c>
      <c r="I3670" s="1"/>
    </row>
    <row r="3671" spans="1:9" x14ac:dyDescent="0.25">
      <c r="A3671" s="3">
        <v>41916.607928240737</v>
      </c>
      <c r="B3671" s="6">
        <v>61105.499999999993</v>
      </c>
      <c r="C3671" s="7">
        <f t="shared" si="57"/>
        <v>61.105499999999992</v>
      </c>
      <c r="I3671" s="1"/>
    </row>
    <row r="3672" spans="1:9" x14ac:dyDescent="0.25">
      <c r="A3672" s="3">
        <v>41916.609259259261</v>
      </c>
      <c r="B3672" s="6">
        <v>61122.149999999994</v>
      </c>
      <c r="C3672" s="7">
        <f t="shared" si="57"/>
        <v>61.122149999999991</v>
      </c>
      <c r="I3672" s="1"/>
    </row>
    <row r="3673" spans="1:9" x14ac:dyDescent="0.25">
      <c r="A3673" s="3">
        <v>41916.609351851854</v>
      </c>
      <c r="B3673" s="6">
        <v>61138.799999999996</v>
      </c>
      <c r="C3673" s="7">
        <f t="shared" si="57"/>
        <v>61.138799999999996</v>
      </c>
      <c r="I3673" s="1"/>
    </row>
    <row r="3674" spans="1:9" x14ac:dyDescent="0.25">
      <c r="A3674" s="3">
        <v>41916.61</v>
      </c>
      <c r="B3674" s="6">
        <v>61155.45</v>
      </c>
      <c r="C3674" s="7">
        <f t="shared" si="57"/>
        <v>61.155449999999995</v>
      </c>
      <c r="I3674" s="1"/>
    </row>
    <row r="3675" spans="1:9" x14ac:dyDescent="0.25">
      <c r="A3675" s="3">
        <v>41916.610069444447</v>
      </c>
      <c r="B3675" s="6">
        <v>61172.099999999991</v>
      </c>
      <c r="C3675" s="7">
        <f t="shared" si="57"/>
        <v>61.172099999999993</v>
      </c>
      <c r="I3675" s="1"/>
    </row>
    <row r="3676" spans="1:9" x14ac:dyDescent="0.25">
      <c r="A3676" s="3">
        <v>41916.610671296294</v>
      </c>
      <c r="B3676" s="6">
        <v>61188.749999999993</v>
      </c>
      <c r="C3676" s="7">
        <f t="shared" si="57"/>
        <v>61.188749999999992</v>
      </c>
      <c r="I3676" s="1"/>
    </row>
    <row r="3677" spans="1:9" x14ac:dyDescent="0.25">
      <c r="A3677" s="3">
        <v>41916.610717592594</v>
      </c>
      <c r="B3677" s="6">
        <v>61205.399999999994</v>
      </c>
      <c r="C3677" s="7">
        <f t="shared" si="57"/>
        <v>61.205399999999997</v>
      </c>
      <c r="I3677" s="1"/>
    </row>
    <row r="3678" spans="1:9" x14ac:dyDescent="0.25">
      <c r="A3678" s="3">
        <v>41916.61109953704</v>
      </c>
      <c r="B3678" s="6">
        <v>61222.049999999996</v>
      </c>
      <c r="C3678" s="7">
        <f t="shared" si="57"/>
        <v>61.222049999999996</v>
      </c>
      <c r="I3678" s="1"/>
    </row>
    <row r="3679" spans="1:9" x14ac:dyDescent="0.25">
      <c r="A3679" s="3">
        <v>41916.611226851855</v>
      </c>
      <c r="B3679" s="6">
        <v>61238.7</v>
      </c>
      <c r="C3679" s="7">
        <f t="shared" si="57"/>
        <v>61.238699999999994</v>
      </c>
      <c r="I3679" s="1"/>
    </row>
    <row r="3680" spans="1:9" x14ac:dyDescent="0.25">
      <c r="A3680" s="3">
        <v>41916.612361111111</v>
      </c>
      <c r="B3680" s="6">
        <v>61255.349999999991</v>
      </c>
      <c r="C3680" s="7">
        <f t="shared" si="57"/>
        <v>61.255349999999993</v>
      </c>
      <c r="I3680" s="1"/>
    </row>
    <row r="3681" spans="1:9" x14ac:dyDescent="0.25">
      <c r="A3681" s="3">
        <v>41916.612488425926</v>
      </c>
      <c r="B3681" s="6">
        <v>61271.999999999993</v>
      </c>
      <c r="C3681" s="7">
        <f t="shared" si="57"/>
        <v>61.271999999999991</v>
      </c>
      <c r="I3681" s="1"/>
    </row>
    <row r="3682" spans="1:9" x14ac:dyDescent="0.25">
      <c r="A3682" s="3">
        <v>41916.613321759258</v>
      </c>
      <c r="B3682" s="6">
        <v>61288.649999999994</v>
      </c>
      <c r="C3682" s="7">
        <f t="shared" si="57"/>
        <v>61.288649999999997</v>
      </c>
      <c r="I3682" s="1"/>
    </row>
    <row r="3683" spans="1:9" x14ac:dyDescent="0.25">
      <c r="A3683" s="3">
        <v>41916.613425925927</v>
      </c>
      <c r="B3683" s="6">
        <v>61305.299999999996</v>
      </c>
      <c r="C3683" s="7">
        <f t="shared" si="57"/>
        <v>61.305299999999995</v>
      </c>
      <c r="I3683" s="1"/>
    </row>
    <row r="3684" spans="1:9" x14ac:dyDescent="0.25">
      <c r="A3684" s="3">
        <v>41916.614120370374</v>
      </c>
      <c r="B3684" s="6">
        <v>61321.95</v>
      </c>
      <c r="C3684" s="7">
        <f t="shared" si="57"/>
        <v>61.321949999999994</v>
      </c>
      <c r="I3684" s="1"/>
    </row>
    <row r="3685" spans="1:9" x14ac:dyDescent="0.25">
      <c r="A3685" s="3">
        <v>41916.614178240743</v>
      </c>
      <c r="B3685" s="6">
        <v>61338.599999999991</v>
      </c>
      <c r="C3685" s="7">
        <f t="shared" si="57"/>
        <v>61.338599999999992</v>
      </c>
      <c r="I3685" s="1"/>
    </row>
    <row r="3686" spans="1:9" x14ac:dyDescent="0.25">
      <c r="A3686" s="3">
        <v>41916.614606481482</v>
      </c>
      <c r="B3686" s="6">
        <v>61355.249999999993</v>
      </c>
      <c r="C3686" s="7">
        <f t="shared" si="57"/>
        <v>61.355249999999991</v>
      </c>
      <c r="I3686" s="1"/>
    </row>
    <row r="3687" spans="1:9" x14ac:dyDescent="0.25">
      <c r="A3687" s="3">
        <v>41916.614687499998</v>
      </c>
      <c r="B3687" s="6">
        <v>61371.899999999994</v>
      </c>
      <c r="C3687" s="7">
        <f t="shared" si="57"/>
        <v>61.371899999999997</v>
      </c>
      <c r="I3687" s="1"/>
    </row>
    <row r="3688" spans="1:9" x14ac:dyDescent="0.25">
      <c r="A3688" s="3">
        <v>41916.615370370368</v>
      </c>
      <c r="B3688" s="6">
        <v>61388.549999999996</v>
      </c>
      <c r="C3688" s="7">
        <f t="shared" si="57"/>
        <v>61.388549999999995</v>
      </c>
      <c r="I3688" s="1"/>
    </row>
    <row r="3689" spans="1:9" x14ac:dyDescent="0.25">
      <c r="A3689" s="3">
        <v>41916.615428240744</v>
      </c>
      <c r="B3689" s="6">
        <v>61405.2</v>
      </c>
      <c r="C3689" s="7">
        <f t="shared" si="57"/>
        <v>61.405199999999994</v>
      </c>
      <c r="I3689" s="1"/>
    </row>
    <row r="3690" spans="1:9" x14ac:dyDescent="0.25">
      <c r="A3690" s="3">
        <v>41916.616076388891</v>
      </c>
      <c r="B3690" s="6">
        <v>61421.849999999991</v>
      </c>
      <c r="C3690" s="7">
        <f t="shared" si="57"/>
        <v>61.421849999999992</v>
      </c>
      <c r="I3690" s="1"/>
    </row>
    <row r="3691" spans="1:9" x14ac:dyDescent="0.25">
      <c r="A3691" s="3">
        <v>41916.616168981483</v>
      </c>
      <c r="B3691" s="6">
        <v>61438.499999999993</v>
      </c>
      <c r="C3691" s="7">
        <f t="shared" si="57"/>
        <v>61.438499999999991</v>
      </c>
      <c r="I3691" s="1"/>
    </row>
    <row r="3692" spans="1:9" x14ac:dyDescent="0.25">
      <c r="A3692" s="3">
        <v>41916.616631944446</v>
      </c>
      <c r="B3692" s="6">
        <v>61455.149999999994</v>
      </c>
      <c r="C3692" s="7">
        <f t="shared" si="57"/>
        <v>61.455149999999996</v>
      </c>
      <c r="I3692" s="1"/>
    </row>
    <row r="3693" spans="1:9" x14ac:dyDescent="0.25">
      <c r="A3693" s="3">
        <v>41916.616689814815</v>
      </c>
      <c r="B3693" s="6">
        <v>61471.799999999996</v>
      </c>
      <c r="C3693" s="7">
        <f t="shared" si="57"/>
        <v>61.471799999999995</v>
      </c>
      <c r="I3693" s="1"/>
    </row>
    <row r="3694" spans="1:9" x14ac:dyDescent="0.25">
      <c r="A3694" s="3">
        <v>41916.617418981485</v>
      </c>
      <c r="B3694" s="6">
        <v>61488.45</v>
      </c>
      <c r="C3694" s="7">
        <f t="shared" si="57"/>
        <v>61.48845</v>
      </c>
      <c r="I3694" s="1"/>
    </row>
    <row r="3695" spans="1:9" x14ac:dyDescent="0.25">
      <c r="A3695" s="3">
        <v>41916.617615740739</v>
      </c>
      <c r="B3695" s="6">
        <v>61505.099999999991</v>
      </c>
      <c r="C3695" s="7">
        <f t="shared" si="57"/>
        <v>61.505099999999992</v>
      </c>
      <c r="I3695" s="1"/>
    </row>
    <row r="3696" spans="1:9" x14ac:dyDescent="0.25">
      <c r="A3696" s="3">
        <v>41916.619699074072</v>
      </c>
      <c r="B3696" s="6">
        <v>61521.749999999993</v>
      </c>
      <c r="C3696" s="7">
        <f t="shared" si="57"/>
        <v>61.52174999999999</v>
      </c>
      <c r="I3696" s="1"/>
    </row>
    <row r="3697" spans="1:9" x14ac:dyDescent="0.25">
      <c r="A3697" s="3">
        <v>41916.619780092595</v>
      </c>
      <c r="B3697" s="6">
        <v>61538.399999999994</v>
      </c>
      <c r="C3697" s="7">
        <f t="shared" si="57"/>
        <v>61.538399999999996</v>
      </c>
      <c r="I3697" s="1"/>
    </row>
    <row r="3698" spans="1:9" x14ac:dyDescent="0.25">
      <c r="A3698" s="3">
        <v>41916.620520833334</v>
      </c>
      <c r="B3698" s="6">
        <v>61555.049999999996</v>
      </c>
      <c r="C3698" s="7">
        <f t="shared" si="57"/>
        <v>61.555049999999994</v>
      </c>
      <c r="I3698" s="1"/>
    </row>
    <row r="3699" spans="1:9" x14ac:dyDescent="0.25">
      <c r="A3699" s="3">
        <v>41916.620578703703</v>
      </c>
      <c r="B3699" s="6">
        <v>61571.7</v>
      </c>
      <c r="C3699" s="7">
        <f t="shared" si="57"/>
        <v>61.5717</v>
      </c>
      <c r="I3699" s="1"/>
    </row>
    <row r="3700" spans="1:9" x14ac:dyDescent="0.25">
      <c r="A3700" s="3">
        <v>41916.621620370373</v>
      </c>
      <c r="B3700" s="6">
        <v>61588.349999999991</v>
      </c>
      <c r="C3700" s="7">
        <f t="shared" si="57"/>
        <v>61.588349999999991</v>
      </c>
      <c r="I3700" s="1"/>
    </row>
    <row r="3701" spans="1:9" x14ac:dyDescent="0.25">
      <c r="A3701" s="3">
        <v>41916.621712962966</v>
      </c>
      <c r="B3701" s="6">
        <v>61604.999999999993</v>
      </c>
      <c r="C3701" s="7">
        <f t="shared" si="57"/>
        <v>61.60499999999999</v>
      </c>
      <c r="I3701" s="1"/>
    </row>
    <row r="3702" spans="1:9" x14ac:dyDescent="0.25">
      <c r="A3702" s="3">
        <v>41916.622743055559</v>
      </c>
      <c r="B3702" s="6">
        <v>61621.649999999994</v>
      </c>
      <c r="C3702" s="7">
        <f t="shared" si="57"/>
        <v>61.621649999999995</v>
      </c>
      <c r="I3702" s="1"/>
    </row>
    <row r="3703" spans="1:9" x14ac:dyDescent="0.25">
      <c r="A3703" s="3">
        <v>41916.622870370367</v>
      </c>
      <c r="B3703" s="6">
        <v>61638.299999999996</v>
      </c>
      <c r="C3703" s="7">
        <f t="shared" si="57"/>
        <v>61.638299999999994</v>
      </c>
      <c r="I3703" s="1"/>
    </row>
    <row r="3704" spans="1:9" x14ac:dyDescent="0.25">
      <c r="A3704" s="3">
        <v>41916.623854166668</v>
      </c>
      <c r="B3704" s="6">
        <v>61654.95</v>
      </c>
      <c r="C3704" s="7">
        <f t="shared" si="57"/>
        <v>61.654949999999999</v>
      </c>
      <c r="I3704" s="1"/>
    </row>
    <row r="3705" spans="1:9" x14ac:dyDescent="0.25">
      <c r="A3705" s="3">
        <v>41916.623969907407</v>
      </c>
      <c r="B3705" s="6">
        <v>61671.599999999991</v>
      </c>
      <c r="C3705" s="7">
        <f t="shared" si="57"/>
        <v>61.671599999999991</v>
      </c>
      <c r="I3705" s="1"/>
    </row>
    <row r="3706" spans="1:9" x14ac:dyDescent="0.25">
      <c r="A3706" s="3">
        <v>41916.624791666669</v>
      </c>
      <c r="B3706" s="6">
        <v>61688.249999999993</v>
      </c>
      <c r="C3706" s="7">
        <f t="shared" si="57"/>
        <v>61.688249999999989</v>
      </c>
      <c r="I3706" s="1"/>
    </row>
    <row r="3707" spans="1:9" x14ac:dyDescent="0.25">
      <c r="A3707" s="3">
        <v>41916.624837962961</v>
      </c>
      <c r="B3707" s="6">
        <v>61704.899999999994</v>
      </c>
      <c r="C3707" s="7">
        <f t="shared" si="57"/>
        <v>61.704899999999995</v>
      </c>
      <c r="I3707" s="1"/>
    </row>
    <row r="3708" spans="1:9" x14ac:dyDescent="0.25">
      <c r="A3708" s="3">
        <v>41916.62537037037</v>
      </c>
      <c r="B3708" s="6">
        <v>61721.549999999996</v>
      </c>
      <c r="C3708" s="7">
        <f t="shared" si="57"/>
        <v>61.721549999999993</v>
      </c>
      <c r="I3708" s="1"/>
    </row>
    <row r="3709" spans="1:9" x14ac:dyDescent="0.25">
      <c r="A3709" s="3">
        <v>41916.625428240739</v>
      </c>
      <c r="B3709" s="6">
        <v>61738.2</v>
      </c>
      <c r="C3709" s="7">
        <f t="shared" si="57"/>
        <v>61.738199999999999</v>
      </c>
      <c r="I3709" s="1"/>
    </row>
    <row r="3710" spans="1:9" x14ac:dyDescent="0.25">
      <c r="A3710" s="3">
        <v>41916.626168981478</v>
      </c>
      <c r="B3710" s="6">
        <v>61754.849999999991</v>
      </c>
      <c r="C3710" s="7">
        <f t="shared" si="57"/>
        <v>61.75484999999999</v>
      </c>
      <c r="I3710" s="1"/>
    </row>
    <row r="3711" spans="1:9" x14ac:dyDescent="0.25">
      <c r="A3711" s="3">
        <v>41916.626273148147</v>
      </c>
      <c r="B3711" s="6">
        <v>61771.499999999993</v>
      </c>
      <c r="C3711" s="7">
        <f t="shared" si="57"/>
        <v>61.771499999999996</v>
      </c>
      <c r="I3711" s="1"/>
    </row>
    <row r="3712" spans="1:9" x14ac:dyDescent="0.25">
      <c r="A3712" s="3">
        <v>41916.627453703702</v>
      </c>
      <c r="B3712" s="6">
        <v>61788.149999999994</v>
      </c>
      <c r="C3712" s="7">
        <f t="shared" si="57"/>
        <v>61.788149999999995</v>
      </c>
      <c r="I3712" s="1"/>
    </row>
    <row r="3713" spans="1:9" x14ac:dyDescent="0.25">
      <c r="A3713" s="3">
        <v>41916.62767361111</v>
      </c>
      <c r="B3713" s="6">
        <v>61804.799999999996</v>
      </c>
      <c r="C3713" s="7">
        <f t="shared" si="57"/>
        <v>61.804799999999993</v>
      </c>
      <c r="I3713" s="1"/>
    </row>
    <row r="3714" spans="1:9" x14ac:dyDescent="0.25">
      <c r="A3714" s="3">
        <v>41916.62872685185</v>
      </c>
      <c r="B3714" s="6">
        <v>61821.45</v>
      </c>
      <c r="C3714" s="7">
        <f t="shared" si="57"/>
        <v>61.821449999999999</v>
      </c>
      <c r="I3714" s="1"/>
    </row>
    <row r="3715" spans="1:9" x14ac:dyDescent="0.25">
      <c r="A3715" s="3">
        <v>41916.628784722219</v>
      </c>
      <c r="B3715" s="6">
        <v>61838.099999999991</v>
      </c>
      <c r="C3715" s="7">
        <f t="shared" ref="C3715:C3778" si="58">B3715/1000</f>
        <v>61.83809999999999</v>
      </c>
      <c r="I3715" s="1"/>
    </row>
    <row r="3716" spans="1:9" x14ac:dyDescent="0.25">
      <c r="A3716" s="3">
        <v>41916.629236111112</v>
      </c>
      <c r="B3716" s="6">
        <v>61854.749999999993</v>
      </c>
      <c r="C3716" s="7">
        <f t="shared" si="58"/>
        <v>61.854749999999996</v>
      </c>
      <c r="I3716" s="1"/>
    </row>
    <row r="3717" spans="1:9" x14ac:dyDescent="0.25">
      <c r="A3717" s="3">
        <v>41916.629305555558</v>
      </c>
      <c r="B3717" s="6">
        <v>61871.399999999994</v>
      </c>
      <c r="C3717" s="7">
        <f t="shared" si="58"/>
        <v>61.871399999999994</v>
      </c>
      <c r="I3717" s="1"/>
    </row>
    <row r="3718" spans="1:9" x14ac:dyDescent="0.25">
      <c r="A3718" s="3">
        <v>41916.629803240743</v>
      </c>
      <c r="B3718" s="6">
        <v>61888.049999999996</v>
      </c>
      <c r="C3718" s="7">
        <f t="shared" si="58"/>
        <v>61.888049999999993</v>
      </c>
      <c r="I3718" s="1"/>
    </row>
    <row r="3719" spans="1:9" x14ac:dyDescent="0.25">
      <c r="A3719" s="3">
        <v>41916.629895833335</v>
      </c>
      <c r="B3719" s="6">
        <v>61904.7</v>
      </c>
      <c r="C3719" s="7">
        <f t="shared" si="58"/>
        <v>61.904699999999998</v>
      </c>
      <c r="I3719" s="1"/>
    </row>
    <row r="3720" spans="1:9" x14ac:dyDescent="0.25">
      <c r="A3720" s="3">
        <v>41916.630960648145</v>
      </c>
      <c r="B3720" s="6">
        <v>61921.349999999991</v>
      </c>
      <c r="C3720" s="7">
        <f t="shared" si="58"/>
        <v>61.92134999999999</v>
      </c>
      <c r="I3720" s="1"/>
    </row>
    <row r="3721" spans="1:9" x14ac:dyDescent="0.25">
      <c r="A3721" s="3">
        <v>41916.631192129629</v>
      </c>
      <c r="B3721" s="6">
        <v>61937.999999999993</v>
      </c>
      <c r="C3721" s="7">
        <f t="shared" si="58"/>
        <v>61.937999999999995</v>
      </c>
      <c r="I3721" s="1"/>
    </row>
    <row r="3722" spans="1:9" x14ac:dyDescent="0.25">
      <c r="A3722" s="3">
        <v>41916.632800925923</v>
      </c>
      <c r="B3722" s="6">
        <v>61954.649999999994</v>
      </c>
      <c r="C3722" s="7">
        <f t="shared" si="58"/>
        <v>61.954649999999994</v>
      </c>
      <c r="I3722" s="1"/>
    </row>
    <row r="3723" spans="1:9" x14ac:dyDescent="0.25">
      <c r="A3723" s="3">
        <v>41916.632893518516</v>
      </c>
      <c r="B3723" s="6">
        <v>61971.299999999996</v>
      </c>
      <c r="C3723" s="7">
        <f t="shared" si="58"/>
        <v>61.971299999999992</v>
      </c>
      <c r="I3723" s="1"/>
    </row>
    <row r="3724" spans="1:9" x14ac:dyDescent="0.25">
      <c r="A3724" s="3">
        <v>41916.634571759256</v>
      </c>
      <c r="B3724" s="6">
        <v>61987.95</v>
      </c>
      <c r="C3724" s="7">
        <f t="shared" si="58"/>
        <v>61.987949999999998</v>
      </c>
      <c r="I3724" s="1"/>
    </row>
    <row r="3725" spans="1:9" x14ac:dyDescent="0.25">
      <c r="A3725" s="3">
        <v>41916.634756944448</v>
      </c>
      <c r="B3725" s="6">
        <v>62004.599999999991</v>
      </c>
      <c r="C3725" s="7">
        <f t="shared" si="58"/>
        <v>62.004599999999989</v>
      </c>
      <c r="I3725" s="1"/>
    </row>
    <row r="3726" spans="1:9" x14ac:dyDescent="0.25">
      <c r="A3726" s="3">
        <v>41916.63553240741</v>
      </c>
      <c r="B3726" s="6">
        <v>62021.249999999993</v>
      </c>
      <c r="C3726" s="7">
        <f t="shared" si="58"/>
        <v>62.021249999999995</v>
      </c>
      <c r="I3726" s="1"/>
    </row>
    <row r="3727" spans="1:9" x14ac:dyDescent="0.25">
      <c r="A3727" s="3">
        <v>41916.635706018518</v>
      </c>
      <c r="B3727" s="6">
        <v>62037.899999999994</v>
      </c>
      <c r="C3727" s="7">
        <f t="shared" si="58"/>
        <v>62.037899999999993</v>
      </c>
      <c r="I3727" s="1"/>
    </row>
    <row r="3728" spans="1:9" x14ac:dyDescent="0.25">
      <c r="A3728" s="3">
        <v>41916.636504629627</v>
      </c>
      <c r="B3728" s="6">
        <v>62054.549999999996</v>
      </c>
      <c r="C3728" s="7">
        <f t="shared" si="58"/>
        <v>62.054549999999999</v>
      </c>
      <c r="I3728" s="1"/>
    </row>
    <row r="3729" spans="1:9" x14ac:dyDescent="0.25">
      <c r="A3729" s="3">
        <v>41916.636550925927</v>
      </c>
      <c r="B3729" s="6">
        <v>62071.199999999997</v>
      </c>
      <c r="C3729" s="7">
        <f t="shared" si="58"/>
        <v>62.071199999999997</v>
      </c>
      <c r="I3729" s="1"/>
    </row>
    <row r="3730" spans="1:9" x14ac:dyDescent="0.25">
      <c r="A3730" s="3">
        <v>41916.637326388889</v>
      </c>
      <c r="B3730" s="6">
        <v>62087.849999999991</v>
      </c>
      <c r="C3730" s="7">
        <f t="shared" si="58"/>
        <v>62.087849999999989</v>
      </c>
      <c r="I3730" s="1"/>
    </row>
    <row r="3731" spans="1:9" x14ac:dyDescent="0.25">
      <c r="A3731" s="3">
        <v>41916.637384259258</v>
      </c>
      <c r="B3731" s="6">
        <v>62104.499999999993</v>
      </c>
      <c r="C3731" s="7">
        <f t="shared" si="58"/>
        <v>62.104499999999994</v>
      </c>
      <c r="I3731" s="1"/>
    </row>
    <row r="3732" spans="1:9" x14ac:dyDescent="0.25">
      <c r="A3732" s="3">
        <v>41916.63784722222</v>
      </c>
      <c r="B3732" s="6">
        <v>62121.149999999994</v>
      </c>
      <c r="C3732" s="7">
        <f t="shared" si="58"/>
        <v>62.121149999999993</v>
      </c>
      <c r="I3732" s="1"/>
    </row>
    <row r="3733" spans="1:9" x14ac:dyDescent="0.25">
      <c r="A3733" s="3">
        <v>41916.63789351852</v>
      </c>
      <c r="B3733" s="6">
        <v>62137.799999999996</v>
      </c>
      <c r="C3733" s="7">
        <f t="shared" si="58"/>
        <v>62.137799999999999</v>
      </c>
      <c r="I3733" s="1"/>
    </row>
    <row r="3734" spans="1:9" x14ac:dyDescent="0.25">
      <c r="A3734" s="3">
        <v>41916.63857638889</v>
      </c>
      <c r="B3734" s="6">
        <v>62154.45</v>
      </c>
      <c r="C3734" s="7">
        <f t="shared" si="58"/>
        <v>62.154449999999997</v>
      </c>
      <c r="I3734" s="1"/>
    </row>
    <row r="3735" spans="1:9" x14ac:dyDescent="0.25">
      <c r="A3735" s="3">
        <v>41916.63863425926</v>
      </c>
      <c r="B3735" s="6">
        <v>62171.099999999991</v>
      </c>
      <c r="C3735" s="7">
        <f t="shared" si="58"/>
        <v>62.171099999999988</v>
      </c>
      <c r="I3735" s="1"/>
    </row>
    <row r="3736" spans="1:9" x14ac:dyDescent="0.25">
      <c r="A3736" s="3">
        <v>41916.639270833337</v>
      </c>
      <c r="B3736" s="6">
        <v>62187.749999999993</v>
      </c>
      <c r="C3736" s="7">
        <f t="shared" si="58"/>
        <v>62.187749999999994</v>
      </c>
      <c r="I3736" s="1"/>
    </row>
    <row r="3737" spans="1:9" x14ac:dyDescent="0.25">
      <c r="A3737" s="3">
        <v>41916.639317129629</v>
      </c>
      <c r="B3737" s="6">
        <v>62204.399999999994</v>
      </c>
      <c r="C3737" s="7">
        <f t="shared" si="58"/>
        <v>62.204399999999993</v>
      </c>
      <c r="I3737" s="1"/>
    </row>
    <row r="3738" spans="1:9" x14ac:dyDescent="0.25">
      <c r="A3738" s="3">
        <v>41916.639837962961</v>
      </c>
      <c r="B3738" s="6">
        <v>62221.049999999996</v>
      </c>
      <c r="C3738" s="7">
        <f t="shared" si="58"/>
        <v>62.221049999999998</v>
      </c>
      <c r="I3738" s="1"/>
    </row>
    <row r="3739" spans="1:9" x14ac:dyDescent="0.25">
      <c r="A3739" s="3">
        <v>41916.63989583333</v>
      </c>
      <c r="B3739" s="6">
        <v>62237.7</v>
      </c>
      <c r="C3739" s="7">
        <f t="shared" si="58"/>
        <v>62.237699999999997</v>
      </c>
      <c r="I3739" s="1"/>
    </row>
    <row r="3740" spans="1:9" x14ac:dyDescent="0.25">
      <c r="A3740" s="3">
        <v>41916.640277777777</v>
      </c>
      <c r="B3740" s="6">
        <v>62254.349999999991</v>
      </c>
      <c r="C3740" s="7">
        <f t="shared" si="58"/>
        <v>62.254349999999988</v>
      </c>
      <c r="I3740" s="1"/>
    </row>
    <row r="3741" spans="1:9" x14ac:dyDescent="0.25">
      <c r="A3741" s="3">
        <v>41916.640335648146</v>
      </c>
      <c r="B3741" s="6">
        <v>62270.999999999993</v>
      </c>
      <c r="C3741" s="7">
        <f t="shared" si="58"/>
        <v>62.270999999999994</v>
      </c>
      <c r="I3741" s="1"/>
    </row>
    <row r="3742" spans="1:9" x14ac:dyDescent="0.25">
      <c r="A3742" s="3">
        <v>41916.641006944446</v>
      </c>
      <c r="B3742" s="6">
        <v>62287.649999999994</v>
      </c>
      <c r="C3742" s="7">
        <f t="shared" si="58"/>
        <v>62.287649999999992</v>
      </c>
      <c r="I3742" s="1"/>
    </row>
    <row r="3743" spans="1:9" x14ac:dyDescent="0.25">
      <c r="A3743" s="3">
        <v>41916.641111111108</v>
      </c>
      <c r="B3743" s="6">
        <v>62304.299999999996</v>
      </c>
      <c r="C3743" s="7">
        <f t="shared" si="58"/>
        <v>62.304299999999998</v>
      </c>
      <c r="I3743" s="1"/>
    </row>
    <row r="3744" spans="1:9" x14ac:dyDescent="0.25">
      <c r="A3744" s="3">
        <v>41916.64203703704</v>
      </c>
      <c r="B3744" s="6">
        <v>62320.95</v>
      </c>
      <c r="C3744" s="7">
        <f t="shared" si="58"/>
        <v>62.320949999999996</v>
      </c>
      <c r="I3744" s="1"/>
    </row>
    <row r="3745" spans="1:9" x14ac:dyDescent="0.25">
      <c r="A3745" s="3">
        <v>41916.642071759263</v>
      </c>
      <c r="B3745" s="6">
        <v>62337.599999999991</v>
      </c>
      <c r="C3745" s="7">
        <f t="shared" si="58"/>
        <v>62.337599999999995</v>
      </c>
      <c r="I3745" s="1"/>
    </row>
    <row r="3746" spans="1:9" x14ac:dyDescent="0.25">
      <c r="A3746" s="3">
        <v>41916.642442129632</v>
      </c>
      <c r="B3746" s="6">
        <v>62354.249999999993</v>
      </c>
      <c r="C3746" s="7">
        <f t="shared" si="58"/>
        <v>62.354249999999993</v>
      </c>
      <c r="I3746" s="1"/>
    </row>
    <row r="3747" spans="1:9" x14ac:dyDescent="0.25">
      <c r="A3747" s="3">
        <v>41916.642546296294</v>
      </c>
      <c r="B3747" s="6">
        <v>62370.899999999994</v>
      </c>
      <c r="C3747" s="7">
        <f t="shared" si="58"/>
        <v>62.370899999999992</v>
      </c>
      <c r="I3747" s="1"/>
    </row>
    <row r="3748" spans="1:9" x14ac:dyDescent="0.25">
      <c r="A3748" s="3">
        <v>41916.643263888887</v>
      </c>
      <c r="B3748" s="6">
        <v>62387.549999999996</v>
      </c>
      <c r="C3748" s="7">
        <f t="shared" si="58"/>
        <v>62.387549999999997</v>
      </c>
      <c r="I3748" s="1"/>
    </row>
    <row r="3749" spans="1:9" x14ac:dyDescent="0.25">
      <c r="A3749" s="3">
        <v>41916.64329861111</v>
      </c>
      <c r="B3749" s="6">
        <v>62404.2</v>
      </c>
      <c r="C3749" s="7">
        <f t="shared" si="58"/>
        <v>62.404199999999996</v>
      </c>
      <c r="I3749" s="1"/>
    </row>
    <row r="3750" spans="1:9" x14ac:dyDescent="0.25">
      <c r="A3750" s="3">
        <v>41916.643819444442</v>
      </c>
      <c r="B3750" s="6">
        <v>62420.849999999991</v>
      </c>
      <c r="C3750" s="7">
        <f t="shared" si="58"/>
        <v>62.420849999999994</v>
      </c>
      <c r="I3750" s="1"/>
    </row>
    <row r="3751" spans="1:9" x14ac:dyDescent="0.25">
      <c r="A3751" s="3">
        <v>41916.643854166665</v>
      </c>
      <c r="B3751" s="6">
        <v>62437.499999999993</v>
      </c>
      <c r="C3751" s="7">
        <f t="shared" si="58"/>
        <v>62.437499999999993</v>
      </c>
      <c r="I3751" s="1"/>
    </row>
    <row r="3752" spans="1:9" x14ac:dyDescent="0.25">
      <c r="A3752" s="3">
        <v>41916.644293981481</v>
      </c>
      <c r="B3752" s="6">
        <v>62454.149999999994</v>
      </c>
      <c r="C3752" s="7">
        <f t="shared" si="58"/>
        <v>62.454149999999991</v>
      </c>
      <c r="I3752" s="1"/>
    </row>
    <row r="3753" spans="1:9" x14ac:dyDescent="0.25">
      <c r="A3753" s="3">
        <v>41916.644375000003</v>
      </c>
      <c r="B3753" s="6">
        <v>62470.799999999996</v>
      </c>
      <c r="C3753" s="7">
        <f t="shared" si="58"/>
        <v>62.470799999999997</v>
      </c>
      <c r="I3753" s="1"/>
    </row>
    <row r="3754" spans="1:9" x14ac:dyDescent="0.25">
      <c r="A3754" s="3">
        <v>41916.645150462966</v>
      </c>
      <c r="B3754" s="6">
        <v>62487.45</v>
      </c>
      <c r="C3754" s="7">
        <f t="shared" si="58"/>
        <v>62.487449999999995</v>
      </c>
      <c r="I3754" s="1"/>
    </row>
    <row r="3755" spans="1:9" x14ac:dyDescent="0.25">
      <c r="A3755" s="3">
        <v>41916.645254629628</v>
      </c>
      <c r="B3755" s="6">
        <v>62504.099999999991</v>
      </c>
      <c r="C3755" s="7">
        <f t="shared" si="58"/>
        <v>62.504099999999994</v>
      </c>
      <c r="I3755" s="1"/>
    </row>
    <row r="3756" spans="1:9" x14ac:dyDescent="0.25">
      <c r="A3756" s="3">
        <v>41916.646701388891</v>
      </c>
      <c r="B3756" s="6">
        <v>62520.749999999993</v>
      </c>
      <c r="C3756" s="7">
        <f t="shared" si="58"/>
        <v>62.520749999999992</v>
      </c>
      <c r="I3756" s="1"/>
    </row>
    <row r="3757" spans="1:9" x14ac:dyDescent="0.25">
      <c r="A3757" s="3">
        <v>41916.646770833337</v>
      </c>
      <c r="B3757" s="6">
        <v>62537.399999999994</v>
      </c>
      <c r="C3757" s="7">
        <f t="shared" si="58"/>
        <v>62.537399999999991</v>
      </c>
      <c r="I3757" s="1"/>
    </row>
    <row r="3758" spans="1:9" x14ac:dyDescent="0.25">
      <c r="A3758" s="3">
        <v>41916.647685185184</v>
      </c>
      <c r="B3758" s="6">
        <v>62554.049999999996</v>
      </c>
      <c r="C3758" s="7">
        <f t="shared" si="58"/>
        <v>62.554049999999997</v>
      </c>
      <c r="I3758" s="1"/>
    </row>
    <row r="3759" spans="1:9" x14ac:dyDescent="0.25">
      <c r="A3759" s="3">
        <v>41916.647731481484</v>
      </c>
      <c r="B3759" s="6">
        <v>62570.7</v>
      </c>
      <c r="C3759" s="7">
        <f t="shared" si="58"/>
        <v>62.570699999999995</v>
      </c>
      <c r="I3759" s="1"/>
    </row>
    <row r="3760" spans="1:9" x14ac:dyDescent="0.25">
      <c r="A3760" s="3">
        <v>41916.648368055554</v>
      </c>
      <c r="B3760" s="6">
        <v>62587.349999999991</v>
      </c>
      <c r="C3760" s="7">
        <f t="shared" si="58"/>
        <v>62.587349999999994</v>
      </c>
      <c r="I3760" s="1"/>
    </row>
    <row r="3761" spans="1:9" x14ac:dyDescent="0.25">
      <c r="A3761" s="3">
        <v>41916.648449074077</v>
      </c>
      <c r="B3761" s="6">
        <v>62603.999999999993</v>
      </c>
      <c r="C3761" s="7">
        <f t="shared" si="58"/>
        <v>62.603999999999992</v>
      </c>
      <c r="I3761" s="1"/>
    </row>
    <row r="3762" spans="1:9" x14ac:dyDescent="0.25">
      <c r="A3762" s="3">
        <v>41916.649143518516</v>
      </c>
      <c r="B3762" s="6">
        <v>62620.649999999994</v>
      </c>
      <c r="C3762" s="7">
        <f t="shared" si="58"/>
        <v>62.620649999999998</v>
      </c>
      <c r="I3762" s="1"/>
    </row>
    <row r="3763" spans="1:9" x14ac:dyDescent="0.25">
      <c r="A3763" s="3">
        <v>41916.649224537039</v>
      </c>
      <c r="B3763" s="6">
        <v>62637.299999999996</v>
      </c>
      <c r="C3763" s="7">
        <f t="shared" si="58"/>
        <v>62.637299999999996</v>
      </c>
      <c r="I3763" s="1"/>
    </row>
    <row r="3764" spans="1:9" x14ac:dyDescent="0.25">
      <c r="A3764" s="3">
        <v>41916.650277777779</v>
      </c>
      <c r="B3764" s="6">
        <v>62653.95</v>
      </c>
      <c r="C3764" s="7">
        <f t="shared" si="58"/>
        <v>62.653949999999995</v>
      </c>
      <c r="I3764" s="1"/>
    </row>
    <row r="3765" spans="1:9" x14ac:dyDescent="0.25">
      <c r="A3765" s="3">
        <v>41916.65047453704</v>
      </c>
      <c r="B3765" s="6">
        <v>62670.599999999991</v>
      </c>
      <c r="C3765" s="7">
        <f t="shared" si="58"/>
        <v>62.670599999999993</v>
      </c>
      <c r="I3765" s="1"/>
    </row>
    <row r="3766" spans="1:9" x14ac:dyDescent="0.25">
      <c r="A3766" s="3">
        <v>41916.651516203703</v>
      </c>
      <c r="B3766" s="6">
        <v>62687.249999999993</v>
      </c>
      <c r="C3766" s="7">
        <f t="shared" si="58"/>
        <v>62.687249999999992</v>
      </c>
      <c r="I3766" s="1"/>
    </row>
    <row r="3767" spans="1:9" x14ac:dyDescent="0.25">
      <c r="A3767" s="3">
        <v>41916.651585648149</v>
      </c>
      <c r="B3767" s="6">
        <v>62703.899999999994</v>
      </c>
      <c r="C3767" s="7">
        <f t="shared" si="58"/>
        <v>62.703899999999997</v>
      </c>
      <c r="I3767" s="1"/>
    </row>
    <row r="3768" spans="1:9" x14ac:dyDescent="0.25">
      <c r="A3768" s="3">
        <v>41916.652094907404</v>
      </c>
      <c r="B3768" s="6">
        <v>62720.549999999996</v>
      </c>
      <c r="C3768" s="7">
        <f t="shared" si="58"/>
        <v>62.720549999999996</v>
      </c>
      <c r="I3768" s="1"/>
    </row>
    <row r="3769" spans="1:9" x14ac:dyDescent="0.25">
      <c r="A3769" s="3">
        <v>41916.65216435185</v>
      </c>
      <c r="B3769" s="6">
        <v>62737.2</v>
      </c>
      <c r="C3769" s="7">
        <f t="shared" si="58"/>
        <v>62.737199999999994</v>
      </c>
      <c r="I3769" s="1"/>
    </row>
    <row r="3770" spans="1:9" x14ac:dyDescent="0.25">
      <c r="A3770" s="3">
        <v>41916.652638888889</v>
      </c>
      <c r="B3770" s="6">
        <v>62753.849999999991</v>
      </c>
      <c r="C3770" s="7">
        <f t="shared" si="58"/>
        <v>62.753849999999993</v>
      </c>
      <c r="I3770" s="1"/>
    </row>
    <row r="3771" spans="1:9" x14ac:dyDescent="0.25">
      <c r="A3771" s="3">
        <v>41916.652685185189</v>
      </c>
      <c r="B3771" s="6">
        <v>62770.499999999993</v>
      </c>
      <c r="C3771" s="7">
        <f t="shared" si="58"/>
        <v>62.770499999999991</v>
      </c>
      <c r="I3771" s="1"/>
    </row>
    <row r="3772" spans="1:9" x14ac:dyDescent="0.25">
      <c r="A3772" s="3">
        <v>41916.653275462966</v>
      </c>
      <c r="B3772" s="6">
        <v>62787.149999999994</v>
      </c>
      <c r="C3772" s="7">
        <f t="shared" si="58"/>
        <v>62.787149999999997</v>
      </c>
      <c r="I3772" s="1"/>
    </row>
    <row r="3773" spans="1:9" x14ac:dyDescent="0.25">
      <c r="A3773" s="3">
        <v>41916.653449074074</v>
      </c>
      <c r="B3773" s="6">
        <v>62803.799999999996</v>
      </c>
      <c r="C3773" s="7">
        <f t="shared" si="58"/>
        <v>62.803799999999995</v>
      </c>
      <c r="I3773" s="1"/>
    </row>
    <row r="3774" spans="1:9" x14ac:dyDescent="0.25">
      <c r="A3774" s="3">
        <v>41916.654097222221</v>
      </c>
      <c r="B3774" s="6">
        <v>62820.45</v>
      </c>
      <c r="C3774" s="7">
        <f t="shared" si="58"/>
        <v>62.820449999999994</v>
      </c>
      <c r="I3774" s="1"/>
    </row>
    <row r="3775" spans="1:9" x14ac:dyDescent="0.25">
      <c r="A3775" s="3">
        <v>41916.654131944444</v>
      </c>
      <c r="B3775" s="6">
        <v>62837.099999999991</v>
      </c>
      <c r="C3775" s="7">
        <f t="shared" si="58"/>
        <v>62.837099999999992</v>
      </c>
      <c r="I3775" s="1"/>
    </row>
    <row r="3776" spans="1:9" x14ac:dyDescent="0.25">
      <c r="A3776" s="3">
        <v>41916.654675925929</v>
      </c>
      <c r="B3776" s="6">
        <v>62853.749999999993</v>
      </c>
      <c r="C3776" s="7">
        <f t="shared" si="58"/>
        <v>62.853749999999991</v>
      </c>
      <c r="I3776" s="1"/>
    </row>
    <row r="3777" spans="1:9" x14ac:dyDescent="0.25">
      <c r="A3777" s="3">
        <v>41916.654722222222</v>
      </c>
      <c r="B3777" s="6">
        <v>62870.399999999994</v>
      </c>
      <c r="C3777" s="7">
        <f t="shared" si="58"/>
        <v>62.870399999999997</v>
      </c>
      <c r="I3777" s="1"/>
    </row>
    <row r="3778" spans="1:9" x14ac:dyDescent="0.25">
      <c r="A3778" s="3">
        <v>41916.655381944445</v>
      </c>
      <c r="B3778" s="6">
        <v>62887.049999999996</v>
      </c>
      <c r="C3778" s="7">
        <f t="shared" si="58"/>
        <v>62.887049999999995</v>
      </c>
      <c r="I3778" s="1"/>
    </row>
    <row r="3779" spans="1:9" x14ac:dyDescent="0.25">
      <c r="A3779" s="3">
        <v>41916.655509259261</v>
      </c>
      <c r="B3779" s="6">
        <v>62903.7</v>
      </c>
      <c r="C3779" s="7">
        <f t="shared" ref="C3779:C3842" si="59">B3779/1000</f>
        <v>62.903700000000001</v>
      </c>
      <c r="I3779" s="1"/>
    </row>
    <row r="3780" spans="1:9" x14ac:dyDescent="0.25">
      <c r="A3780" s="3">
        <v>41916.657187500001</v>
      </c>
      <c r="B3780" s="6">
        <v>62920.349999999991</v>
      </c>
      <c r="C3780" s="7">
        <f t="shared" si="59"/>
        <v>62.920349999999992</v>
      </c>
      <c r="I3780" s="1"/>
    </row>
    <row r="3781" spans="1:9" x14ac:dyDescent="0.25">
      <c r="A3781" s="3">
        <v>41916.657268518517</v>
      </c>
      <c r="B3781" s="6">
        <v>62936.999999999993</v>
      </c>
      <c r="C3781" s="7">
        <f t="shared" si="59"/>
        <v>62.936999999999991</v>
      </c>
      <c r="I3781" s="1"/>
    </row>
    <row r="3782" spans="1:9" x14ac:dyDescent="0.25">
      <c r="A3782" s="3">
        <v>41916.658182870371</v>
      </c>
      <c r="B3782" s="6">
        <v>62953.649999999994</v>
      </c>
      <c r="C3782" s="7">
        <f t="shared" si="59"/>
        <v>62.953649999999996</v>
      </c>
      <c r="I3782" s="1"/>
    </row>
    <row r="3783" spans="1:9" x14ac:dyDescent="0.25">
      <c r="A3783" s="3">
        <v>41916.658310185187</v>
      </c>
      <c r="B3783" s="6">
        <v>62970.299999999996</v>
      </c>
      <c r="C3783" s="7">
        <f t="shared" si="59"/>
        <v>62.970299999999995</v>
      </c>
      <c r="I3783" s="1"/>
    </row>
    <row r="3784" spans="1:9" x14ac:dyDescent="0.25">
      <c r="A3784" s="3">
        <v>41916.658784722225</v>
      </c>
      <c r="B3784" s="6">
        <v>62986.95</v>
      </c>
      <c r="C3784" s="7">
        <f t="shared" si="59"/>
        <v>62.98695</v>
      </c>
      <c r="I3784" s="1"/>
    </row>
    <row r="3785" spans="1:9" x14ac:dyDescent="0.25">
      <c r="A3785" s="3">
        <v>41916.658854166664</v>
      </c>
      <c r="B3785" s="6">
        <v>63003.599999999991</v>
      </c>
      <c r="C3785" s="7">
        <f t="shared" si="59"/>
        <v>63.003599999999992</v>
      </c>
      <c r="I3785" s="1"/>
    </row>
    <row r="3786" spans="1:9" x14ac:dyDescent="0.25">
      <c r="A3786" s="3">
        <v>41916.659814814811</v>
      </c>
      <c r="B3786" s="6">
        <v>63020.249999999993</v>
      </c>
      <c r="C3786" s="7">
        <f t="shared" si="59"/>
        <v>63.02024999999999</v>
      </c>
      <c r="I3786" s="1"/>
    </row>
    <row r="3787" spans="1:9" x14ac:dyDescent="0.25">
      <c r="A3787" s="3">
        <v>41916.659930555557</v>
      </c>
      <c r="B3787" s="6">
        <v>63036.899999999994</v>
      </c>
      <c r="C3787" s="7">
        <f t="shared" si="59"/>
        <v>63.036899999999996</v>
      </c>
      <c r="I3787" s="1"/>
    </row>
    <row r="3788" spans="1:9" x14ac:dyDescent="0.25">
      <c r="A3788" s="3">
        <v>41916.660462962966</v>
      </c>
      <c r="B3788" s="6">
        <v>63053.549999999996</v>
      </c>
      <c r="C3788" s="7">
        <f t="shared" si="59"/>
        <v>63.053549999999994</v>
      </c>
      <c r="I3788" s="1"/>
    </row>
    <row r="3789" spans="1:9" x14ac:dyDescent="0.25">
      <c r="A3789" s="3">
        <v>41916.660543981481</v>
      </c>
      <c r="B3789" s="6">
        <v>63070.2</v>
      </c>
      <c r="C3789" s="7">
        <f t="shared" si="59"/>
        <v>63.0702</v>
      </c>
      <c r="I3789" s="1"/>
    </row>
    <row r="3790" spans="1:9" x14ac:dyDescent="0.25">
      <c r="A3790" s="3">
        <v>41916.661261574074</v>
      </c>
      <c r="B3790" s="6">
        <v>63086.849999999991</v>
      </c>
      <c r="C3790" s="7">
        <f t="shared" si="59"/>
        <v>63.086849999999991</v>
      </c>
      <c r="I3790" s="1"/>
    </row>
    <row r="3791" spans="1:9" x14ac:dyDescent="0.25">
      <c r="A3791" s="3">
        <v>41916.661296296297</v>
      </c>
      <c r="B3791" s="6">
        <v>63103.499999999993</v>
      </c>
      <c r="C3791" s="7">
        <f t="shared" si="59"/>
        <v>63.10349999999999</v>
      </c>
      <c r="I3791" s="1"/>
    </row>
    <row r="3792" spans="1:9" x14ac:dyDescent="0.25">
      <c r="A3792" s="3">
        <v>41916.661631944444</v>
      </c>
      <c r="B3792" s="6">
        <v>63120.149999999994</v>
      </c>
      <c r="C3792" s="7">
        <f t="shared" si="59"/>
        <v>63.120149999999995</v>
      </c>
      <c r="I3792" s="1"/>
    </row>
    <row r="3793" spans="1:9" x14ac:dyDescent="0.25">
      <c r="A3793" s="3">
        <v>41916.661712962959</v>
      </c>
      <c r="B3793" s="6">
        <v>63136.799999999996</v>
      </c>
      <c r="C3793" s="7">
        <f t="shared" si="59"/>
        <v>63.136799999999994</v>
      </c>
      <c r="I3793" s="1"/>
    </row>
    <row r="3794" spans="1:9" x14ac:dyDescent="0.25">
      <c r="A3794" s="3">
        <v>41916.662546296298</v>
      </c>
      <c r="B3794" s="6">
        <v>63153.45</v>
      </c>
      <c r="C3794" s="7">
        <f t="shared" si="59"/>
        <v>63.153449999999999</v>
      </c>
      <c r="I3794" s="1"/>
    </row>
    <row r="3795" spans="1:9" x14ac:dyDescent="0.25">
      <c r="A3795" s="3">
        <v>41916.662708333337</v>
      </c>
      <c r="B3795" s="6">
        <v>63170.099999999991</v>
      </c>
      <c r="C3795" s="7">
        <f t="shared" si="59"/>
        <v>63.170099999999991</v>
      </c>
      <c r="I3795" s="1"/>
    </row>
    <row r="3796" spans="1:9" x14ac:dyDescent="0.25">
      <c r="A3796" s="3">
        <v>41916.663576388892</v>
      </c>
      <c r="B3796" s="6">
        <v>63186.749999999993</v>
      </c>
      <c r="C3796" s="7">
        <f t="shared" si="59"/>
        <v>63.186749999999989</v>
      </c>
      <c r="I3796" s="1"/>
    </row>
    <row r="3797" spans="1:9" x14ac:dyDescent="0.25">
      <c r="A3797" s="3">
        <v>41916.663773148146</v>
      </c>
      <c r="B3797" s="6">
        <v>63203.399999999994</v>
      </c>
      <c r="C3797" s="7">
        <f t="shared" si="59"/>
        <v>63.203399999999995</v>
      </c>
      <c r="I3797" s="1"/>
    </row>
    <row r="3798" spans="1:9" x14ac:dyDescent="0.25">
      <c r="A3798" s="3">
        <v>41916.664467592593</v>
      </c>
      <c r="B3798" s="6">
        <v>63220.049999999996</v>
      </c>
      <c r="C3798" s="7">
        <f t="shared" si="59"/>
        <v>63.220049999999993</v>
      </c>
      <c r="I3798" s="1"/>
    </row>
    <row r="3799" spans="1:9" x14ac:dyDescent="0.25">
      <c r="A3799" s="3">
        <v>41916.664560185185</v>
      </c>
      <c r="B3799" s="6">
        <v>63236.7</v>
      </c>
      <c r="C3799" s="7">
        <f t="shared" si="59"/>
        <v>63.236699999999999</v>
      </c>
      <c r="I3799" s="1"/>
    </row>
    <row r="3800" spans="1:9" x14ac:dyDescent="0.25">
      <c r="A3800" s="3">
        <v>41916.665393518517</v>
      </c>
      <c r="B3800" s="6">
        <v>63253.349999999991</v>
      </c>
      <c r="C3800" s="7">
        <f t="shared" si="59"/>
        <v>63.25334999999999</v>
      </c>
      <c r="I3800" s="1"/>
    </row>
    <row r="3801" spans="1:9" x14ac:dyDescent="0.25">
      <c r="A3801" s="3">
        <v>41916.665509259263</v>
      </c>
      <c r="B3801" s="6">
        <v>63269.999999999993</v>
      </c>
      <c r="C3801" s="7">
        <f t="shared" si="59"/>
        <v>63.269999999999996</v>
      </c>
      <c r="I3801" s="1"/>
    </row>
    <row r="3802" spans="1:9" x14ac:dyDescent="0.25">
      <c r="A3802" s="3">
        <v>41916.666828703703</v>
      </c>
      <c r="B3802" s="6">
        <v>63286.649999999994</v>
      </c>
      <c r="C3802" s="7">
        <f t="shared" si="59"/>
        <v>63.286649999999995</v>
      </c>
      <c r="I3802" s="1"/>
    </row>
    <row r="3803" spans="1:9" x14ac:dyDescent="0.25">
      <c r="A3803" s="3">
        <v>41916.666932870372</v>
      </c>
      <c r="B3803" s="6">
        <v>63303.299999999996</v>
      </c>
      <c r="C3803" s="7">
        <f t="shared" si="59"/>
        <v>63.303299999999993</v>
      </c>
      <c r="I3803" s="1"/>
    </row>
    <row r="3804" spans="1:9" x14ac:dyDescent="0.25">
      <c r="A3804" s="3">
        <v>41916.667881944442</v>
      </c>
      <c r="B3804" s="6">
        <v>63319.95</v>
      </c>
      <c r="C3804" s="7">
        <f t="shared" si="59"/>
        <v>63.319949999999999</v>
      </c>
      <c r="I3804" s="1"/>
    </row>
    <row r="3805" spans="1:9" x14ac:dyDescent="0.25">
      <c r="A3805" s="3">
        <v>41916.667939814812</v>
      </c>
      <c r="B3805" s="6">
        <v>63336.599999999991</v>
      </c>
      <c r="C3805" s="7">
        <f t="shared" si="59"/>
        <v>63.33659999999999</v>
      </c>
      <c r="I3805" s="1"/>
    </row>
    <row r="3806" spans="1:9" x14ac:dyDescent="0.25">
      <c r="A3806" s="3">
        <v>41916.668449074074</v>
      </c>
      <c r="B3806" s="6">
        <v>63353.249999999993</v>
      </c>
      <c r="C3806" s="7">
        <f t="shared" si="59"/>
        <v>63.353249999999996</v>
      </c>
      <c r="I3806" s="1"/>
    </row>
    <row r="3807" spans="1:9" x14ac:dyDescent="0.25">
      <c r="A3807" s="3">
        <v>41916.668506944443</v>
      </c>
      <c r="B3807" s="6">
        <v>63369.899999999994</v>
      </c>
      <c r="C3807" s="7">
        <f t="shared" si="59"/>
        <v>63.369899999999994</v>
      </c>
      <c r="I3807" s="1"/>
    </row>
    <row r="3808" spans="1:9" x14ac:dyDescent="0.25">
      <c r="A3808" s="3">
        <v>41916.669652777775</v>
      </c>
      <c r="B3808" s="6">
        <v>63386.549999999996</v>
      </c>
      <c r="C3808" s="7">
        <f t="shared" si="59"/>
        <v>63.386549999999993</v>
      </c>
      <c r="I3808" s="1"/>
    </row>
    <row r="3809" spans="1:9" x14ac:dyDescent="0.25">
      <c r="A3809" s="3">
        <v>41916.669791666667</v>
      </c>
      <c r="B3809" s="6">
        <v>63403.199999999997</v>
      </c>
      <c r="C3809" s="7">
        <f t="shared" si="59"/>
        <v>63.403199999999998</v>
      </c>
      <c r="I3809" s="1"/>
    </row>
    <row r="3810" spans="1:9" x14ac:dyDescent="0.25">
      <c r="A3810" s="3">
        <v>41916.670648148145</v>
      </c>
      <c r="B3810" s="6">
        <v>63419.849999999991</v>
      </c>
      <c r="C3810" s="7">
        <f t="shared" si="59"/>
        <v>63.41984999999999</v>
      </c>
      <c r="I3810" s="1"/>
    </row>
    <row r="3811" spans="1:9" x14ac:dyDescent="0.25">
      <c r="A3811" s="3">
        <v>41916.670740740738</v>
      </c>
      <c r="B3811" s="6">
        <v>63436.499999999993</v>
      </c>
      <c r="C3811" s="7">
        <f t="shared" si="59"/>
        <v>63.436499999999995</v>
      </c>
      <c r="I3811" s="1"/>
    </row>
    <row r="3812" spans="1:9" x14ac:dyDescent="0.25">
      <c r="A3812" s="3">
        <v>41916.671990740739</v>
      </c>
      <c r="B3812" s="6">
        <v>63453.149999999994</v>
      </c>
      <c r="C3812" s="7">
        <f t="shared" si="59"/>
        <v>63.453149999999994</v>
      </c>
      <c r="I3812" s="1"/>
    </row>
    <row r="3813" spans="1:9" x14ac:dyDescent="0.25">
      <c r="A3813" s="3">
        <v>41916.672071759262</v>
      </c>
      <c r="B3813" s="6">
        <v>63469.799999999996</v>
      </c>
      <c r="C3813" s="7">
        <f t="shared" si="59"/>
        <v>63.469799999999992</v>
      </c>
      <c r="I3813" s="1"/>
    </row>
    <row r="3814" spans="1:9" x14ac:dyDescent="0.25">
      <c r="A3814" s="3">
        <v>41916.672638888886</v>
      </c>
      <c r="B3814" s="6">
        <v>63486.45</v>
      </c>
      <c r="C3814" s="7">
        <f t="shared" si="59"/>
        <v>63.486449999999998</v>
      </c>
      <c r="I3814" s="1"/>
    </row>
    <row r="3815" spans="1:9" x14ac:dyDescent="0.25">
      <c r="A3815" s="3">
        <v>41916.672696759262</v>
      </c>
      <c r="B3815" s="6">
        <v>63503.099999999991</v>
      </c>
      <c r="C3815" s="7">
        <f t="shared" si="59"/>
        <v>63.503099999999989</v>
      </c>
      <c r="I3815" s="1"/>
    </row>
    <row r="3816" spans="1:9" x14ac:dyDescent="0.25">
      <c r="A3816" s="3">
        <v>41916.673784722225</v>
      </c>
      <c r="B3816" s="6">
        <v>63519.749999999993</v>
      </c>
      <c r="C3816" s="7">
        <f t="shared" si="59"/>
        <v>63.519749999999995</v>
      </c>
      <c r="I3816" s="1"/>
    </row>
    <row r="3817" spans="1:9" x14ac:dyDescent="0.25">
      <c r="A3817" s="3">
        <v>41916.674004629633</v>
      </c>
      <c r="B3817" s="6">
        <v>63536.399999999994</v>
      </c>
      <c r="C3817" s="7">
        <f t="shared" si="59"/>
        <v>63.536399999999993</v>
      </c>
      <c r="I3817" s="1"/>
    </row>
    <row r="3818" spans="1:9" x14ac:dyDescent="0.25">
      <c r="A3818" s="3">
        <v>41916.674826388888</v>
      </c>
      <c r="B3818" s="6">
        <v>63553.049999999996</v>
      </c>
      <c r="C3818" s="7">
        <f t="shared" si="59"/>
        <v>63.553049999999999</v>
      </c>
      <c r="I3818" s="1"/>
    </row>
    <row r="3819" spans="1:9" x14ac:dyDescent="0.25">
      <c r="A3819" s="3">
        <v>41916.674872685187</v>
      </c>
      <c r="B3819" s="6">
        <v>63569.7</v>
      </c>
      <c r="C3819" s="7">
        <f t="shared" si="59"/>
        <v>63.569699999999997</v>
      </c>
      <c r="I3819" s="1"/>
    </row>
    <row r="3820" spans="1:9" x14ac:dyDescent="0.25">
      <c r="A3820" s="3">
        <v>41916.676203703704</v>
      </c>
      <c r="B3820" s="6">
        <v>63586.349999999991</v>
      </c>
      <c r="C3820" s="7">
        <f t="shared" si="59"/>
        <v>63.586349999999989</v>
      </c>
      <c r="I3820" s="1"/>
    </row>
    <row r="3821" spans="1:9" x14ac:dyDescent="0.25">
      <c r="A3821" s="3">
        <v>41916.676412037035</v>
      </c>
      <c r="B3821" s="6">
        <v>63602.999999999993</v>
      </c>
      <c r="C3821" s="7">
        <f t="shared" si="59"/>
        <v>63.602999999999994</v>
      </c>
      <c r="I3821" s="1"/>
    </row>
    <row r="3822" spans="1:9" x14ac:dyDescent="0.25">
      <c r="A3822" s="3">
        <v>41916.677488425928</v>
      </c>
      <c r="B3822" s="6">
        <v>63619.649999999994</v>
      </c>
      <c r="C3822" s="7">
        <f t="shared" si="59"/>
        <v>63.619649999999993</v>
      </c>
      <c r="I3822" s="1"/>
    </row>
    <row r="3823" spans="1:9" x14ac:dyDescent="0.25">
      <c r="A3823" s="3">
        <v>41916.677615740744</v>
      </c>
      <c r="B3823" s="6">
        <v>63636.299999999996</v>
      </c>
      <c r="C3823" s="7">
        <f t="shared" si="59"/>
        <v>63.636299999999999</v>
      </c>
      <c r="I3823" s="1"/>
    </row>
    <row r="3824" spans="1:9" x14ac:dyDescent="0.25">
      <c r="A3824" s="3">
        <v>41916.678414351853</v>
      </c>
      <c r="B3824" s="6">
        <v>63652.95</v>
      </c>
      <c r="C3824" s="7">
        <f t="shared" si="59"/>
        <v>63.652949999999997</v>
      </c>
      <c r="I3824" s="1"/>
    </row>
    <row r="3825" spans="1:9" x14ac:dyDescent="0.25">
      <c r="A3825" s="3">
        <v>41916.678472222222</v>
      </c>
      <c r="B3825" s="6">
        <v>63669.599999999991</v>
      </c>
      <c r="C3825" s="7">
        <f t="shared" si="59"/>
        <v>63.669599999999988</v>
      </c>
      <c r="I3825" s="1"/>
    </row>
    <row r="3826" spans="1:9" x14ac:dyDescent="0.25">
      <c r="A3826" s="3">
        <v>41916.679120370369</v>
      </c>
      <c r="B3826" s="6">
        <v>63686.249999999993</v>
      </c>
      <c r="C3826" s="7">
        <f t="shared" si="59"/>
        <v>63.686249999999994</v>
      </c>
      <c r="I3826" s="1"/>
    </row>
    <row r="3827" spans="1:9" x14ac:dyDescent="0.25">
      <c r="A3827" s="3">
        <v>41916.679189814815</v>
      </c>
      <c r="B3827" s="6">
        <v>63702.899999999994</v>
      </c>
      <c r="C3827" s="7">
        <f t="shared" si="59"/>
        <v>63.702899999999993</v>
      </c>
      <c r="I3827" s="1"/>
    </row>
    <row r="3828" spans="1:9" x14ac:dyDescent="0.25">
      <c r="A3828" s="3">
        <v>41916.679976851854</v>
      </c>
      <c r="B3828" s="6">
        <v>63719.549999999996</v>
      </c>
      <c r="C3828" s="7">
        <f t="shared" si="59"/>
        <v>63.719549999999998</v>
      </c>
      <c r="I3828" s="1"/>
    </row>
    <row r="3829" spans="1:9" x14ac:dyDescent="0.25">
      <c r="A3829" s="3">
        <v>41916.680081018516</v>
      </c>
      <c r="B3829" s="6">
        <v>63736.2</v>
      </c>
      <c r="C3829" s="7">
        <f t="shared" si="59"/>
        <v>63.736199999999997</v>
      </c>
      <c r="I3829" s="1"/>
    </row>
    <row r="3830" spans="1:9" x14ac:dyDescent="0.25">
      <c r="A3830" s="3">
        <v>41916.680462962962</v>
      </c>
      <c r="B3830" s="6">
        <v>63752.849999999991</v>
      </c>
      <c r="C3830" s="7">
        <f t="shared" si="59"/>
        <v>63.752849999999988</v>
      </c>
      <c r="I3830" s="1"/>
    </row>
    <row r="3831" spans="1:9" x14ac:dyDescent="0.25">
      <c r="A3831" s="3">
        <v>41916.680509259262</v>
      </c>
      <c r="B3831" s="6">
        <v>63769.499999999993</v>
      </c>
      <c r="C3831" s="7">
        <f t="shared" si="59"/>
        <v>63.769499999999994</v>
      </c>
      <c r="I3831" s="1"/>
    </row>
    <row r="3832" spans="1:9" x14ac:dyDescent="0.25">
      <c r="A3832" s="3">
        <v>41916.681388888886</v>
      </c>
      <c r="B3832" s="6">
        <v>63786.149999999994</v>
      </c>
      <c r="C3832" s="7">
        <f t="shared" si="59"/>
        <v>63.786149999999992</v>
      </c>
      <c r="I3832" s="1"/>
    </row>
    <row r="3833" spans="1:9" x14ac:dyDescent="0.25">
      <c r="A3833" s="3">
        <v>41916.682199074072</v>
      </c>
      <c r="B3833" s="6">
        <v>63802.799999999996</v>
      </c>
      <c r="C3833" s="7">
        <f t="shared" si="59"/>
        <v>63.802799999999998</v>
      </c>
      <c r="I3833" s="1"/>
    </row>
    <row r="3834" spans="1:9" x14ac:dyDescent="0.25">
      <c r="A3834" s="3">
        <v>41916.683078703703</v>
      </c>
      <c r="B3834" s="6">
        <v>63819.45</v>
      </c>
      <c r="C3834" s="7">
        <f t="shared" si="59"/>
        <v>63.819449999999996</v>
      </c>
      <c r="I3834" s="1"/>
    </row>
    <row r="3835" spans="1:9" x14ac:dyDescent="0.25">
      <c r="A3835" s="3">
        <v>41916.683182870373</v>
      </c>
      <c r="B3835" s="6">
        <v>63836.099999999991</v>
      </c>
      <c r="C3835" s="7">
        <f t="shared" si="59"/>
        <v>63.836099999999995</v>
      </c>
      <c r="I3835" s="1"/>
    </row>
    <row r="3836" spans="1:9" x14ac:dyDescent="0.25">
      <c r="A3836" s="3">
        <v>41916.683981481481</v>
      </c>
      <c r="B3836" s="6">
        <v>63852.749999999993</v>
      </c>
      <c r="C3836" s="7">
        <f t="shared" si="59"/>
        <v>63.852749999999993</v>
      </c>
      <c r="I3836" s="1"/>
    </row>
    <row r="3837" spans="1:9" x14ac:dyDescent="0.25">
      <c r="A3837" s="3">
        <v>41916.684131944443</v>
      </c>
      <c r="B3837" s="6">
        <v>63869.399999999994</v>
      </c>
      <c r="C3837" s="7">
        <f t="shared" si="59"/>
        <v>63.869399999999992</v>
      </c>
      <c r="I3837" s="1"/>
    </row>
    <row r="3838" spans="1:9" x14ac:dyDescent="0.25">
      <c r="A3838" s="3">
        <v>41916.685567129629</v>
      </c>
      <c r="B3838" s="6">
        <v>63886.049999999996</v>
      </c>
      <c r="C3838" s="7">
        <f t="shared" si="59"/>
        <v>63.886049999999997</v>
      </c>
      <c r="I3838" s="1"/>
    </row>
    <row r="3839" spans="1:9" x14ac:dyDescent="0.25">
      <c r="A3839" s="3">
        <v>41916.685682870368</v>
      </c>
      <c r="B3839" s="6">
        <v>63902.7</v>
      </c>
      <c r="C3839" s="7">
        <f t="shared" si="59"/>
        <v>63.902699999999996</v>
      </c>
      <c r="I3839" s="1"/>
    </row>
    <row r="3840" spans="1:9" x14ac:dyDescent="0.25">
      <c r="A3840" s="3">
        <v>41916.686354166668</v>
      </c>
      <c r="B3840" s="6">
        <v>63919.349999999991</v>
      </c>
      <c r="C3840" s="7">
        <f t="shared" si="59"/>
        <v>63.919349999999994</v>
      </c>
      <c r="I3840" s="1"/>
    </row>
    <row r="3841" spans="1:9" x14ac:dyDescent="0.25">
      <c r="A3841" s="3">
        <v>41916.68644675926</v>
      </c>
      <c r="B3841" s="6">
        <v>63935.999999999993</v>
      </c>
      <c r="C3841" s="7">
        <f t="shared" si="59"/>
        <v>63.935999999999993</v>
      </c>
      <c r="I3841" s="1"/>
    </row>
    <row r="3842" spans="1:9" x14ac:dyDescent="0.25">
      <c r="A3842" s="3">
        <v>41916.687754629631</v>
      </c>
      <c r="B3842" s="6">
        <v>63952.649999999994</v>
      </c>
      <c r="C3842" s="7">
        <f t="shared" si="59"/>
        <v>63.952649999999991</v>
      </c>
      <c r="I3842" s="1"/>
    </row>
    <row r="3843" spans="1:9" x14ac:dyDescent="0.25">
      <c r="A3843" s="3">
        <v>41916.687847222223</v>
      </c>
      <c r="B3843" s="6">
        <v>63969.299999999996</v>
      </c>
      <c r="C3843" s="7">
        <f t="shared" ref="C3843:C3906" si="60">B3843/1000</f>
        <v>63.969299999999997</v>
      </c>
      <c r="I3843" s="1"/>
    </row>
    <row r="3844" spans="1:9" x14ac:dyDescent="0.25">
      <c r="A3844" s="3">
        <v>41916.688969907409</v>
      </c>
      <c r="B3844" s="6">
        <v>63985.95</v>
      </c>
      <c r="C3844" s="7">
        <f t="shared" si="60"/>
        <v>63.985949999999995</v>
      </c>
      <c r="I3844" s="1"/>
    </row>
    <row r="3845" spans="1:9" x14ac:dyDescent="0.25">
      <c r="A3845" s="3">
        <v>41916.689201388886</v>
      </c>
      <c r="B3845" s="6">
        <v>64002.599999999991</v>
      </c>
      <c r="C3845" s="7">
        <f t="shared" si="60"/>
        <v>64.002599999999987</v>
      </c>
      <c r="I3845" s="1"/>
    </row>
    <row r="3846" spans="1:9" x14ac:dyDescent="0.25">
      <c r="A3846" s="3">
        <v>41916.690208333333</v>
      </c>
      <c r="B3846" s="6">
        <v>64019.249999999993</v>
      </c>
      <c r="C3846" s="7">
        <f t="shared" si="60"/>
        <v>64.01925</v>
      </c>
      <c r="I3846" s="1"/>
    </row>
    <row r="3847" spans="1:9" x14ac:dyDescent="0.25">
      <c r="A3847" s="3">
        <v>41916.69027777778</v>
      </c>
      <c r="B3847" s="6">
        <v>64035.899999999994</v>
      </c>
      <c r="C3847" s="7">
        <f t="shared" si="60"/>
        <v>64.035899999999998</v>
      </c>
      <c r="I3847" s="1"/>
    </row>
    <row r="3848" spans="1:9" x14ac:dyDescent="0.25">
      <c r="A3848" s="3">
        <v>41916.691076388888</v>
      </c>
      <c r="B3848" s="6">
        <v>64052.549999999996</v>
      </c>
      <c r="C3848" s="7">
        <f t="shared" si="60"/>
        <v>64.052549999999997</v>
      </c>
      <c r="I3848" s="1"/>
    </row>
    <row r="3849" spans="1:9" x14ac:dyDescent="0.25">
      <c r="A3849" s="3">
        <v>41916.691134259258</v>
      </c>
      <c r="B3849" s="6">
        <v>64069.2</v>
      </c>
      <c r="C3849" s="7">
        <f t="shared" si="60"/>
        <v>64.069199999999995</v>
      </c>
      <c r="I3849" s="1"/>
    </row>
    <row r="3850" spans="1:9" x14ac:dyDescent="0.25">
      <c r="A3850" s="3">
        <v>41916.691863425927</v>
      </c>
      <c r="B3850" s="6">
        <v>64085.849999999991</v>
      </c>
      <c r="C3850" s="7">
        <f t="shared" si="60"/>
        <v>64.085849999999994</v>
      </c>
      <c r="I3850" s="1"/>
    </row>
    <row r="3851" spans="1:9" x14ac:dyDescent="0.25">
      <c r="A3851" s="3">
        <v>41916.691944444443</v>
      </c>
      <c r="B3851" s="6">
        <v>64102.499999999993</v>
      </c>
      <c r="C3851" s="7">
        <f t="shared" si="60"/>
        <v>64.102499999999992</v>
      </c>
      <c r="I3851" s="1"/>
    </row>
    <row r="3852" spans="1:9" x14ac:dyDescent="0.25">
      <c r="A3852" s="3">
        <v>41916.692986111113</v>
      </c>
      <c r="B3852" s="6">
        <v>64119.149999999994</v>
      </c>
      <c r="C3852" s="7">
        <f t="shared" si="60"/>
        <v>64.119149999999991</v>
      </c>
      <c r="I3852" s="1"/>
    </row>
    <row r="3853" spans="1:9" x14ac:dyDescent="0.25">
      <c r="A3853" s="3">
        <v>41916.693043981482</v>
      </c>
      <c r="B3853" s="6">
        <v>64135.799999999996</v>
      </c>
      <c r="C3853" s="7">
        <f t="shared" si="60"/>
        <v>64.135799999999989</v>
      </c>
      <c r="I3853" s="1"/>
    </row>
    <row r="3854" spans="1:9" x14ac:dyDescent="0.25">
      <c r="A3854" s="3">
        <v>41916.694166666668</v>
      </c>
      <c r="B3854" s="6">
        <v>64152.45</v>
      </c>
      <c r="C3854" s="7">
        <f t="shared" si="60"/>
        <v>64.152450000000002</v>
      </c>
      <c r="I3854" s="1"/>
    </row>
    <row r="3855" spans="1:9" x14ac:dyDescent="0.25">
      <c r="A3855" s="3">
        <v>41916.694247685184</v>
      </c>
      <c r="B3855" s="6">
        <v>64169.099999999991</v>
      </c>
      <c r="C3855" s="7">
        <f t="shared" si="60"/>
        <v>64.169099999999986</v>
      </c>
      <c r="I3855" s="1"/>
    </row>
    <row r="3856" spans="1:9" x14ac:dyDescent="0.25">
      <c r="A3856" s="3">
        <v>41916.694976851853</v>
      </c>
      <c r="B3856" s="6">
        <v>64185.749999999993</v>
      </c>
      <c r="C3856" s="7">
        <f t="shared" si="60"/>
        <v>64.185749999999999</v>
      </c>
      <c r="I3856" s="1"/>
    </row>
    <row r="3857" spans="1:9" x14ac:dyDescent="0.25">
      <c r="A3857" s="3">
        <v>41916.695092592592</v>
      </c>
      <c r="B3857" s="6">
        <v>64202.399999999994</v>
      </c>
      <c r="C3857" s="7">
        <f t="shared" si="60"/>
        <v>64.202399999999997</v>
      </c>
      <c r="I3857" s="1"/>
    </row>
    <row r="3858" spans="1:9" x14ac:dyDescent="0.25">
      <c r="A3858" s="3">
        <v>41916.695844907408</v>
      </c>
      <c r="B3858" s="6">
        <v>64219.049999999996</v>
      </c>
      <c r="C3858" s="7">
        <f t="shared" si="60"/>
        <v>64.219049999999996</v>
      </c>
      <c r="I3858" s="1"/>
    </row>
    <row r="3859" spans="1:9" x14ac:dyDescent="0.25">
      <c r="A3859" s="3">
        <v>41916.696053240739</v>
      </c>
      <c r="B3859" s="6">
        <v>64235.7</v>
      </c>
      <c r="C3859" s="7">
        <f t="shared" si="60"/>
        <v>64.235699999999994</v>
      </c>
      <c r="I3859" s="1"/>
    </row>
    <row r="3860" spans="1:9" x14ac:dyDescent="0.25">
      <c r="A3860" s="3">
        <v>41916.697881944441</v>
      </c>
      <c r="B3860" s="6">
        <v>64252.349999999991</v>
      </c>
      <c r="C3860" s="7">
        <f t="shared" si="60"/>
        <v>64.252349999999993</v>
      </c>
      <c r="I3860" s="1"/>
    </row>
    <row r="3861" spans="1:9" x14ac:dyDescent="0.25">
      <c r="A3861" s="3">
        <v>41916.697939814818</v>
      </c>
      <c r="B3861" s="6">
        <v>64268.999999999993</v>
      </c>
      <c r="C3861" s="7">
        <f t="shared" si="60"/>
        <v>64.268999999999991</v>
      </c>
      <c r="I3861" s="1"/>
    </row>
    <row r="3862" spans="1:9" x14ac:dyDescent="0.25">
      <c r="A3862" s="3">
        <v>41916.698483796295</v>
      </c>
      <c r="B3862" s="6">
        <v>64285.649999999994</v>
      </c>
      <c r="C3862" s="7">
        <f t="shared" si="60"/>
        <v>64.28564999999999</v>
      </c>
      <c r="I3862" s="1"/>
    </row>
    <row r="3863" spans="1:9" x14ac:dyDescent="0.25">
      <c r="A3863" s="3">
        <v>41916.698587962965</v>
      </c>
      <c r="B3863" s="6">
        <v>64302.299999999996</v>
      </c>
      <c r="C3863" s="7">
        <f t="shared" si="60"/>
        <v>64.302300000000002</v>
      </c>
      <c r="I3863" s="1"/>
    </row>
    <row r="3864" spans="1:9" x14ac:dyDescent="0.25">
      <c r="A3864" s="3">
        <v>41916.700590277775</v>
      </c>
      <c r="B3864" s="6">
        <v>64318.95</v>
      </c>
      <c r="C3864" s="7">
        <f t="shared" si="60"/>
        <v>64.318950000000001</v>
      </c>
      <c r="I3864" s="1"/>
    </row>
    <row r="3865" spans="1:9" x14ac:dyDescent="0.25">
      <c r="A3865" s="3">
        <v>41916.700671296298</v>
      </c>
      <c r="B3865" s="6">
        <v>64335.599999999991</v>
      </c>
      <c r="C3865" s="7">
        <f t="shared" si="60"/>
        <v>64.335599999999985</v>
      </c>
      <c r="I3865" s="1"/>
    </row>
    <row r="3866" spans="1:9" x14ac:dyDescent="0.25">
      <c r="A3866" s="3">
        <v>41916.701284722221</v>
      </c>
      <c r="B3866" s="6">
        <v>64352.249999999993</v>
      </c>
      <c r="C3866" s="7">
        <f t="shared" si="60"/>
        <v>64.352249999999998</v>
      </c>
      <c r="I3866" s="1"/>
    </row>
    <row r="3867" spans="1:9" x14ac:dyDescent="0.25">
      <c r="A3867" s="3">
        <v>41916.70140046296</v>
      </c>
      <c r="B3867" s="6">
        <v>64368.899999999994</v>
      </c>
      <c r="C3867" s="7">
        <f t="shared" si="60"/>
        <v>64.368899999999996</v>
      </c>
      <c r="I3867" s="1"/>
    </row>
    <row r="3868" spans="1:9" x14ac:dyDescent="0.25">
      <c r="A3868" s="3">
        <v>41916.702002314814</v>
      </c>
      <c r="B3868" s="6">
        <v>64385.549999999996</v>
      </c>
      <c r="C3868" s="7">
        <f t="shared" si="60"/>
        <v>64.385549999999995</v>
      </c>
      <c r="I3868" s="1"/>
    </row>
    <row r="3869" spans="1:9" x14ac:dyDescent="0.25">
      <c r="A3869" s="3">
        <v>41916.702060185184</v>
      </c>
      <c r="B3869" s="6">
        <v>64402.2</v>
      </c>
      <c r="C3869" s="7">
        <f t="shared" si="60"/>
        <v>64.402199999999993</v>
      </c>
      <c r="I3869" s="1"/>
    </row>
    <row r="3870" spans="1:9" x14ac:dyDescent="0.25">
      <c r="A3870" s="3">
        <v>41916.702673611115</v>
      </c>
      <c r="B3870" s="6">
        <v>64418.849999999991</v>
      </c>
      <c r="C3870" s="7">
        <f t="shared" si="60"/>
        <v>64.418849999999992</v>
      </c>
      <c r="I3870" s="1"/>
    </row>
    <row r="3871" spans="1:9" x14ac:dyDescent="0.25">
      <c r="A3871" s="3">
        <v>41916.702881944446</v>
      </c>
      <c r="B3871" s="6">
        <v>64435.499999999993</v>
      </c>
      <c r="C3871" s="7">
        <f t="shared" si="60"/>
        <v>64.43549999999999</v>
      </c>
      <c r="I3871" s="1"/>
    </row>
    <row r="3872" spans="1:9" x14ac:dyDescent="0.25">
      <c r="A3872" s="3">
        <v>41916.705358796295</v>
      </c>
      <c r="B3872" s="6">
        <v>64452.149999999994</v>
      </c>
      <c r="C3872" s="7">
        <f t="shared" si="60"/>
        <v>64.452149999999989</v>
      </c>
      <c r="I3872" s="1"/>
    </row>
    <row r="3873" spans="1:9" x14ac:dyDescent="0.25">
      <c r="A3873" s="3">
        <v>41916.705416666664</v>
      </c>
      <c r="B3873" s="6">
        <v>64468.799999999996</v>
      </c>
      <c r="C3873" s="7">
        <f t="shared" si="60"/>
        <v>64.468800000000002</v>
      </c>
      <c r="I3873" s="1"/>
    </row>
    <row r="3874" spans="1:9" x14ac:dyDescent="0.25">
      <c r="A3874" s="3">
        <v>41916.706435185188</v>
      </c>
      <c r="B3874" s="6">
        <v>64485.45</v>
      </c>
      <c r="C3874" s="7">
        <f t="shared" si="60"/>
        <v>64.48545</v>
      </c>
      <c r="I3874" s="1"/>
    </row>
    <row r="3875" spans="1:9" x14ac:dyDescent="0.25">
      <c r="A3875" s="3">
        <v>41916.707060185188</v>
      </c>
      <c r="B3875" s="6">
        <v>64502.099999999991</v>
      </c>
      <c r="C3875" s="7">
        <f t="shared" si="60"/>
        <v>64.502099999999984</v>
      </c>
      <c r="I3875" s="1"/>
    </row>
    <row r="3876" spans="1:9" x14ac:dyDescent="0.25">
      <c r="A3876" s="3">
        <v>41916.708275462966</v>
      </c>
      <c r="B3876" s="6">
        <v>64518.749999999993</v>
      </c>
      <c r="C3876" s="7">
        <f t="shared" si="60"/>
        <v>64.518749999999997</v>
      </c>
      <c r="I3876" s="1"/>
    </row>
    <row r="3877" spans="1:9" x14ac:dyDescent="0.25">
      <c r="A3877" s="3">
        <v>41916.708356481482</v>
      </c>
      <c r="B3877" s="6">
        <v>64535.399999999994</v>
      </c>
      <c r="C3877" s="7">
        <f t="shared" si="60"/>
        <v>64.535399999999996</v>
      </c>
      <c r="I3877" s="1"/>
    </row>
    <row r="3878" spans="1:9" x14ac:dyDescent="0.25">
      <c r="A3878" s="3">
        <v>41916.709907407407</v>
      </c>
      <c r="B3878" s="6">
        <v>64552.049999999996</v>
      </c>
      <c r="C3878" s="7">
        <f t="shared" si="60"/>
        <v>64.552049999999994</v>
      </c>
      <c r="I3878" s="1"/>
    </row>
    <row r="3879" spans="1:9" x14ac:dyDescent="0.25">
      <c r="A3879" s="3">
        <v>41916.710092592592</v>
      </c>
      <c r="B3879" s="6">
        <v>64568.7</v>
      </c>
      <c r="C3879" s="7">
        <f t="shared" si="60"/>
        <v>64.568699999999993</v>
      </c>
      <c r="I3879" s="1"/>
    </row>
    <row r="3880" spans="1:9" x14ac:dyDescent="0.25">
      <c r="A3880" s="3">
        <v>41916.711493055554</v>
      </c>
      <c r="B3880" s="6">
        <v>64585.349999999991</v>
      </c>
      <c r="C3880" s="7">
        <f t="shared" si="60"/>
        <v>64.585349999999991</v>
      </c>
      <c r="I3880" s="1"/>
    </row>
    <row r="3881" spans="1:9" x14ac:dyDescent="0.25">
      <c r="A3881" s="3">
        <v>41916.711585648147</v>
      </c>
      <c r="B3881" s="6">
        <v>64601.999999999993</v>
      </c>
      <c r="C3881" s="7">
        <f t="shared" si="60"/>
        <v>64.60199999999999</v>
      </c>
      <c r="I3881" s="1"/>
    </row>
    <row r="3882" spans="1:9" x14ac:dyDescent="0.25">
      <c r="A3882" s="3">
        <v>41916.712395833332</v>
      </c>
      <c r="B3882" s="6">
        <v>64618.649999999994</v>
      </c>
      <c r="C3882" s="7">
        <f t="shared" si="60"/>
        <v>64.618649999999988</v>
      </c>
      <c r="I3882" s="1"/>
    </row>
    <row r="3883" spans="1:9" x14ac:dyDescent="0.25">
      <c r="A3883" s="3">
        <v>41916.712534722225</v>
      </c>
      <c r="B3883" s="6">
        <v>64635.299999999996</v>
      </c>
      <c r="C3883" s="7">
        <f t="shared" si="60"/>
        <v>64.635300000000001</v>
      </c>
      <c r="I3883" s="1"/>
    </row>
    <row r="3884" spans="1:9" x14ac:dyDescent="0.25">
      <c r="A3884" s="3">
        <v>41916.713356481479</v>
      </c>
      <c r="B3884" s="6">
        <v>64651.95</v>
      </c>
      <c r="C3884" s="7">
        <f t="shared" si="60"/>
        <v>64.651949999999999</v>
      </c>
      <c r="I3884" s="1"/>
    </row>
    <row r="3885" spans="1:9" x14ac:dyDescent="0.25">
      <c r="A3885" s="3">
        <v>41916.713437500002</v>
      </c>
      <c r="B3885" s="6">
        <v>64668.599999999991</v>
      </c>
      <c r="C3885" s="7">
        <f t="shared" si="60"/>
        <v>64.668599999999998</v>
      </c>
      <c r="I3885" s="1"/>
    </row>
    <row r="3886" spans="1:9" x14ac:dyDescent="0.25">
      <c r="A3886" s="3">
        <v>41916.714050925926</v>
      </c>
      <c r="B3886" s="6">
        <v>64685.249999999993</v>
      </c>
      <c r="C3886" s="7">
        <f t="shared" si="60"/>
        <v>64.685249999999996</v>
      </c>
      <c r="I3886" s="1"/>
    </row>
    <row r="3887" spans="1:9" x14ac:dyDescent="0.25">
      <c r="A3887" s="3">
        <v>41916.714108796295</v>
      </c>
      <c r="B3887" s="6">
        <v>64701.899999999994</v>
      </c>
      <c r="C3887" s="7">
        <f t="shared" si="60"/>
        <v>64.701899999999995</v>
      </c>
      <c r="I3887" s="1"/>
    </row>
    <row r="3888" spans="1:9" x14ac:dyDescent="0.25">
      <c r="A3888" s="3">
        <v>41916.714965277781</v>
      </c>
      <c r="B3888" s="6">
        <v>64718.549999999996</v>
      </c>
      <c r="C3888" s="7">
        <f t="shared" si="60"/>
        <v>64.718549999999993</v>
      </c>
      <c r="I3888" s="1"/>
    </row>
    <row r="3889" spans="1:9" x14ac:dyDescent="0.25">
      <c r="A3889" s="3">
        <v>41916.71503472222</v>
      </c>
      <c r="B3889" s="6">
        <v>64735.199999999997</v>
      </c>
      <c r="C3889" s="7">
        <f t="shared" si="60"/>
        <v>64.735199999999992</v>
      </c>
      <c r="I3889" s="1"/>
    </row>
    <row r="3890" spans="1:9" x14ac:dyDescent="0.25">
      <c r="A3890" s="3">
        <v>41916.715937499997</v>
      </c>
      <c r="B3890" s="6">
        <v>64751.849999999991</v>
      </c>
      <c r="C3890" s="7">
        <f t="shared" si="60"/>
        <v>64.75184999999999</v>
      </c>
      <c r="I3890" s="1"/>
    </row>
    <row r="3891" spans="1:9" x14ac:dyDescent="0.25">
      <c r="A3891" s="3">
        <v>41916.71601851852</v>
      </c>
      <c r="B3891" s="6">
        <v>64768.499999999993</v>
      </c>
      <c r="C3891" s="7">
        <f t="shared" si="60"/>
        <v>64.768499999999989</v>
      </c>
      <c r="I3891" s="1"/>
    </row>
    <row r="3892" spans="1:9" x14ac:dyDescent="0.25">
      <c r="A3892" s="3">
        <v>41916.71671296296</v>
      </c>
      <c r="B3892" s="6">
        <v>64785.149999999994</v>
      </c>
      <c r="C3892" s="7">
        <f t="shared" si="60"/>
        <v>64.785149999999987</v>
      </c>
      <c r="I3892" s="1"/>
    </row>
    <row r="3893" spans="1:9" x14ac:dyDescent="0.25">
      <c r="A3893" s="3">
        <v>41916.716770833336</v>
      </c>
      <c r="B3893" s="6">
        <v>64801.799999999996</v>
      </c>
      <c r="C3893" s="7">
        <f t="shared" si="60"/>
        <v>64.8018</v>
      </c>
      <c r="I3893" s="1"/>
    </row>
    <row r="3894" spans="1:9" x14ac:dyDescent="0.25">
      <c r="A3894" s="3">
        <v>41916.717372685183</v>
      </c>
      <c r="B3894" s="6">
        <v>64818.45</v>
      </c>
      <c r="C3894" s="7">
        <f t="shared" si="60"/>
        <v>64.818449999999999</v>
      </c>
      <c r="I3894" s="1"/>
    </row>
    <row r="3895" spans="1:9" x14ac:dyDescent="0.25">
      <c r="A3895" s="3">
        <v>41916.717523148145</v>
      </c>
      <c r="B3895" s="6">
        <v>64835.099999999991</v>
      </c>
      <c r="C3895" s="7">
        <f t="shared" si="60"/>
        <v>64.835099999999997</v>
      </c>
      <c r="I3895" s="1"/>
    </row>
    <row r="3896" spans="1:9" x14ac:dyDescent="0.25">
      <c r="A3896" s="3">
        <v>41916.718414351853</v>
      </c>
      <c r="B3896" s="6">
        <v>64851.749999999993</v>
      </c>
      <c r="C3896" s="7">
        <f t="shared" si="60"/>
        <v>64.851749999999996</v>
      </c>
      <c r="I3896" s="1"/>
    </row>
    <row r="3897" spans="1:9" x14ac:dyDescent="0.25">
      <c r="A3897" s="3">
        <v>41916.7184837963</v>
      </c>
      <c r="B3897" s="6">
        <v>64868.399999999994</v>
      </c>
      <c r="C3897" s="7">
        <f t="shared" si="60"/>
        <v>64.868399999999994</v>
      </c>
      <c r="I3897" s="1"/>
    </row>
    <row r="3898" spans="1:9" x14ac:dyDescent="0.25">
      <c r="A3898" s="3">
        <v>41916.719537037039</v>
      </c>
      <c r="B3898" s="6">
        <v>64885.049999999996</v>
      </c>
      <c r="C3898" s="7">
        <f t="shared" si="60"/>
        <v>64.885049999999993</v>
      </c>
      <c r="I3898" s="1"/>
    </row>
    <row r="3899" spans="1:9" x14ac:dyDescent="0.25">
      <c r="A3899" s="3">
        <v>41916.719768518517</v>
      </c>
      <c r="B3899" s="6">
        <v>64901.7</v>
      </c>
      <c r="C3899" s="7">
        <f t="shared" si="60"/>
        <v>64.901699999999991</v>
      </c>
      <c r="I3899" s="1"/>
    </row>
    <row r="3900" spans="1:9" x14ac:dyDescent="0.25">
      <c r="A3900" s="3">
        <v>41916.720567129632</v>
      </c>
      <c r="B3900" s="6">
        <v>64918.349999999991</v>
      </c>
      <c r="C3900" s="7">
        <f t="shared" si="60"/>
        <v>64.91834999999999</v>
      </c>
      <c r="I3900" s="1"/>
    </row>
    <row r="3901" spans="1:9" x14ac:dyDescent="0.25">
      <c r="A3901" s="3">
        <v>41916.720648148148</v>
      </c>
      <c r="B3901" s="6">
        <v>64934.999999999993</v>
      </c>
      <c r="C3901" s="7">
        <f t="shared" si="60"/>
        <v>64.934999999999988</v>
      </c>
      <c r="I3901" s="1"/>
    </row>
    <row r="3902" spans="1:9" x14ac:dyDescent="0.25">
      <c r="A3902" s="3">
        <v>41916.721203703702</v>
      </c>
      <c r="B3902" s="6">
        <v>64951.649999999994</v>
      </c>
      <c r="C3902" s="7">
        <f t="shared" si="60"/>
        <v>64.951650000000001</v>
      </c>
      <c r="I3902" s="1"/>
    </row>
    <row r="3903" spans="1:9" x14ac:dyDescent="0.25">
      <c r="A3903" s="3">
        <v>41916.721261574072</v>
      </c>
      <c r="B3903" s="6">
        <v>64968.299999999996</v>
      </c>
      <c r="C3903" s="7">
        <f t="shared" si="60"/>
        <v>64.968299999999999</v>
      </c>
      <c r="I3903" s="1"/>
    </row>
    <row r="3904" spans="1:9" x14ac:dyDescent="0.25">
      <c r="A3904" s="3">
        <v>41916.722002314818</v>
      </c>
      <c r="B3904" s="6">
        <v>64984.95</v>
      </c>
      <c r="C3904" s="7">
        <f t="shared" si="60"/>
        <v>64.984949999999998</v>
      </c>
      <c r="I3904" s="1"/>
    </row>
    <row r="3905" spans="1:9" x14ac:dyDescent="0.25">
      <c r="A3905" s="3">
        <v>41916.722083333334</v>
      </c>
      <c r="B3905" s="6">
        <v>65001.599999999991</v>
      </c>
      <c r="C3905" s="7">
        <f t="shared" si="60"/>
        <v>65.001599999999996</v>
      </c>
      <c r="I3905" s="1"/>
    </row>
    <row r="3906" spans="1:9" x14ac:dyDescent="0.25">
      <c r="A3906" s="3">
        <v>41916.722592592596</v>
      </c>
      <c r="B3906" s="6">
        <v>65018.249999999993</v>
      </c>
      <c r="C3906" s="7">
        <f t="shared" si="60"/>
        <v>65.018249999999995</v>
      </c>
      <c r="I3906" s="1"/>
    </row>
    <row r="3907" spans="1:9" x14ac:dyDescent="0.25">
      <c r="A3907" s="3">
        <v>41916.722662037035</v>
      </c>
      <c r="B3907" s="6">
        <v>65034.899999999994</v>
      </c>
      <c r="C3907" s="7">
        <f t="shared" ref="C3907:C3970" si="61">B3907/1000</f>
        <v>65.034899999999993</v>
      </c>
      <c r="I3907" s="1"/>
    </row>
    <row r="3908" spans="1:9" x14ac:dyDescent="0.25">
      <c r="A3908" s="3">
        <v>41916.723113425927</v>
      </c>
      <c r="B3908" s="6">
        <v>65051.549999999996</v>
      </c>
      <c r="C3908" s="7">
        <f t="shared" si="61"/>
        <v>65.051549999999992</v>
      </c>
      <c r="I3908" s="1"/>
    </row>
    <row r="3909" spans="1:9" x14ac:dyDescent="0.25">
      <c r="A3909" s="3">
        <v>41916.723182870373</v>
      </c>
      <c r="B3909" s="6">
        <v>65068.2</v>
      </c>
      <c r="C3909" s="7">
        <f t="shared" si="61"/>
        <v>65.06819999999999</v>
      </c>
      <c r="I3909" s="1"/>
    </row>
    <row r="3910" spans="1:9" x14ac:dyDescent="0.25">
      <c r="A3910" s="3">
        <v>41916.723703703705</v>
      </c>
      <c r="B3910" s="6">
        <v>65084.849999999991</v>
      </c>
      <c r="C3910" s="7">
        <f t="shared" si="61"/>
        <v>65.084849999999989</v>
      </c>
      <c r="I3910" s="1"/>
    </row>
    <row r="3911" spans="1:9" x14ac:dyDescent="0.25">
      <c r="A3911" s="3">
        <v>41916.723761574074</v>
      </c>
      <c r="B3911" s="6">
        <v>65101.499999999993</v>
      </c>
      <c r="C3911" s="7">
        <f t="shared" si="61"/>
        <v>65.101499999999987</v>
      </c>
      <c r="I3911" s="1"/>
    </row>
    <row r="3912" spans="1:9" x14ac:dyDescent="0.25">
      <c r="A3912" s="3">
        <v>41916.724537037036</v>
      </c>
      <c r="B3912" s="6">
        <v>65118.149999999994</v>
      </c>
      <c r="C3912" s="7">
        <f t="shared" si="61"/>
        <v>65.11815</v>
      </c>
      <c r="I3912" s="1"/>
    </row>
    <row r="3913" spans="1:9" x14ac:dyDescent="0.25">
      <c r="A3913" s="3">
        <v>41916.724618055552</v>
      </c>
      <c r="B3913" s="6">
        <v>65134.799999999996</v>
      </c>
      <c r="C3913" s="7">
        <f t="shared" si="61"/>
        <v>65.134799999999998</v>
      </c>
      <c r="I3913" s="1"/>
    </row>
    <row r="3914" spans="1:9" x14ac:dyDescent="0.25">
      <c r="A3914" s="3">
        <v>41916.725393518522</v>
      </c>
      <c r="B3914" s="6">
        <v>65151.45</v>
      </c>
      <c r="C3914" s="7">
        <f t="shared" si="61"/>
        <v>65.151449999999997</v>
      </c>
      <c r="I3914" s="1"/>
    </row>
    <row r="3915" spans="1:9" x14ac:dyDescent="0.25">
      <c r="A3915" s="3">
        <v>41916.725451388891</v>
      </c>
      <c r="B3915" s="6">
        <v>65168.099999999991</v>
      </c>
      <c r="C3915" s="7">
        <f t="shared" si="61"/>
        <v>65.168099999999995</v>
      </c>
      <c r="I3915" s="1"/>
    </row>
    <row r="3916" spans="1:9" x14ac:dyDescent="0.25">
      <c r="A3916" s="3">
        <v>41916.726168981484</v>
      </c>
      <c r="B3916" s="6">
        <v>65184.749999999993</v>
      </c>
      <c r="C3916" s="7">
        <f t="shared" si="61"/>
        <v>65.184749999999994</v>
      </c>
      <c r="I3916" s="1"/>
    </row>
    <row r="3917" spans="1:9" x14ac:dyDescent="0.25">
      <c r="A3917" s="3">
        <v>41916.726238425923</v>
      </c>
      <c r="B3917" s="6">
        <v>65201.399999999994</v>
      </c>
      <c r="C3917" s="7">
        <f t="shared" si="61"/>
        <v>65.201399999999992</v>
      </c>
      <c r="I3917" s="1"/>
    </row>
    <row r="3918" spans="1:9" x14ac:dyDescent="0.25">
      <c r="A3918" s="3">
        <v>41916.726793981485</v>
      </c>
      <c r="B3918" s="6">
        <v>65218.049999999996</v>
      </c>
      <c r="C3918" s="7">
        <f t="shared" si="61"/>
        <v>65.218049999999991</v>
      </c>
      <c r="I3918" s="1"/>
    </row>
    <row r="3919" spans="1:9" x14ac:dyDescent="0.25">
      <c r="A3919" s="3">
        <v>41916.726863425924</v>
      </c>
      <c r="B3919" s="6">
        <v>65234.7</v>
      </c>
      <c r="C3919" s="7">
        <f t="shared" si="61"/>
        <v>65.234700000000004</v>
      </c>
      <c r="I3919" s="1"/>
    </row>
    <row r="3920" spans="1:9" x14ac:dyDescent="0.25">
      <c r="A3920" s="3">
        <v>41916.727754629632</v>
      </c>
      <c r="B3920" s="6">
        <v>65251.349999999991</v>
      </c>
      <c r="C3920" s="7">
        <f t="shared" si="61"/>
        <v>65.251349999999988</v>
      </c>
      <c r="I3920" s="1"/>
    </row>
    <row r="3921" spans="1:9" x14ac:dyDescent="0.25">
      <c r="A3921" s="3">
        <v>41916.727893518517</v>
      </c>
      <c r="B3921" s="6">
        <v>65267.999999999993</v>
      </c>
      <c r="C3921" s="7">
        <f t="shared" si="61"/>
        <v>65.267999999999986</v>
      </c>
      <c r="I3921" s="1"/>
    </row>
    <row r="3922" spans="1:9" x14ac:dyDescent="0.25">
      <c r="A3922" s="3">
        <v>41916.728518518517</v>
      </c>
      <c r="B3922" s="6">
        <v>65284.649999999994</v>
      </c>
      <c r="C3922" s="7">
        <f t="shared" si="61"/>
        <v>65.284649999999999</v>
      </c>
      <c r="I3922" s="1"/>
    </row>
    <row r="3923" spans="1:9" x14ac:dyDescent="0.25">
      <c r="A3923" s="3">
        <v>41916.72859953704</v>
      </c>
      <c r="B3923" s="6">
        <v>65301.299999999996</v>
      </c>
      <c r="C3923" s="7">
        <f t="shared" si="61"/>
        <v>65.301299999999998</v>
      </c>
      <c r="I3923" s="1"/>
    </row>
    <row r="3924" spans="1:9" x14ac:dyDescent="0.25">
      <c r="A3924" s="3">
        <v>41916.729108796295</v>
      </c>
      <c r="B3924" s="6">
        <v>65317.95</v>
      </c>
      <c r="C3924" s="7">
        <f t="shared" si="61"/>
        <v>65.317949999999996</v>
      </c>
      <c r="I3924" s="1"/>
    </row>
    <row r="3925" spans="1:9" x14ac:dyDescent="0.25">
      <c r="A3925" s="3">
        <v>41916.729178240741</v>
      </c>
      <c r="B3925" s="6">
        <v>65334.599999999991</v>
      </c>
      <c r="C3925" s="7">
        <f t="shared" si="61"/>
        <v>65.334599999999995</v>
      </c>
      <c r="I3925" s="1"/>
    </row>
    <row r="3926" spans="1:9" x14ac:dyDescent="0.25">
      <c r="A3926" s="3">
        <v>41916.730185185188</v>
      </c>
      <c r="B3926" s="6">
        <v>65351.249999999993</v>
      </c>
      <c r="C3926" s="7">
        <f t="shared" si="61"/>
        <v>65.351249999999993</v>
      </c>
      <c r="I3926" s="1"/>
    </row>
    <row r="3927" spans="1:9" x14ac:dyDescent="0.25">
      <c r="A3927" s="3">
        <v>41916.73028935185</v>
      </c>
      <c r="B3927" s="6">
        <v>65367.899999999994</v>
      </c>
      <c r="C3927" s="7">
        <f t="shared" si="61"/>
        <v>65.367899999999992</v>
      </c>
      <c r="I3927" s="1"/>
    </row>
    <row r="3928" spans="1:9" x14ac:dyDescent="0.25">
      <c r="A3928" s="3">
        <v>41916.730868055558</v>
      </c>
      <c r="B3928" s="6">
        <v>65384.549999999996</v>
      </c>
      <c r="C3928" s="7">
        <f t="shared" si="61"/>
        <v>65.38454999999999</v>
      </c>
      <c r="I3928" s="1"/>
    </row>
    <row r="3929" spans="1:9" x14ac:dyDescent="0.25">
      <c r="A3929" s="3">
        <v>41916.730914351851</v>
      </c>
      <c r="B3929" s="6">
        <v>65401.2</v>
      </c>
      <c r="C3929" s="7">
        <f t="shared" si="61"/>
        <v>65.401200000000003</v>
      </c>
      <c r="I3929" s="1"/>
    </row>
    <row r="3930" spans="1:9" x14ac:dyDescent="0.25">
      <c r="A3930" s="3">
        <v>41916.731354166666</v>
      </c>
      <c r="B3930" s="6">
        <v>65417.849999999991</v>
      </c>
      <c r="C3930" s="7">
        <f t="shared" si="61"/>
        <v>65.417849999999987</v>
      </c>
      <c r="I3930" s="1"/>
    </row>
    <row r="3931" spans="1:9" x14ac:dyDescent="0.25">
      <c r="A3931" s="3">
        <v>41916.731412037036</v>
      </c>
      <c r="B3931" s="6">
        <v>65434.499999999993</v>
      </c>
      <c r="C3931" s="7">
        <f t="shared" si="61"/>
        <v>65.434499999999986</v>
      </c>
      <c r="I3931" s="1"/>
    </row>
    <row r="3932" spans="1:9" x14ac:dyDescent="0.25">
      <c r="A3932" s="3">
        <v>41916.73233796296</v>
      </c>
      <c r="B3932" s="6">
        <v>65451.149999999994</v>
      </c>
      <c r="C3932" s="7">
        <f t="shared" si="61"/>
        <v>65.451149999999998</v>
      </c>
      <c r="I3932" s="1"/>
    </row>
    <row r="3933" spans="1:9" x14ac:dyDescent="0.25">
      <c r="A3933" s="3">
        <v>41916.732442129629</v>
      </c>
      <c r="B3933" s="6">
        <v>65467.799999999996</v>
      </c>
      <c r="C3933" s="7">
        <f t="shared" si="61"/>
        <v>65.467799999999997</v>
      </c>
      <c r="I3933" s="1"/>
    </row>
    <row r="3934" spans="1:9" x14ac:dyDescent="0.25">
      <c r="A3934" s="3">
        <v>41916.732928240737</v>
      </c>
      <c r="B3934" s="6">
        <v>65484.45</v>
      </c>
      <c r="C3934" s="7">
        <f t="shared" si="61"/>
        <v>65.484449999999995</v>
      </c>
      <c r="I3934" s="1"/>
    </row>
    <row r="3935" spans="1:9" x14ac:dyDescent="0.25">
      <c r="A3935" s="3">
        <v>41916.732997685183</v>
      </c>
      <c r="B3935" s="6">
        <v>65501.099999999991</v>
      </c>
      <c r="C3935" s="7">
        <f t="shared" si="61"/>
        <v>65.501099999999994</v>
      </c>
      <c r="I3935" s="1"/>
    </row>
    <row r="3936" spans="1:9" x14ac:dyDescent="0.25">
      <c r="A3936" s="3">
        <v>41916.7344212963</v>
      </c>
      <c r="B3936" s="6">
        <v>65517.749999999993</v>
      </c>
      <c r="C3936" s="7">
        <f t="shared" si="61"/>
        <v>65.517749999999992</v>
      </c>
      <c r="I3936" s="1"/>
    </row>
    <row r="3937" spans="1:9" x14ac:dyDescent="0.25">
      <c r="A3937" s="3">
        <v>41916.734583333331</v>
      </c>
      <c r="B3937" s="6">
        <v>65534.399999999994</v>
      </c>
      <c r="C3937" s="7">
        <f t="shared" si="61"/>
        <v>65.534399999999991</v>
      </c>
      <c r="I3937" s="1"/>
    </row>
    <row r="3938" spans="1:9" x14ac:dyDescent="0.25">
      <c r="A3938" s="3">
        <v>41916.735196759262</v>
      </c>
      <c r="B3938" s="6">
        <v>65551.049999999988</v>
      </c>
      <c r="C3938" s="7">
        <f t="shared" si="61"/>
        <v>65.551049999999989</v>
      </c>
      <c r="I3938" s="1"/>
    </row>
    <row r="3939" spans="1:9" x14ac:dyDescent="0.25">
      <c r="A3939" s="3">
        <v>41916.735231481478</v>
      </c>
      <c r="B3939" s="6">
        <v>65567.7</v>
      </c>
      <c r="C3939" s="7">
        <f t="shared" si="61"/>
        <v>65.567700000000002</v>
      </c>
      <c r="I3939" s="1"/>
    </row>
    <row r="3940" spans="1:9" x14ac:dyDescent="0.25">
      <c r="A3940" s="3">
        <v>41916.736006944448</v>
      </c>
      <c r="B3940" s="6">
        <v>65584.349999999991</v>
      </c>
      <c r="C3940" s="7">
        <f t="shared" si="61"/>
        <v>65.584349999999986</v>
      </c>
      <c r="I3940" s="1"/>
    </row>
    <row r="3941" spans="1:9" x14ac:dyDescent="0.25">
      <c r="A3941" s="3">
        <v>41916.736678240741</v>
      </c>
      <c r="B3941" s="6">
        <v>65601</v>
      </c>
      <c r="C3941" s="7">
        <f t="shared" si="61"/>
        <v>65.600999999999999</v>
      </c>
      <c r="I3941" s="1"/>
    </row>
    <row r="3942" spans="1:9" x14ac:dyDescent="0.25">
      <c r="A3942" s="3">
        <v>41916.737280092595</v>
      </c>
      <c r="B3942" s="6">
        <v>65617.649999999994</v>
      </c>
      <c r="C3942" s="7">
        <f t="shared" si="61"/>
        <v>65.617649999999998</v>
      </c>
      <c r="I3942" s="1"/>
    </row>
    <row r="3943" spans="1:9" x14ac:dyDescent="0.25">
      <c r="A3943" s="3">
        <v>41916.737349537034</v>
      </c>
      <c r="B3943" s="6">
        <v>65634.299999999988</v>
      </c>
      <c r="C3943" s="7">
        <f t="shared" si="61"/>
        <v>65.634299999999982</v>
      </c>
      <c r="I3943" s="1"/>
    </row>
    <row r="3944" spans="1:9" x14ac:dyDescent="0.25">
      <c r="A3944" s="3">
        <v>41916.739120370374</v>
      </c>
      <c r="B3944" s="6">
        <v>65650.95</v>
      </c>
      <c r="C3944" s="7">
        <f t="shared" si="61"/>
        <v>65.650949999999995</v>
      </c>
      <c r="I3944" s="1"/>
    </row>
    <row r="3945" spans="1:9" x14ac:dyDescent="0.25">
      <c r="A3945" s="3">
        <v>41916.739317129628</v>
      </c>
      <c r="B3945" s="6">
        <v>65667.599999999991</v>
      </c>
      <c r="C3945" s="7">
        <f t="shared" si="61"/>
        <v>65.667599999999993</v>
      </c>
      <c r="I3945" s="1"/>
    </row>
    <row r="3946" spans="1:9" x14ac:dyDescent="0.25">
      <c r="A3946" s="3">
        <v>41916.740532407406</v>
      </c>
      <c r="B3946" s="6">
        <v>65684.25</v>
      </c>
      <c r="C3946" s="7">
        <f t="shared" si="61"/>
        <v>65.684250000000006</v>
      </c>
      <c r="I3946" s="1"/>
    </row>
    <row r="3947" spans="1:9" x14ac:dyDescent="0.25">
      <c r="A3947" s="3">
        <v>41916.740624999999</v>
      </c>
      <c r="B3947" s="6">
        <v>65700.899999999994</v>
      </c>
      <c r="C3947" s="7">
        <f t="shared" si="61"/>
        <v>65.70089999999999</v>
      </c>
      <c r="I3947" s="1"/>
    </row>
    <row r="3948" spans="1:9" x14ac:dyDescent="0.25">
      <c r="A3948" s="3">
        <v>41916.741215277776</v>
      </c>
      <c r="B3948" s="6">
        <v>65717.549999999988</v>
      </c>
      <c r="C3948" s="7">
        <f t="shared" si="61"/>
        <v>65.717549999999989</v>
      </c>
      <c r="I3948" s="1"/>
    </row>
    <row r="3949" spans="1:9" x14ac:dyDescent="0.25">
      <c r="A3949" s="3">
        <v>41916.741331018522</v>
      </c>
      <c r="B3949" s="6">
        <v>65734.2</v>
      </c>
      <c r="C3949" s="7">
        <f t="shared" si="61"/>
        <v>65.734200000000001</v>
      </c>
      <c r="I3949" s="1"/>
    </row>
    <row r="3950" spans="1:9" x14ac:dyDescent="0.25">
      <c r="A3950" s="3">
        <v>41916.742083333331</v>
      </c>
      <c r="B3950" s="6">
        <v>65750.849999999991</v>
      </c>
      <c r="C3950" s="7">
        <f t="shared" si="61"/>
        <v>65.750849999999986</v>
      </c>
      <c r="I3950" s="1"/>
    </row>
    <row r="3951" spans="1:9" x14ac:dyDescent="0.25">
      <c r="A3951" s="3">
        <v>41916.742152777777</v>
      </c>
      <c r="B3951" s="6">
        <v>65767.5</v>
      </c>
      <c r="C3951" s="7">
        <f t="shared" si="61"/>
        <v>65.767499999999998</v>
      </c>
      <c r="I3951" s="1"/>
    </row>
    <row r="3952" spans="1:9" x14ac:dyDescent="0.25">
      <c r="A3952" s="3">
        <v>41916.743043981478</v>
      </c>
      <c r="B3952" s="6">
        <v>65784.149999999994</v>
      </c>
      <c r="C3952" s="7">
        <f t="shared" si="61"/>
        <v>65.784149999999997</v>
      </c>
      <c r="I3952" s="1"/>
    </row>
    <row r="3953" spans="1:9" x14ac:dyDescent="0.25">
      <c r="A3953" s="3">
        <v>41916.743298611109</v>
      </c>
      <c r="B3953" s="6">
        <v>65800.799999999988</v>
      </c>
      <c r="C3953" s="7">
        <f t="shared" si="61"/>
        <v>65.800799999999995</v>
      </c>
      <c r="I3953" s="1"/>
    </row>
    <row r="3954" spans="1:9" x14ac:dyDescent="0.25">
      <c r="A3954" s="3">
        <v>41916.744097222225</v>
      </c>
      <c r="B3954" s="6">
        <v>65817.45</v>
      </c>
      <c r="C3954" s="7">
        <f t="shared" si="61"/>
        <v>65.817449999999994</v>
      </c>
      <c r="I3954" s="1"/>
    </row>
    <row r="3955" spans="1:9" x14ac:dyDescent="0.25">
      <c r="A3955" s="3">
        <v>41916.744189814817</v>
      </c>
      <c r="B3955" s="6">
        <v>65834.099999999991</v>
      </c>
      <c r="C3955" s="7">
        <f t="shared" si="61"/>
        <v>65.834099999999992</v>
      </c>
      <c r="I3955" s="1"/>
    </row>
    <row r="3956" spans="1:9" x14ac:dyDescent="0.25">
      <c r="A3956" s="3">
        <v>41916.744837962964</v>
      </c>
      <c r="B3956" s="6">
        <v>65850.75</v>
      </c>
      <c r="C3956" s="7">
        <f t="shared" si="61"/>
        <v>65.850750000000005</v>
      </c>
      <c r="I3956" s="1"/>
    </row>
    <row r="3957" spans="1:9" x14ac:dyDescent="0.25">
      <c r="A3957" s="3">
        <v>41916.744953703703</v>
      </c>
      <c r="B3957" s="6">
        <v>65867.399999999994</v>
      </c>
      <c r="C3957" s="7">
        <f t="shared" si="61"/>
        <v>65.867399999999989</v>
      </c>
      <c r="I3957" s="1"/>
    </row>
    <row r="3958" spans="1:9" x14ac:dyDescent="0.25">
      <c r="A3958" s="3">
        <v>41916.74559027778</v>
      </c>
      <c r="B3958" s="6">
        <v>65884.049999999988</v>
      </c>
      <c r="C3958" s="7">
        <f t="shared" si="61"/>
        <v>65.884049999999988</v>
      </c>
      <c r="I3958" s="1"/>
    </row>
    <row r="3959" spans="1:9" x14ac:dyDescent="0.25">
      <c r="A3959" s="3">
        <v>41916.745659722219</v>
      </c>
      <c r="B3959" s="6">
        <v>65900.7</v>
      </c>
      <c r="C3959" s="7">
        <f t="shared" si="61"/>
        <v>65.900700000000001</v>
      </c>
      <c r="I3959" s="1"/>
    </row>
    <row r="3960" spans="1:9" x14ac:dyDescent="0.25">
      <c r="A3960" s="3">
        <v>41916.74622685185</v>
      </c>
      <c r="B3960" s="6">
        <v>65917.349999999991</v>
      </c>
      <c r="C3960" s="7">
        <f t="shared" si="61"/>
        <v>65.917349999999985</v>
      </c>
      <c r="I3960" s="1"/>
    </row>
    <row r="3961" spans="1:9" x14ac:dyDescent="0.25">
      <c r="A3961" s="3">
        <v>41916.746400462966</v>
      </c>
      <c r="B3961" s="6">
        <v>65934</v>
      </c>
      <c r="C3961" s="7">
        <f t="shared" si="61"/>
        <v>65.933999999999997</v>
      </c>
      <c r="I3961" s="1"/>
    </row>
    <row r="3962" spans="1:9" x14ac:dyDescent="0.25">
      <c r="A3962" s="3">
        <v>41916.748888888891</v>
      </c>
      <c r="B3962" s="6">
        <v>65950.649999999994</v>
      </c>
      <c r="C3962" s="7">
        <f t="shared" si="61"/>
        <v>65.950649999999996</v>
      </c>
      <c r="I3962" s="1"/>
    </row>
    <row r="3963" spans="1:9" x14ac:dyDescent="0.25">
      <c r="A3963" s="3">
        <v>41916.749027777776</v>
      </c>
      <c r="B3963" s="6">
        <v>65967.299999999988</v>
      </c>
      <c r="C3963" s="7">
        <f t="shared" si="61"/>
        <v>65.967299999999994</v>
      </c>
      <c r="I3963" s="1"/>
    </row>
    <row r="3964" spans="1:9" x14ac:dyDescent="0.25">
      <c r="A3964" s="3">
        <v>41916.750381944446</v>
      </c>
      <c r="B3964" s="6">
        <v>65983.95</v>
      </c>
      <c r="C3964" s="7">
        <f t="shared" si="61"/>
        <v>65.983949999999993</v>
      </c>
      <c r="I3964" s="1"/>
    </row>
    <row r="3965" spans="1:9" x14ac:dyDescent="0.25">
      <c r="A3965" s="3">
        <v>41916.750891203701</v>
      </c>
      <c r="B3965" s="6">
        <v>66000.599999999991</v>
      </c>
      <c r="C3965" s="7">
        <f t="shared" si="61"/>
        <v>66.000599999999991</v>
      </c>
      <c r="I3965" s="1"/>
    </row>
    <row r="3966" spans="1:9" x14ac:dyDescent="0.25">
      <c r="A3966" s="3">
        <v>41916.752129629633</v>
      </c>
      <c r="B3966" s="6">
        <v>66017.25</v>
      </c>
      <c r="C3966" s="7">
        <f t="shared" si="61"/>
        <v>66.017250000000004</v>
      </c>
      <c r="I3966" s="1"/>
    </row>
    <row r="3967" spans="1:9" x14ac:dyDescent="0.25">
      <c r="A3967" s="3">
        <v>41916.752256944441</v>
      </c>
      <c r="B3967" s="6">
        <v>66033.899999999994</v>
      </c>
      <c r="C3967" s="7">
        <f t="shared" si="61"/>
        <v>66.033899999999988</v>
      </c>
      <c r="I3967" s="1"/>
    </row>
    <row r="3968" spans="1:9" x14ac:dyDescent="0.25">
      <c r="A3968" s="3">
        <v>41916.753541666665</v>
      </c>
      <c r="B3968" s="6">
        <v>66050.549999999988</v>
      </c>
      <c r="C3968" s="7">
        <f t="shared" si="61"/>
        <v>66.050549999999987</v>
      </c>
      <c r="I3968" s="1"/>
    </row>
    <row r="3969" spans="1:9" x14ac:dyDescent="0.25">
      <c r="A3969" s="3">
        <v>41916.753692129627</v>
      </c>
      <c r="B3969" s="6">
        <v>66067.199999999997</v>
      </c>
      <c r="C3969" s="7">
        <f t="shared" si="61"/>
        <v>66.0672</v>
      </c>
      <c r="I3969" s="1"/>
    </row>
    <row r="3970" spans="1:9" x14ac:dyDescent="0.25">
      <c r="A3970" s="3">
        <v>41916.754386574074</v>
      </c>
      <c r="B3970" s="6">
        <v>66083.849999999991</v>
      </c>
      <c r="C3970" s="7">
        <f t="shared" si="61"/>
        <v>66.083849999999998</v>
      </c>
      <c r="I3970" s="1"/>
    </row>
    <row r="3971" spans="1:9" x14ac:dyDescent="0.25">
      <c r="A3971" s="3">
        <v>41916.75445601852</v>
      </c>
      <c r="B3971" s="6">
        <v>66100.5</v>
      </c>
      <c r="C3971" s="7">
        <f t="shared" ref="C3971:C4034" si="62">B3971/1000</f>
        <v>66.100499999999997</v>
      </c>
      <c r="I3971" s="1"/>
    </row>
    <row r="3972" spans="1:9" x14ac:dyDescent="0.25">
      <c r="A3972" s="3">
        <v>41916.755636574075</v>
      </c>
      <c r="B3972" s="6">
        <v>66117.149999999994</v>
      </c>
      <c r="C3972" s="7">
        <f t="shared" si="62"/>
        <v>66.117149999999995</v>
      </c>
      <c r="I3972" s="1"/>
    </row>
    <row r="3973" spans="1:9" x14ac:dyDescent="0.25">
      <c r="A3973" s="3">
        <v>41916.755787037036</v>
      </c>
      <c r="B3973" s="6">
        <v>66133.799999999988</v>
      </c>
      <c r="C3973" s="7">
        <f t="shared" si="62"/>
        <v>66.133799999999994</v>
      </c>
      <c r="I3973" s="1"/>
    </row>
    <row r="3974" spans="1:9" x14ac:dyDescent="0.25">
      <c r="A3974" s="3">
        <v>41916.757118055553</v>
      </c>
      <c r="B3974" s="6">
        <v>66150.45</v>
      </c>
      <c r="C3974" s="7">
        <f t="shared" si="62"/>
        <v>66.150449999999992</v>
      </c>
      <c r="I3974" s="1"/>
    </row>
    <row r="3975" spans="1:9" x14ac:dyDescent="0.25">
      <c r="A3975" s="3">
        <v>41916.757314814815</v>
      </c>
      <c r="B3975" s="6">
        <v>66167.099999999991</v>
      </c>
      <c r="C3975" s="7">
        <f t="shared" si="62"/>
        <v>66.167099999999991</v>
      </c>
      <c r="I3975" s="1"/>
    </row>
    <row r="3976" spans="1:9" x14ac:dyDescent="0.25">
      <c r="A3976" s="3">
        <v>41916.759189814817</v>
      </c>
      <c r="B3976" s="6">
        <v>66183.75</v>
      </c>
      <c r="C3976" s="7">
        <f t="shared" si="62"/>
        <v>66.183750000000003</v>
      </c>
      <c r="I3976" s="1"/>
    </row>
    <row r="3977" spans="1:9" x14ac:dyDescent="0.25">
      <c r="A3977" s="3">
        <v>41916.759502314817</v>
      </c>
      <c r="B3977" s="6">
        <v>66200.399999999994</v>
      </c>
      <c r="C3977" s="7">
        <f t="shared" si="62"/>
        <v>66.200399999999988</v>
      </c>
      <c r="I3977" s="1"/>
    </row>
    <row r="3978" spans="1:9" x14ac:dyDescent="0.25">
      <c r="A3978" s="3">
        <v>41916.760706018518</v>
      </c>
      <c r="B3978" s="6">
        <v>66217.049999999988</v>
      </c>
      <c r="C3978" s="7">
        <f t="shared" si="62"/>
        <v>66.217049999999986</v>
      </c>
      <c r="I3978" s="1"/>
    </row>
    <row r="3979" spans="1:9" x14ac:dyDescent="0.25">
      <c r="A3979" s="3">
        <v>41916.760821759257</v>
      </c>
      <c r="B3979" s="6">
        <v>66233.7</v>
      </c>
      <c r="C3979" s="7">
        <f t="shared" si="62"/>
        <v>66.233699999999999</v>
      </c>
      <c r="I3979" s="1"/>
    </row>
    <row r="3980" spans="1:9" x14ac:dyDescent="0.25">
      <c r="A3980" s="3">
        <v>41916.76185185185</v>
      </c>
      <c r="B3980" s="6">
        <v>66250.349999999991</v>
      </c>
      <c r="C3980" s="7">
        <f t="shared" si="62"/>
        <v>66.250349999999997</v>
      </c>
      <c r="I3980" s="1"/>
    </row>
    <row r="3981" spans="1:9" x14ac:dyDescent="0.25">
      <c r="A3981" s="3">
        <v>41916.761956018519</v>
      </c>
      <c r="B3981" s="6">
        <v>66267</v>
      </c>
      <c r="C3981" s="7">
        <f t="shared" si="62"/>
        <v>66.266999999999996</v>
      </c>
      <c r="I3981" s="1"/>
    </row>
    <row r="3982" spans="1:9" x14ac:dyDescent="0.25">
      <c r="A3982" s="3">
        <v>41916.763425925928</v>
      </c>
      <c r="B3982" s="6">
        <v>66283.649999999994</v>
      </c>
      <c r="C3982" s="7">
        <f t="shared" si="62"/>
        <v>66.283649999999994</v>
      </c>
      <c r="I3982" s="1"/>
    </row>
    <row r="3983" spans="1:9" x14ac:dyDescent="0.25">
      <c r="A3983" s="3">
        <v>41916.763564814813</v>
      </c>
      <c r="B3983" s="6">
        <v>66300.299999999988</v>
      </c>
      <c r="C3983" s="7">
        <f t="shared" si="62"/>
        <v>66.300299999999993</v>
      </c>
      <c r="I3983" s="1"/>
    </row>
    <row r="3984" spans="1:9" x14ac:dyDescent="0.25">
      <c r="A3984" s="3">
        <v>41916.76425925926</v>
      </c>
      <c r="B3984" s="6">
        <v>66316.95</v>
      </c>
      <c r="C3984" s="7">
        <f t="shared" si="62"/>
        <v>66.316949999999991</v>
      </c>
      <c r="I3984" s="1"/>
    </row>
    <row r="3985" spans="1:9" x14ac:dyDescent="0.25">
      <c r="A3985" s="3">
        <v>41916.764421296299</v>
      </c>
      <c r="B3985" s="6">
        <v>66333.599999999991</v>
      </c>
      <c r="C3985" s="7">
        <f t="shared" si="62"/>
        <v>66.33359999999999</v>
      </c>
      <c r="I3985" s="1"/>
    </row>
    <row r="3986" spans="1:9" x14ac:dyDescent="0.25">
      <c r="A3986" s="3">
        <v>41916.767523148148</v>
      </c>
      <c r="B3986" s="6">
        <v>66350.25</v>
      </c>
      <c r="C3986" s="7">
        <f t="shared" si="62"/>
        <v>66.350250000000003</v>
      </c>
      <c r="I3986" s="1"/>
    </row>
    <row r="3987" spans="1:9" x14ac:dyDescent="0.25">
      <c r="A3987" s="3">
        <v>41916.767592592594</v>
      </c>
      <c r="B3987" s="6">
        <v>66366.899999999994</v>
      </c>
      <c r="C3987" s="7">
        <f t="shared" si="62"/>
        <v>66.366900000000001</v>
      </c>
      <c r="I3987" s="1"/>
    </row>
    <row r="3988" spans="1:9" x14ac:dyDescent="0.25">
      <c r="A3988" s="3">
        <v>41916.768842592595</v>
      </c>
      <c r="B3988" s="6">
        <v>66383.549999999988</v>
      </c>
      <c r="C3988" s="7">
        <f t="shared" si="62"/>
        <v>66.383549999999985</v>
      </c>
      <c r="I3988" s="1"/>
    </row>
    <row r="3989" spans="1:9" x14ac:dyDescent="0.25">
      <c r="A3989" s="3">
        <v>41916.769293981481</v>
      </c>
      <c r="B3989" s="6">
        <v>66400.2</v>
      </c>
      <c r="C3989" s="7">
        <f t="shared" si="62"/>
        <v>66.400199999999998</v>
      </c>
      <c r="I3989" s="1"/>
    </row>
    <row r="3990" spans="1:9" x14ac:dyDescent="0.25">
      <c r="A3990" s="3">
        <v>41916.770682870374</v>
      </c>
      <c r="B3990" s="6">
        <v>66416.849999999991</v>
      </c>
      <c r="C3990" s="7">
        <f t="shared" si="62"/>
        <v>66.416849999999997</v>
      </c>
      <c r="I3990" s="1"/>
    </row>
    <row r="3991" spans="1:9" x14ac:dyDescent="0.25">
      <c r="A3991" s="3">
        <v>41916.770902777775</v>
      </c>
      <c r="B3991" s="6">
        <v>66433.5</v>
      </c>
      <c r="C3991" s="7">
        <f t="shared" si="62"/>
        <v>66.433499999999995</v>
      </c>
      <c r="I3991" s="1"/>
    </row>
    <row r="3992" spans="1:9" x14ac:dyDescent="0.25">
      <c r="A3992" s="3">
        <v>41916.77239583333</v>
      </c>
      <c r="B3992" s="6">
        <v>66450.149999999994</v>
      </c>
      <c r="C3992" s="7">
        <f t="shared" si="62"/>
        <v>66.450149999999994</v>
      </c>
      <c r="I3992" s="1"/>
    </row>
    <row r="3993" spans="1:9" x14ac:dyDescent="0.25">
      <c r="A3993" s="3">
        <v>41916.772569444445</v>
      </c>
      <c r="B3993" s="6">
        <v>66466.799999999988</v>
      </c>
      <c r="C3993" s="7">
        <f t="shared" si="62"/>
        <v>66.466799999999992</v>
      </c>
      <c r="I3993" s="1"/>
    </row>
    <row r="3994" spans="1:9" x14ac:dyDescent="0.25">
      <c r="A3994" s="3">
        <v>41916.773414351854</v>
      </c>
      <c r="B3994" s="6">
        <v>66483.45</v>
      </c>
      <c r="C3994" s="7">
        <f t="shared" si="62"/>
        <v>66.483449999999991</v>
      </c>
      <c r="I3994" s="1"/>
    </row>
    <row r="3995" spans="1:9" x14ac:dyDescent="0.25">
      <c r="A3995" s="3">
        <v>41916.773530092592</v>
      </c>
      <c r="B3995" s="6">
        <v>66500.099999999991</v>
      </c>
      <c r="C3995" s="7">
        <f t="shared" si="62"/>
        <v>66.500099999999989</v>
      </c>
      <c r="I3995" s="1"/>
    </row>
    <row r="3996" spans="1:9" x14ac:dyDescent="0.25">
      <c r="A3996" s="3">
        <v>41916.774780092594</v>
      </c>
      <c r="B3996" s="6">
        <v>66516.75</v>
      </c>
      <c r="C3996" s="7">
        <f t="shared" si="62"/>
        <v>66.516750000000002</v>
      </c>
      <c r="I3996" s="1"/>
    </row>
    <row r="3997" spans="1:9" x14ac:dyDescent="0.25">
      <c r="A3997" s="3">
        <v>41916.774895833332</v>
      </c>
      <c r="B3997" s="6">
        <v>66533.399999999994</v>
      </c>
      <c r="C3997" s="7">
        <f t="shared" si="62"/>
        <v>66.5334</v>
      </c>
      <c r="I3997" s="1"/>
    </row>
    <row r="3998" spans="1:9" x14ac:dyDescent="0.25">
      <c r="A3998" s="3">
        <v>41916.776504629626</v>
      </c>
      <c r="B3998" s="6">
        <v>66550.049999999988</v>
      </c>
      <c r="C3998" s="7">
        <f t="shared" si="62"/>
        <v>66.550049999999985</v>
      </c>
      <c r="I3998" s="1"/>
    </row>
    <row r="3999" spans="1:9" x14ac:dyDescent="0.25">
      <c r="A3999" s="3">
        <v>41916.776701388888</v>
      </c>
      <c r="B3999" s="6">
        <v>66566.7</v>
      </c>
      <c r="C3999" s="7">
        <f t="shared" si="62"/>
        <v>66.566699999999997</v>
      </c>
      <c r="I3999" s="1"/>
    </row>
    <row r="4000" spans="1:9" x14ac:dyDescent="0.25">
      <c r="A4000" s="3">
        <v>41916.778460648151</v>
      </c>
      <c r="B4000" s="6">
        <v>66583.349999999991</v>
      </c>
      <c r="C4000" s="7">
        <f t="shared" si="62"/>
        <v>66.583349999999996</v>
      </c>
      <c r="I4000" s="1"/>
    </row>
    <row r="4001" spans="1:9" x14ac:dyDescent="0.25">
      <c r="A4001" s="3">
        <v>41916.778587962966</v>
      </c>
      <c r="B4001" s="6">
        <v>66600</v>
      </c>
      <c r="C4001" s="7">
        <f t="shared" si="62"/>
        <v>66.599999999999994</v>
      </c>
      <c r="I4001" s="1"/>
    </row>
    <row r="4002" spans="1:9" x14ac:dyDescent="0.25">
      <c r="A4002" s="3">
        <v>41916.780162037037</v>
      </c>
      <c r="B4002" s="6">
        <v>66616.649999999994</v>
      </c>
      <c r="C4002" s="7">
        <f t="shared" si="62"/>
        <v>66.616649999999993</v>
      </c>
      <c r="I4002" s="1"/>
    </row>
    <row r="4003" spans="1:9" x14ac:dyDescent="0.25">
      <c r="A4003" s="3">
        <v>41916.780543981484</v>
      </c>
      <c r="B4003" s="6">
        <v>66633.299999999988</v>
      </c>
      <c r="C4003" s="7">
        <f t="shared" si="62"/>
        <v>66.633299999999991</v>
      </c>
      <c r="I4003" s="1"/>
    </row>
    <row r="4004" spans="1:9" x14ac:dyDescent="0.25">
      <c r="A4004" s="3">
        <v>41916.784733796296</v>
      </c>
      <c r="B4004" s="6">
        <v>66649.95</v>
      </c>
      <c r="C4004" s="7">
        <f t="shared" si="62"/>
        <v>66.649950000000004</v>
      </c>
      <c r="I4004" s="1"/>
    </row>
    <row r="4005" spans="1:9" x14ac:dyDescent="0.25">
      <c r="A4005" s="3">
        <v>41916.784803240742</v>
      </c>
      <c r="B4005" s="6">
        <v>66666.599999999991</v>
      </c>
      <c r="C4005" s="7">
        <f t="shared" si="62"/>
        <v>66.666599999999988</v>
      </c>
      <c r="I4005" s="1"/>
    </row>
    <row r="4006" spans="1:9" x14ac:dyDescent="0.25">
      <c r="A4006" s="3">
        <v>41916.785844907405</v>
      </c>
      <c r="B4006" s="6">
        <v>66683.25</v>
      </c>
      <c r="C4006" s="7">
        <f t="shared" si="62"/>
        <v>66.683250000000001</v>
      </c>
      <c r="I4006" s="1"/>
    </row>
    <row r="4007" spans="1:9" x14ac:dyDescent="0.25">
      <c r="A4007" s="3">
        <v>41916.786157407405</v>
      </c>
      <c r="B4007" s="6">
        <v>66699.899999999994</v>
      </c>
      <c r="C4007" s="7">
        <f t="shared" si="62"/>
        <v>66.6999</v>
      </c>
      <c r="I4007" s="1"/>
    </row>
    <row r="4008" spans="1:9" x14ac:dyDescent="0.25">
      <c r="A4008" s="3">
        <v>41916.787129629629</v>
      </c>
      <c r="B4008" s="6">
        <v>66716.549999999988</v>
      </c>
      <c r="C4008" s="7">
        <f t="shared" si="62"/>
        <v>66.716549999999984</v>
      </c>
      <c r="I4008" s="1"/>
    </row>
    <row r="4009" spans="1:9" x14ac:dyDescent="0.25">
      <c r="A4009" s="3">
        <v>41916.787245370368</v>
      </c>
      <c r="B4009" s="6">
        <v>66733.2</v>
      </c>
      <c r="C4009" s="7">
        <f t="shared" si="62"/>
        <v>66.733199999999997</v>
      </c>
      <c r="I4009" s="1"/>
    </row>
    <row r="4010" spans="1:9" x14ac:dyDescent="0.25">
      <c r="A4010" s="3">
        <v>41916.787881944445</v>
      </c>
      <c r="B4010" s="6">
        <v>66749.849999999991</v>
      </c>
      <c r="C4010" s="7">
        <f t="shared" si="62"/>
        <v>66.749849999999995</v>
      </c>
      <c r="I4010" s="1"/>
    </row>
    <row r="4011" spans="1:9" x14ac:dyDescent="0.25">
      <c r="A4011" s="3">
        <v>41916.787951388891</v>
      </c>
      <c r="B4011" s="6">
        <v>66766.5</v>
      </c>
      <c r="C4011" s="7">
        <f t="shared" si="62"/>
        <v>66.766499999999994</v>
      </c>
      <c r="I4011" s="1"/>
    </row>
    <row r="4012" spans="1:9" x14ac:dyDescent="0.25">
      <c r="A4012" s="3">
        <v>41916.7887962963</v>
      </c>
      <c r="B4012" s="6">
        <v>66783.149999999994</v>
      </c>
      <c r="C4012" s="7">
        <f t="shared" si="62"/>
        <v>66.783149999999992</v>
      </c>
      <c r="I4012" s="1"/>
    </row>
    <row r="4013" spans="1:9" x14ac:dyDescent="0.25">
      <c r="A4013" s="3">
        <v>41916.788888888892</v>
      </c>
      <c r="B4013" s="6">
        <v>66799.799999999988</v>
      </c>
      <c r="C4013" s="7">
        <f t="shared" si="62"/>
        <v>66.799799999999991</v>
      </c>
      <c r="I4013" s="1"/>
    </row>
    <row r="4014" spans="1:9" x14ac:dyDescent="0.25">
      <c r="A4014" s="3">
        <v>41916.790717592594</v>
      </c>
      <c r="B4014" s="6">
        <v>66816.45</v>
      </c>
      <c r="C4014" s="7">
        <f t="shared" si="62"/>
        <v>66.816450000000003</v>
      </c>
      <c r="I4014" s="1"/>
    </row>
    <row r="4015" spans="1:9" x14ac:dyDescent="0.25">
      <c r="A4015" s="3">
        <v>41916.790891203702</v>
      </c>
      <c r="B4015" s="6">
        <v>66833.099999999991</v>
      </c>
      <c r="C4015" s="7">
        <f t="shared" si="62"/>
        <v>66.833099999999988</v>
      </c>
      <c r="I4015" s="1"/>
    </row>
    <row r="4016" spans="1:9" x14ac:dyDescent="0.25">
      <c r="A4016" s="3">
        <v>41916.794004629628</v>
      </c>
      <c r="B4016" s="6">
        <v>66849.75</v>
      </c>
      <c r="C4016" s="7">
        <f t="shared" si="62"/>
        <v>66.84975</v>
      </c>
      <c r="I4016" s="1"/>
    </row>
    <row r="4017" spans="1:9" x14ac:dyDescent="0.25">
      <c r="A4017" s="3">
        <v>41916.79415509259</v>
      </c>
      <c r="B4017" s="6">
        <v>66866.399999999994</v>
      </c>
      <c r="C4017" s="7">
        <f t="shared" si="62"/>
        <v>66.866399999999999</v>
      </c>
      <c r="I4017" s="1"/>
    </row>
    <row r="4018" spans="1:9" x14ac:dyDescent="0.25">
      <c r="A4018" s="3">
        <v>41916.795474537037</v>
      </c>
      <c r="B4018" s="6">
        <v>66883.049999999988</v>
      </c>
      <c r="C4018" s="7">
        <f t="shared" si="62"/>
        <v>66.883049999999983</v>
      </c>
      <c r="I4018" s="1"/>
    </row>
    <row r="4019" spans="1:9" x14ac:dyDescent="0.25">
      <c r="A4019" s="3">
        <v>41916.795567129629</v>
      </c>
      <c r="B4019" s="6">
        <v>66899.7</v>
      </c>
      <c r="C4019" s="7">
        <f t="shared" si="62"/>
        <v>66.899699999999996</v>
      </c>
      <c r="I4019" s="1"/>
    </row>
    <row r="4020" spans="1:9" x14ac:dyDescent="0.25">
      <c r="A4020" s="3">
        <v>41916.798402777778</v>
      </c>
      <c r="B4020" s="6">
        <v>66916.349999999991</v>
      </c>
      <c r="C4020" s="7">
        <f t="shared" si="62"/>
        <v>66.916349999999994</v>
      </c>
      <c r="I4020" s="1"/>
    </row>
    <row r="4021" spans="1:9" x14ac:dyDescent="0.25">
      <c r="A4021" s="3">
        <v>41916.800115740742</v>
      </c>
      <c r="B4021" s="6">
        <v>66933</v>
      </c>
      <c r="C4021" s="7">
        <f t="shared" si="62"/>
        <v>66.933000000000007</v>
      </c>
      <c r="I4021" s="1"/>
    </row>
    <row r="4022" spans="1:9" x14ac:dyDescent="0.25">
      <c r="A4022" s="3">
        <v>41916.805115740739</v>
      </c>
      <c r="B4022" s="6">
        <v>66949.649999999994</v>
      </c>
      <c r="C4022" s="7">
        <f t="shared" si="62"/>
        <v>66.949649999999991</v>
      </c>
      <c r="I4022" s="1"/>
    </row>
    <row r="4023" spans="1:9" x14ac:dyDescent="0.25">
      <c r="A4023" s="3">
        <v>41916.805289351854</v>
      </c>
      <c r="B4023" s="6">
        <v>66966.299999999988</v>
      </c>
      <c r="C4023" s="7">
        <f t="shared" si="62"/>
        <v>66.96629999999999</v>
      </c>
      <c r="I4023" s="1"/>
    </row>
    <row r="4024" spans="1:9" x14ac:dyDescent="0.25">
      <c r="A4024" s="3">
        <v>41916.811793981484</v>
      </c>
      <c r="B4024" s="6">
        <v>66982.95</v>
      </c>
      <c r="C4024" s="7">
        <f t="shared" si="62"/>
        <v>66.982950000000002</v>
      </c>
      <c r="I4024" s="1"/>
    </row>
    <row r="4025" spans="1:9" x14ac:dyDescent="0.25">
      <c r="A4025" s="3">
        <v>41916.812083333331</v>
      </c>
      <c r="B4025" s="6">
        <v>66999.599999999991</v>
      </c>
      <c r="C4025" s="7">
        <f t="shared" si="62"/>
        <v>66.999599999999987</v>
      </c>
      <c r="I4025" s="1"/>
    </row>
    <row r="4026" spans="1:9" x14ac:dyDescent="0.25">
      <c r="A4026" s="3">
        <v>41916.815972222219</v>
      </c>
      <c r="B4026" s="6">
        <v>67016.25</v>
      </c>
      <c r="C4026" s="7">
        <f t="shared" si="62"/>
        <v>67.016249999999999</v>
      </c>
      <c r="I4026" s="1"/>
    </row>
    <row r="4027" spans="1:9" x14ac:dyDescent="0.25">
      <c r="A4027" s="3">
        <v>41916.816238425927</v>
      </c>
      <c r="B4027" s="6">
        <v>67032.899999999994</v>
      </c>
      <c r="C4027" s="7">
        <f t="shared" si="62"/>
        <v>67.032899999999998</v>
      </c>
      <c r="I4027" s="1"/>
    </row>
    <row r="4028" spans="1:9" x14ac:dyDescent="0.25">
      <c r="A4028" s="3">
        <v>41916.86582175926</v>
      </c>
      <c r="B4028" s="6">
        <v>67049.549999999988</v>
      </c>
      <c r="C4028" s="7">
        <f t="shared" si="62"/>
        <v>67.049549999999982</v>
      </c>
      <c r="I4028" s="1"/>
    </row>
    <row r="4029" spans="1:9" x14ac:dyDescent="0.25">
      <c r="A4029" s="3">
        <v>41916.866238425922</v>
      </c>
      <c r="B4029" s="6">
        <v>67066.2</v>
      </c>
      <c r="C4029" s="7">
        <f t="shared" si="62"/>
        <v>67.066199999999995</v>
      </c>
      <c r="I4029" s="1"/>
    </row>
    <row r="4030" spans="1:9" x14ac:dyDescent="0.25">
      <c r="A4030" s="3">
        <v>41916.869606481479</v>
      </c>
      <c r="B4030" s="6">
        <v>67082.849999999991</v>
      </c>
      <c r="C4030" s="7">
        <f t="shared" si="62"/>
        <v>67.082849999999993</v>
      </c>
      <c r="I4030" s="1"/>
    </row>
    <row r="4031" spans="1:9" x14ac:dyDescent="0.25">
      <c r="A4031" s="3">
        <v>41916.870208333334</v>
      </c>
      <c r="B4031" s="6">
        <v>67099.5</v>
      </c>
      <c r="C4031" s="7">
        <f t="shared" si="62"/>
        <v>67.099500000000006</v>
      </c>
      <c r="I4031" s="1"/>
    </row>
    <row r="4032" spans="1:9" x14ac:dyDescent="0.25">
      <c r="A4032" s="3">
        <v>41916.878344907411</v>
      </c>
      <c r="B4032" s="6">
        <v>67116.149999999994</v>
      </c>
      <c r="C4032" s="7">
        <f t="shared" si="62"/>
        <v>67.11614999999999</v>
      </c>
      <c r="I4032" s="1"/>
    </row>
    <row r="4033" spans="1:9" x14ac:dyDescent="0.25">
      <c r="A4033" s="3">
        <v>41916.878541666665</v>
      </c>
      <c r="B4033" s="6">
        <v>67132.799999999988</v>
      </c>
      <c r="C4033" s="7">
        <f t="shared" si="62"/>
        <v>67.132799999999989</v>
      </c>
      <c r="I4033" s="1"/>
    </row>
    <row r="4034" spans="1:9" x14ac:dyDescent="0.25">
      <c r="A4034" s="3">
        <v>41916.883796296293</v>
      </c>
      <c r="B4034" s="6">
        <v>67149.45</v>
      </c>
      <c r="C4034" s="7">
        <f t="shared" si="62"/>
        <v>67.149450000000002</v>
      </c>
      <c r="I4034" s="1"/>
    </row>
    <row r="4035" spans="1:9" x14ac:dyDescent="0.25">
      <c r="A4035" s="3">
        <v>41916.88385416667</v>
      </c>
      <c r="B4035" s="6">
        <v>67166.099999999991</v>
      </c>
      <c r="C4035" s="7">
        <f t="shared" ref="C4035:C4098" si="63">B4035/1000</f>
        <v>67.166099999999986</v>
      </c>
      <c r="I4035" s="1"/>
    </row>
    <row r="4036" spans="1:9" x14ac:dyDescent="0.25">
      <c r="A4036" s="3">
        <v>41916.889814814815</v>
      </c>
      <c r="B4036" s="6">
        <v>67182.75</v>
      </c>
      <c r="C4036" s="7">
        <f t="shared" si="63"/>
        <v>67.182749999999999</v>
      </c>
      <c r="I4036" s="1"/>
    </row>
    <row r="4037" spans="1:9" x14ac:dyDescent="0.25">
      <c r="A4037" s="3">
        <v>41916.889872685184</v>
      </c>
      <c r="B4037" s="6">
        <v>67199.399999999994</v>
      </c>
      <c r="C4037" s="7">
        <f t="shared" si="63"/>
        <v>67.199399999999997</v>
      </c>
      <c r="I4037" s="1"/>
    </row>
    <row r="4038" spans="1:9" x14ac:dyDescent="0.25">
      <c r="A4038" s="3">
        <v>41916.892997685187</v>
      </c>
      <c r="B4038" s="6">
        <v>67216.049999999988</v>
      </c>
      <c r="C4038" s="7">
        <f t="shared" si="63"/>
        <v>67.216049999999981</v>
      </c>
      <c r="I4038" s="1"/>
    </row>
    <row r="4039" spans="1:9" x14ac:dyDescent="0.25">
      <c r="A4039" s="3">
        <v>41916.894108796296</v>
      </c>
      <c r="B4039" s="6">
        <v>67232.7</v>
      </c>
      <c r="C4039" s="7">
        <f t="shared" si="63"/>
        <v>67.232699999999994</v>
      </c>
      <c r="I4039" s="1"/>
    </row>
    <row r="4040" spans="1:9" x14ac:dyDescent="0.25">
      <c r="A4040" s="3">
        <v>41916.906782407408</v>
      </c>
      <c r="B4040" s="6">
        <v>67249.349999999991</v>
      </c>
      <c r="C4040" s="7">
        <f t="shared" si="63"/>
        <v>67.249349999999993</v>
      </c>
      <c r="I4040" s="1"/>
    </row>
    <row r="4041" spans="1:9" x14ac:dyDescent="0.25">
      <c r="A4041" s="3">
        <v>41916.907094907408</v>
      </c>
      <c r="B4041" s="6">
        <v>67266</v>
      </c>
      <c r="C4041" s="7">
        <f t="shared" si="63"/>
        <v>67.266000000000005</v>
      </c>
      <c r="I4041" s="1"/>
    </row>
    <row r="4042" spans="1:9" x14ac:dyDescent="0.25">
      <c r="A4042" s="3">
        <v>41916.912280092591</v>
      </c>
      <c r="B4042" s="6">
        <v>67282.649999999994</v>
      </c>
      <c r="C4042" s="7">
        <f t="shared" si="63"/>
        <v>67.28264999999999</v>
      </c>
      <c r="I4042" s="1"/>
    </row>
    <row r="4043" spans="1:9" x14ac:dyDescent="0.25">
      <c r="A4043" s="3">
        <v>41916.91238425926</v>
      </c>
      <c r="B4043" s="6">
        <v>67299.299999999988</v>
      </c>
      <c r="C4043" s="7">
        <f t="shared" si="63"/>
        <v>67.299299999999988</v>
      </c>
      <c r="I4043" s="1"/>
    </row>
    <row r="4044" spans="1:9" x14ac:dyDescent="0.25">
      <c r="A4044" s="3">
        <v>41916.915370370371</v>
      </c>
      <c r="B4044" s="6">
        <v>67315.95</v>
      </c>
      <c r="C4044" s="7">
        <f t="shared" si="63"/>
        <v>67.315950000000001</v>
      </c>
      <c r="I4044" s="1"/>
    </row>
    <row r="4045" spans="1:9" x14ac:dyDescent="0.25">
      <c r="A4045" s="3">
        <v>41916.915914351855</v>
      </c>
      <c r="B4045" s="6">
        <v>67332.599999999991</v>
      </c>
      <c r="C4045" s="7">
        <f t="shared" si="63"/>
        <v>67.332599999999985</v>
      </c>
      <c r="I4045" s="1"/>
    </row>
    <row r="4046" spans="1:9" x14ac:dyDescent="0.25">
      <c r="A4046" s="3">
        <v>41916.920601851853</v>
      </c>
      <c r="B4046" s="6">
        <v>67349.25</v>
      </c>
      <c r="C4046" s="7">
        <f t="shared" si="63"/>
        <v>67.349249999999998</v>
      </c>
      <c r="I4046" s="1"/>
    </row>
    <row r="4047" spans="1:9" x14ac:dyDescent="0.25">
      <c r="A4047" s="3">
        <v>41916.925046296295</v>
      </c>
      <c r="B4047" s="6">
        <v>67365.899999999994</v>
      </c>
      <c r="C4047" s="7">
        <f t="shared" si="63"/>
        <v>67.365899999999996</v>
      </c>
      <c r="I4047" s="1"/>
    </row>
    <row r="4048" spans="1:9" x14ac:dyDescent="0.25">
      <c r="A4048" s="3">
        <v>41916.964537037034</v>
      </c>
      <c r="B4048" s="6">
        <v>67382.549999999988</v>
      </c>
      <c r="C4048" s="7">
        <f t="shared" si="63"/>
        <v>67.382549999999995</v>
      </c>
      <c r="I4048" s="1"/>
    </row>
    <row r="4049" spans="1:9" x14ac:dyDescent="0.25">
      <c r="A4049" s="3">
        <v>41916.964606481481</v>
      </c>
      <c r="B4049" s="6">
        <v>67399.199999999997</v>
      </c>
      <c r="C4049" s="7">
        <f t="shared" si="63"/>
        <v>67.399199999999993</v>
      </c>
      <c r="I4049" s="1"/>
    </row>
    <row r="4050" spans="1:9" x14ac:dyDescent="0.25">
      <c r="A4050" s="3">
        <v>41916.968032407407</v>
      </c>
      <c r="B4050" s="6">
        <v>67415.849999999991</v>
      </c>
      <c r="C4050" s="7">
        <f t="shared" si="63"/>
        <v>67.415849999999992</v>
      </c>
      <c r="I4050" s="1"/>
    </row>
    <row r="4051" spans="1:9" x14ac:dyDescent="0.25">
      <c r="A4051" s="3">
        <v>41916.968124999999</v>
      </c>
      <c r="B4051" s="6">
        <v>67432.5</v>
      </c>
      <c r="C4051" s="7">
        <f t="shared" si="63"/>
        <v>67.432500000000005</v>
      </c>
      <c r="I4051" s="1"/>
    </row>
    <row r="4052" spans="1:9" x14ac:dyDescent="0.25">
      <c r="A4052" s="3">
        <v>41916.991898148146</v>
      </c>
      <c r="B4052" s="6">
        <v>67449.149999999994</v>
      </c>
      <c r="C4052" s="7">
        <f t="shared" si="63"/>
        <v>67.449149999999989</v>
      </c>
      <c r="I4052" s="1"/>
    </row>
    <row r="4053" spans="1:9" x14ac:dyDescent="0.25">
      <c r="A4053" s="3">
        <v>41916.992094907408</v>
      </c>
      <c r="B4053" s="6">
        <v>67465.799999999988</v>
      </c>
      <c r="C4053" s="7">
        <f t="shared" si="63"/>
        <v>67.465799999999987</v>
      </c>
      <c r="I4053" s="1"/>
    </row>
    <row r="4054" spans="1:9" x14ac:dyDescent="0.25">
      <c r="A4054" s="3">
        <v>41947.009525462963</v>
      </c>
      <c r="B4054" s="6">
        <v>67482.45</v>
      </c>
      <c r="C4054" s="7">
        <f t="shared" si="63"/>
        <v>67.48245</v>
      </c>
      <c r="I4054" s="1"/>
    </row>
    <row r="4055" spans="1:9" x14ac:dyDescent="0.25">
      <c r="A4055" s="3">
        <v>41947.012928240743</v>
      </c>
      <c r="B4055" s="6">
        <v>67499.099999999991</v>
      </c>
      <c r="C4055" s="7">
        <f t="shared" si="63"/>
        <v>67.499099999999984</v>
      </c>
      <c r="I4055" s="1"/>
    </row>
    <row r="4056" spans="1:9" x14ac:dyDescent="0.25">
      <c r="A4056" s="3">
        <v>41947.023773148147</v>
      </c>
      <c r="B4056" s="6">
        <v>67515.75</v>
      </c>
      <c r="C4056" s="7">
        <f t="shared" si="63"/>
        <v>67.515749999999997</v>
      </c>
      <c r="I4056" s="1"/>
    </row>
    <row r="4057" spans="1:9" x14ac:dyDescent="0.25">
      <c r="A4057" s="3">
        <v>41947.023877314816</v>
      </c>
      <c r="B4057" s="6">
        <v>67532.399999999994</v>
      </c>
      <c r="C4057" s="7">
        <f t="shared" si="63"/>
        <v>67.532399999999996</v>
      </c>
      <c r="I4057" s="1"/>
    </row>
    <row r="4058" spans="1:9" x14ac:dyDescent="0.25">
      <c r="A4058" s="3">
        <v>41947.030555555553</v>
      </c>
      <c r="B4058" s="6">
        <v>67549.049999999988</v>
      </c>
      <c r="C4058" s="7">
        <f t="shared" si="63"/>
        <v>67.549049999999994</v>
      </c>
      <c r="I4058" s="1"/>
    </row>
    <row r="4059" spans="1:9" x14ac:dyDescent="0.25">
      <c r="A4059" s="3">
        <v>41947.031608796293</v>
      </c>
      <c r="B4059" s="6">
        <v>67565.7</v>
      </c>
      <c r="C4059" s="7">
        <f t="shared" si="63"/>
        <v>67.565699999999993</v>
      </c>
      <c r="I4059" s="1"/>
    </row>
    <row r="4060" spans="1:9" x14ac:dyDescent="0.25">
      <c r="A4060" s="3">
        <v>41947.033136574071</v>
      </c>
      <c r="B4060" s="6">
        <v>67582.349999999991</v>
      </c>
      <c r="C4060" s="7">
        <f t="shared" si="63"/>
        <v>67.582349999999991</v>
      </c>
      <c r="I4060" s="1"/>
    </row>
    <row r="4061" spans="1:9" x14ac:dyDescent="0.25">
      <c r="A4061" s="3">
        <v>41947.033391203702</v>
      </c>
      <c r="B4061" s="6">
        <v>67599</v>
      </c>
      <c r="C4061" s="7">
        <f t="shared" si="63"/>
        <v>67.599000000000004</v>
      </c>
      <c r="I4061" s="1"/>
    </row>
    <row r="4062" spans="1:9" x14ac:dyDescent="0.25">
      <c r="A4062" s="3">
        <v>41947.036319444444</v>
      </c>
      <c r="B4062" s="6">
        <v>67615.649999999994</v>
      </c>
      <c r="C4062" s="7">
        <f t="shared" si="63"/>
        <v>67.615649999999988</v>
      </c>
      <c r="I4062" s="1"/>
    </row>
    <row r="4063" spans="1:9" x14ac:dyDescent="0.25">
      <c r="A4063" s="3">
        <v>41947.037928240738</v>
      </c>
      <c r="B4063" s="6">
        <v>67632.299999999988</v>
      </c>
      <c r="C4063" s="7">
        <f t="shared" si="63"/>
        <v>67.632299999999987</v>
      </c>
      <c r="I4063" s="1"/>
    </row>
    <row r="4064" spans="1:9" x14ac:dyDescent="0.25">
      <c r="A4064" s="3">
        <v>41947.043287037035</v>
      </c>
      <c r="B4064" s="6">
        <v>67648.95</v>
      </c>
      <c r="C4064" s="7">
        <f t="shared" si="63"/>
        <v>67.648949999999999</v>
      </c>
      <c r="I4064" s="1"/>
    </row>
    <row r="4065" spans="1:9" x14ac:dyDescent="0.25">
      <c r="A4065" s="3">
        <v>41947.043391203704</v>
      </c>
      <c r="B4065" s="6">
        <v>67665.599999999991</v>
      </c>
      <c r="C4065" s="7">
        <f t="shared" si="63"/>
        <v>67.665599999999998</v>
      </c>
      <c r="I4065" s="1"/>
    </row>
    <row r="4066" spans="1:9" x14ac:dyDescent="0.25">
      <c r="A4066" s="3">
        <v>41947.044618055559</v>
      </c>
      <c r="B4066" s="6">
        <v>67682.25</v>
      </c>
      <c r="C4066" s="7">
        <f t="shared" si="63"/>
        <v>67.682249999999996</v>
      </c>
      <c r="I4066" s="1"/>
    </row>
    <row r="4067" spans="1:9" x14ac:dyDescent="0.25">
      <c r="A4067" s="3">
        <v>41947.044699074075</v>
      </c>
      <c r="B4067" s="6">
        <v>67698.899999999994</v>
      </c>
      <c r="C4067" s="7">
        <f t="shared" si="63"/>
        <v>67.698899999999995</v>
      </c>
      <c r="I4067" s="1"/>
    </row>
    <row r="4068" spans="1:9" x14ac:dyDescent="0.25">
      <c r="A4068" s="3">
        <v>41947.050532407404</v>
      </c>
      <c r="B4068" s="6">
        <v>67715.549999999988</v>
      </c>
      <c r="C4068" s="7">
        <f t="shared" si="63"/>
        <v>67.715549999999993</v>
      </c>
      <c r="I4068" s="1"/>
    </row>
    <row r="4069" spans="1:9" x14ac:dyDescent="0.25">
      <c r="A4069" s="3">
        <v>41947.050682870373</v>
      </c>
      <c r="B4069" s="6">
        <v>67732.2</v>
      </c>
      <c r="C4069" s="7">
        <f t="shared" si="63"/>
        <v>67.732199999999992</v>
      </c>
      <c r="I4069" s="1"/>
    </row>
    <row r="4070" spans="1:9" x14ac:dyDescent="0.25">
      <c r="A4070" s="3">
        <v>41947.066423611112</v>
      </c>
      <c r="B4070" s="6">
        <v>67748.849999999991</v>
      </c>
      <c r="C4070" s="7">
        <f t="shared" si="63"/>
        <v>67.74884999999999</v>
      </c>
      <c r="I4070" s="1"/>
    </row>
    <row r="4071" spans="1:9" x14ac:dyDescent="0.25">
      <c r="A4071" s="3">
        <v>41947.066747685189</v>
      </c>
      <c r="B4071" s="6">
        <v>67765.5</v>
      </c>
      <c r="C4071" s="7">
        <f t="shared" si="63"/>
        <v>67.765500000000003</v>
      </c>
      <c r="I4071" s="1"/>
    </row>
    <row r="4072" spans="1:9" x14ac:dyDescent="0.25">
      <c r="A4072" s="3">
        <v>41947.073113425926</v>
      </c>
      <c r="B4072" s="6">
        <v>67782.149999999994</v>
      </c>
      <c r="C4072" s="7">
        <f t="shared" si="63"/>
        <v>67.782149999999987</v>
      </c>
      <c r="I4072" s="1"/>
    </row>
    <row r="4073" spans="1:9" x14ac:dyDescent="0.25">
      <c r="A4073" s="3">
        <v>41947.073240740741</v>
      </c>
      <c r="B4073" s="6">
        <v>67798.799999999988</v>
      </c>
      <c r="C4073" s="7">
        <f t="shared" si="63"/>
        <v>67.798799999999986</v>
      </c>
      <c r="I4073" s="1"/>
    </row>
    <row r="4074" spans="1:9" x14ac:dyDescent="0.25">
      <c r="A4074" s="3">
        <v>41947.080104166664</v>
      </c>
      <c r="B4074" s="6">
        <v>67815.45</v>
      </c>
      <c r="C4074" s="7">
        <f t="shared" si="63"/>
        <v>67.815449999999998</v>
      </c>
      <c r="I4074" s="1"/>
    </row>
    <row r="4075" spans="1:9" x14ac:dyDescent="0.25">
      <c r="A4075" s="3">
        <v>41947.081203703703</v>
      </c>
      <c r="B4075" s="6">
        <v>67832.099999999991</v>
      </c>
      <c r="C4075" s="7">
        <f t="shared" si="63"/>
        <v>67.832099999999997</v>
      </c>
      <c r="I4075" s="1"/>
    </row>
    <row r="4076" spans="1:9" x14ac:dyDescent="0.25">
      <c r="A4076" s="3">
        <v>41947.108796296299</v>
      </c>
      <c r="B4076" s="6">
        <v>67848.75</v>
      </c>
      <c r="C4076" s="7">
        <f t="shared" si="63"/>
        <v>67.848749999999995</v>
      </c>
      <c r="I4076" s="1"/>
    </row>
    <row r="4077" spans="1:9" x14ac:dyDescent="0.25">
      <c r="A4077" s="3">
        <v>41947.111284722225</v>
      </c>
      <c r="B4077" s="6">
        <v>67865.399999999994</v>
      </c>
      <c r="C4077" s="7">
        <f t="shared" si="63"/>
        <v>67.865399999999994</v>
      </c>
      <c r="I4077" s="1"/>
    </row>
    <row r="4078" spans="1:9" x14ac:dyDescent="0.25">
      <c r="A4078" s="3">
        <v>41947.115266203706</v>
      </c>
      <c r="B4078" s="6">
        <v>67882.049999999988</v>
      </c>
      <c r="C4078" s="7">
        <f t="shared" si="63"/>
        <v>67.882049999999992</v>
      </c>
      <c r="I4078" s="1"/>
    </row>
    <row r="4079" spans="1:9" x14ac:dyDescent="0.25">
      <c r="A4079" s="3">
        <v>41947.115370370368</v>
      </c>
      <c r="B4079" s="6">
        <v>67898.7</v>
      </c>
      <c r="C4079" s="7">
        <f t="shared" si="63"/>
        <v>67.898699999999991</v>
      </c>
      <c r="I4079" s="1"/>
    </row>
    <row r="4080" spans="1:9" x14ac:dyDescent="0.25">
      <c r="A4080" s="3">
        <v>41947.117604166669</v>
      </c>
      <c r="B4080" s="6">
        <v>67915.349999999991</v>
      </c>
      <c r="C4080" s="7">
        <f t="shared" si="63"/>
        <v>67.915349999999989</v>
      </c>
      <c r="I4080" s="1"/>
    </row>
    <row r="4081" spans="1:9" x14ac:dyDescent="0.25">
      <c r="A4081" s="3">
        <v>41947.118344907409</v>
      </c>
      <c r="B4081" s="6">
        <v>67932</v>
      </c>
      <c r="C4081" s="7">
        <f t="shared" si="63"/>
        <v>67.932000000000002</v>
      </c>
      <c r="I4081" s="1"/>
    </row>
    <row r="4082" spans="1:9" x14ac:dyDescent="0.25">
      <c r="A4082" s="3">
        <v>41947.122349537036</v>
      </c>
      <c r="B4082" s="6">
        <v>67948.649999999994</v>
      </c>
      <c r="C4082" s="7">
        <f t="shared" si="63"/>
        <v>67.948650000000001</v>
      </c>
      <c r="I4082" s="1"/>
    </row>
    <row r="4083" spans="1:9" x14ac:dyDescent="0.25">
      <c r="A4083" s="3">
        <v>41947.123402777775</v>
      </c>
      <c r="B4083" s="6">
        <v>67965.299999999988</v>
      </c>
      <c r="C4083" s="7">
        <f t="shared" si="63"/>
        <v>67.965299999999985</v>
      </c>
      <c r="I4083" s="1"/>
    </row>
    <row r="4084" spans="1:9" x14ac:dyDescent="0.25">
      <c r="A4084" s="3">
        <v>41947.125879629632</v>
      </c>
      <c r="B4084" s="6">
        <v>67981.95</v>
      </c>
      <c r="C4084" s="7">
        <f t="shared" si="63"/>
        <v>67.981949999999998</v>
      </c>
      <c r="I4084" s="1"/>
    </row>
    <row r="4085" spans="1:9" x14ac:dyDescent="0.25">
      <c r="A4085" s="3">
        <v>41947.126018518517</v>
      </c>
      <c r="B4085" s="6">
        <v>67998.599999999991</v>
      </c>
      <c r="C4085" s="7">
        <f t="shared" si="63"/>
        <v>67.998599999999996</v>
      </c>
      <c r="I4085" s="1"/>
    </row>
    <row r="4086" spans="1:9" x14ac:dyDescent="0.25">
      <c r="A4086" s="3">
        <v>41947.130011574074</v>
      </c>
      <c r="B4086" s="6">
        <v>68015.25</v>
      </c>
      <c r="C4086" s="7">
        <f t="shared" si="63"/>
        <v>68.015249999999995</v>
      </c>
      <c r="I4086" s="1"/>
    </row>
    <row r="4087" spans="1:9" x14ac:dyDescent="0.25">
      <c r="A4087" s="3">
        <v>41947.131238425929</v>
      </c>
      <c r="B4087" s="6">
        <v>68031.899999999994</v>
      </c>
      <c r="C4087" s="7">
        <f t="shared" si="63"/>
        <v>68.031899999999993</v>
      </c>
      <c r="I4087" s="1"/>
    </row>
    <row r="4088" spans="1:9" x14ac:dyDescent="0.25">
      <c r="A4088" s="3">
        <v>41947.135706018518</v>
      </c>
      <c r="B4088" s="6">
        <v>68048.549999999988</v>
      </c>
      <c r="C4088" s="7">
        <f t="shared" si="63"/>
        <v>68.048549999999992</v>
      </c>
      <c r="I4088" s="1"/>
    </row>
    <row r="4089" spans="1:9" x14ac:dyDescent="0.25">
      <c r="A4089" s="3">
        <v>41947.141157407408</v>
      </c>
      <c r="B4089" s="6">
        <v>68065.2</v>
      </c>
      <c r="C4089" s="7">
        <f t="shared" si="63"/>
        <v>68.06519999999999</v>
      </c>
      <c r="I4089" s="1"/>
    </row>
    <row r="4090" spans="1:9" x14ac:dyDescent="0.25">
      <c r="A4090" s="3">
        <v>41947.1487037037</v>
      </c>
      <c r="B4090" s="6">
        <v>68081.849999999991</v>
      </c>
      <c r="C4090" s="7">
        <f t="shared" si="63"/>
        <v>68.081849999999989</v>
      </c>
      <c r="I4090" s="1"/>
    </row>
    <row r="4091" spans="1:9" x14ac:dyDescent="0.25">
      <c r="A4091" s="3">
        <v>41947.148761574077</v>
      </c>
      <c r="B4091" s="6">
        <v>68098.5</v>
      </c>
      <c r="C4091" s="7">
        <f t="shared" si="63"/>
        <v>68.098500000000001</v>
      </c>
      <c r="I4091" s="1"/>
    </row>
    <row r="4092" spans="1:9" x14ac:dyDescent="0.25">
      <c r="A4092" s="3">
        <v>41947.154849537037</v>
      </c>
      <c r="B4092" s="6">
        <v>68115.149999999994</v>
      </c>
      <c r="C4092" s="7">
        <f t="shared" si="63"/>
        <v>68.11515</v>
      </c>
      <c r="I4092" s="1"/>
    </row>
    <row r="4093" spans="1:9" x14ac:dyDescent="0.25">
      <c r="A4093" s="3">
        <v>41947.155694444446</v>
      </c>
      <c r="B4093" s="6">
        <v>68131.799999999988</v>
      </c>
      <c r="C4093" s="7">
        <f t="shared" si="63"/>
        <v>68.131799999999984</v>
      </c>
      <c r="I4093" s="1"/>
    </row>
    <row r="4094" spans="1:9" x14ac:dyDescent="0.25">
      <c r="A4094" s="3">
        <v>41947.163888888892</v>
      </c>
      <c r="B4094" s="6">
        <v>68148.45</v>
      </c>
      <c r="C4094" s="7">
        <f t="shared" si="63"/>
        <v>68.148449999999997</v>
      </c>
      <c r="I4094" s="1"/>
    </row>
    <row r="4095" spans="1:9" x14ac:dyDescent="0.25">
      <c r="A4095" s="3">
        <v>41947.164155092592</v>
      </c>
      <c r="B4095" s="6">
        <v>68165.099999999991</v>
      </c>
      <c r="C4095" s="7">
        <f t="shared" si="63"/>
        <v>68.165099999999995</v>
      </c>
      <c r="I4095" s="1"/>
    </row>
    <row r="4096" spans="1:9" x14ac:dyDescent="0.25">
      <c r="A4096" s="3">
        <v>41947.170567129629</v>
      </c>
      <c r="B4096" s="6">
        <v>68181.75</v>
      </c>
      <c r="C4096" s="7">
        <f t="shared" si="63"/>
        <v>68.181749999999994</v>
      </c>
      <c r="I4096" s="1"/>
    </row>
    <row r="4097" spans="1:9" x14ac:dyDescent="0.25">
      <c r="A4097" s="3">
        <v>41947.170659722222</v>
      </c>
      <c r="B4097" s="6">
        <v>68198.399999999994</v>
      </c>
      <c r="C4097" s="7">
        <f t="shared" si="63"/>
        <v>68.198399999999992</v>
      </c>
      <c r="I4097" s="1"/>
    </row>
    <row r="4098" spans="1:9" x14ac:dyDescent="0.25">
      <c r="A4098" s="3">
        <v>41947.177395833336</v>
      </c>
      <c r="B4098" s="6">
        <v>68215.049999999988</v>
      </c>
      <c r="C4098" s="7">
        <f t="shared" si="63"/>
        <v>68.215049999999991</v>
      </c>
      <c r="I4098" s="1"/>
    </row>
    <row r="4099" spans="1:9" x14ac:dyDescent="0.25">
      <c r="A4099" s="3">
        <v>41947.177604166667</v>
      </c>
      <c r="B4099" s="6">
        <v>68231.7</v>
      </c>
      <c r="C4099" s="7">
        <f t="shared" ref="C4099:C4162" si="64">B4099/1000</f>
        <v>68.231700000000004</v>
      </c>
      <c r="I4099" s="1"/>
    </row>
    <row r="4100" spans="1:9" x14ac:dyDescent="0.25">
      <c r="A4100" s="3">
        <v>41947.188506944447</v>
      </c>
      <c r="B4100" s="6">
        <v>68248.349999999991</v>
      </c>
      <c r="C4100" s="7">
        <f t="shared" si="64"/>
        <v>68.248349999999988</v>
      </c>
      <c r="I4100" s="1"/>
    </row>
    <row r="4101" spans="1:9" x14ac:dyDescent="0.25">
      <c r="A4101" s="3">
        <v>41947.190243055556</v>
      </c>
      <c r="B4101" s="6">
        <v>68265</v>
      </c>
      <c r="C4101" s="7">
        <f t="shared" si="64"/>
        <v>68.265000000000001</v>
      </c>
      <c r="I4101" s="1"/>
    </row>
    <row r="4102" spans="1:9" x14ac:dyDescent="0.25">
      <c r="A4102" s="3">
        <v>41947.197337962964</v>
      </c>
      <c r="B4102" s="6">
        <v>68281.649999999994</v>
      </c>
      <c r="C4102" s="7">
        <f t="shared" si="64"/>
        <v>68.281649999999999</v>
      </c>
      <c r="I4102" s="1"/>
    </row>
    <row r="4103" spans="1:9" x14ac:dyDescent="0.25">
      <c r="A4103" s="3">
        <v>41947.197476851848</v>
      </c>
      <c r="B4103" s="6">
        <v>68298.299999999988</v>
      </c>
      <c r="C4103" s="7">
        <f t="shared" si="64"/>
        <v>68.298299999999983</v>
      </c>
      <c r="I4103" s="1"/>
    </row>
    <row r="4104" spans="1:9" x14ac:dyDescent="0.25">
      <c r="A4104" s="3">
        <v>41947.200567129628</v>
      </c>
      <c r="B4104" s="6">
        <v>68314.95</v>
      </c>
      <c r="C4104" s="7">
        <f t="shared" si="64"/>
        <v>68.314949999999996</v>
      </c>
      <c r="I4104" s="1"/>
    </row>
    <row r="4105" spans="1:9" x14ac:dyDescent="0.25">
      <c r="A4105" s="3">
        <v>41947.200694444444</v>
      </c>
      <c r="B4105" s="6">
        <v>68331.599999999991</v>
      </c>
      <c r="C4105" s="7">
        <f t="shared" si="64"/>
        <v>68.331599999999995</v>
      </c>
      <c r="I4105" s="1"/>
    </row>
    <row r="4106" spans="1:9" x14ac:dyDescent="0.25">
      <c r="A4106" s="3">
        <v>41947.2028587963</v>
      </c>
      <c r="B4106" s="6">
        <v>68348.25</v>
      </c>
      <c r="C4106" s="7">
        <f t="shared" si="64"/>
        <v>68.348249999999993</v>
      </c>
      <c r="I4106" s="1"/>
    </row>
    <row r="4107" spans="1:9" x14ac:dyDescent="0.25">
      <c r="A4107" s="3">
        <v>41947.203090277777</v>
      </c>
      <c r="B4107" s="6">
        <v>68364.899999999994</v>
      </c>
      <c r="C4107" s="7">
        <f t="shared" si="64"/>
        <v>68.364899999999992</v>
      </c>
      <c r="I4107" s="1"/>
    </row>
    <row r="4108" spans="1:9" x14ac:dyDescent="0.25">
      <c r="A4108" s="3">
        <v>41947.204594907409</v>
      </c>
      <c r="B4108" s="6">
        <v>68381.549999999988</v>
      </c>
      <c r="C4108" s="7">
        <f t="shared" si="64"/>
        <v>68.38154999999999</v>
      </c>
      <c r="I4108" s="1"/>
    </row>
    <row r="4109" spans="1:9" x14ac:dyDescent="0.25">
      <c r="A4109" s="3">
        <v>41947.204768518517</v>
      </c>
      <c r="B4109" s="6">
        <v>68398.2</v>
      </c>
      <c r="C4109" s="7">
        <f t="shared" si="64"/>
        <v>68.398200000000003</v>
      </c>
      <c r="I4109" s="1"/>
    </row>
    <row r="4110" spans="1:9" x14ac:dyDescent="0.25">
      <c r="A4110" s="3">
        <v>41947.210902777777</v>
      </c>
      <c r="B4110" s="6">
        <v>68414.849999999991</v>
      </c>
      <c r="C4110" s="7">
        <f t="shared" si="64"/>
        <v>68.414849999999987</v>
      </c>
      <c r="I4110" s="1"/>
    </row>
    <row r="4111" spans="1:9" x14ac:dyDescent="0.25">
      <c r="A4111" s="3">
        <v>41947.212951388887</v>
      </c>
      <c r="B4111" s="6">
        <v>68431.5</v>
      </c>
      <c r="C4111" s="7">
        <f t="shared" si="64"/>
        <v>68.4315</v>
      </c>
      <c r="I4111" s="1"/>
    </row>
    <row r="4112" spans="1:9" x14ac:dyDescent="0.25">
      <c r="A4112" s="3">
        <v>41947.216493055559</v>
      </c>
      <c r="B4112" s="6">
        <v>68448.149999999994</v>
      </c>
      <c r="C4112" s="7">
        <f t="shared" si="64"/>
        <v>68.448149999999998</v>
      </c>
      <c r="I4112" s="1"/>
    </row>
    <row r="4113" spans="1:9" x14ac:dyDescent="0.25">
      <c r="A4113" s="3">
        <v>41947.217256944445</v>
      </c>
      <c r="B4113" s="6">
        <v>68464.799999999988</v>
      </c>
      <c r="C4113" s="7">
        <f t="shared" si="64"/>
        <v>68.464799999999983</v>
      </c>
      <c r="I4113" s="1"/>
    </row>
    <row r="4114" spans="1:9" x14ac:dyDescent="0.25">
      <c r="A4114" s="3">
        <v>41947.224756944444</v>
      </c>
      <c r="B4114" s="6">
        <v>68481.45</v>
      </c>
      <c r="C4114" s="7">
        <f t="shared" si="64"/>
        <v>68.481449999999995</v>
      </c>
      <c r="I4114" s="1"/>
    </row>
    <row r="4115" spans="1:9" x14ac:dyDescent="0.25">
      <c r="A4115" s="3">
        <v>41947.224872685183</v>
      </c>
      <c r="B4115" s="6">
        <v>68498.099999999991</v>
      </c>
      <c r="C4115" s="7">
        <f t="shared" si="64"/>
        <v>68.498099999999994</v>
      </c>
      <c r="I4115" s="1"/>
    </row>
    <row r="4116" spans="1:9" x14ac:dyDescent="0.25">
      <c r="A4116" s="3">
        <v>41947.229027777779</v>
      </c>
      <c r="B4116" s="6">
        <v>68514.75</v>
      </c>
      <c r="C4116" s="7">
        <f t="shared" si="64"/>
        <v>68.514750000000006</v>
      </c>
      <c r="I4116" s="1"/>
    </row>
    <row r="4117" spans="1:9" x14ac:dyDescent="0.25">
      <c r="A4117" s="3">
        <v>41947.231249999997</v>
      </c>
      <c r="B4117" s="6">
        <v>68531.399999999994</v>
      </c>
      <c r="C4117" s="7">
        <f t="shared" si="64"/>
        <v>68.531399999999991</v>
      </c>
      <c r="I4117" s="1"/>
    </row>
    <row r="4118" spans="1:9" x14ac:dyDescent="0.25">
      <c r="A4118" s="3">
        <v>41947.235868055555</v>
      </c>
      <c r="B4118" s="6">
        <v>68548.049999999988</v>
      </c>
      <c r="C4118" s="7">
        <f t="shared" si="64"/>
        <v>68.548049999999989</v>
      </c>
      <c r="I4118" s="1"/>
    </row>
    <row r="4119" spans="1:9" x14ac:dyDescent="0.25">
      <c r="A4119" s="3">
        <v>41947.235960648148</v>
      </c>
      <c r="B4119" s="6">
        <v>68564.7</v>
      </c>
      <c r="C4119" s="7">
        <f t="shared" si="64"/>
        <v>68.564700000000002</v>
      </c>
      <c r="I4119" s="1"/>
    </row>
    <row r="4120" spans="1:9" x14ac:dyDescent="0.25">
      <c r="A4120" s="3">
        <v>41947.237175925926</v>
      </c>
      <c r="B4120" s="6">
        <v>68581.349999999991</v>
      </c>
      <c r="C4120" s="7">
        <f t="shared" si="64"/>
        <v>68.581349999999986</v>
      </c>
      <c r="I4120" s="1"/>
    </row>
    <row r="4121" spans="1:9" x14ac:dyDescent="0.25">
      <c r="A4121" s="3">
        <v>41947.237453703703</v>
      </c>
      <c r="B4121" s="6">
        <v>68598</v>
      </c>
      <c r="C4121" s="7">
        <f t="shared" si="64"/>
        <v>68.597999999999999</v>
      </c>
      <c r="I4121" s="1"/>
    </row>
    <row r="4122" spans="1:9" x14ac:dyDescent="0.25">
      <c r="A4122" s="3">
        <v>41947.239363425928</v>
      </c>
      <c r="B4122" s="6">
        <v>68614.649999999994</v>
      </c>
      <c r="C4122" s="7">
        <f t="shared" si="64"/>
        <v>68.614649999999997</v>
      </c>
      <c r="I4122" s="1"/>
    </row>
    <row r="4123" spans="1:9" x14ac:dyDescent="0.25">
      <c r="A4123" s="3">
        <v>41947.239675925928</v>
      </c>
      <c r="B4123" s="6">
        <v>68631.299999999988</v>
      </c>
      <c r="C4123" s="7">
        <f t="shared" si="64"/>
        <v>68.631299999999982</v>
      </c>
      <c r="I4123" s="1"/>
    </row>
    <row r="4124" spans="1:9" x14ac:dyDescent="0.25">
      <c r="A4124" s="3">
        <v>41947.241597222222</v>
      </c>
      <c r="B4124" s="6">
        <v>68647.95</v>
      </c>
      <c r="C4124" s="7">
        <f t="shared" si="64"/>
        <v>68.647949999999994</v>
      </c>
      <c r="I4124" s="1"/>
    </row>
    <row r="4125" spans="1:9" x14ac:dyDescent="0.25">
      <c r="A4125" s="3">
        <v>41947.241701388892</v>
      </c>
      <c r="B4125" s="6">
        <v>68664.599999999991</v>
      </c>
      <c r="C4125" s="7">
        <f t="shared" si="64"/>
        <v>68.664599999999993</v>
      </c>
      <c r="I4125" s="1"/>
    </row>
    <row r="4126" spans="1:9" x14ac:dyDescent="0.25">
      <c r="A4126" s="3">
        <v>41947.245451388888</v>
      </c>
      <c r="B4126" s="6">
        <v>68681.25</v>
      </c>
      <c r="C4126" s="7">
        <f t="shared" si="64"/>
        <v>68.681250000000006</v>
      </c>
      <c r="I4126" s="1"/>
    </row>
    <row r="4127" spans="1:9" x14ac:dyDescent="0.25">
      <c r="A4127" s="3">
        <v>41947.245567129627</v>
      </c>
      <c r="B4127" s="6">
        <v>68697.899999999994</v>
      </c>
      <c r="C4127" s="7">
        <f t="shared" si="64"/>
        <v>68.69789999999999</v>
      </c>
      <c r="I4127" s="1"/>
    </row>
    <row r="4128" spans="1:9" x14ac:dyDescent="0.25">
      <c r="A4128" s="3">
        <v>41947.250532407408</v>
      </c>
      <c r="B4128" s="6">
        <v>68714.549999999988</v>
      </c>
      <c r="C4128" s="7">
        <f t="shared" si="64"/>
        <v>68.714549999999988</v>
      </c>
      <c r="I4128" s="1"/>
    </row>
    <row r="4129" spans="1:9" x14ac:dyDescent="0.25">
      <c r="A4129" s="3">
        <v>41947.250763888886</v>
      </c>
      <c r="B4129" s="6">
        <v>68731.199999999997</v>
      </c>
      <c r="C4129" s="7">
        <f t="shared" si="64"/>
        <v>68.731200000000001</v>
      </c>
      <c r="I4129" s="1"/>
    </row>
    <row r="4130" spans="1:9" x14ac:dyDescent="0.25">
      <c r="A4130" s="3">
        <v>41947.25608796296</v>
      </c>
      <c r="B4130" s="6">
        <v>68747.849999999991</v>
      </c>
      <c r="C4130" s="7">
        <f t="shared" si="64"/>
        <v>68.747849999999985</v>
      </c>
      <c r="I4130" s="1"/>
    </row>
    <row r="4131" spans="1:9" x14ac:dyDescent="0.25">
      <c r="A4131" s="3">
        <v>41947.259270833332</v>
      </c>
      <c r="B4131" s="6">
        <v>68764.5</v>
      </c>
      <c r="C4131" s="7">
        <f t="shared" si="64"/>
        <v>68.764499999999998</v>
      </c>
      <c r="I4131" s="1"/>
    </row>
    <row r="4132" spans="1:9" x14ac:dyDescent="0.25">
      <c r="A4132" s="3">
        <v>41947.269976851851</v>
      </c>
      <c r="B4132" s="6">
        <v>68781.149999999994</v>
      </c>
      <c r="C4132" s="7">
        <f t="shared" si="64"/>
        <v>68.781149999999997</v>
      </c>
      <c r="I4132" s="1"/>
    </row>
    <row r="4133" spans="1:9" x14ac:dyDescent="0.25">
      <c r="A4133" s="3">
        <v>41947.2887962963</v>
      </c>
      <c r="B4133" s="6">
        <v>68797.799999999988</v>
      </c>
      <c r="C4133" s="7">
        <f t="shared" si="64"/>
        <v>68.797799999999995</v>
      </c>
      <c r="I4133" s="1"/>
    </row>
    <row r="4134" spans="1:9" x14ac:dyDescent="0.25">
      <c r="A4134" s="3">
        <v>41947.314618055556</v>
      </c>
      <c r="B4134" s="6">
        <v>68814.45</v>
      </c>
      <c r="C4134" s="7">
        <f t="shared" si="64"/>
        <v>68.814449999999994</v>
      </c>
      <c r="I4134" s="1"/>
    </row>
    <row r="4135" spans="1:9" x14ac:dyDescent="0.25">
      <c r="A4135" s="3">
        <v>41947.315057870372</v>
      </c>
      <c r="B4135" s="6">
        <v>68831.099999999991</v>
      </c>
      <c r="C4135" s="7">
        <f t="shared" si="64"/>
        <v>68.831099999999992</v>
      </c>
      <c r="I4135" s="1"/>
    </row>
    <row r="4136" spans="1:9" x14ac:dyDescent="0.25">
      <c r="A4136" s="3">
        <v>41947.320902777778</v>
      </c>
      <c r="B4136" s="6">
        <v>68847.75</v>
      </c>
      <c r="C4136" s="7">
        <f t="shared" si="64"/>
        <v>68.847750000000005</v>
      </c>
      <c r="I4136" s="1"/>
    </row>
    <row r="4137" spans="1:9" x14ac:dyDescent="0.25">
      <c r="A4137" s="3">
        <v>41947.32199074074</v>
      </c>
      <c r="B4137" s="6">
        <v>68864.399999999994</v>
      </c>
      <c r="C4137" s="7">
        <f t="shared" si="64"/>
        <v>68.864399999999989</v>
      </c>
      <c r="I4137" s="1"/>
    </row>
    <row r="4138" spans="1:9" x14ac:dyDescent="0.25">
      <c r="A4138" s="3">
        <v>41947.342488425929</v>
      </c>
      <c r="B4138" s="6">
        <v>68881.049999999988</v>
      </c>
      <c r="C4138" s="7">
        <f t="shared" si="64"/>
        <v>68.881049999999988</v>
      </c>
      <c r="I4138" s="1"/>
    </row>
    <row r="4139" spans="1:9" x14ac:dyDescent="0.25">
      <c r="A4139" s="3">
        <v>41947.342812499999</v>
      </c>
      <c r="B4139" s="6">
        <v>68897.7</v>
      </c>
      <c r="C4139" s="7">
        <f t="shared" si="64"/>
        <v>68.8977</v>
      </c>
      <c r="I4139" s="1"/>
    </row>
    <row r="4140" spans="1:9" x14ac:dyDescent="0.25">
      <c r="A4140" s="3">
        <v>41947.353483796294</v>
      </c>
      <c r="B4140" s="6">
        <v>68914.349999999991</v>
      </c>
      <c r="C4140" s="7">
        <f t="shared" si="64"/>
        <v>68.914349999999985</v>
      </c>
      <c r="I4140" s="1"/>
    </row>
    <row r="4141" spans="1:9" x14ac:dyDescent="0.25">
      <c r="A4141" s="3">
        <v>41947.35528935185</v>
      </c>
      <c r="B4141" s="6">
        <v>68931</v>
      </c>
      <c r="C4141" s="7">
        <f t="shared" si="64"/>
        <v>68.930999999999997</v>
      </c>
      <c r="I4141" s="1"/>
    </row>
    <row r="4142" spans="1:9" x14ac:dyDescent="0.25">
      <c r="A4142" s="3">
        <v>41947.375196759262</v>
      </c>
      <c r="B4142" s="6">
        <v>68947.649999999994</v>
      </c>
      <c r="C4142" s="7">
        <f t="shared" si="64"/>
        <v>68.947649999999996</v>
      </c>
      <c r="I4142" s="1"/>
    </row>
    <row r="4143" spans="1:9" x14ac:dyDescent="0.25">
      <c r="A4143" s="3">
        <v>41947.37835648148</v>
      </c>
      <c r="B4143" s="6">
        <v>68964.299999999988</v>
      </c>
      <c r="C4143" s="7">
        <f t="shared" si="64"/>
        <v>68.964299999999994</v>
      </c>
      <c r="I4143" s="1"/>
    </row>
    <row r="4144" spans="1:9" x14ac:dyDescent="0.25">
      <c r="A4144" s="3">
        <v>41947.387430555558</v>
      </c>
      <c r="B4144" s="6">
        <v>68980.95</v>
      </c>
      <c r="C4144" s="7">
        <f t="shared" si="64"/>
        <v>68.980949999999993</v>
      </c>
      <c r="I4144" s="1"/>
    </row>
    <row r="4145" spans="1:9" x14ac:dyDescent="0.25">
      <c r="A4145" s="3">
        <v>41947.387627314813</v>
      </c>
      <c r="B4145" s="6">
        <v>68997.599999999991</v>
      </c>
      <c r="C4145" s="7">
        <f t="shared" si="64"/>
        <v>68.997599999999991</v>
      </c>
      <c r="I4145" s="1"/>
    </row>
    <row r="4146" spans="1:9" x14ac:dyDescent="0.25">
      <c r="A4146" s="3">
        <v>41947.394212962965</v>
      </c>
      <c r="B4146" s="6">
        <v>69014.25</v>
      </c>
      <c r="C4146" s="7">
        <f t="shared" si="64"/>
        <v>69.014250000000004</v>
      </c>
      <c r="I4146" s="1"/>
    </row>
    <row r="4147" spans="1:9" x14ac:dyDescent="0.25">
      <c r="A4147" s="3">
        <v>41947.39435185185</v>
      </c>
      <c r="B4147" s="6">
        <v>69030.899999999994</v>
      </c>
      <c r="C4147" s="7">
        <f t="shared" si="64"/>
        <v>69.030899999999988</v>
      </c>
      <c r="I4147" s="1"/>
    </row>
    <row r="4148" spans="1:9" x14ac:dyDescent="0.25">
      <c r="A4148" s="3">
        <v>41947.401863425926</v>
      </c>
      <c r="B4148" s="6">
        <v>69047.549999999988</v>
      </c>
      <c r="C4148" s="7">
        <f t="shared" si="64"/>
        <v>69.047549999999987</v>
      </c>
      <c r="I4148" s="1"/>
    </row>
    <row r="4149" spans="1:9" x14ac:dyDescent="0.25">
      <c r="A4149" s="3">
        <v>41947.402118055557</v>
      </c>
      <c r="B4149" s="6">
        <v>69064.2</v>
      </c>
      <c r="C4149" s="7">
        <f t="shared" si="64"/>
        <v>69.0642</v>
      </c>
      <c r="I4149" s="1"/>
    </row>
    <row r="4150" spans="1:9" x14ac:dyDescent="0.25">
      <c r="A4150" s="3">
        <v>41947.405162037037</v>
      </c>
      <c r="B4150" s="6">
        <v>69080.849999999991</v>
      </c>
      <c r="C4150" s="7">
        <f t="shared" si="64"/>
        <v>69.080849999999998</v>
      </c>
      <c r="I4150" s="1"/>
    </row>
    <row r="4151" spans="1:9" x14ac:dyDescent="0.25">
      <c r="A4151" s="3">
        <v>41947.405324074076</v>
      </c>
      <c r="B4151" s="6">
        <v>69097.5</v>
      </c>
      <c r="C4151" s="7">
        <f t="shared" si="64"/>
        <v>69.097499999999997</v>
      </c>
      <c r="I4151" s="1"/>
    </row>
    <row r="4152" spans="1:9" x14ac:dyDescent="0.25">
      <c r="A4152" s="3">
        <v>41947.413055555553</v>
      </c>
      <c r="B4152" s="6">
        <v>69114.149999999994</v>
      </c>
      <c r="C4152" s="7">
        <f t="shared" si="64"/>
        <v>69.114149999999995</v>
      </c>
      <c r="I4152" s="1"/>
    </row>
    <row r="4153" spans="1:9" x14ac:dyDescent="0.25">
      <c r="A4153" s="3">
        <v>41947.413344907407</v>
      </c>
      <c r="B4153" s="6">
        <v>69130.799999999988</v>
      </c>
      <c r="C4153" s="7">
        <f t="shared" si="64"/>
        <v>69.130799999999994</v>
      </c>
      <c r="I4153" s="1"/>
    </row>
    <row r="4154" spans="1:9" x14ac:dyDescent="0.25">
      <c r="A4154" s="3">
        <v>41947.425995370373</v>
      </c>
      <c r="B4154" s="6">
        <v>69147.45</v>
      </c>
      <c r="C4154" s="7">
        <f t="shared" si="64"/>
        <v>69.147449999999992</v>
      </c>
      <c r="I4154" s="1"/>
    </row>
    <row r="4155" spans="1:9" x14ac:dyDescent="0.25">
      <c r="A4155" s="3">
        <v>41947.42627314815</v>
      </c>
      <c r="B4155" s="6">
        <v>69164.099999999991</v>
      </c>
      <c r="C4155" s="7">
        <f t="shared" si="64"/>
        <v>69.164099999999991</v>
      </c>
      <c r="I4155" s="1"/>
    </row>
    <row r="4156" spans="1:9" x14ac:dyDescent="0.25">
      <c r="A4156" s="3">
        <v>41947.43959490741</v>
      </c>
      <c r="B4156" s="6">
        <v>69164.099999999991</v>
      </c>
      <c r="C4156" s="7">
        <f t="shared" si="64"/>
        <v>69.164099999999991</v>
      </c>
      <c r="I4156" s="1"/>
    </row>
    <row r="4157" spans="1:9" x14ac:dyDescent="0.25">
      <c r="A4157" s="3">
        <v>41947.444027777776</v>
      </c>
      <c r="B4157" s="6">
        <v>69180.75</v>
      </c>
      <c r="C4157" s="7">
        <f t="shared" si="64"/>
        <v>69.180750000000003</v>
      </c>
      <c r="I4157" s="1"/>
    </row>
    <row r="4158" spans="1:9" x14ac:dyDescent="0.25">
      <c r="A4158" s="3">
        <v>41947.444328703707</v>
      </c>
      <c r="B4158" s="6">
        <v>69197.399999999994</v>
      </c>
      <c r="C4158" s="7">
        <f t="shared" si="64"/>
        <v>69.197399999999988</v>
      </c>
      <c r="I4158" s="1"/>
    </row>
    <row r="4159" spans="1:9" x14ac:dyDescent="0.25">
      <c r="A4159" s="3">
        <v>41947.450891203705</v>
      </c>
      <c r="B4159" s="6">
        <v>69214.049999999988</v>
      </c>
      <c r="C4159" s="7">
        <f t="shared" si="64"/>
        <v>69.214049999999986</v>
      </c>
      <c r="I4159" s="1"/>
    </row>
    <row r="4160" spans="1:9" x14ac:dyDescent="0.25">
      <c r="A4160" s="3">
        <v>41947.451215277775</v>
      </c>
      <c r="B4160" s="6">
        <v>69230.7</v>
      </c>
      <c r="C4160" s="7">
        <f t="shared" si="64"/>
        <v>69.230699999999999</v>
      </c>
      <c r="I4160" s="1"/>
    </row>
    <row r="4161" spans="1:9" x14ac:dyDescent="0.25">
      <c r="A4161" s="3">
        <v>41947.457754629628</v>
      </c>
      <c r="B4161" s="6">
        <v>69247.349999999991</v>
      </c>
      <c r="C4161" s="7">
        <f t="shared" si="64"/>
        <v>69.247349999999997</v>
      </c>
      <c r="I4161" s="1"/>
    </row>
    <row r="4162" spans="1:9" x14ac:dyDescent="0.25">
      <c r="A4162" s="3">
        <v>41947.458148148151</v>
      </c>
      <c r="B4162" s="6">
        <v>69264</v>
      </c>
      <c r="C4162" s="7">
        <f t="shared" si="64"/>
        <v>69.263999999999996</v>
      </c>
      <c r="I4162" s="1"/>
    </row>
    <row r="4163" spans="1:9" x14ac:dyDescent="0.25">
      <c r="A4163" s="3">
        <v>41947.463159722225</v>
      </c>
      <c r="B4163" s="6">
        <v>69280.649999999994</v>
      </c>
      <c r="C4163" s="7">
        <f t="shared" ref="C4163:C4226" si="65">B4163/1000</f>
        <v>69.280649999999994</v>
      </c>
      <c r="I4163" s="1"/>
    </row>
    <row r="4164" spans="1:9" x14ac:dyDescent="0.25">
      <c r="A4164" s="3">
        <v>41947.464502314811</v>
      </c>
      <c r="B4164" s="6">
        <v>69297.299999999988</v>
      </c>
      <c r="C4164" s="7">
        <f t="shared" si="65"/>
        <v>69.297299999999993</v>
      </c>
      <c r="I4164" s="1"/>
    </row>
    <row r="4165" spans="1:9" x14ac:dyDescent="0.25">
      <c r="A4165" s="3">
        <v>41947.465717592589</v>
      </c>
      <c r="B4165" s="6">
        <v>69313.95</v>
      </c>
      <c r="C4165" s="7">
        <f t="shared" si="65"/>
        <v>69.313949999999991</v>
      </c>
      <c r="I4165" s="1"/>
    </row>
    <row r="4166" spans="1:9" x14ac:dyDescent="0.25">
      <c r="A4166" s="3">
        <v>41947.465868055559</v>
      </c>
      <c r="B4166" s="6">
        <v>69330.599999999991</v>
      </c>
      <c r="C4166" s="7">
        <f t="shared" si="65"/>
        <v>69.33059999999999</v>
      </c>
      <c r="I4166" s="1"/>
    </row>
    <row r="4167" spans="1:9" x14ac:dyDescent="0.25">
      <c r="A4167" s="3">
        <v>41947.466678240744</v>
      </c>
      <c r="B4167" s="6">
        <v>69347.25</v>
      </c>
      <c r="C4167" s="7">
        <f t="shared" si="65"/>
        <v>69.347250000000003</v>
      </c>
      <c r="I4167" s="1"/>
    </row>
    <row r="4168" spans="1:9" x14ac:dyDescent="0.25">
      <c r="A4168" s="3">
        <v>41947.46675925926</v>
      </c>
      <c r="B4168" s="6">
        <v>69363.899999999994</v>
      </c>
      <c r="C4168" s="7">
        <f t="shared" si="65"/>
        <v>69.363900000000001</v>
      </c>
      <c r="I4168" s="1"/>
    </row>
    <row r="4169" spans="1:9" x14ac:dyDescent="0.25">
      <c r="A4169" s="3">
        <v>41947.467743055553</v>
      </c>
      <c r="B4169" s="6">
        <v>69380.549999999988</v>
      </c>
      <c r="C4169" s="7">
        <f t="shared" si="65"/>
        <v>69.380549999999985</v>
      </c>
      <c r="I4169" s="1"/>
    </row>
    <row r="4170" spans="1:9" x14ac:dyDescent="0.25">
      <c r="A4170" s="3">
        <v>41947.467824074076</v>
      </c>
      <c r="B4170" s="6">
        <v>69397.2</v>
      </c>
      <c r="C4170" s="7">
        <f t="shared" si="65"/>
        <v>69.397199999999998</v>
      </c>
      <c r="I4170" s="1"/>
    </row>
    <row r="4171" spans="1:9" x14ac:dyDescent="0.25">
      <c r="A4171" s="3">
        <v>41947.469456018516</v>
      </c>
      <c r="B4171" s="6">
        <v>69413.849999999991</v>
      </c>
      <c r="C4171" s="7">
        <f t="shared" si="65"/>
        <v>69.413849999999996</v>
      </c>
      <c r="I4171" s="1"/>
    </row>
    <row r="4172" spans="1:9" x14ac:dyDescent="0.25">
      <c r="A4172" s="3">
        <v>41947.470717592594</v>
      </c>
      <c r="B4172" s="6">
        <v>69430.5</v>
      </c>
      <c r="C4172" s="7">
        <f t="shared" si="65"/>
        <v>69.430499999999995</v>
      </c>
      <c r="I4172" s="1"/>
    </row>
    <row r="4173" spans="1:9" x14ac:dyDescent="0.25">
      <c r="A4173" s="3">
        <v>41947.471724537034</v>
      </c>
      <c r="B4173" s="6">
        <v>69447.149999999994</v>
      </c>
      <c r="C4173" s="7">
        <f t="shared" si="65"/>
        <v>69.447149999999993</v>
      </c>
      <c r="I4173" s="1"/>
    </row>
    <row r="4174" spans="1:9" x14ac:dyDescent="0.25">
      <c r="A4174" s="3">
        <v>41947.471863425926</v>
      </c>
      <c r="B4174" s="6">
        <v>69463.799999999988</v>
      </c>
      <c r="C4174" s="7">
        <f t="shared" si="65"/>
        <v>69.463799999999992</v>
      </c>
      <c r="I4174" s="1"/>
    </row>
    <row r="4175" spans="1:9" x14ac:dyDescent="0.25">
      <c r="A4175" s="3">
        <v>41947.47420138889</v>
      </c>
      <c r="B4175" s="6">
        <v>69480.45</v>
      </c>
      <c r="C4175" s="7">
        <f t="shared" si="65"/>
        <v>69.48044999999999</v>
      </c>
      <c r="I4175" s="1"/>
    </row>
    <row r="4176" spans="1:9" x14ac:dyDescent="0.25">
      <c r="A4176" s="3">
        <v>41947.474328703705</v>
      </c>
      <c r="B4176" s="6">
        <v>69497.099999999991</v>
      </c>
      <c r="C4176" s="7">
        <f t="shared" si="65"/>
        <v>69.497099999999989</v>
      </c>
      <c r="I4176" s="1"/>
    </row>
    <row r="4177" spans="1:9" x14ac:dyDescent="0.25">
      <c r="A4177" s="3">
        <v>41947.483622685184</v>
      </c>
      <c r="B4177" s="6">
        <v>69513.75</v>
      </c>
      <c r="C4177" s="7">
        <f t="shared" si="65"/>
        <v>69.513750000000002</v>
      </c>
      <c r="I4177" s="1"/>
    </row>
    <row r="4178" spans="1:9" x14ac:dyDescent="0.25">
      <c r="A4178" s="3">
        <v>41947.483912037038</v>
      </c>
      <c r="B4178" s="6">
        <v>69530.399999999994</v>
      </c>
      <c r="C4178" s="7">
        <f t="shared" si="65"/>
        <v>69.5304</v>
      </c>
      <c r="I4178" s="1"/>
    </row>
    <row r="4179" spans="1:9" x14ac:dyDescent="0.25">
      <c r="A4179" s="3">
        <v>41947.488032407404</v>
      </c>
      <c r="B4179" s="6">
        <v>69547.049999999988</v>
      </c>
      <c r="C4179" s="7">
        <f t="shared" si="65"/>
        <v>69.547049999999984</v>
      </c>
      <c r="I4179" s="1"/>
    </row>
    <row r="4180" spans="1:9" x14ac:dyDescent="0.25">
      <c r="A4180" s="3">
        <v>41947.488206018519</v>
      </c>
      <c r="B4180" s="6">
        <v>69563.7</v>
      </c>
      <c r="C4180" s="7">
        <f t="shared" si="65"/>
        <v>69.563699999999997</v>
      </c>
      <c r="I4180" s="1"/>
    </row>
    <row r="4181" spans="1:9" x14ac:dyDescent="0.25">
      <c r="A4181" s="3">
        <v>41947.491284722222</v>
      </c>
      <c r="B4181" s="6">
        <v>69580.349999999991</v>
      </c>
      <c r="C4181" s="7">
        <f t="shared" si="65"/>
        <v>69.580349999999996</v>
      </c>
      <c r="I4181" s="1"/>
    </row>
    <row r="4182" spans="1:9" x14ac:dyDescent="0.25">
      <c r="A4182" s="3">
        <v>41947.491493055553</v>
      </c>
      <c r="B4182" s="6">
        <v>69597</v>
      </c>
      <c r="C4182" s="7">
        <f t="shared" si="65"/>
        <v>69.596999999999994</v>
      </c>
      <c r="I4182" s="1"/>
    </row>
    <row r="4183" spans="1:9" x14ac:dyDescent="0.25">
      <c r="A4183" s="3">
        <v>41947.499074074076</v>
      </c>
      <c r="B4183" s="6">
        <v>69613.649999999994</v>
      </c>
      <c r="C4183" s="7">
        <f t="shared" si="65"/>
        <v>69.613649999999993</v>
      </c>
      <c r="I4183" s="1"/>
    </row>
    <row r="4184" spans="1:9" x14ac:dyDescent="0.25">
      <c r="A4184" s="3">
        <v>41947.503946759258</v>
      </c>
      <c r="B4184" s="6">
        <v>69630.299999999988</v>
      </c>
      <c r="C4184" s="7">
        <f t="shared" si="65"/>
        <v>69.630299999999991</v>
      </c>
      <c r="I4184" s="1"/>
    </row>
    <row r="4185" spans="1:9" x14ac:dyDescent="0.25">
      <c r="A4185" s="3">
        <v>41947.511435185188</v>
      </c>
      <c r="B4185" s="6">
        <v>69646.95</v>
      </c>
      <c r="C4185" s="7">
        <f t="shared" si="65"/>
        <v>69.646950000000004</v>
      </c>
      <c r="I4185" s="1"/>
    </row>
    <row r="4186" spans="1:9" x14ac:dyDescent="0.25">
      <c r="A4186" s="3">
        <v>41947.511643518519</v>
      </c>
      <c r="B4186" s="6">
        <v>69663.599999999991</v>
      </c>
      <c r="C4186" s="7">
        <f t="shared" si="65"/>
        <v>69.663599999999988</v>
      </c>
      <c r="I4186" s="1"/>
    </row>
    <row r="4187" spans="1:9" x14ac:dyDescent="0.25">
      <c r="A4187" s="3">
        <v>41947.519918981481</v>
      </c>
      <c r="B4187" s="6">
        <v>69680.25</v>
      </c>
      <c r="C4187" s="7">
        <f t="shared" si="65"/>
        <v>69.680250000000001</v>
      </c>
      <c r="I4187" s="1"/>
    </row>
    <row r="4188" spans="1:9" x14ac:dyDescent="0.25">
      <c r="A4188" s="3">
        <v>41947.520092592589</v>
      </c>
      <c r="B4188" s="6">
        <v>69696.899999999994</v>
      </c>
      <c r="C4188" s="7">
        <f t="shared" si="65"/>
        <v>69.696899999999999</v>
      </c>
      <c r="I4188" s="1"/>
    </row>
    <row r="4189" spans="1:9" x14ac:dyDescent="0.25">
      <c r="A4189" s="3">
        <v>41947.522175925929</v>
      </c>
      <c r="B4189" s="6">
        <v>69713.549999999988</v>
      </c>
      <c r="C4189" s="7">
        <f t="shared" si="65"/>
        <v>69.713549999999984</v>
      </c>
      <c r="I4189" s="1"/>
    </row>
    <row r="4190" spans="1:9" x14ac:dyDescent="0.25">
      <c r="A4190" s="3">
        <v>41947.522407407407</v>
      </c>
      <c r="B4190" s="6">
        <v>69730.2</v>
      </c>
      <c r="C4190" s="7">
        <f t="shared" si="65"/>
        <v>69.730199999999996</v>
      </c>
      <c r="I4190" s="1"/>
    </row>
    <row r="4191" spans="1:9" x14ac:dyDescent="0.25">
      <c r="A4191" s="3">
        <v>41947.527511574073</v>
      </c>
      <c r="B4191" s="6">
        <v>69746.849999999991</v>
      </c>
      <c r="C4191" s="7">
        <f t="shared" si="65"/>
        <v>69.746849999999995</v>
      </c>
      <c r="I4191" s="1"/>
    </row>
    <row r="4192" spans="1:9" x14ac:dyDescent="0.25">
      <c r="A4192" s="3">
        <v>41947.533541666664</v>
      </c>
      <c r="B4192" s="6">
        <v>69763.5</v>
      </c>
      <c r="C4192" s="7">
        <f t="shared" si="65"/>
        <v>69.763499999999993</v>
      </c>
      <c r="I4192" s="1"/>
    </row>
    <row r="4193" spans="1:9" x14ac:dyDescent="0.25">
      <c r="A4193" s="3">
        <v>41947.547430555554</v>
      </c>
      <c r="B4193" s="6">
        <v>69780.149999999994</v>
      </c>
      <c r="C4193" s="7">
        <f t="shared" si="65"/>
        <v>69.780149999999992</v>
      </c>
      <c r="I4193" s="1"/>
    </row>
    <row r="4194" spans="1:9" x14ac:dyDescent="0.25">
      <c r="A4194" s="3">
        <v>41947.549166666664</v>
      </c>
      <c r="B4194" s="6">
        <v>69796.799999999988</v>
      </c>
      <c r="C4194" s="7">
        <f t="shared" si="65"/>
        <v>69.79679999999999</v>
      </c>
      <c r="I4194" s="1"/>
    </row>
    <row r="4195" spans="1:9" x14ac:dyDescent="0.25">
      <c r="A4195" s="3">
        <v>41947.553912037038</v>
      </c>
      <c r="B4195" s="6">
        <v>69813.45</v>
      </c>
      <c r="C4195" s="7">
        <f t="shared" si="65"/>
        <v>69.813450000000003</v>
      </c>
      <c r="I4195" s="1"/>
    </row>
    <row r="4196" spans="1:9" x14ac:dyDescent="0.25">
      <c r="A4196" s="3">
        <v>41947.554027777776</v>
      </c>
      <c r="B4196" s="6">
        <v>69830.099999999991</v>
      </c>
      <c r="C4196" s="7">
        <f t="shared" si="65"/>
        <v>69.830099999999987</v>
      </c>
      <c r="I4196" s="1"/>
    </row>
    <row r="4197" spans="1:9" x14ac:dyDescent="0.25">
      <c r="A4197" s="3">
        <v>41947.555763888886</v>
      </c>
      <c r="B4197" s="6">
        <v>69846.75</v>
      </c>
      <c r="C4197" s="7">
        <f t="shared" si="65"/>
        <v>69.84675</v>
      </c>
      <c r="I4197" s="1"/>
    </row>
    <row r="4198" spans="1:9" x14ac:dyDescent="0.25">
      <c r="A4198" s="3">
        <v>41947.555856481478</v>
      </c>
      <c r="B4198" s="6">
        <v>69863.399999999994</v>
      </c>
      <c r="C4198" s="7">
        <f t="shared" si="65"/>
        <v>69.863399999999999</v>
      </c>
      <c r="I4198" s="1"/>
    </row>
    <row r="4199" spans="1:9" x14ac:dyDescent="0.25">
      <c r="A4199" s="3">
        <v>41947.557210648149</v>
      </c>
      <c r="B4199" s="6">
        <v>69880.049999999988</v>
      </c>
      <c r="C4199" s="7">
        <f t="shared" si="65"/>
        <v>69.880049999999983</v>
      </c>
      <c r="I4199" s="1"/>
    </row>
    <row r="4200" spans="1:9" x14ac:dyDescent="0.25">
      <c r="A4200" s="3">
        <v>41947.557337962964</v>
      </c>
      <c r="B4200" s="6">
        <v>69896.7</v>
      </c>
      <c r="C4200" s="7">
        <f t="shared" si="65"/>
        <v>69.896699999999996</v>
      </c>
      <c r="I4200" s="1"/>
    </row>
    <row r="4201" spans="1:9" x14ac:dyDescent="0.25">
      <c r="A4201" s="3">
        <v>41947.558182870373</v>
      </c>
      <c r="B4201" s="6">
        <v>69913.349999999991</v>
      </c>
      <c r="C4201" s="7">
        <f t="shared" si="65"/>
        <v>69.913349999999994</v>
      </c>
      <c r="I4201" s="1"/>
    </row>
    <row r="4202" spans="1:9" x14ac:dyDescent="0.25">
      <c r="A4202" s="3">
        <v>41947.558472222219</v>
      </c>
      <c r="B4202" s="6">
        <v>69930</v>
      </c>
      <c r="C4202" s="7">
        <f t="shared" si="65"/>
        <v>69.930000000000007</v>
      </c>
      <c r="I4202" s="1"/>
    </row>
    <row r="4203" spans="1:9" x14ac:dyDescent="0.25">
      <c r="A4203" s="3">
        <v>41947.560023148151</v>
      </c>
      <c r="B4203" s="6">
        <v>69946.649999999994</v>
      </c>
      <c r="C4203" s="7">
        <f t="shared" si="65"/>
        <v>69.946649999999991</v>
      </c>
      <c r="I4203" s="1"/>
    </row>
    <row r="4204" spans="1:9" x14ac:dyDescent="0.25">
      <c r="A4204" s="3">
        <v>41947.560150462959</v>
      </c>
      <c r="B4204" s="6">
        <v>69963.299999999988</v>
      </c>
      <c r="C4204" s="7">
        <f t="shared" si="65"/>
        <v>69.96329999999999</v>
      </c>
      <c r="I4204" s="1"/>
    </row>
    <row r="4205" spans="1:9" x14ac:dyDescent="0.25">
      <c r="A4205" s="3">
        <v>41947.562928240739</v>
      </c>
      <c r="B4205" s="6">
        <v>69979.95</v>
      </c>
      <c r="C4205" s="7">
        <f t="shared" si="65"/>
        <v>69.979950000000002</v>
      </c>
      <c r="I4205" s="1"/>
    </row>
    <row r="4206" spans="1:9" x14ac:dyDescent="0.25">
      <c r="A4206" s="3">
        <v>41947.563032407408</v>
      </c>
      <c r="B4206" s="6">
        <v>69996.599999999991</v>
      </c>
      <c r="C4206" s="7">
        <f t="shared" si="65"/>
        <v>69.996599999999987</v>
      </c>
      <c r="I4206" s="1"/>
    </row>
    <row r="4207" spans="1:9" x14ac:dyDescent="0.25">
      <c r="A4207" s="3">
        <v>41947.564189814817</v>
      </c>
      <c r="B4207" s="6">
        <v>70013.25</v>
      </c>
      <c r="C4207" s="7">
        <f t="shared" si="65"/>
        <v>70.013249999999999</v>
      </c>
      <c r="I4207" s="1"/>
    </row>
    <row r="4208" spans="1:9" x14ac:dyDescent="0.25">
      <c r="A4208" s="3">
        <v>41947.564398148148</v>
      </c>
      <c r="B4208" s="6">
        <v>70029.899999999994</v>
      </c>
      <c r="C4208" s="7">
        <f t="shared" si="65"/>
        <v>70.029899999999998</v>
      </c>
      <c r="I4208" s="1"/>
    </row>
    <row r="4209" spans="1:9" x14ac:dyDescent="0.25">
      <c r="A4209" s="3">
        <v>41947.570752314816</v>
      </c>
      <c r="B4209" s="6">
        <v>70046.549999999988</v>
      </c>
      <c r="C4209" s="7">
        <f t="shared" si="65"/>
        <v>70.046549999999982</v>
      </c>
      <c r="I4209" s="1"/>
    </row>
    <row r="4210" spans="1:9" x14ac:dyDescent="0.25">
      <c r="A4210" s="3">
        <v>41947.570937500001</v>
      </c>
      <c r="B4210" s="6">
        <v>70063.199999999997</v>
      </c>
      <c r="C4210" s="7">
        <f t="shared" si="65"/>
        <v>70.063199999999995</v>
      </c>
      <c r="I4210" s="1"/>
    </row>
    <row r="4211" spans="1:9" x14ac:dyDescent="0.25">
      <c r="A4211" s="3">
        <v>41947.573425925926</v>
      </c>
      <c r="B4211" s="6">
        <v>70079.849999999991</v>
      </c>
      <c r="C4211" s="7">
        <f t="shared" si="65"/>
        <v>70.079849999999993</v>
      </c>
      <c r="I4211" s="1"/>
    </row>
    <row r="4212" spans="1:9" x14ac:dyDescent="0.25">
      <c r="A4212" s="3">
        <v>41947.573483796295</v>
      </c>
      <c r="B4212" s="6">
        <v>70096.5</v>
      </c>
      <c r="C4212" s="7">
        <f t="shared" si="65"/>
        <v>70.096500000000006</v>
      </c>
      <c r="I4212" s="1"/>
    </row>
    <row r="4213" spans="1:9" x14ac:dyDescent="0.25">
      <c r="A4213" s="3">
        <v>41947.573854166665</v>
      </c>
      <c r="B4213" s="6">
        <v>70113.149999999994</v>
      </c>
      <c r="C4213" s="7">
        <f t="shared" si="65"/>
        <v>70.11314999999999</v>
      </c>
      <c r="I4213" s="1"/>
    </row>
    <row r="4214" spans="1:9" x14ac:dyDescent="0.25">
      <c r="A4214" s="3">
        <v>41947.573912037034</v>
      </c>
      <c r="B4214" s="6">
        <v>70129.799999999988</v>
      </c>
      <c r="C4214" s="7">
        <f t="shared" si="65"/>
        <v>70.129799999999989</v>
      </c>
      <c r="I4214" s="1"/>
    </row>
    <row r="4215" spans="1:9" x14ac:dyDescent="0.25">
      <c r="A4215" s="3">
        <v>41947.574490740742</v>
      </c>
      <c r="B4215" s="6">
        <v>70146.45</v>
      </c>
      <c r="C4215" s="7">
        <f t="shared" si="65"/>
        <v>70.146450000000002</v>
      </c>
      <c r="I4215" s="1"/>
    </row>
    <row r="4216" spans="1:9" x14ac:dyDescent="0.25">
      <c r="A4216" s="3">
        <v>41947.574560185189</v>
      </c>
      <c r="B4216" s="6">
        <v>70163.099999999991</v>
      </c>
      <c r="C4216" s="7">
        <f t="shared" si="65"/>
        <v>70.163099999999986</v>
      </c>
      <c r="I4216" s="1"/>
    </row>
    <row r="4217" spans="1:9" x14ac:dyDescent="0.25">
      <c r="A4217" s="3">
        <v>41947.575138888889</v>
      </c>
      <c r="B4217" s="6">
        <v>70179.75</v>
      </c>
      <c r="C4217" s="7">
        <f t="shared" si="65"/>
        <v>70.179749999999999</v>
      </c>
      <c r="I4217" s="1"/>
    </row>
    <row r="4218" spans="1:9" x14ac:dyDescent="0.25">
      <c r="A4218" s="3">
        <v>41947.575208333335</v>
      </c>
      <c r="B4218" s="6">
        <v>70196.399999999994</v>
      </c>
      <c r="C4218" s="7">
        <f t="shared" si="65"/>
        <v>70.196399999999997</v>
      </c>
      <c r="I4218" s="1"/>
    </row>
    <row r="4219" spans="1:9" x14ac:dyDescent="0.25">
      <c r="A4219" s="3">
        <v>41947.57984953704</v>
      </c>
      <c r="B4219" s="6">
        <v>70213.049999999988</v>
      </c>
      <c r="C4219" s="7">
        <f t="shared" si="65"/>
        <v>70.213049999999981</v>
      </c>
      <c r="I4219" s="1"/>
    </row>
    <row r="4220" spans="1:9" x14ac:dyDescent="0.25">
      <c r="A4220" s="3">
        <v>41947.579918981479</v>
      </c>
      <c r="B4220" s="6">
        <v>70229.7</v>
      </c>
      <c r="C4220" s="7">
        <f t="shared" si="65"/>
        <v>70.229699999999994</v>
      </c>
      <c r="I4220" s="1"/>
    </row>
    <row r="4221" spans="1:9" x14ac:dyDescent="0.25">
      <c r="A4221" s="3">
        <v>41947.581307870372</v>
      </c>
      <c r="B4221" s="6">
        <v>70246.349999999991</v>
      </c>
      <c r="C4221" s="7">
        <f t="shared" si="65"/>
        <v>70.246349999999993</v>
      </c>
      <c r="I4221" s="1"/>
    </row>
    <row r="4222" spans="1:9" x14ac:dyDescent="0.25">
      <c r="A4222" s="3">
        <v>41947.581388888888</v>
      </c>
      <c r="B4222" s="6">
        <v>70263</v>
      </c>
      <c r="C4222" s="7">
        <f t="shared" si="65"/>
        <v>70.263000000000005</v>
      </c>
      <c r="I4222" s="1"/>
    </row>
    <row r="4223" spans="1:9" x14ac:dyDescent="0.25">
      <c r="A4223" s="3">
        <v>41947.586493055554</v>
      </c>
      <c r="B4223" s="6">
        <v>70279.649999999994</v>
      </c>
      <c r="C4223" s="7">
        <f t="shared" si="65"/>
        <v>70.27964999999999</v>
      </c>
      <c r="I4223" s="1"/>
    </row>
    <row r="4224" spans="1:9" x14ac:dyDescent="0.25">
      <c r="A4224" s="3">
        <v>41947.586574074077</v>
      </c>
      <c r="B4224" s="6">
        <v>70296.299999999988</v>
      </c>
      <c r="C4224" s="7">
        <f t="shared" si="65"/>
        <v>70.296299999999988</v>
      </c>
      <c r="I4224" s="1"/>
    </row>
    <row r="4225" spans="1:9" x14ac:dyDescent="0.25">
      <c r="A4225" s="3">
        <v>41947.589502314811</v>
      </c>
      <c r="B4225" s="6">
        <v>70312.95</v>
      </c>
      <c r="C4225" s="7">
        <f t="shared" si="65"/>
        <v>70.312950000000001</v>
      </c>
      <c r="I4225" s="1"/>
    </row>
    <row r="4226" spans="1:9" x14ac:dyDescent="0.25">
      <c r="A4226" s="3">
        <v>41947.590254629627</v>
      </c>
      <c r="B4226" s="6">
        <v>70329.599999999991</v>
      </c>
      <c r="C4226" s="7">
        <f t="shared" si="65"/>
        <v>70.329599999999985</v>
      </c>
      <c r="I4226" s="1"/>
    </row>
    <row r="4227" spans="1:9" x14ac:dyDescent="0.25">
      <c r="A4227" s="3">
        <v>41947.591550925928</v>
      </c>
      <c r="B4227" s="6">
        <v>70346.25</v>
      </c>
      <c r="C4227" s="7">
        <f t="shared" ref="C4227:C4290" si="66">B4227/1000</f>
        <v>70.346249999999998</v>
      </c>
      <c r="I4227" s="1"/>
    </row>
    <row r="4228" spans="1:9" x14ac:dyDescent="0.25">
      <c r="A4228" s="3">
        <v>41947.591724537036</v>
      </c>
      <c r="B4228" s="6">
        <v>70362.899999999994</v>
      </c>
      <c r="C4228" s="7">
        <f t="shared" si="66"/>
        <v>70.362899999999996</v>
      </c>
      <c r="I4228" s="1"/>
    </row>
    <row r="4229" spans="1:9" x14ac:dyDescent="0.25">
      <c r="A4229" s="3">
        <v>41947.601238425923</v>
      </c>
      <c r="B4229" s="6">
        <v>70379.549999999988</v>
      </c>
      <c r="C4229" s="7">
        <f t="shared" si="66"/>
        <v>70.379549999999995</v>
      </c>
      <c r="I4229" s="1"/>
    </row>
    <row r="4230" spans="1:9" x14ac:dyDescent="0.25">
      <c r="A4230" s="3">
        <v>41947.601412037038</v>
      </c>
      <c r="B4230" s="6">
        <v>70396.2</v>
      </c>
      <c r="C4230" s="7">
        <f t="shared" si="66"/>
        <v>70.396199999999993</v>
      </c>
      <c r="I4230" s="1"/>
    </row>
    <row r="4231" spans="1:9" x14ac:dyDescent="0.25">
      <c r="A4231" s="3">
        <v>41947.608923611115</v>
      </c>
      <c r="B4231" s="6">
        <v>70412.849999999991</v>
      </c>
      <c r="C4231" s="7">
        <f t="shared" si="66"/>
        <v>70.412849999999992</v>
      </c>
      <c r="I4231" s="1"/>
    </row>
    <row r="4232" spans="1:9" x14ac:dyDescent="0.25">
      <c r="A4232" s="3">
        <v>41947.609143518515</v>
      </c>
      <c r="B4232" s="6">
        <v>70429.5</v>
      </c>
      <c r="C4232" s="7">
        <f t="shared" si="66"/>
        <v>70.429500000000004</v>
      </c>
      <c r="I4232" s="1"/>
    </row>
    <row r="4233" spans="1:9" x14ac:dyDescent="0.25">
      <c r="A4233" s="3">
        <v>41947.627083333333</v>
      </c>
      <c r="B4233" s="6">
        <v>70446.149999999994</v>
      </c>
      <c r="C4233" s="7">
        <f t="shared" si="66"/>
        <v>70.446149999999989</v>
      </c>
      <c r="I4233" s="1"/>
    </row>
    <row r="4234" spans="1:9" x14ac:dyDescent="0.25">
      <c r="A4234" s="3">
        <v>41947.628240740742</v>
      </c>
      <c r="B4234" s="6">
        <v>70462.799999999988</v>
      </c>
      <c r="C4234" s="7">
        <f t="shared" si="66"/>
        <v>70.462799999999987</v>
      </c>
      <c r="I4234" s="1"/>
    </row>
    <row r="4235" spans="1:9" x14ac:dyDescent="0.25">
      <c r="A4235" s="3">
        <v>41947.645312499997</v>
      </c>
      <c r="B4235" s="6">
        <v>70479.45</v>
      </c>
      <c r="C4235" s="7">
        <f t="shared" si="66"/>
        <v>70.47945</v>
      </c>
      <c r="I4235" s="1"/>
    </row>
    <row r="4236" spans="1:9" x14ac:dyDescent="0.25">
      <c r="A4236" s="3">
        <v>41947.645520833335</v>
      </c>
      <c r="B4236" s="6">
        <v>70496.099999999991</v>
      </c>
      <c r="C4236" s="7">
        <f t="shared" si="66"/>
        <v>70.496099999999984</v>
      </c>
      <c r="I4236" s="1"/>
    </row>
    <row r="4237" spans="1:9" x14ac:dyDescent="0.25">
      <c r="A4237" s="3">
        <v>41947.656875000001</v>
      </c>
      <c r="B4237" s="6">
        <v>70512.75</v>
      </c>
      <c r="C4237" s="7">
        <f t="shared" si="66"/>
        <v>70.512749999999997</v>
      </c>
      <c r="I4237" s="1"/>
    </row>
    <row r="4238" spans="1:9" x14ac:dyDescent="0.25">
      <c r="A4238" s="3">
        <v>41947.657060185185</v>
      </c>
      <c r="B4238" s="6">
        <v>70529.399999999994</v>
      </c>
      <c r="C4238" s="7">
        <f t="shared" si="66"/>
        <v>70.529399999999995</v>
      </c>
      <c r="I4238" s="1"/>
    </row>
    <row r="4239" spans="1:9" x14ac:dyDescent="0.25">
      <c r="A4239" s="3">
        <v>41947.659236111111</v>
      </c>
      <c r="B4239" s="6">
        <v>70546.049999999988</v>
      </c>
      <c r="C4239" s="7">
        <f t="shared" si="66"/>
        <v>70.546049999999994</v>
      </c>
      <c r="I4239" s="1"/>
    </row>
    <row r="4240" spans="1:9" x14ac:dyDescent="0.25">
      <c r="A4240" s="3">
        <v>41947.659351851849</v>
      </c>
      <c r="B4240" s="6">
        <v>70562.7</v>
      </c>
      <c r="C4240" s="7">
        <f t="shared" si="66"/>
        <v>70.562699999999992</v>
      </c>
      <c r="I4240" s="1"/>
    </row>
    <row r="4241" spans="1:9" x14ac:dyDescent="0.25">
      <c r="A4241" s="3">
        <v>41947.665370370371</v>
      </c>
      <c r="B4241" s="6">
        <v>70579.349999999991</v>
      </c>
      <c r="C4241" s="7">
        <f t="shared" si="66"/>
        <v>70.579349999999991</v>
      </c>
      <c r="I4241" s="1"/>
    </row>
    <row r="4242" spans="1:9" x14ac:dyDescent="0.25">
      <c r="A4242" s="3">
        <v>41947.666203703702</v>
      </c>
      <c r="B4242" s="6">
        <v>70596</v>
      </c>
      <c r="C4242" s="7">
        <f t="shared" si="66"/>
        <v>70.596000000000004</v>
      </c>
      <c r="I4242" s="1"/>
    </row>
    <row r="4243" spans="1:9" x14ac:dyDescent="0.25">
      <c r="A4243" s="3">
        <v>41947.669710648152</v>
      </c>
      <c r="B4243" s="6">
        <v>70612.649999999994</v>
      </c>
      <c r="C4243" s="7">
        <f t="shared" si="66"/>
        <v>70.612649999999988</v>
      </c>
      <c r="I4243" s="1"/>
    </row>
    <row r="4244" spans="1:9" x14ac:dyDescent="0.25">
      <c r="A4244" s="3">
        <v>41947.669965277775</v>
      </c>
      <c r="B4244" s="6">
        <v>70629.299999999988</v>
      </c>
      <c r="C4244" s="7">
        <f t="shared" si="66"/>
        <v>70.629299999999986</v>
      </c>
      <c r="I4244" s="1"/>
    </row>
    <row r="4245" spans="1:9" x14ac:dyDescent="0.25">
      <c r="A4245" s="3">
        <v>41947.682835648149</v>
      </c>
      <c r="B4245" s="6">
        <v>70645.95</v>
      </c>
      <c r="C4245" s="7">
        <f t="shared" si="66"/>
        <v>70.645949999999999</v>
      </c>
      <c r="I4245" s="1"/>
    </row>
    <row r="4246" spans="1:9" x14ac:dyDescent="0.25">
      <c r="A4246" s="3">
        <v>41947.68310185185</v>
      </c>
      <c r="B4246" s="6">
        <v>70662.599999999991</v>
      </c>
      <c r="C4246" s="7">
        <f t="shared" si="66"/>
        <v>70.662599999999998</v>
      </c>
      <c r="I4246" s="1"/>
    </row>
    <row r="4247" spans="1:9" x14ac:dyDescent="0.25">
      <c r="A4247" s="3">
        <v>41947.695844907408</v>
      </c>
      <c r="B4247" s="6">
        <v>70679.25</v>
      </c>
      <c r="C4247" s="7">
        <f t="shared" si="66"/>
        <v>70.679249999999996</v>
      </c>
      <c r="I4247" s="1"/>
    </row>
    <row r="4248" spans="1:9" x14ac:dyDescent="0.25">
      <c r="A4248" s="3">
        <v>41947.695937500001</v>
      </c>
      <c r="B4248" s="6">
        <v>70695.899999999994</v>
      </c>
      <c r="C4248" s="7">
        <f t="shared" si="66"/>
        <v>70.695899999999995</v>
      </c>
      <c r="I4248" s="1"/>
    </row>
    <row r="4249" spans="1:9" x14ac:dyDescent="0.25">
      <c r="A4249" s="3">
        <v>41947.706886574073</v>
      </c>
      <c r="B4249" s="6">
        <v>70712.549999999988</v>
      </c>
      <c r="C4249" s="7">
        <f t="shared" si="66"/>
        <v>70.712549999999993</v>
      </c>
      <c r="I4249" s="1"/>
    </row>
    <row r="4250" spans="1:9" x14ac:dyDescent="0.25">
      <c r="A4250" s="3">
        <v>41947.709374999999</v>
      </c>
      <c r="B4250" s="6">
        <v>70729.2</v>
      </c>
      <c r="C4250" s="7">
        <f t="shared" si="66"/>
        <v>70.729199999999992</v>
      </c>
      <c r="I4250" s="1"/>
    </row>
    <row r="4251" spans="1:9" x14ac:dyDescent="0.25">
      <c r="A4251" s="3">
        <v>41947.735821759263</v>
      </c>
      <c r="B4251" s="6">
        <v>70745.849999999991</v>
      </c>
      <c r="C4251" s="7">
        <f t="shared" si="66"/>
        <v>70.74584999999999</v>
      </c>
      <c r="I4251" s="1"/>
    </row>
    <row r="4252" spans="1:9" x14ac:dyDescent="0.25">
      <c r="A4252" s="3">
        <v>41947.736006944448</v>
      </c>
      <c r="B4252" s="6">
        <v>70762.5</v>
      </c>
      <c r="C4252" s="7">
        <f t="shared" si="66"/>
        <v>70.762500000000003</v>
      </c>
      <c r="I4252" s="1"/>
    </row>
    <row r="4253" spans="1:9" x14ac:dyDescent="0.25">
      <c r="A4253" s="3">
        <v>41947.762928240743</v>
      </c>
      <c r="B4253" s="6">
        <v>70779.149999999994</v>
      </c>
      <c r="C4253" s="7">
        <f t="shared" si="66"/>
        <v>70.779149999999987</v>
      </c>
      <c r="I4253" s="1"/>
    </row>
    <row r="4254" spans="1:9" x14ac:dyDescent="0.25">
      <c r="A4254" s="3">
        <v>41947.763425925928</v>
      </c>
      <c r="B4254" s="6">
        <v>70795.799999999988</v>
      </c>
      <c r="C4254" s="7">
        <f t="shared" si="66"/>
        <v>70.795799999999986</v>
      </c>
      <c r="I4254" s="1"/>
    </row>
    <row r="4255" spans="1:9" x14ac:dyDescent="0.25">
      <c r="A4255" s="3">
        <v>41977.322662037041</v>
      </c>
      <c r="B4255" s="6">
        <v>70812.45</v>
      </c>
      <c r="C4255" s="7">
        <f t="shared" si="66"/>
        <v>70.812449999999998</v>
      </c>
      <c r="I4255" s="1"/>
    </row>
    <row r="4256" spans="1:9" x14ac:dyDescent="0.25">
      <c r="A4256" s="3">
        <v>41977.323171296295</v>
      </c>
      <c r="B4256" s="6">
        <v>70829.099999999991</v>
      </c>
      <c r="C4256" s="7">
        <f t="shared" si="66"/>
        <v>70.829099999999997</v>
      </c>
      <c r="I4256" s="1"/>
    </row>
    <row r="4257" spans="1:9" x14ac:dyDescent="0.25">
      <c r="A4257" s="3">
        <v>41977.333275462966</v>
      </c>
      <c r="B4257" s="6">
        <v>70845.75</v>
      </c>
      <c r="C4257" s="7">
        <f t="shared" si="66"/>
        <v>70.845749999999995</v>
      </c>
      <c r="I4257" s="1"/>
    </row>
    <row r="4258" spans="1:9" x14ac:dyDescent="0.25">
      <c r="A4258" s="3">
        <v>41977.333541666667</v>
      </c>
      <c r="B4258" s="6">
        <v>70862.399999999994</v>
      </c>
      <c r="C4258" s="7">
        <f t="shared" si="66"/>
        <v>70.862399999999994</v>
      </c>
      <c r="I4258" s="1"/>
    </row>
    <row r="4259" spans="1:9" x14ac:dyDescent="0.25">
      <c r="A4259" s="3">
        <v>41977.393078703702</v>
      </c>
      <c r="B4259" s="6">
        <v>70879.049999999988</v>
      </c>
      <c r="C4259" s="7">
        <f t="shared" si="66"/>
        <v>70.879049999999992</v>
      </c>
      <c r="I4259" s="1"/>
    </row>
    <row r="4260" spans="1:9" x14ac:dyDescent="0.25">
      <c r="A4260" s="3">
        <v>41977.39570601852</v>
      </c>
      <c r="B4260" s="6">
        <v>70895.7</v>
      </c>
      <c r="C4260" s="7">
        <f t="shared" si="66"/>
        <v>70.895699999999991</v>
      </c>
      <c r="I4260" s="1"/>
    </row>
    <row r="4261" spans="1:9" x14ac:dyDescent="0.25">
      <c r="A4261" s="3">
        <v>41977.404386574075</v>
      </c>
      <c r="B4261" s="6">
        <v>70912.349999999991</v>
      </c>
      <c r="C4261" s="7">
        <f t="shared" si="66"/>
        <v>70.912349999999989</v>
      </c>
      <c r="I4261" s="1"/>
    </row>
    <row r="4262" spans="1:9" x14ac:dyDescent="0.25">
      <c r="A4262" s="3">
        <v>41977.407569444447</v>
      </c>
      <c r="B4262" s="6">
        <v>70929</v>
      </c>
      <c r="C4262" s="7">
        <f t="shared" si="66"/>
        <v>70.929000000000002</v>
      </c>
      <c r="I4262" s="1"/>
    </row>
    <row r="4263" spans="1:9" x14ac:dyDescent="0.25">
      <c r="A4263" s="3">
        <v>41977.417025462964</v>
      </c>
      <c r="B4263" s="6">
        <v>70945.649999999994</v>
      </c>
      <c r="C4263" s="7">
        <f t="shared" si="66"/>
        <v>70.945650000000001</v>
      </c>
      <c r="I4263" s="1"/>
    </row>
    <row r="4264" spans="1:9" x14ac:dyDescent="0.25">
      <c r="A4264" s="3">
        <v>41977.417650462965</v>
      </c>
      <c r="B4264" s="6">
        <v>70962.299999999988</v>
      </c>
      <c r="C4264" s="7">
        <f t="shared" si="66"/>
        <v>70.962299999999985</v>
      </c>
      <c r="I4264" s="1"/>
    </row>
    <row r="4265" spans="1:9" x14ac:dyDescent="0.25">
      <c r="A4265" s="3">
        <v>41977.42291666667</v>
      </c>
      <c r="B4265" s="6">
        <v>70978.95</v>
      </c>
      <c r="C4265" s="7">
        <f t="shared" si="66"/>
        <v>70.978949999999998</v>
      </c>
      <c r="I4265" s="1"/>
    </row>
    <row r="4266" spans="1:9" x14ac:dyDescent="0.25">
      <c r="A4266" s="3">
        <v>41977.428078703706</v>
      </c>
      <c r="B4266" s="6">
        <v>70995.599999999991</v>
      </c>
      <c r="C4266" s="7">
        <f t="shared" si="66"/>
        <v>70.995599999999996</v>
      </c>
      <c r="I4266" s="1"/>
    </row>
    <row r="4267" spans="1:9" x14ac:dyDescent="0.25">
      <c r="A4267" s="3">
        <v>41977.429293981484</v>
      </c>
      <c r="B4267" s="6">
        <v>71012.25</v>
      </c>
      <c r="C4267" s="7">
        <f t="shared" si="66"/>
        <v>71.012249999999995</v>
      </c>
      <c r="I4267" s="1"/>
    </row>
    <row r="4268" spans="1:9" x14ac:dyDescent="0.25">
      <c r="A4268" s="3">
        <v>41977.429409722223</v>
      </c>
      <c r="B4268" s="6">
        <v>71028.899999999994</v>
      </c>
      <c r="C4268" s="7">
        <f t="shared" si="66"/>
        <v>71.028899999999993</v>
      </c>
      <c r="I4268" s="1"/>
    </row>
    <row r="4269" spans="1:9" x14ac:dyDescent="0.25">
      <c r="A4269" s="3">
        <v>41977.432233796295</v>
      </c>
      <c r="B4269" s="6">
        <v>71045.549999999988</v>
      </c>
      <c r="C4269" s="7">
        <f t="shared" si="66"/>
        <v>71.045549999999992</v>
      </c>
      <c r="I4269" s="1"/>
    </row>
    <row r="4270" spans="1:9" x14ac:dyDescent="0.25">
      <c r="A4270" s="3">
        <v>41977.432384259257</v>
      </c>
      <c r="B4270" s="6">
        <v>71062.2</v>
      </c>
      <c r="C4270" s="7">
        <f t="shared" si="66"/>
        <v>71.06219999999999</v>
      </c>
      <c r="I4270" s="1"/>
    </row>
    <row r="4271" spans="1:9" x14ac:dyDescent="0.25">
      <c r="A4271" s="3">
        <v>41977.43478009259</v>
      </c>
      <c r="B4271" s="6">
        <v>71078.849999999991</v>
      </c>
      <c r="C4271" s="7">
        <f t="shared" si="66"/>
        <v>71.078849999999989</v>
      </c>
      <c r="I4271" s="1"/>
    </row>
    <row r="4272" spans="1:9" x14ac:dyDescent="0.25">
      <c r="A4272" s="3">
        <v>41977.434884259259</v>
      </c>
      <c r="B4272" s="6">
        <v>71095.5</v>
      </c>
      <c r="C4272" s="7">
        <f t="shared" si="66"/>
        <v>71.095500000000001</v>
      </c>
      <c r="I4272" s="1"/>
    </row>
    <row r="4273" spans="1:9" x14ac:dyDescent="0.25">
      <c r="A4273" s="3">
        <v>41977.442407407405</v>
      </c>
      <c r="B4273" s="6">
        <v>71112.149999999994</v>
      </c>
      <c r="C4273" s="7">
        <f t="shared" si="66"/>
        <v>71.11215</v>
      </c>
      <c r="I4273" s="1"/>
    </row>
    <row r="4274" spans="1:9" x14ac:dyDescent="0.25">
      <c r="A4274" s="3">
        <v>41977.443541666667</v>
      </c>
      <c r="B4274" s="6">
        <v>71128.799999999988</v>
      </c>
      <c r="C4274" s="7">
        <f t="shared" si="66"/>
        <v>71.128799999999984</v>
      </c>
      <c r="I4274" s="1"/>
    </row>
    <row r="4275" spans="1:9" x14ac:dyDescent="0.25">
      <c r="A4275" s="3">
        <v>41977.447731481479</v>
      </c>
      <c r="B4275" s="6">
        <v>71145.45</v>
      </c>
      <c r="C4275" s="7">
        <f t="shared" si="66"/>
        <v>71.145449999999997</v>
      </c>
      <c r="I4275" s="1"/>
    </row>
    <row r="4276" spans="1:9" x14ac:dyDescent="0.25">
      <c r="A4276" s="3">
        <v>41977.449548611112</v>
      </c>
      <c r="B4276" s="6">
        <v>71162.099999999991</v>
      </c>
      <c r="C4276" s="7">
        <f t="shared" si="66"/>
        <v>71.162099999999995</v>
      </c>
      <c r="I4276" s="1"/>
    </row>
    <row r="4277" spans="1:9" x14ac:dyDescent="0.25">
      <c r="A4277" s="3">
        <v>41977.464965277781</v>
      </c>
      <c r="B4277" s="6">
        <v>71178.75</v>
      </c>
      <c r="C4277" s="7">
        <f t="shared" si="66"/>
        <v>71.178749999999994</v>
      </c>
      <c r="I4277" s="1"/>
    </row>
    <row r="4278" spans="1:9" x14ac:dyDescent="0.25">
      <c r="A4278" s="3">
        <v>41977.465277777781</v>
      </c>
      <c r="B4278" s="6">
        <v>71195.399999999994</v>
      </c>
      <c r="C4278" s="7">
        <f t="shared" si="66"/>
        <v>71.195399999999992</v>
      </c>
      <c r="I4278" s="1"/>
    </row>
    <row r="4279" spans="1:9" x14ac:dyDescent="0.25">
      <c r="A4279" s="3">
        <v>41977.479178240741</v>
      </c>
      <c r="B4279" s="6">
        <v>71212.049999999988</v>
      </c>
      <c r="C4279" s="7">
        <f t="shared" si="66"/>
        <v>71.212049999999991</v>
      </c>
      <c r="I4279" s="1"/>
    </row>
    <row r="4280" spans="1:9" x14ac:dyDescent="0.25">
      <c r="A4280" s="3">
        <v>41977.480185185188</v>
      </c>
      <c r="B4280" s="6">
        <v>71228.7</v>
      </c>
      <c r="C4280" s="7">
        <f t="shared" si="66"/>
        <v>71.228700000000003</v>
      </c>
      <c r="I4280" s="1"/>
    </row>
    <row r="4281" spans="1:9" x14ac:dyDescent="0.25">
      <c r="A4281" s="3">
        <v>41977.500671296293</v>
      </c>
      <c r="B4281" s="6">
        <v>71245.349999999991</v>
      </c>
      <c r="C4281" s="7">
        <f t="shared" si="66"/>
        <v>71.245349999999988</v>
      </c>
      <c r="I4281" s="1"/>
    </row>
    <row r="4282" spans="1:9" x14ac:dyDescent="0.25">
      <c r="A4282" s="3">
        <v>41977.509328703702</v>
      </c>
      <c r="B4282" s="6">
        <v>71262</v>
      </c>
      <c r="C4282" s="7">
        <f t="shared" si="66"/>
        <v>71.262</v>
      </c>
      <c r="I4282" s="1"/>
    </row>
    <row r="4283" spans="1:9" x14ac:dyDescent="0.25">
      <c r="A4283" s="3">
        <v>41977.525902777779</v>
      </c>
      <c r="B4283" s="6">
        <v>71278.649999999994</v>
      </c>
      <c r="C4283" s="7">
        <f t="shared" si="66"/>
        <v>71.278649999999999</v>
      </c>
      <c r="I4283" s="1"/>
    </row>
    <row r="4284" spans="1:9" x14ac:dyDescent="0.25">
      <c r="A4284" s="3">
        <v>41977.526030092595</v>
      </c>
      <c r="B4284" s="6">
        <v>71295.299999999988</v>
      </c>
      <c r="C4284" s="7">
        <f t="shared" si="66"/>
        <v>71.295299999999983</v>
      </c>
      <c r="I4284" s="1"/>
    </row>
    <row r="4285" spans="1:9" x14ac:dyDescent="0.25">
      <c r="A4285" s="3">
        <v>41977.529722222222</v>
      </c>
      <c r="B4285" s="6">
        <v>71311.95</v>
      </c>
      <c r="C4285" s="7">
        <f t="shared" si="66"/>
        <v>71.311949999999996</v>
      </c>
      <c r="I4285" s="1"/>
    </row>
    <row r="4286" spans="1:9" x14ac:dyDescent="0.25">
      <c r="A4286" s="3">
        <v>41977.530057870368</v>
      </c>
      <c r="B4286" s="6">
        <v>71328.599999999991</v>
      </c>
      <c r="C4286" s="7">
        <f t="shared" si="66"/>
        <v>71.328599999999994</v>
      </c>
      <c r="I4286" s="1"/>
    </row>
    <row r="4287" spans="1:9" x14ac:dyDescent="0.25">
      <c r="A4287" s="3">
        <v>41977.542858796296</v>
      </c>
      <c r="B4287" s="6">
        <v>71345.25</v>
      </c>
      <c r="C4287" s="7">
        <f t="shared" si="66"/>
        <v>71.345249999999993</v>
      </c>
      <c r="I4287" s="1"/>
    </row>
    <row r="4288" spans="1:9" x14ac:dyDescent="0.25">
      <c r="A4288" s="3">
        <v>41977.544606481482</v>
      </c>
      <c r="B4288" s="6">
        <v>71361.899999999994</v>
      </c>
      <c r="C4288" s="7">
        <f t="shared" si="66"/>
        <v>71.361899999999991</v>
      </c>
      <c r="I4288" s="1"/>
    </row>
    <row r="4289" spans="1:9" x14ac:dyDescent="0.25">
      <c r="A4289" s="3">
        <v>41977.548773148148</v>
      </c>
      <c r="B4289" s="6">
        <v>71378.549999999988</v>
      </c>
      <c r="C4289" s="7">
        <f t="shared" si="66"/>
        <v>71.37854999999999</v>
      </c>
      <c r="I4289" s="1"/>
    </row>
    <row r="4290" spans="1:9" x14ac:dyDescent="0.25">
      <c r="A4290" s="3">
        <v>41977.549317129633</v>
      </c>
      <c r="B4290" s="6">
        <v>71395.199999999997</v>
      </c>
      <c r="C4290" s="7">
        <f t="shared" si="66"/>
        <v>71.395200000000003</v>
      </c>
      <c r="I4290" s="1"/>
    </row>
    <row r="4291" spans="1:9" x14ac:dyDescent="0.25">
      <c r="A4291" s="3">
        <v>41977.551979166667</v>
      </c>
      <c r="B4291" s="6">
        <v>71411.849999999991</v>
      </c>
      <c r="C4291" s="7">
        <f t="shared" ref="C4291:C4354" si="67">B4291/1000</f>
        <v>71.411849999999987</v>
      </c>
      <c r="I4291" s="1"/>
    </row>
    <row r="4292" spans="1:9" x14ac:dyDescent="0.25">
      <c r="A4292" s="3">
        <v>41977.552199074074</v>
      </c>
      <c r="B4292" s="6">
        <v>71428.5</v>
      </c>
      <c r="C4292" s="7">
        <f t="shared" si="67"/>
        <v>71.4285</v>
      </c>
      <c r="I4292" s="1"/>
    </row>
    <row r="4293" spans="1:9" x14ac:dyDescent="0.25">
      <c r="A4293" s="3">
        <v>41977.555671296293</v>
      </c>
      <c r="B4293" s="6">
        <v>71445.149999999994</v>
      </c>
      <c r="C4293" s="7">
        <f t="shared" si="67"/>
        <v>71.445149999999998</v>
      </c>
      <c r="I4293" s="1"/>
    </row>
    <row r="4294" spans="1:9" x14ac:dyDescent="0.25">
      <c r="A4294" s="3">
        <v>41977.555787037039</v>
      </c>
      <c r="B4294" s="6">
        <v>71461.799999999988</v>
      </c>
      <c r="C4294" s="7">
        <f t="shared" si="67"/>
        <v>71.461799999999982</v>
      </c>
      <c r="I4294" s="1"/>
    </row>
    <row r="4295" spans="1:9" x14ac:dyDescent="0.25">
      <c r="A4295" s="3">
        <v>41977.55672453704</v>
      </c>
      <c r="B4295" s="6">
        <v>71478.45</v>
      </c>
      <c r="C4295" s="7">
        <f t="shared" si="67"/>
        <v>71.478449999999995</v>
      </c>
      <c r="I4295" s="1"/>
    </row>
    <row r="4296" spans="1:9" x14ac:dyDescent="0.25">
      <c r="A4296" s="3">
        <v>41977.556863425925</v>
      </c>
      <c r="B4296" s="6">
        <v>71495.099999999991</v>
      </c>
      <c r="C4296" s="7">
        <f t="shared" si="67"/>
        <v>71.495099999999994</v>
      </c>
      <c r="I4296" s="1"/>
    </row>
    <row r="4297" spans="1:9" x14ac:dyDescent="0.25">
      <c r="A4297" s="3">
        <v>41977.55877314815</v>
      </c>
      <c r="B4297" s="6">
        <v>71511.75</v>
      </c>
      <c r="C4297" s="7">
        <f t="shared" si="67"/>
        <v>71.511750000000006</v>
      </c>
      <c r="I4297" s="1"/>
    </row>
    <row r="4298" spans="1:9" x14ac:dyDescent="0.25">
      <c r="A4298" s="3">
        <v>41977.559004629627</v>
      </c>
      <c r="B4298" s="6">
        <v>71528.399999999994</v>
      </c>
      <c r="C4298" s="7">
        <f t="shared" si="67"/>
        <v>71.528399999999991</v>
      </c>
      <c r="I4298" s="1"/>
    </row>
    <row r="4299" spans="1:9" x14ac:dyDescent="0.25">
      <c r="A4299" s="3">
        <v>41977.561562499999</v>
      </c>
      <c r="B4299" s="6">
        <v>71545.049999999988</v>
      </c>
      <c r="C4299" s="7">
        <f t="shared" si="67"/>
        <v>71.545049999999989</v>
      </c>
      <c r="I4299" s="1"/>
    </row>
    <row r="4300" spans="1:9" x14ac:dyDescent="0.25">
      <c r="A4300" s="3">
        <v>41977.561643518522</v>
      </c>
      <c r="B4300" s="6">
        <v>71561.7</v>
      </c>
      <c r="C4300" s="7">
        <f t="shared" si="67"/>
        <v>71.561700000000002</v>
      </c>
      <c r="I4300" s="1"/>
    </row>
    <row r="4301" spans="1:9" x14ac:dyDescent="0.25">
      <c r="A4301" s="3">
        <v>41977.564398148148</v>
      </c>
      <c r="B4301" s="6">
        <v>71578.349999999991</v>
      </c>
      <c r="C4301" s="7">
        <f t="shared" si="67"/>
        <v>71.578349999999986</v>
      </c>
      <c r="I4301" s="1"/>
    </row>
    <row r="4302" spans="1:9" x14ac:dyDescent="0.25">
      <c r="A4302" s="3">
        <v>41977.564583333333</v>
      </c>
      <c r="B4302" s="6">
        <v>71595</v>
      </c>
      <c r="C4302" s="7">
        <f t="shared" si="67"/>
        <v>71.594999999999999</v>
      </c>
      <c r="I4302" s="1"/>
    </row>
    <row r="4303" spans="1:9" x14ac:dyDescent="0.25">
      <c r="A4303" s="3">
        <v>41977.56759259259</v>
      </c>
      <c r="B4303" s="6">
        <v>71611.649999999994</v>
      </c>
      <c r="C4303" s="7">
        <f t="shared" si="67"/>
        <v>71.611649999999997</v>
      </c>
      <c r="I4303" s="1"/>
    </row>
    <row r="4304" spans="1:9" x14ac:dyDescent="0.25">
      <c r="A4304" s="3">
        <v>41977.567777777775</v>
      </c>
      <c r="B4304" s="6">
        <v>71628.299999999988</v>
      </c>
      <c r="C4304" s="7">
        <f t="shared" si="67"/>
        <v>71.628299999999982</v>
      </c>
      <c r="I4304" s="1"/>
    </row>
    <row r="4305" spans="1:9" x14ac:dyDescent="0.25">
      <c r="A4305" s="3">
        <v>41977.57135416667</v>
      </c>
      <c r="B4305" s="6">
        <v>71644.95</v>
      </c>
      <c r="C4305" s="7">
        <f t="shared" si="67"/>
        <v>71.644949999999994</v>
      </c>
      <c r="I4305" s="1"/>
    </row>
    <row r="4306" spans="1:9" x14ac:dyDescent="0.25">
      <c r="A4306" s="3">
        <v>41977.571527777778</v>
      </c>
      <c r="B4306" s="6">
        <v>71661.599999999991</v>
      </c>
      <c r="C4306" s="7">
        <f t="shared" si="67"/>
        <v>71.661599999999993</v>
      </c>
      <c r="I4306" s="1"/>
    </row>
    <row r="4307" spans="1:9" x14ac:dyDescent="0.25">
      <c r="A4307" s="3">
        <v>41977.57408564815</v>
      </c>
      <c r="B4307" s="6">
        <v>71678.25</v>
      </c>
      <c r="C4307" s="7">
        <f t="shared" si="67"/>
        <v>71.678250000000006</v>
      </c>
      <c r="I4307" s="1"/>
    </row>
    <row r="4308" spans="1:9" x14ac:dyDescent="0.25">
      <c r="A4308" s="3">
        <v>41977.574745370373</v>
      </c>
      <c r="B4308" s="6">
        <v>71694.899999999994</v>
      </c>
      <c r="C4308" s="7">
        <f t="shared" si="67"/>
        <v>71.69489999999999</v>
      </c>
      <c r="I4308" s="1"/>
    </row>
    <row r="4309" spans="1:9" x14ac:dyDescent="0.25">
      <c r="A4309" s="3">
        <v>41977.579699074071</v>
      </c>
      <c r="B4309" s="6">
        <v>71711.549999999988</v>
      </c>
      <c r="C4309" s="7">
        <f t="shared" si="67"/>
        <v>71.711549999999988</v>
      </c>
      <c r="I4309" s="1"/>
    </row>
    <row r="4310" spans="1:9" x14ac:dyDescent="0.25">
      <c r="A4310" s="3">
        <v>41977.579930555556</v>
      </c>
      <c r="B4310" s="6">
        <v>71728.2</v>
      </c>
      <c r="C4310" s="7">
        <f t="shared" si="67"/>
        <v>71.728200000000001</v>
      </c>
      <c r="I4310" s="1"/>
    </row>
    <row r="4311" spans="1:9" x14ac:dyDescent="0.25">
      <c r="A4311" s="3">
        <v>41977.582395833335</v>
      </c>
      <c r="B4311" s="6">
        <v>71744.849999999991</v>
      </c>
      <c r="C4311" s="7">
        <f t="shared" si="67"/>
        <v>71.744849999999985</v>
      </c>
      <c r="I4311" s="1"/>
    </row>
    <row r="4312" spans="1:9" x14ac:dyDescent="0.25">
      <c r="A4312" s="3">
        <v>41977.582499999997</v>
      </c>
      <c r="B4312" s="6">
        <v>71761.5</v>
      </c>
      <c r="C4312" s="7">
        <f t="shared" si="67"/>
        <v>71.761499999999998</v>
      </c>
      <c r="I4312" s="1"/>
    </row>
    <row r="4313" spans="1:9" x14ac:dyDescent="0.25">
      <c r="A4313" s="3">
        <v>41977.583807870367</v>
      </c>
      <c r="B4313" s="6">
        <v>71778.149999999994</v>
      </c>
      <c r="C4313" s="7">
        <f t="shared" si="67"/>
        <v>71.778149999999997</v>
      </c>
      <c r="I4313" s="1"/>
    </row>
    <row r="4314" spans="1:9" x14ac:dyDescent="0.25">
      <c r="A4314" s="3">
        <v>41977.584189814814</v>
      </c>
      <c r="B4314" s="6">
        <v>71794.799999999988</v>
      </c>
      <c r="C4314" s="7">
        <f t="shared" si="67"/>
        <v>71.794799999999995</v>
      </c>
      <c r="I4314" s="1"/>
    </row>
    <row r="4315" spans="1:9" x14ac:dyDescent="0.25">
      <c r="A4315" s="3">
        <v>41977.589236111111</v>
      </c>
      <c r="B4315" s="6">
        <v>71811.45</v>
      </c>
      <c r="C4315" s="7">
        <f t="shared" si="67"/>
        <v>71.811449999999994</v>
      </c>
      <c r="I4315" s="1"/>
    </row>
    <row r="4316" spans="1:9" x14ac:dyDescent="0.25">
      <c r="A4316" s="3">
        <v>41977.59039351852</v>
      </c>
      <c r="B4316" s="6">
        <v>71828.099999999991</v>
      </c>
      <c r="C4316" s="7">
        <f t="shared" si="67"/>
        <v>71.828099999999992</v>
      </c>
      <c r="I4316" s="1"/>
    </row>
    <row r="4317" spans="1:9" x14ac:dyDescent="0.25">
      <c r="A4317" s="3">
        <v>41977.594236111108</v>
      </c>
      <c r="B4317" s="6">
        <v>71844.75</v>
      </c>
      <c r="C4317" s="7">
        <f t="shared" si="67"/>
        <v>71.844750000000005</v>
      </c>
      <c r="I4317" s="1"/>
    </row>
    <row r="4318" spans="1:9" x14ac:dyDescent="0.25">
      <c r="A4318" s="3">
        <v>41977.596099537041</v>
      </c>
      <c r="B4318" s="6">
        <v>71861.399999999994</v>
      </c>
      <c r="C4318" s="7">
        <f t="shared" si="67"/>
        <v>71.861399999999989</v>
      </c>
      <c r="I4318" s="1"/>
    </row>
    <row r="4319" spans="1:9" x14ac:dyDescent="0.25">
      <c r="A4319" s="3">
        <v>41977.598877314813</v>
      </c>
      <c r="B4319" s="6">
        <v>71878.049999999988</v>
      </c>
      <c r="C4319" s="7">
        <f t="shared" si="67"/>
        <v>71.878049999999988</v>
      </c>
      <c r="I4319" s="1"/>
    </row>
    <row r="4320" spans="1:9" x14ac:dyDescent="0.25">
      <c r="A4320" s="3">
        <v>41977.599756944444</v>
      </c>
      <c r="B4320" s="6">
        <v>71894.7</v>
      </c>
      <c r="C4320" s="7">
        <f t="shared" si="67"/>
        <v>71.8947</v>
      </c>
      <c r="I4320" s="1"/>
    </row>
    <row r="4321" spans="1:9" x14ac:dyDescent="0.25">
      <c r="A4321" s="3">
        <v>41977.602476851855</v>
      </c>
      <c r="B4321" s="6">
        <v>71911.349999999991</v>
      </c>
      <c r="C4321" s="7">
        <f t="shared" si="67"/>
        <v>71.911349999999985</v>
      </c>
      <c r="I4321" s="1"/>
    </row>
    <row r="4322" spans="1:9" x14ac:dyDescent="0.25">
      <c r="A4322" s="3">
        <v>41977.602731481478</v>
      </c>
      <c r="B4322" s="6">
        <v>71928</v>
      </c>
      <c r="C4322" s="7">
        <f t="shared" si="67"/>
        <v>71.927999999999997</v>
      </c>
      <c r="I4322" s="1"/>
    </row>
    <row r="4323" spans="1:9" x14ac:dyDescent="0.25">
      <c r="A4323" s="3">
        <v>41977.607372685183</v>
      </c>
      <c r="B4323" s="6">
        <v>71944.649999999994</v>
      </c>
      <c r="C4323" s="7">
        <f t="shared" si="67"/>
        <v>71.944649999999996</v>
      </c>
      <c r="I4323" s="1"/>
    </row>
    <row r="4324" spans="1:9" x14ac:dyDescent="0.25">
      <c r="A4324" s="3">
        <v>41977.608020833337</v>
      </c>
      <c r="B4324" s="6">
        <v>71961.299999999988</v>
      </c>
      <c r="C4324" s="7">
        <f t="shared" si="67"/>
        <v>71.961299999999994</v>
      </c>
      <c r="I4324" s="1"/>
    </row>
    <row r="4325" spans="1:9" x14ac:dyDescent="0.25">
      <c r="A4325" s="3">
        <v>41977.609803240739</v>
      </c>
      <c r="B4325" s="6">
        <v>71977.95</v>
      </c>
      <c r="C4325" s="7">
        <f t="shared" si="67"/>
        <v>71.977949999999993</v>
      </c>
      <c r="I4325" s="1"/>
    </row>
    <row r="4326" spans="1:9" x14ac:dyDescent="0.25">
      <c r="A4326" s="3">
        <v>41977.609861111108</v>
      </c>
      <c r="B4326" s="6">
        <v>71994.599999999991</v>
      </c>
      <c r="C4326" s="7">
        <f t="shared" si="67"/>
        <v>71.994599999999991</v>
      </c>
      <c r="I4326" s="1"/>
    </row>
    <row r="4327" spans="1:9" x14ac:dyDescent="0.25">
      <c r="A4327" s="3">
        <v>41977.611724537041</v>
      </c>
      <c r="B4327" s="6">
        <v>72011.25</v>
      </c>
      <c r="C4327" s="7">
        <f t="shared" si="67"/>
        <v>72.011250000000004</v>
      </c>
      <c r="I4327" s="1"/>
    </row>
    <row r="4328" spans="1:9" x14ac:dyDescent="0.25">
      <c r="A4328" s="3">
        <v>41977.612372685187</v>
      </c>
      <c r="B4328" s="6">
        <v>72027.899999999994</v>
      </c>
      <c r="C4328" s="7">
        <f t="shared" si="67"/>
        <v>72.027899999999988</v>
      </c>
      <c r="I4328" s="1"/>
    </row>
    <row r="4329" spans="1:9" x14ac:dyDescent="0.25">
      <c r="A4329" s="3">
        <v>41977.616469907407</v>
      </c>
      <c r="B4329" s="6">
        <v>72044.549999999988</v>
      </c>
      <c r="C4329" s="7">
        <f t="shared" si="67"/>
        <v>72.044549999999987</v>
      </c>
      <c r="I4329" s="1"/>
    </row>
    <row r="4330" spans="1:9" x14ac:dyDescent="0.25">
      <c r="A4330" s="3">
        <v>41977.616574074076</v>
      </c>
      <c r="B4330" s="6">
        <v>72061.2</v>
      </c>
      <c r="C4330" s="7">
        <f t="shared" si="67"/>
        <v>72.061199999999999</v>
      </c>
      <c r="I4330" s="1"/>
    </row>
    <row r="4331" spans="1:9" x14ac:dyDescent="0.25">
      <c r="A4331" s="3">
        <v>41977.618090277778</v>
      </c>
      <c r="B4331" s="6">
        <v>72077.849999999991</v>
      </c>
      <c r="C4331" s="7">
        <f t="shared" si="67"/>
        <v>72.077849999999998</v>
      </c>
      <c r="I4331" s="1"/>
    </row>
    <row r="4332" spans="1:9" x14ac:dyDescent="0.25">
      <c r="A4332" s="3">
        <v>41977.618252314816</v>
      </c>
      <c r="B4332" s="6">
        <v>72094.5</v>
      </c>
      <c r="C4332" s="7">
        <f t="shared" si="67"/>
        <v>72.094499999999996</v>
      </c>
      <c r="I4332" s="1"/>
    </row>
    <row r="4333" spans="1:9" x14ac:dyDescent="0.25">
      <c r="A4333" s="3">
        <v>41977.620740740742</v>
      </c>
      <c r="B4333" s="6">
        <v>72111.149999999994</v>
      </c>
      <c r="C4333" s="7">
        <f t="shared" si="67"/>
        <v>72.111149999999995</v>
      </c>
      <c r="I4333" s="1"/>
    </row>
    <row r="4334" spans="1:9" x14ac:dyDescent="0.25">
      <c r="A4334" s="3">
        <v>41977.620868055557</v>
      </c>
      <c r="B4334" s="6">
        <v>72127.799999999988</v>
      </c>
      <c r="C4334" s="7">
        <f t="shared" si="67"/>
        <v>72.127799999999993</v>
      </c>
      <c r="I4334" s="1"/>
    </row>
    <row r="4335" spans="1:9" x14ac:dyDescent="0.25">
      <c r="A4335" s="3">
        <v>41977.622824074075</v>
      </c>
      <c r="B4335" s="6">
        <v>72144.45</v>
      </c>
      <c r="C4335" s="7">
        <f t="shared" si="67"/>
        <v>72.144449999999992</v>
      </c>
      <c r="I4335" s="1"/>
    </row>
    <row r="4336" spans="1:9" x14ac:dyDescent="0.25">
      <c r="A4336" s="3">
        <v>41977.622939814813</v>
      </c>
      <c r="B4336" s="6">
        <v>72161.099999999991</v>
      </c>
      <c r="C4336" s="7">
        <f t="shared" si="67"/>
        <v>72.16109999999999</v>
      </c>
      <c r="I4336" s="1"/>
    </row>
    <row r="4337" spans="1:9" x14ac:dyDescent="0.25">
      <c r="A4337" s="3">
        <v>41977.624398148146</v>
      </c>
      <c r="B4337" s="6">
        <v>72177.75</v>
      </c>
      <c r="C4337" s="7">
        <f t="shared" si="67"/>
        <v>72.177750000000003</v>
      </c>
      <c r="I4337" s="1"/>
    </row>
    <row r="4338" spans="1:9" x14ac:dyDescent="0.25">
      <c r="A4338" s="3">
        <v>41977.624490740738</v>
      </c>
      <c r="B4338" s="6">
        <v>72194.399999999994</v>
      </c>
      <c r="C4338" s="7">
        <f t="shared" si="67"/>
        <v>72.194399999999987</v>
      </c>
      <c r="I4338" s="1"/>
    </row>
    <row r="4339" spans="1:9" x14ac:dyDescent="0.25">
      <c r="A4339" s="3">
        <v>41977.625810185185</v>
      </c>
      <c r="B4339" s="6">
        <v>72211.049999999988</v>
      </c>
      <c r="C4339" s="7">
        <f t="shared" si="67"/>
        <v>72.211049999999986</v>
      </c>
      <c r="I4339" s="1"/>
    </row>
    <row r="4340" spans="1:9" x14ac:dyDescent="0.25">
      <c r="A4340" s="3">
        <v>41977.625914351855</v>
      </c>
      <c r="B4340" s="6">
        <v>72227.7</v>
      </c>
      <c r="C4340" s="7">
        <f t="shared" si="67"/>
        <v>72.227699999999999</v>
      </c>
      <c r="I4340" s="1"/>
    </row>
    <row r="4341" spans="1:9" x14ac:dyDescent="0.25">
      <c r="A4341" s="3">
        <v>41977.627199074072</v>
      </c>
      <c r="B4341" s="6">
        <v>72244.349999999991</v>
      </c>
      <c r="C4341" s="7">
        <f t="shared" si="67"/>
        <v>72.244349999999997</v>
      </c>
      <c r="I4341" s="1"/>
    </row>
    <row r="4342" spans="1:9" x14ac:dyDescent="0.25">
      <c r="A4342" s="3">
        <v>41977.627326388887</v>
      </c>
      <c r="B4342" s="6">
        <v>72261</v>
      </c>
      <c r="C4342" s="7">
        <f t="shared" si="67"/>
        <v>72.260999999999996</v>
      </c>
      <c r="I4342" s="1"/>
    </row>
    <row r="4343" spans="1:9" x14ac:dyDescent="0.25">
      <c r="A4343" s="3">
        <v>41977.631493055553</v>
      </c>
      <c r="B4343" s="6">
        <v>72277.649999999994</v>
      </c>
      <c r="C4343" s="7">
        <f t="shared" si="67"/>
        <v>72.277649999999994</v>
      </c>
      <c r="I4343" s="1"/>
    </row>
    <row r="4344" spans="1:9" x14ac:dyDescent="0.25">
      <c r="A4344" s="3">
        <v>41977.631574074076</v>
      </c>
      <c r="B4344" s="6">
        <v>72294.299999999988</v>
      </c>
      <c r="C4344" s="7">
        <f t="shared" si="67"/>
        <v>72.294299999999993</v>
      </c>
      <c r="I4344" s="1"/>
    </row>
    <row r="4345" spans="1:9" x14ac:dyDescent="0.25">
      <c r="A4345" s="3">
        <v>41977.633310185185</v>
      </c>
      <c r="B4345" s="6">
        <v>72310.95</v>
      </c>
      <c r="C4345" s="7">
        <f t="shared" si="67"/>
        <v>72.310949999999991</v>
      </c>
      <c r="I4345" s="1"/>
    </row>
    <row r="4346" spans="1:9" x14ac:dyDescent="0.25">
      <c r="A4346" s="3">
        <v>41977.633414351854</v>
      </c>
      <c r="B4346" s="6">
        <v>72327.599999999991</v>
      </c>
      <c r="C4346" s="7">
        <f t="shared" si="67"/>
        <v>72.32759999999999</v>
      </c>
      <c r="I4346" s="1"/>
    </row>
    <row r="4347" spans="1:9" x14ac:dyDescent="0.25">
      <c r="A4347" s="3">
        <v>41977.635439814818</v>
      </c>
      <c r="B4347" s="6">
        <v>72344.25</v>
      </c>
      <c r="C4347" s="7">
        <f t="shared" si="67"/>
        <v>72.344250000000002</v>
      </c>
      <c r="I4347" s="1"/>
    </row>
    <row r="4348" spans="1:9" x14ac:dyDescent="0.25">
      <c r="A4348" s="3">
        <v>41977.635682870372</v>
      </c>
      <c r="B4348" s="6">
        <v>72360.899999999994</v>
      </c>
      <c r="C4348" s="7">
        <f t="shared" si="67"/>
        <v>72.360900000000001</v>
      </c>
      <c r="I4348" s="1"/>
    </row>
    <row r="4349" spans="1:9" x14ac:dyDescent="0.25">
      <c r="A4349" s="3">
        <v>41977.639467592591</v>
      </c>
      <c r="B4349" s="6">
        <v>72377.549999999988</v>
      </c>
      <c r="C4349" s="7">
        <f t="shared" si="67"/>
        <v>72.377549999999985</v>
      </c>
      <c r="I4349" s="1"/>
    </row>
    <row r="4350" spans="1:9" x14ac:dyDescent="0.25">
      <c r="A4350" s="3">
        <v>41977.63958333333</v>
      </c>
      <c r="B4350" s="6">
        <v>72394.2</v>
      </c>
      <c r="C4350" s="7">
        <f t="shared" si="67"/>
        <v>72.394199999999998</v>
      </c>
      <c r="I4350" s="1"/>
    </row>
    <row r="4351" spans="1:9" x14ac:dyDescent="0.25">
      <c r="A4351" s="3">
        <v>41977.640462962961</v>
      </c>
      <c r="B4351" s="6">
        <v>72410.849999999991</v>
      </c>
      <c r="C4351" s="7">
        <f t="shared" si="67"/>
        <v>72.410849999999996</v>
      </c>
      <c r="I4351" s="1"/>
    </row>
    <row r="4352" spans="1:9" x14ac:dyDescent="0.25">
      <c r="A4352" s="3">
        <v>41977.640543981484</v>
      </c>
      <c r="B4352" s="6">
        <v>72427.5</v>
      </c>
      <c r="C4352" s="7">
        <f t="shared" si="67"/>
        <v>72.427499999999995</v>
      </c>
      <c r="I4352" s="1"/>
    </row>
    <row r="4353" spans="1:9" x14ac:dyDescent="0.25">
      <c r="A4353" s="3">
        <v>41977.641261574077</v>
      </c>
      <c r="B4353" s="6">
        <v>72444.149999999994</v>
      </c>
      <c r="C4353" s="7">
        <f t="shared" si="67"/>
        <v>72.444149999999993</v>
      </c>
      <c r="I4353" s="1"/>
    </row>
    <row r="4354" spans="1:9" x14ac:dyDescent="0.25">
      <c r="A4354" s="3">
        <v>41977.641412037039</v>
      </c>
      <c r="B4354" s="6">
        <v>72460.799999999988</v>
      </c>
      <c r="C4354" s="7">
        <f t="shared" si="67"/>
        <v>72.460799999999992</v>
      </c>
      <c r="I4354" s="1"/>
    </row>
    <row r="4355" spans="1:9" x14ac:dyDescent="0.25">
      <c r="A4355" s="3">
        <v>41977.643090277779</v>
      </c>
      <c r="B4355" s="6">
        <v>72477.45</v>
      </c>
      <c r="C4355" s="7">
        <f t="shared" ref="C4355:C4418" si="68">B4355/1000</f>
        <v>72.47744999999999</v>
      </c>
      <c r="I4355" s="1"/>
    </row>
    <row r="4356" spans="1:9" x14ac:dyDescent="0.25">
      <c r="A4356" s="3">
        <v>41977.643333333333</v>
      </c>
      <c r="B4356" s="6">
        <v>72494.099999999991</v>
      </c>
      <c r="C4356" s="7">
        <f t="shared" si="68"/>
        <v>72.494099999999989</v>
      </c>
      <c r="I4356" s="1"/>
    </row>
    <row r="4357" spans="1:9" x14ac:dyDescent="0.25">
      <c r="A4357" s="3">
        <v>41977.645289351851</v>
      </c>
      <c r="B4357" s="6">
        <v>72510.75</v>
      </c>
      <c r="C4357" s="7">
        <f t="shared" si="68"/>
        <v>72.510750000000002</v>
      </c>
      <c r="I4357" s="1"/>
    </row>
    <row r="4358" spans="1:9" x14ac:dyDescent="0.25">
      <c r="A4358" s="3">
        <v>41977.645682870374</v>
      </c>
      <c r="B4358" s="6">
        <v>72527.399999999994</v>
      </c>
      <c r="C4358" s="7">
        <f t="shared" si="68"/>
        <v>72.5274</v>
      </c>
      <c r="I4358" s="1"/>
    </row>
    <row r="4359" spans="1:9" x14ac:dyDescent="0.25">
      <c r="A4359" s="3">
        <v>41977.648113425923</v>
      </c>
      <c r="B4359" s="6">
        <v>72544.049999999988</v>
      </c>
      <c r="C4359" s="7">
        <f t="shared" si="68"/>
        <v>72.544049999999984</v>
      </c>
      <c r="I4359" s="1"/>
    </row>
    <row r="4360" spans="1:9" x14ac:dyDescent="0.25">
      <c r="A4360" s="3">
        <v>41977.649131944447</v>
      </c>
      <c r="B4360" s="6">
        <v>72560.7</v>
      </c>
      <c r="C4360" s="7">
        <f t="shared" si="68"/>
        <v>72.560699999999997</v>
      </c>
      <c r="I4360" s="1"/>
    </row>
    <row r="4361" spans="1:9" x14ac:dyDescent="0.25">
      <c r="A4361" s="3">
        <v>41977.650775462964</v>
      </c>
      <c r="B4361" s="6">
        <v>72577.349999999991</v>
      </c>
      <c r="C4361" s="7">
        <f t="shared" si="68"/>
        <v>72.577349999999996</v>
      </c>
      <c r="I4361" s="1"/>
    </row>
    <row r="4362" spans="1:9" x14ac:dyDescent="0.25">
      <c r="A4362" s="3">
        <v>41977.650868055556</v>
      </c>
      <c r="B4362" s="6">
        <v>72594</v>
      </c>
      <c r="C4362" s="7">
        <f t="shared" si="68"/>
        <v>72.593999999999994</v>
      </c>
      <c r="I4362" s="1"/>
    </row>
    <row r="4363" spans="1:9" x14ac:dyDescent="0.25">
      <c r="A4363" s="3">
        <v>41977.65357638889</v>
      </c>
      <c r="B4363" s="6">
        <v>72610.649999999994</v>
      </c>
      <c r="C4363" s="7">
        <f t="shared" si="68"/>
        <v>72.610649999999993</v>
      </c>
      <c r="I4363" s="1"/>
    </row>
    <row r="4364" spans="1:9" x14ac:dyDescent="0.25">
      <c r="A4364" s="3">
        <v>41977.653726851851</v>
      </c>
      <c r="B4364" s="6">
        <v>72627.299999999988</v>
      </c>
      <c r="C4364" s="7">
        <f t="shared" si="68"/>
        <v>72.627299999999991</v>
      </c>
      <c r="I4364" s="1"/>
    </row>
    <row r="4365" spans="1:9" x14ac:dyDescent="0.25">
      <c r="A4365" s="3">
        <v>41977.654895833337</v>
      </c>
      <c r="B4365" s="6">
        <v>72643.95</v>
      </c>
      <c r="C4365" s="7">
        <f t="shared" si="68"/>
        <v>72.643950000000004</v>
      </c>
      <c r="I4365" s="1"/>
    </row>
    <row r="4366" spans="1:9" x14ac:dyDescent="0.25">
      <c r="A4366" s="3">
        <v>41977.654999999999</v>
      </c>
      <c r="B4366" s="6">
        <v>72660.599999999991</v>
      </c>
      <c r="C4366" s="7">
        <f t="shared" si="68"/>
        <v>72.660599999999988</v>
      </c>
      <c r="I4366" s="1"/>
    </row>
    <row r="4367" spans="1:9" x14ac:dyDescent="0.25">
      <c r="A4367" s="3">
        <v>41977.661469907405</v>
      </c>
      <c r="B4367" s="6">
        <v>72677.25</v>
      </c>
      <c r="C4367" s="7">
        <f t="shared" si="68"/>
        <v>72.677250000000001</v>
      </c>
      <c r="I4367" s="1"/>
    </row>
    <row r="4368" spans="1:9" x14ac:dyDescent="0.25">
      <c r="A4368" s="3">
        <v>41977.661550925928</v>
      </c>
      <c r="B4368" s="6">
        <v>72693.899999999994</v>
      </c>
      <c r="C4368" s="7">
        <f t="shared" si="68"/>
        <v>72.693899999999999</v>
      </c>
      <c r="I4368" s="1"/>
    </row>
    <row r="4369" spans="1:9" x14ac:dyDescent="0.25">
      <c r="A4369" s="3">
        <v>41977.662962962961</v>
      </c>
      <c r="B4369" s="6">
        <v>72710.549999999988</v>
      </c>
      <c r="C4369" s="7">
        <f t="shared" si="68"/>
        <v>72.710549999999984</v>
      </c>
      <c r="I4369" s="1"/>
    </row>
    <row r="4370" spans="1:9" x14ac:dyDescent="0.25">
      <c r="A4370" s="3">
        <v>41977.663055555553</v>
      </c>
      <c r="B4370" s="6">
        <v>72727.199999999997</v>
      </c>
      <c r="C4370" s="7">
        <f t="shared" si="68"/>
        <v>72.727199999999996</v>
      </c>
      <c r="I4370" s="1"/>
    </row>
    <row r="4371" spans="1:9" x14ac:dyDescent="0.25">
      <c r="A4371" s="3">
        <v>41977.66443287037</v>
      </c>
      <c r="B4371" s="6">
        <v>72743.849999999991</v>
      </c>
      <c r="C4371" s="7">
        <f t="shared" si="68"/>
        <v>72.743849999999995</v>
      </c>
      <c r="I4371" s="1"/>
    </row>
    <row r="4372" spans="1:9" x14ac:dyDescent="0.25">
      <c r="A4372" s="3">
        <v>41977.664548611108</v>
      </c>
      <c r="B4372" s="6">
        <v>72760.5</v>
      </c>
      <c r="C4372" s="7">
        <f t="shared" si="68"/>
        <v>72.760499999999993</v>
      </c>
      <c r="I4372" s="1"/>
    </row>
    <row r="4373" spans="1:9" x14ac:dyDescent="0.25">
      <c r="A4373" s="3">
        <v>41977.665277777778</v>
      </c>
      <c r="B4373" s="6">
        <v>72777.149999999994</v>
      </c>
      <c r="C4373" s="7">
        <f t="shared" si="68"/>
        <v>72.777149999999992</v>
      </c>
      <c r="I4373" s="1"/>
    </row>
    <row r="4374" spans="1:9" x14ac:dyDescent="0.25">
      <c r="A4374" s="3">
        <v>41977.665416666663</v>
      </c>
      <c r="B4374" s="6">
        <v>72793.799999999988</v>
      </c>
      <c r="C4374" s="7">
        <f t="shared" si="68"/>
        <v>72.79379999999999</v>
      </c>
      <c r="I4374" s="1"/>
    </row>
    <row r="4375" spans="1:9" x14ac:dyDescent="0.25">
      <c r="A4375" s="3">
        <v>41977.666643518518</v>
      </c>
      <c r="B4375" s="6">
        <v>72810.45</v>
      </c>
      <c r="C4375" s="7">
        <f t="shared" si="68"/>
        <v>72.810450000000003</v>
      </c>
      <c r="I4375" s="1"/>
    </row>
    <row r="4376" spans="1:9" x14ac:dyDescent="0.25">
      <c r="A4376" s="3">
        <v>41977.666863425926</v>
      </c>
      <c r="B4376" s="6">
        <v>72827.099999999991</v>
      </c>
      <c r="C4376" s="7">
        <f t="shared" si="68"/>
        <v>72.827099999999987</v>
      </c>
      <c r="I4376" s="1"/>
    </row>
    <row r="4377" spans="1:9" x14ac:dyDescent="0.25">
      <c r="A4377" s="3">
        <v>41977.669502314813</v>
      </c>
      <c r="B4377" s="6">
        <v>72843.75</v>
      </c>
      <c r="C4377" s="7">
        <f t="shared" si="68"/>
        <v>72.84375</v>
      </c>
      <c r="I4377" s="1"/>
    </row>
    <row r="4378" spans="1:9" x14ac:dyDescent="0.25">
      <c r="A4378" s="3">
        <v>41977.669606481482</v>
      </c>
      <c r="B4378" s="6">
        <v>72860.399999999994</v>
      </c>
      <c r="C4378" s="7">
        <f t="shared" si="68"/>
        <v>72.860399999999998</v>
      </c>
      <c r="I4378" s="1"/>
    </row>
    <row r="4379" spans="1:9" x14ac:dyDescent="0.25">
      <c r="A4379" s="3">
        <v>41977.670810185184</v>
      </c>
      <c r="B4379" s="6">
        <v>72877.049999999988</v>
      </c>
      <c r="C4379" s="7">
        <f t="shared" si="68"/>
        <v>72.877049999999983</v>
      </c>
      <c r="I4379" s="1"/>
    </row>
    <row r="4380" spans="1:9" x14ac:dyDescent="0.25">
      <c r="A4380" s="3">
        <v>41977.67087962963</v>
      </c>
      <c r="B4380" s="6">
        <v>72893.7</v>
      </c>
      <c r="C4380" s="7">
        <f t="shared" si="68"/>
        <v>72.893699999999995</v>
      </c>
      <c r="I4380" s="1"/>
    </row>
    <row r="4381" spans="1:9" x14ac:dyDescent="0.25">
      <c r="A4381" s="3">
        <v>41977.673333333332</v>
      </c>
      <c r="B4381" s="6">
        <v>72910.349999999991</v>
      </c>
      <c r="C4381" s="7">
        <f t="shared" si="68"/>
        <v>72.910349999999994</v>
      </c>
      <c r="I4381" s="1"/>
    </row>
    <row r="4382" spans="1:9" x14ac:dyDescent="0.25">
      <c r="A4382" s="3">
        <v>41977.673414351855</v>
      </c>
      <c r="B4382" s="6">
        <v>72927</v>
      </c>
      <c r="C4382" s="7">
        <f t="shared" si="68"/>
        <v>72.927000000000007</v>
      </c>
      <c r="I4382" s="1"/>
    </row>
    <row r="4383" spans="1:9" x14ac:dyDescent="0.25">
      <c r="A4383" s="3">
        <v>41977.674988425926</v>
      </c>
      <c r="B4383" s="6">
        <v>72943.649999999994</v>
      </c>
      <c r="C4383" s="7">
        <f t="shared" si="68"/>
        <v>72.943649999999991</v>
      </c>
      <c r="I4383" s="1"/>
    </row>
    <row r="4384" spans="1:9" x14ac:dyDescent="0.25">
      <c r="A4384" s="3">
        <v>41977.67527777778</v>
      </c>
      <c r="B4384" s="6">
        <v>72960.299999999988</v>
      </c>
      <c r="C4384" s="7">
        <f t="shared" si="68"/>
        <v>72.960299999999989</v>
      </c>
      <c r="I4384" s="1"/>
    </row>
    <row r="4385" spans="1:9" x14ac:dyDescent="0.25">
      <c r="A4385" s="3">
        <v>41977.676446759258</v>
      </c>
      <c r="B4385" s="6">
        <v>72976.95</v>
      </c>
      <c r="C4385" s="7">
        <f t="shared" si="68"/>
        <v>72.976950000000002</v>
      </c>
      <c r="I4385" s="1"/>
    </row>
    <row r="4386" spans="1:9" x14ac:dyDescent="0.25">
      <c r="A4386" s="3">
        <v>41977.677002314813</v>
      </c>
      <c r="B4386" s="6">
        <v>72993.599999999991</v>
      </c>
      <c r="C4386" s="7">
        <f t="shared" si="68"/>
        <v>72.993599999999986</v>
      </c>
      <c r="I4386" s="1"/>
    </row>
    <row r="4387" spans="1:9" x14ac:dyDescent="0.25">
      <c r="A4387" s="3">
        <v>41977.678310185183</v>
      </c>
      <c r="B4387" s="6">
        <v>73010.25</v>
      </c>
      <c r="C4387" s="7">
        <f t="shared" si="68"/>
        <v>73.010249999999999</v>
      </c>
      <c r="I4387" s="1"/>
    </row>
    <row r="4388" spans="1:9" x14ac:dyDescent="0.25">
      <c r="A4388" s="3">
        <v>41977.678391203706</v>
      </c>
      <c r="B4388" s="6">
        <v>73026.899999999994</v>
      </c>
      <c r="C4388" s="7">
        <f t="shared" si="68"/>
        <v>73.026899999999998</v>
      </c>
      <c r="I4388" s="1"/>
    </row>
    <row r="4389" spans="1:9" x14ac:dyDescent="0.25">
      <c r="A4389" s="3">
        <v>41977.679756944446</v>
      </c>
      <c r="B4389" s="6">
        <v>73043.549999999988</v>
      </c>
      <c r="C4389" s="7">
        <f t="shared" si="68"/>
        <v>73.043549999999982</v>
      </c>
      <c r="I4389" s="1"/>
    </row>
    <row r="4390" spans="1:9" x14ac:dyDescent="0.25">
      <c r="A4390" s="3">
        <v>41977.679884259262</v>
      </c>
      <c r="B4390" s="6">
        <v>73060.2</v>
      </c>
      <c r="C4390" s="7">
        <f t="shared" si="68"/>
        <v>73.060199999999995</v>
      </c>
      <c r="I4390" s="1"/>
    </row>
    <row r="4391" spans="1:9" x14ac:dyDescent="0.25">
      <c r="A4391" s="3">
        <v>41977.683078703703</v>
      </c>
      <c r="B4391" s="6">
        <v>73076.849999999991</v>
      </c>
      <c r="C4391" s="7">
        <f t="shared" si="68"/>
        <v>73.076849999999993</v>
      </c>
      <c r="I4391" s="1"/>
    </row>
    <row r="4392" spans="1:9" x14ac:dyDescent="0.25">
      <c r="A4392" s="3">
        <v>41977.683182870373</v>
      </c>
      <c r="B4392" s="6">
        <v>73093.5</v>
      </c>
      <c r="C4392" s="7">
        <f t="shared" si="68"/>
        <v>73.093500000000006</v>
      </c>
      <c r="I4392" s="1"/>
    </row>
    <row r="4393" spans="1:9" x14ac:dyDescent="0.25">
      <c r="A4393" s="3">
        <v>41977.686111111114</v>
      </c>
      <c r="B4393" s="6">
        <v>73110.149999999994</v>
      </c>
      <c r="C4393" s="7">
        <f t="shared" si="68"/>
        <v>73.11014999999999</v>
      </c>
      <c r="I4393" s="1"/>
    </row>
    <row r="4394" spans="1:9" x14ac:dyDescent="0.25">
      <c r="A4394" s="3">
        <v>41977.686620370368</v>
      </c>
      <c r="B4394" s="6">
        <v>73126.799999999988</v>
      </c>
      <c r="C4394" s="7">
        <f t="shared" si="68"/>
        <v>73.126799999999989</v>
      </c>
      <c r="I4394" s="1"/>
    </row>
    <row r="4395" spans="1:9" x14ac:dyDescent="0.25">
      <c r="A4395" s="3">
        <v>41977.691041666665</v>
      </c>
      <c r="B4395" s="6">
        <v>73143.45</v>
      </c>
      <c r="C4395" s="7">
        <f t="shared" si="68"/>
        <v>73.143450000000001</v>
      </c>
      <c r="I4395" s="1"/>
    </row>
    <row r="4396" spans="1:9" x14ac:dyDescent="0.25">
      <c r="A4396" s="3">
        <v>41977.691111111111</v>
      </c>
      <c r="B4396" s="6">
        <v>73160.099999999991</v>
      </c>
      <c r="C4396" s="7">
        <f t="shared" si="68"/>
        <v>73.160099999999986</v>
      </c>
      <c r="I4396" s="1"/>
    </row>
    <row r="4397" spans="1:9" x14ac:dyDescent="0.25">
      <c r="A4397" s="3">
        <v>41977.691874999997</v>
      </c>
      <c r="B4397" s="6">
        <v>73176.75</v>
      </c>
      <c r="C4397" s="7">
        <f t="shared" si="68"/>
        <v>73.176749999999998</v>
      </c>
      <c r="I4397" s="1"/>
    </row>
    <row r="4398" spans="1:9" x14ac:dyDescent="0.25">
      <c r="A4398" s="3">
        <v>41977.691932870373</v>
      </c>
      <c r="B4398" s="6">
        <v>73193.399999999994</v>
      </c>
      <c r="C4398" s="7">
        <f t="shared" si="68"/>
        <v>73.193399999999997</v>
      </c>
      <c r="I4398" s="1"/>
    </row>
    <row r="4399" spans="1:9" x14ac:dyDescent="0.25">
      <c r="A4399" s="3">
        <v>41977.693877314814</v>
      </c>
      <c r="B4399" s="6">
        <v>73210.049999999988</v>
      </c>
      <c r="C4399" s="7">
        <f t="shared" si="68"/>
        <v>73.210049999999995</v>
      </c>
      <c r="I4399" s="1"/>
    </row>
    <row r="4400" spans="1:9" x14ac:dyDescent="0.25">
      <c r="A4400" s="3">
        <v>41977.694178240738</v>
      </c>
      <c r="B4400" s="6">
        <v>73226.7</v>
      </c>
      <c r="C4400" s="7">
        <f t="shared" si="68"/>
        <v>73.226699999999994</v>
      </c>
      <c r="I4400" s="1"/>
    </row>
    <row r="4401" spans="1:9" x14ac:dyDescent="0.25">
      <c r="A4401" s="3">
        <v>41977.695057870369</v>
      </c>
      <c r="B4401" s="6">
        <v>73243.349999999991</v>
      </c>
      <c r="C4401" s="7">
        <f t="shared" si="68"/>
        <v>73.243349999999992</v>
      </c>
      <c r="I4401" s="1"/>
    </row>
    <row r="4402" spans="1:9" x14ac:dyDescent="0.25">
      <c r="A4402" s="3">
        <v>41977.695173611108</v>
      </c>
      <c r="B4402" s="6">
        <v>73260</v>
      </c>
      <c r="C4402" s="7">
        <f t="shared" si="68"/>
        <v>73.260000000000005</v>
      </c>
      <c r="I4402" s="1"/>
    </row>
    <row r="4403" spans="1:9" x14ac:dyDescent="0.25">
      <c r="A4403" s="3">
        <v>41977.696574074071</v>
      </c>
      <c r="B4403" s="6">
        <v>73276.649999999994</v>
      </c>
      <c r="C4403" s="7">
        <f t="shared" si="68"/>
        <v>73.276649999999989</v>
      </c>
      <c r="I4403" s="1"/>
    </row>
    <row r="4404" spans="1:9" x14ac:dyDescent="0.25">
      <c r="A4404" s="3">
        <v>41977.696747685186</v>
      </c>
      <c r="B4404" s="6">
        <v>73293.299999999988</v>
      </c>
      <c r="C4404" s="7">
        <f t="shared" si="68"/>
        <v>73.293299999999988</v>
      </c>
      <c r="I4404" s="1"/>
    </row>
    <row r="4405" spans="1:9" x14ac:dyDescent="0.25">
      <c r="A4405" s="3">
        <v>41977.69871527778</v>
      </c>
      <c r="B4405" s="6">
        <v>73309.95</v>
      </c>
      <c r="C4405" s="7">
        <f t="shared" si="68"/>
        <v>73.309950000000001</v>
      </c>
      <c r="I4405" s="1"/>
    </row>
    <row r="4406" spans="1:9" x14ac:dyDescent="0.25">
      <c r="A4406" s="3">
        <v>41977.698946759258</v>
      </c>
      <c r="B4406" s="6">
        <v>73326.599999999991</v>
      </c>
      <c r="C4406" s="7">
        <f t="shared" si="68"/>
        <v>73.326599999999985</v>
      </c>
      <c r="I4406" s="1"/>
    </row>
    <row r="4407" spans="1:9" x14ac:dyDescent="0.25">
      <c r="A4407" s="3">
        <v>41977.704282407409</v>
      </c>
      <c r="B4407" s="6">
        <v>73343.25</v>
      </c>
      <c r="C4407" s="7">
        <f t="shared" si="68"/>
        <v>73.343249999999998</v>
      </c>
      <c r="I4407" s="1"/>
    </row>
    <row r="4408" spans="1:9" x14ac:dyDescent="0.25">
      <c r="A4408" s="3">
        <v>41977.704375000001</v>
      </c>
      <c r="B4408" s="6">
        <v>73359.899999999994</v>
      </c>
      <c r="C4408" s="7">
        <f t="shared" si="68"/>
        <v>73.359899999999996</v>
      </c>
      <c r="I4408" s="1"/>
    </row>
    <row r="4409" spans="1:9" x14ac:dyDescent="0.25">
      <c r="A4409" s="3">
        <v>41977.707071759258</v>
      </c>
      <c r="B4409" s="6">
        <v>73376.549999999988</v>
      </c>
      <c r="C4409" s="7">
        <f t="shared" si="68"/>
        <v>73.376549999999995</v>
      </c>
      <c r="I4409" s="1"/>
    </row>
    <row r="4410" spans="1:9" x14ac:dyDescent="0.25">
      <c r="A4410" s="3">
        <v>41977.70721064815</v>
      </c>
      <c r="B4410" s="6">
        <v>73393.2</v>
      </c>
      <c r="C4410" s="7">
        <f t="shared" si="68"/>
        <v>73.393199999999993</v>
      </c>
      <c r="I4410" s="1"/>
    </row>
    <row r="4411" spans="1:9" x14ac:dyDescent="0.25">
      <c r="A4411" s="3">
        <v>41977.709965277776</v>
      </c>
      <c r="B4411" s="6">
        <v>73409.849999999991</v>
      </c>
      <c r="C4411" s="7">
        <f t="shared" si="68"/>
        <v>73.409849999999992</v>
      </c>
      <c r="I4411" s="1"/>
    </row>
    <row r="4412" spans="1:9" x14ac:dyDescent="0.25">
      <c r="A4412" s="3">
        <v>41977.710347222222</v>
      </c>
      <c r="B4412" s="6">
        <v>73426.5</v>
      </c>
      <c r="C4412" s="7">
        <f t="shared" si="68"/>
        <v>73.426500000000004</v>
      </c>
      <c r="I4412" s="1"/>
    </row>
    <row r="4413" spans="1:9" x14ac:dyDescent="0.25">
      <c r="A4413" s="3">
        <v>41977.71947916667</v>
      </c>
      <c r="B4413" s="6">
        <v>73443.149999999994</v>
      </c>
      <c r="C4413" s="7">
        <f t="shared" si="68"/>
        <v>73.443149999999989</v>
      </c>
      <c r="I4413" s="1"/>
    </row>
    <row r="4414" spans="1:9" x14ac:dyDescent="0.25">
      <c r="A4414" s="3">
        <v>41977.721412037034</v>
      </c>
      <c r="B4414" s="6">
        <v>73459.799999999988</v>
      </c>
      <c r="C4414" s="7">
        <f t="shared" si="68"/>
        <v>73.459799999999987</v>
      </c>
      <c r="I4414" s="1"/>
    </row>
    <row r="4415" spans="1:9" x14ac:dyDescent="0.25">
      <c r="A4415" s="3">
        <v>41977.729259259257</v>
      </c>
      <c r="B4415" s="6">
        <v>73476.45</v>
      </c>
      <c r="C4415" s="7">
        <f t="shared" si="68"/>
        <v>73.47645</v>
      </c>
      <c r="I4415" s="1"/>
    </row>
    <row r="4416" spans="1:9" x14ac:dyDescent="0.25">
      <c r="A4416" s="3">
        <v>41977.729398148149</v>
      </c>
      <c r="B4416" s="6">
        <v>73493.099999999991</v>
      </c>
      <c r="C4416" s="7">
        <f t="shared" si="68"/>
        <v>73.493099999999998</v>
      </c>
      <c r="I4416" s="1"/>
    </row>
    <row r="4417" spans="1:9" x14ac:dyDescent="0.25">
      <c r="A4417" s="3">
        <v>41977.738749999997</v>
      </c>
      <c r="B4417" s="6">
        <v>73509.75</v>
      </c>
      <c r="C4417" s="7">
        <f t="shared" si="68"/>
        <v>73.509749999999997</v>
      </c>
      <c r="I4417" s="1"/>
    </row>
    <row r="4418" spans="1:9" x14ac:dyDescent="0.25">
      <c r="A4418" s="3">
        <v>41977.739004629628</v>
      </c>
      <c r="B4418" s="6">
        <v>73526.399999999994</v>
      </c>
      <c r="C4418" s="7">
        <f t="shared" si="68"/>
        <v>73.526399999999995</v>
      </c>
      <c r="I4418" s="1"/>
    </row>
    <row r="4419" spans="1:9" x14ac:dyDescent="0.25">
      <c r="A4419" s="3">
        <v>41977.741354166668</v>
      </c>
      <c r="B4419" s="6">
        <v>73543.049999999988</v>
      </c>
      <c r="C4419" s="7">
        <f t="shared" ref="C4419:C4482" si="69">B4419/1000</f>
        <v>73.543049999999994</v>
      </c>
      <c r="I4419" s="1"/>
    </row>
    <row r="4420" spans="1:9" x14ac:dyDescent="0.25">
      <c r="A4420" s="3">
        <v>41977.742731481485</v>
      </c>
      <c r="B4420" s="6">
        <v>73559.7</v>
      </c>
      <c r="C4420" s="7">
        <f t="shared" si="69"/>
        <v>73.559699999999992</v>
      </c>
      <c r="I4420" s="1"/>
    </row>
    <row r="4421" spans="1:9" x14ac:dyDescent="0.25">
      <c r="A4421" s="3">
        <v>41977.743287037039</v>
      </c>
      <c r="B4421" s="6">
        <v>73576.349999999991</v>
      </c>
      <c r="C4421" s="7">
        <f t="shared" si="69"/>
        <v>73.576349999999991</v>
      </c>
      <c r="I4421" s="1"/>
    </row>
    <row r="4422" spans="1:9" x14ac:dyDescent="0.25">
      <c r="A4422" s="3">
        <v>41977.743368055555</v>
      </c>
      <c r="B4422" s="6">
        <v>73593</v>
      </c>
      <c r="C4422" s="7">
        <f t="shared" si="69"/>
        <v>73.593000000000004</v>
      </c>
      <c r="I4422" s="1"/>
    </row>
    <row r="4423" spans="1:9" x14ac:dyDescent="0.25">
      <c r="A4423" s="3">
        <v>41977.744467592594</v>
      </c>
      <c r="B4423" s="6">
        <v>73609.649999999994</v>
      </c>
      <c r="C4423" s="7">
        <f t="shared" si="69"/>
        <v>73.609649999999988</v>
      </c>
      <c r="I4423" s="1"/>
    </row>
    <row r="4424" spans="1:9" x14ac:dyDescent="0.25">
      <c r="A4424" s="3">
        <v>41977.744537037041</v>
      </c>
      <c r="B4424" s="6">
        <v>73626.299999999988</v>
      </c>
      <c r="C4424" s="7">
        <f t="shared" si="69"/>
        <v>73.626299999999986</v>
      </c>
      <c r="I4424" s="1"/>
    </row>
    <row r="4425" spans="1:9" x14ac:dyDescent="0.25">
      <c r="A4425" s="3">
        <v>41977.751168981478</v>
      </c>
      <c r="B4425" s="6">
        <v>73642.95</v>
      </c>
      <c r="C4425" s="7">
        <f t="shared" si="69"/>
        <v>73.642949999999999</v>
      </c>
      <c r="I4425" s="1"/>
    </row>
    <row r="4426" spans="1:9" x14ac:dyDescent="0.25">
      <c r="A4426" s="3">
        <v>41977.751319444447</v>
      </c>
      <c r="B4426" s="6">
        <v>73659.599999999991</v>
      </c>
      <c r="C4426" s="7">
        <f t="shared" si="69"/>
        <v>73.659599999999998</v>
      </c>
      <c r="I4426" s="1"/>
    </row>
    <row r="4427" spans="1:9" x14ac:dyDescent="0.25">
      <c r="A4427" s="3">
        <v>41977.758298611108</v>
      </c>
      <c r="B4427" s="6">
        <v>73676.25</v>
      </c>
      <c r="C4427" s="7">
        <f t="shared" si="69"/>
        <v>73.676249999999996</v>
      </c>
      <c r="I4427" s="1"/>
    </row>
    <row r="4428" spans="1:9" x14ac:dyDescent="0.25">
      <c r="A4428" s="3">
        <v>41977.758425925924</v>
      </c>
      <c r="B4428" s="6">
        <v>73692.899999999994</v>
      </c>
      <c r="C4428" s="7">
        <f t="shared" si="69"/>
        <v>73.692899999999995</v>
      </c>
      <c r="I4428" s="1"/>
    </row>
    <row r="4429" spans="1:9" x14ac:dyDescent="0.25">
      <c r="A4429" s="3">
        <v>41977.762314814812</v>
      </c>
      <c r="B4429" s="6">
        <v>73709.549999999988</v>
      </c>
      <c r="C4429" s="7">
        <f t="shared" si="69"/>
        <v>73.709549999999993</v>
      </c>
      <c r="I4429" s="1"/>
    </row>
    <row r="4430" spans="1:9" x14ac:dyDescent="0.25">
      <c r="A4430" s="3">
        <v>41977.763402777775</v>
      </c>
      <c r="B4430" s="6">
        <v>73726.2</v>
      </c>
      <c r="C4430" s="7">
        <f t="shared" si="69"/>
        <v>73.726199999999992</v>
      </c>
      <c r="I4430" s="1"/>
    </row>
    <row r="4431" spans="1:9" x14ac:dyDescent="0.25">
      <c r="A4431" s="3">
        <v>41977.777384259258</v>
      </c>
      <c r="B4431" s="6">
        <v>73742.849999999991</v>
      </c>
      <c r="C4431" s="7">
        <f t="shared" si="69"/>
        <v>73.74284999999999</v>
      </c>
      <c r="I4431" s="1"/>
    </row>
    <row r="4432" spans="1:9" x14ac:dyDescent="0.25">
      <c r="A4432" s="3">
        <v>41977.777789351851</v>
      </c>
      <c r="B4432" s="6">
        <v>73759.5</v>
      </c>
      <c r="C4432" s="7">
        <f t="shared" si="69"/>
        <v>73.759500000000003</v>
      </c>
      <c r="I4432" s="1"/>
    </row>
    <row r="4433" spans="1:9" x14ac:dyDescent="0.25">
      <c r="A4433" s="3">
        <v>41977.797662037039</v>
      </c>
      <c r="B4433" s="6">
        <v>73776.149999999994</v>
      </c>
      <c r="C4433" s="7">
        <f t="shared" si="69"/>
        <v>73.776150000000001</v>
      </c>
      <c r="I4433" s="1"/>
    </row>
    <row r="4434" spans="1:9" x14ac:dyDescent="0.25">
      <c r="A4434" s="3">
        <v>41977.797881944447</v>
      </c>
      <c r="B4434" s="6">
        <v>73792.799999999988</v>
      </c>
      <c r="C4434" s="7">
        <f t="shared" si="69"/>
        <v>73.792799999999986</v>
      </c>
      <c r="I4434" s="1"/>
    </row>
    <row r="4435" spans="1:9" x14ac:dyDescent="0.25">
      <c r="A4435" s="2" t="s">
        <v>8</v>
      </c>
      <c r="B4435" s="6">
        <v>73809.45</v>
      </c>
      <c r="C4435" s="7">
        <f t="shared" si="69"/>
        <v>73.809449999999998</v>
      </c>
    </row>
    <row r="4436" spans="1:9" x14ac:dyDescent="0.25">
      <c r="A4436" s="2" t="s">
        <v>9</v>
      </c>
      <c r="B4436" s="6">
        <v>73826.099999999991</v>
      </c>
      <c r="C4436" s="7">
        <f t="shared" si="69"/>
        <v>73.826099999999997</v>
      </c>
    </row>
    <row r="4437" spans="1:9" x14ac:dyDescent="0.25">
      <c r="A4437" s="2" t="s">
        <v>10</v>
      </c>
      <c r="B4437" s="6">
        <v>73842.75</v>
      </c>
      <c r="C4437" s="7">
        <f t="shared" si="69"/>
        <v>73.842749999999995</v>
      </c>
    </row>
    <row r="4438" spans="1:9" x14ac:dyDescent="0.25">
      <c r="A4438" s="2" t="s">
        <v>11</v>
      </c>
      <c r="B4438" s="6">
        <v>73859.399999999994</v>
      </c>
      <c r="C4438" s="7">
        <f t="shared" si="69"/>
        <v>73.859399999999994</v>
      </c>
    </row>
    <row r="4439" spans="1:9" x14ac:dyDescent="0.25">
      <c r="A4439" s="2" t="s">
        <v>12</v>
      </c>
      <c r="B4439" s="6">
        <v>73876.049999999988</v>
      </c>
      <c r="C4439" s="7">
        <f t="shared" si="69"/>
        <v>73.876049999999992</v>
      </c>
    </row>
    <row r="4440" spans="1:9" x14ac:dyDescent="0.25">
      <c r="A4440" s="2" t="s">
        <v>13</v>
      </c>
      <c r="B4440" s="6">
        <v>73892.7</v>
      </c>
      <c r="C4440" s="7">
        <f t="shared" si="69"/>
        <v>73.892699999999991</v>
      </c>
    </row>
    <row r="4441" spans="1:9" x14ac:dyDescent="0.25">
      <c r="A4441" s="2" t="s">
        <v>14</v>
      </c>
      <c r="B4441" s="6">
        <v>73909.349999999991</v>
      </c>
      <c r="C4441" s="7">
        <f t="shared" si="69"/>
        <v>73.909349999999989</v>
      </c>
    </row>
    <row r="4442" spans="1:9" x14ac:dyDescent="0.25">
      <c r="A4442" s="2" t="s">
        <v>15</v>
      </c>
      <c r="B4442" s="6">
        <v>73926</v>
      </c>
      <c r="C4442" s="7">
        <f t="shared" si="69"/>
        <v>73.926000000000002</v>
      </c>
    </row>
    <row r="4443" spans="1:9" x14ac:dyDescent="0.25">
      <c r="A4443" s="2" t="s">
        <v>16</v>
      </c>
      <c r="B4443" s="6">
        <v>73942.649999999994</v>
      </c>
      <c r="C4443" s="7">
        <f t="shared" si="69"/>
        <v>73.94265</v>
      </c>
    </row>
    <row r="4444" spans="1:9" x14ac:dyDescent="0.25">
      <c r="A4444" s="2" t="s">
        <v>17</v>
      </c>
      <c r="B4444" s="6">
        <v>73959.299999999988</v>
      </c>
      <c r="C4444" s="7">
        <f t="shared" si="69"/>
        <v>73.959299999999985</v>
      </c>
    </row>
    <row r="4445" spans="1:9" x14ac:dyDescent="0.25">
      <c r="A4445" s="2" t="s">
        <v>18</v>
      </c>
      <c r="B4445" s="6">
        <v>73975.95</v>
      </c>
      <c r="C4445" s="7">
        <f t="shared" si="69"/>
        <v>73.975949999999997</v>
      </c>
    </row>
    <row r="4446" spans="1:9" x14ac:dyDescent="0.25">
      <c r="A4446" s="2" t="s">
        <v>19</v>
      </c>
      <c r="B4446" s="6">
        <v>73992.599999999991</v>
      </c>
      <c r="C4446" s="7">
        <f t="shared" si="69"/>
        <v>73.992599999999996</v>
      </c>
    </row>
    <row r="4447" spans="1:9" x14ac:dyDescent="0.25">
      <c r="A4447" s="2" t="s">
        <v>20</v>
      </c>
      <c r="B4447" s="6">
        <v>74009.25</v>
      </c>
      <c r="C4447" s="7">
        <f t="shared" si="69"/>
        <v>74.009249999999994</v>
      </c>
    </row>
    <row r="4448" spans="1:9" x14ac:dyDescent="0.25">
      <c r="A4448" s="2" t="s">
        <v>21</v>
      </c>
      <c r="B4448" s="6">
        <v>74025.899999999994</v>
      </c>
      <c r="C4448" s="7">
        <f t="shared" si="69"/>
        <v>74.025899999999993</v>
      </c>
    </row>
    <row r="4449" spans="1:3" x14ac:dyDescent="0.25">
      <c r="A4449" s="2" t="s">
        <v>22</v>
      </c>
      <c r="B4449" s="6">
        <v>74042.549999999988</v>
      </c>
      <c r="C4449" s="7">
        <f t="shared" si="69"/>
        <v>74.042549999999991</v>
      </c>
    </row>
    <row r="4450" spans="1:3" x14ac:dyDescent="0.25">
      <c r="A4450" s="2" t="s">
        <v>23</v>
      </c>
      <c r="B4450" s="6">
        <v>74059.199999999997</v>
      </c>
      <c r="C4450" s="7">
        <f t="shared" si="69"/>
        <v>74.059200000000004</v>
      </c>
    </row>
    <row r="4451" spans="1:3" x14ac:dyDescent="0.25">
      <c r="A4451" s="2" t="s">
        <v>24</v>
      </c>
      <c r="B4451" s="6">
        <v>74075.849999999991</v>
      </c>
      <c r="C4451" s="7">
        <f t="shared" si="69"/>
        <v>74.075849999999988</v>
      </c>
    </row>
    <row r="4452" spans="1:3" x14ac:dyDescent="0.25">
      <c r="A4452" s="2" t="s">
        <v>25</v>
      </c>
      <c r="B4452" s="6">
        <v>74092.5</v>
      </c>
      <c r="C4452" s="7">
        <f t="shared" si="69"/>
        <v>74.092500000000001</v>
      </c>
    </row>
    <row r="4453" spans="1:3" x14ac:dyDescent="0.25">
      <c r="A4453" s="2" t="s">
        <v>26</v>
      </c>
      <c r="B4453" s="6">
        <v>74109.149999999994</v>
      </c>
      <c r="C4453" s="7">
        <f t="shared" si="69"/>
        <v>74.10915</v>
      </c>
    </row>
    <row r="4454" spans="1:3" x14ac:dyDescent="0.25">
      <c r="A4454" s="2" t="s">
        <v>27</v>
      </c>
      <c r="B4454" s="6">
        <v>74125.799999999988</v>
      </c>
      <c r="C4454" s="7">
        <f t="shared" si="69"/>
        <v>74.125799999999984</v>
      </c>
    </row>
    <row r="4455" spans="1:3" x14ac:dyDescent="0.25">
      <c r="A4455" s="2" t="s">
        <v>28</v>
      </c>
      <c r="B4455" s="6">
        <v>74142.45</v>
      </c>
      <c r="C4455" s="7">
        <f t="shared" si="69"/>
        <v>74.142449999999997</v>
      </c>
    </row>
    <row r="4456" spans="1:3" x14ac:dyDescent="0.25">
      <c r="A4456" s="2" t="s">
        <v>29</v>
      </c>
      <c r="B4456" s="6">
        <v>74159.099999999991</v>
      </c>
      <c r="C4456" s="7">
        <f t="shared" si="69"/>
        <v>74.159099999999995</v>
      </c>
    </row>
    <row r="4457" spans="1:3" x14ac:dyDescent="0.25">
      <c r="A4457" s="2" t="s">
        <v>30</v>
      </c>
      <c r="B4457" s="6">
        <v>74175.75</v>
      </c>
      <c r="C4457" s="7">
        <f t="shared" si="69"/>
        <v>74.175749999999994</v>
      </c>
    </row>
    <row r="4458" spans="1:3" x14ac:dyDescent="0.25">
      <c r="A4458" s="2" t="s">
        <v>31</v>
      </c>
      <c r="B4458" s="6">
        <v>74192.399999999994</v>
      </c>
      <c r="C4458" s="7">
        <f t="shared" si="69"/>
        <v>74.192399999999992</v>
      </c>
    </row>
    <row r="4459" spans="1:3" x14ac:dyDescent="0.25">
      <c r="A4459" s="2" t="s">
        <v>32</v>
      </c>
      <c r="B4459" s="6">
        <v>74209.049999999988</v>
      </c>
      <c r="C4459" s="7">
        <f t="shared" si="69"/>
        <v>74.209049999999991</v>
      </c>
    </row>
    <row r="4460" spans="1:3" x14ac:dyDescent="0.25">
      <c r="A4460" s="2" t="s">
        <v>33</v>
      </c>
      <c r="B4460" s="6">
        <v>74225.7</v>
      </c>
      <c r="C4460" s="7">
        <f t="shared" si="69"/>
        <v>74.225700000000003</v>
      </c>
    </row>
    <row r="4461" spans="1:3" x14ac:dyDescent="0.25">
      <c r="A4461" s="2" t="s">
        <v>34</v>
      </c>
      <c r="B4461" s="6">
        <v>74242.349999999991</v>
      </c>
      <c r="C4461" s="7">
        <f t="shared" si="69"/>
        <v>74.242349999999988</v>
      </c>
    </row>
    <row r="4462" spans="1:3" x14ac:dyDescent="0.25">
      <c r="A4462" s="2" t="s">
        <v>35</v>
      </c>
      <c r="B4462" s="6">
        <v>74259</v>
      </c>
      <c r="C4462" s="7">
        <f t="shared" si="69"/>
        <v>74.259</v>
      </c>
    </row>
    <row r="4463" spans="1:3" x14ac:dyDescent="0.25">
      <c r="A4463" s="2" t="s">
        <v>36</v>
      </c>
      <c r="B4463" s="6">
        <v>74275.649999999994</v>
      </c>
      <c r="C4463" s="7">
        <f t="shared" si="69"/>
        <v>74.275649999999999</v>
      </c>
    </row>
    <row r="4464" spans="1:3" x14ac:dyDescent="0.25">
      <c r="A4464" s="2" t="s">
        <v>37</v>
      </c>
      <c r="B4464" s="6">
        <v>74292.299999999988</v>
      </c>
      <c r="C4464" s="7">
        <f t="shared" si="69"/>
        <v>74.292299999999983</v>
      </c>
    </row>
    <row r="4465" spans="1:3" x14ac:dyDescent="0.25">
      <c r="A4465" s="2" t="s">
        <v>38</v>
      </c>
      <c r="B4465" s="6">
        <v>74308.95</v>
      </c>
      <c r="C4465" s="7">
        <f t="shared" si="69"/>
        <v>74.308949999999996</v>
      </c>
    </row>
    <row r="4466" spans="1:3" x14ac:dyDescent="0.25">
      <c r="A4466" s="2" t="s">
        <v>39</v>
      </c>
      <c r="B4466" s="6">
        <v>74325.599999999991</v>
      </c>
      <c r="C4466" s="7">
        <f t="shared" si="69"/>
        <v>74.325599999999994</v>
      </c>
    </row>
    <row r="4467" spans="1:3" x14ac:dyDescent="0.25">
      <c r="A4467" s="2" t="s">
        <v>40</v>
      </c>
      <c r="B4467" s="6">
        <v>74342.25</v>
      </c>
      <c r="C4467" s="7">
        <f t="shared" si="69"/>
        <v>74.342250000000007</v>
      </c>
    </row>
    <row r="4468" spans="1:3" x14ac:dyDescent="0.25">
      <c r="A4468" s="2" t="s">
        <v>41</v>
      </c>
      <c r="B4468" s="6">
        <v>74358.899999999994</v>
      </c>
      <c r="C4468" s="7">
        <f t="shared" si="69"/>
        <v>74.358899999999991</v>
      </c>
    </row>
    <row r="4469" spans="1:3" x14ac:dyDescent="0.25">
      <c r="A4469" s="2" t="s">
        <v>42</v>
      </c>
      <c r="B4469" s="6">
        <v>74375.549999999988</v>
      </c>
      <c r="C4469" s="7">
        <f t="shared" si="69"/>
        <v>74.37554999999999</v>
      </c>
    </row>
    <row r="4470" spans="1:3" x14ac:dyDescent="0.25">
      <c r="A4470" s="2" t="s">
        <v>43</v>
      </c>
      <c r="B4470" s="6">
        <v>74392.2</v>
      </c>
      <c r="C4470" s="7">
        <f t="shared" si="69"/>
        <v>74.392200000000003</v>
      </c>
    </row>
    <row r="4471" spans="1:3" x14ac:dyDescent="0.25">
      <c r="A4471" s="2" t="s">
        <v>44</v>
      </c>
      <c r="B4471" s="6">
        <v>74408.849999999991</v>
      </c>
      <c r="C4471" s="7">
        <f t="shared" si="69"/>
        <v>74.408849999999987</v>
      </c>
    </row>
    <row r="4472" spans="1:3" x14ac:dyDescent="0.25">
      <c r="A4472" s="2" t="s">
        <v>45</v>
      </c>
      <c r="B4472" s="6">
        <v>74425.5</v>
      </c>
      <c r="C4472" s="7">
        <f t="shared" si="69"/>
        <v>74.4255</v>
      </c>
    </row>
    <row r="4473" spans="1:3" x14ac:dyDescent="0.25">
      <c r="A4473" s="2" t="s">
        <v>46</v>
      </c>
      <c r="B4473" s="6">
        <v>74442.149999999994</v>
      </c>
      <c r="C4473" s="7">
        <f t="shared" si="69"/>
        <v>74.442149999999998</v>
      </c>
    </row>
    <row r="4474" spans="1:3" x14ac:dyDescent="0.25">
      <c r="A4474" s="2" t="s">
        <v>47</v>
      </c>
      <c r="B4474" s="6">
        <v>74458.799999999988</v>
      </c>
      <c r="C4474" s="7">
        <f t="shared" si="69"/>
        <v>74.458799999999982</v>
      </c>
    </row>
    <row r="4475" spans="1:3" x14ac:dyDescent="0.25">
      <c r="A4475" s="2" t="s">
        <v>48</v>
      </c>
      <c r="B4475" s="6">
        <v>74475.45</v>
      </c>
      <c r="C4475" s="7">
        <f t="shared" si="69"/>
        <v>74.475449999999995</v>
      </c>
    </row>
    <row r="4476" spans="1:3" x14ac:dyDescent="0.25">
      <c r="A4476" s="2" t="s">
        <v>49</v>
      </c>
      <c r="B4476" s="6">
        <v>74492.099999999991</v>
      </c>
      <c r="C4476" s="7">
        <f t="shared" si="69"/>
        <v>74.492099999999994</v>
      </c>
    </row>
    <row r="4477" spans="1:3" x14ac:dyDescent="0.25">
      <c r="A4477" s="2" t="s">
        <v>50</v>
      </c>
      <c r="B4477" s="6">
        <v>74508.75</v>
      </c>
      <c r="C4477" s="7">
        <f t="shared" si="69"/>
        <v>74.508750000000006</v>
      </c>
    </row>
    <row r="4478" spans="1:3" x14ac:dyDescent="0.25">
      <c r="A4478" s="2" t="s">
        <v>51</v>
      </c>
      <c r="B4478" s="6">
        <v>74525.399999999994</v>
      </c>
      <c r="C4478" s="7">
        <f t="shared" si="69"/>
        <v>74.525399999999991</v>
      </c>
    </row>
    <row r="4479" spans="1:3" x14ac:dyDescent="0.25">
      <c r="A4479" s="2" t="s">
        <v>52</v>
      </c>
      <c r="B4479" s="6">
        <v>74542.049999999988</v>
      </c>
      <c r="C4479" s="7">
        <f t="shared" si="69"/>
        <v>74.542049999999989</v>
      </c>
    </row>
    <row r="4480" spans="1:3" x14ac:dyDescent="0.25">
      <c r="A4480" s="2" t="s">
        <v>53</v>
      </c>
      <c r="B4480" s="6">
        <v>74558.7</v>
      </c>
      <c r="C4480" s="7">
        <f t="shared" si="69"/>
        <v>74.558700000000002</v>
      </c>
    </row>
    <row r="4481" spans="1:3" x14ac:dyDescent="0.25">
      <c r="A4481" s="2" t="s">
        <v>54</v>
      </c>
      <c r="B4481" s="6">
        <v>74575.349999999991</v>
      </c>
      <c r="C4481" s="7">
        <f t="shared" si="69"/>
        <v>74.575349999999986</v>
      </c>
    </row>
    <row r="4482" spans="1:3" x14ac:dyDescent="0.25">
      <c r="A4482" s="2" t="s">
        <v>55</v>
      </c>
      <c r="B4482" s="6">
        <v>74592</v>
      </c>
      <c r="C4482" s="7">
        <f t="shared" si="69"/>
        <v>74.591999999999999</v>
      </c>
    </row>
    <row r="4483" spans="1:3" x14ac:dyDescent="0.25">
      <c r="A4483" s="2" t="s">
        <v>56</v>
      </c>
      <c r="B4483" s="6">
        <v>74608.649999999994</v>
      </c>
      <c r="C4483" s="7">
        <f t="shared" ref="C4483:C4546" si="70">B4483/1000</f>
        <v>74.608649999999997</v>
      </c>
    </row>
    <row r="4484" spans="1:3" x14ac:dyDescent="0.25">
      <c r="A4484" s="2" t="s">
        <v>57</v>
      </c>
      <c r="B4484" s="6">
        <v>74625.299999999988</v>
      </c>
      <c r="C4484" s="7">
        <f t="shared" si="70"/>
        <v>74.625299999999982</v>
      </c>
    </row>
    <row r="4485" spans="1:3" x14ac:dyDescent="0.25">
      <c r="A4485" s="2" t="s">
        <v>58</v>
      </c>
      <c r="B4485" s="6">
        <v>74641.95</v>
      </c>
      <c r="C4485" s="7">
        <f t="shared" si="70"/>
        <v>74.641949999999994</v>
      </c>
    </row>
    <row r="4486" spans="1:3" x14ac:dyDescent="0.25">
      <c r="A4486" s="2" t="s">
        <v>59</v>
      </c>
      <c r="B4486" s="6">
        <v>74658.599999999991</v>
      </c>
      <c r="C4486" s="7">
        <f t="shared" si="70"/>
        <v>74.658599999999993</v>
      </c>
    </row>
    <row r="4487" spans="1:3" x14ac:dyDescent="0.25">
      <c r="A4487" s="2" t="s">
        <v>60</v>
      </c>
      <c r="B4487" s="6">
        <v>74675.25</v>
      </c>
      <c r="C4487" s="7">
        <f t="shared" si="70"/>
        <v>74.675250000000005</v>
      </c>
    </row>
    <row r="4488" spans="1:3" x14ac:dyDescent="0.25">
      <c r="A4488" s="2" t="s">
        <v>61</v>
      </c>
      <c r="B4488" s="6">
        <v>74691.899999999994</v>
      </c>
      <c r="C4488" s="7">
        <f t="shared" si="70"/>
        <v>74.69189999999999</v>
      </c>
    </row>
    <row r="4489" spans="1:3" x14ac:dyDescent="0.25">
      <c r="A4489" s="2" t="s">
        <v>62</v>
      </c>
      <c r="B4489" s="6">
        <v>74708.549999999988</v>
      </c>
      <c r="C4489" s="7">
        <f t="shared" si="70"/>
        <v>74.708549999999988</v>
      </c>
    </row>
    <row r="4490" spans="1:3" x14ac:dyDescent="0.25">
      <c r="A4490" s="2" t="s">
        <v>63</v>
      </c>
      <c r="B4490" s="6">
        <v>74725.2</v>
      </c>
      <c r="C4490" s="7">
        <f t="shared" si="70"/>
        <v>74.725200000000001</v>
      </c>
    </row>
    <row r="4491" spans="1:3" x14ac:dyDescent="0.25">
      <c r="A4491" s="2" t="s">
        <v>64</v>
      </c>
      <c r="B4491" s="6">
        <v>74741.849999999991</v>
      </c>
      <c r="C4491" s="7">
        <f t="shared" si="70"/>
        <v>74.741849999999985</v>
      </c>
    </row>
    <row r="4492" spans="1:3" x14ac:dyDescent="0.25">
      <c r="A4492" s="2" t="s">
        <v>65</v>
      </c>
      <c r="B4492" s="6">
        <v>74758.5</v>
      </c>
      <c r="C4492" s="7">
        <f t="shared" si="70"/>
        <v>74.758499999999998</v>
      </c>
    </row>
    <row r="4493" spans="1:3" x14ac:dyDescent="0.25">
      <c r="A4493" s="2" t="s">
        <v>66</v>
      </c>
      <c r="B4493" s="6">
        <v>74775.149999999994</v>
      </c>
      <c r="C4493" s="7">
        <f t="shared" si="70"/>
        <v>74.775149999999996</v>
      </c>
    </row>
    <row r="4494" spans="1:3" x14ac:dyDescent="0.25">
      <c r="A4494" s="2" t="s">
        <v>67</v>
      </c>
      <c r="B4494" s="6">
        <v>74791.799999999988</v>
      </c>
      <c r="C4494" s="7">
        <f t="shared" si="70"/>
        <v>74.791799999999995</v>
      </c>
    </row>
    <row r="4495" spans="1:3" x14ac:dyDescent="0.25">
      <c r="A4495" s="2" t="s">
        <v>68</v>
      </c>
      <c r="B4495" s="6">
        <v>74808.45</v>
      </c>
      <c r="C4495" s="7">
        <f t="shared" si="70"/>
        <v>74.808449999999993</v>
      </c>
    </row>
    <row r="4496" spans="1:3" x14ac:dyDescent="0.25">
      <c r="A4496" s="2" t="s">
        <v>69</v>
      </c>
      <c r="B4496" s="6">
        <v>74825.099999999991</v>
      </c>
      <c r="C4496" s="7">
        <f t="shared" si="70"/>
        <v>74.825099999999992</v>
      </c>
    </row>
    <row r="4497" spans="1:3" x14ac:dyDescent="0.25">
      <c r="A4497" s="2" t="s">
        <v>70</v>
      </c>
      <c r="B4497" s="6">
        <v>74841.75</v>
      </c>
      <c r="C4497" s="7">
        <f t="shared" si="70"/>
        <v>74.841750000000005</v>
      </c>
    </row>
    <row r="4498" spans="1:3" x14ac:dyDescent="0.25">
      <c r="A4498" s="2" t="s">
        <v>71</v>
      </c>
      <c r="B4498" s="6">
        <v>74858.399999999994</v>
      </c>
      <c r="C4498" s="7">
        <f t="shared" si="70"/>
        <v>74.858399999999989</v>
      </c>
    </row>
    <row r="4499" spans="1:3" x14ac:dyDescent="0.25">
      <c r="A4499" s="2" t="s">
        <v>72</v>
      </c>
      <c r="B4499" s="6">
        <v>74875.049999999988</v>
      </c>
      <c r="C4499" s="7">
        <f t="shared" si="70"/>
        <v>74.875049999999987</v>
      </c>
    </row>
    <row r="4500" spans="1:3" x14ac:dyDescent="0.25">
      <c r="A4500" s="2" t="s">
        <v>73</v>
      </c>
      <c r="B4500" s="6">
        <v>74891.7</v>
      </c>
      <c r="C4500" s="7">
        <f t="shared" si="70"/>
        <v>74.8917</v>
      </c>
    </row>
    <row r="4501" spans="1:3" x14ac:dyDescent="0.25">
      <c r="A4501" s="2" t="s">
        <v>74</v>
      </c>
      <c r="B4501" s="6">
        <v>74908.349999999991</v>
      </c>
      <c r="C4501" s="7">
        <f t="shared" si="70"/>
        <v>74.908349999999984</v>
      </c>
    </row>
    <row r="4502" spans="1:3" x14ac:dyDescent="0.25">
      <c r="A4502" s="2" t="s">
        <v>75</v>
      </c>
      <c r="B4502" s="6">
        <v>74925</v>
      </c>
      <c r="C4502" s="7">
        <f t="shared" si="70"/>
        <v>74.924999999999997</v>
      </c>
    </row>
    <row r="4503" spans="1:3" x14ac:dyDescent="0.25">
      <c r="A4503" s="2" t="s">
        <v>76</v>
      </c>
      <c r="B4503" s="6">
        <v>74941.649999999994</v>
      </c>
      <c r="C4503" s="7">
        <f t="shared" si="70"/>
        <v>74.941649999999996</v>
      </c>
    </row>
    <row r="4504" spans="1:3" x14ac:dyDescent="0.25">
      <c r="A4504" s="2" t="s">
        <v>77</v>
      </c>
      <c r="B4504" s="6">
        <v>74958.299999999988</v>
      </c>
      <c r="C4504" s="7">
        <f t="shared" si="70"/>
        <v>74.958299999999994</v>
      </c>
    </row>
    <row r="4505" spans="1:3" x14ac:dyDescent="0.25">
      <c r="A4505" s="2" t="s">
        <v>78</v>
      </c>
      <c r="B4505" s="6">
        <v>74974.95</v>
      </c>
      <c r="C4505" s="7">
        <f t="shared" si="70"/>
        <v>74.974949999999993</v>
      </c>
    </row>
    <row r="4506" spans="1:3" x14ac:dyDescent="0.25">
      <c r="A4506" s="2" t="s">
        <v>79</v>
      </c>
      <c r="B4506" s="6">
        <v>74991.599999999991</v>
      </c>
      <c r="C4506" s="7">
        <f t="shared" si="70"/>
        <v>74.991599999999991</v>
      </c>
    </row>
    <row r="4507" spans="1:3" x14ac:dyDescent="0.25">
      <c r="A4507" s="2" t="s">
        <v>80</v>
      </c>
      <c r="B4507" s="6">
        <v>75008.25</v>
      </c>
      <c r="C4507" s="7">
        <f t="shared" si="70"/>
        <v>75.008250000000004</v>
      </c>
    </row>
    <row r="4508" spans="1:3" x14ac:dyDescent="0.25">
      <c r="A4508" s="2" t="s">
        <v>81</v>
      </c>
      <c r="B4508" s="6">
        <v>75024.899999999994</v>
      </c>
      <c r="C4508" s="7">
        <f t="shared" si="70"/>
        <v>75.024899999999988</v>
      </c>
    </row>
    <row r="4509" spans="1:3" x14ac:dyDescent="0.25">
      <c r="A4509" s="2" t="s">
        <v>82</v>
      </c>
      <c r="B4509" s="6">
        <v>75041.549999999988</v>
      </c>
      <c r="C4509" s="7">
        <f t="shared" si="70"/>
        <v>75.041549999999987</v>
      </c>
    </row>
    <row r="4510" spans="1:3" x14ac:dyDescent="0.25">
      <c r="A4510" s="2" t="s">
        <v>83</v>
      </c>
      <c r="B4510" s="6">
        <v>75058.2</v>
      </c>
      <c r="C4510" s="7">
        <f t="shared" si="70"/>
        <v>75.058199999999999</v>
      </c>
    </row>
    <row r="4511" spans="1:3" x14ac:dyDescent="0.25">
      <c r="A4511" s="2" t="s">
        <v>84</v>
      </c>
      <c r="B4511" s="6">
        <v>75074.849999999991</v>
      </c>
      <c r="C4511" s="7">
        <f t="shared" si="70"/>
        <v>75.074849999999998</v>
      </c>
    </row>
    <row r="4512" spans="1:3" x14ac:dyDescent="0.25">
      <c r="A4512" s="2" t="s">
        <v>85</v>
      </c>
      <c r="B4512" s="6">
        <v>75091.5</v>
      </c>
      <c r="C4512" s="7">
        <f t="shared" si="70"/>
        <v>75.091499999999996</v>
      </c>
    </row>
    <row r="4513" spans="1:3" x14ac:dyDescent="0.25">
      <c r="A4513" s="2" t="s">
        <v>86</v>
      </c>
      <c r="B4513" s="6">
        <v>75108.149999999994</v>
      </c>
      <c r="C4513" s="7">
        <f t="shared" si="70"/>
        <v>75.108149999999995</v>
      </c>
    </row>
    <row r="4514" spans="1:3" x14ac:dyDescent="0.25">
      <c r="A4514" s="2" t="s">
        <v>87</v>
      </c>
      <c r="B4514" s="6">
        <v>75124.799999999988</v>
      </c>
      <c r="C4514" s="7">
        <f t="shared" si="70"/>
        <v>75.124799999999993</v>
      </c>
    </row>
    <row r="4515" spans="1:3" x14ac:dyDescent="0.25">
      <c r="A4515" s="2" t="s">
        <v>88</v>
      </c>
      <c r="B4515" s="6">
        <v>75141.45</v>
      </c>
      <c r="C4515" s="7">
        <f t="shared" si="70"/>
        <v>75.141449999999992</v>
      </c>
    </row>
    <row r="4516" spans="1:3" x14ac:dyDescent="0.25">
      <c r="A4516" s="2" t="s">
        <v>89</v>
      </c>
      <c r="B4516" s="6">
        <v>75158.099999999991</v>
      </c>
      <c r="C4516" s="7">
        <f t="shared" si="70"/>
        <v>75.15809999999999</v>
      </c>
    </row>
    <row r="4517" spans="1:3" x14ac:dyDescent="0.25">
      <c r="A4517" s="2" t="s">
        <v>90</v>
      </c>
      <c r="B4517" s="6">
        <v>75174.75</v>
      </c>
      <c r="C4517" s="7">
        <f t="shared" si="70"/>
        <v>75.174750000000003</v>
      </c>
    </row>
    <row r="4518" spans="1:3" x14ac:dyDescent="0.25">
      <c r="A4518" s="2" t="s">
        <v>91</v>
      </c>
      <c r="B4518" s="6">
        <v>75191.399999999994</v>
      </c>
      <c r="C4518" s="7">
        <f t="shared" si="70"/>
        <v>75.191399999999987</v>
      </c>
    </row>
    <row r="4519" spans="1:3" x14ac:dyDescent="0.25">
      <c r="A4519" s="2" t="s">
        <v>92</v>
      </c>
      <c r="B4519" s="6">
        <v>75208.049999999988</v>
      </c>
      <c r="C4519" s="7">
        <f t="shared" si="70"/>
        <v>75.208049999999986</v>
      </c>
    </row>
    <row r="4520" spans="1:3" x14ac:dyDescent="0.25">
      <c r="A4520" s="2" t="s">
        <v>93</v>
      </c>
      <c r="B4520" s="6">
        <v>75224.7</v>
      </c>
      <c r="C4520" s="7">
        <f t="shared" si="70"/>
        <v>75.224699999999999</v>
      </c>
    </row>
    <row r="4521" spans="1:3" x14ac:dyDescent="0.25">
      <c r="A4521" s="2" t="s">
        <v>94</v>
      </c>
      <c r="B4521" s="6">
        <v>75241.349999999991</v>
      </c>
      <c r="C4521" s="7">
        <f t="shared" si="70"/>
        <v>75.241349999999997</v>
      </c>
    </row>
    <row r="4522" spans="1:3" x14ac:dyDescent="0.25">
      <c r="A4522" s="2" t="s">
        <v>95</v>
      </c>
      <c r="B4522" s="6">
        <v>75258</v>
      </c>
      <c r="C4522" s="7">
        <f t="shared" si="70"/>
        <v>75.257999999999996</v>
      </c>
    </row>
    <row r="4523" spans="1:3" x14ac:dyDescent="0.25">
      <c r="A4523" s="2" t="s">
        <v>96</v>
      </c>
      <c r="B4523" s="6">
        <v>75274.649999999994</v>
      </c>
      <c r="C4523" s="7">
        <f t="shared" si="70"/>
        <v>75.274649999999994</v>
      </c>
    </row>
    <row r="4524" spans="1:3" x14ac:dyDescent="0.25">
      <c r="A4524" s="2" t="s">
        <v>97</v>
      </c>
      <c r="B4524" s="6">
        <v>75291.299999999988</v>
      </c>
      <c r="C4524" s="7">
        <f t="shared" si="70"/>
        <v>75.291299999999993</v>
      </c>
    </row>
    <row r="4525" spans="1:3" x14ac:dyDescent="0.25">
      <c r="A4525" s="2" t="s">
        <v>98</v>
      </c>
      <c r="B4525" s="6">
        <v>75307.95</v>
      </c>
      <c r="C4525" s="7">
        <f t="shared" si="70"/>
        <v>75.307949999999991</v>
      </c>
    </row>
    <row r="4526" spans="1:3" x14ac:dyDescent="0.25">
      <c r="A4526" s="2" t="s">
        <v>99</v>
      </c>
      <c r="B4526" s="6">
        <v>75324.599999999991</v>
      </c>
      <c r="C4526" s="7">
        <f t="shared" si="70"/>
        <v>75.32459999999999</v>
      </c>
    </row>
    <row r="4527" spans="1:3" x14ac:dyDescent="0.25">
      <c r="A4527" s="2" t="s">
        <v>100</v>
      </c>
      <c r="B4527" s="6">
        <v>75341.25</v>
      </c>
      <c r="C4527" s="7">
        <f t="shared" si="70"/>
        <v>75.341250000000002</v>
      </c>
    </row>
    <row r="4528" spans="1:3" x14ac:dyDescent="0.25">
      <c r="A4528" s="2" t="s">
        <v>101</v>
      </c>
      <c r="B4528" s="6">
        <v>75357.899999999994</v>
      </c>
      <c r="C4528" s="7">
        <f t="shared" si="70"/>
        <v>75.357900000000001</v>
      </c>
    </row>
    <row r="4529" spans="1:3" x14ac:dyDescent="0.25">
      <c r="A4529" s="2" t="s">
        <v>102</v>
      </c>
      <c r="B4529" s="6">
        <v>75374.549999999988</v>
      </c>
      <c r="C4529" s="7">
        <f t="shared" si="70"/>
        <v>75.374549999999985</v>
      </c>
    </row>
    <row r="4530" spans="1:3" x14ac:dyDescent="0.25">
      <c r="A4530" s="2" t="s">
        <v>103</v>
      </c>
      <c r="B4530" s="6">
        <v>75391.199999999997</v>
      </c>
      <c r="C4530" s="7">
        <f t="shared" si="70"/>
        <v>75.391199999999998</v>
      </c>
    </row>
    <row r="4531" spans="1:3" x14ac:dyDescent="0.25">
      <c r="A4531" s="2" t="s">
        <v>104</v>
      </c>
      <c r="B4531" s="6">
        <v>75407.849999999991</v>
      </c>
      <c r="C4531" s="7">
        <f t="shared" si="70"/>
        <v>75.407849999999996</v>
      </c>
    </row>
    <row r="4532" spans="1:3" x14ac:dyDescent="0.25">
      <c r="A4532" s="2" t="s">
        <v>105</v>
      </c>
      <c r="B4532" s="6">
        <v>75424.5</v>
      </c>
      <c r="C4532" s="7">
        <f t="shared" si="70"/>
        <v>75.424499999999995</v>
      </c>
    </row>
    <row r="4533" spans="1:3" x14ac:dyDescent="0.25">
      <c r="A4533" s="2" t="s">
        <v>106</v>
      </c>
      <c r="B4533" s="6">
        <v>75441.149999999994</v>
      </c>
      <c r="C4533" s="7">
        <f t="shared" si="70"/>
        <v>75.441149999999993</v>
      </c>
    </row>
    <row r="4534" spans="1:3" x14ac:dyDescent="0.25">
      <c r="A4534" s="2" t="s">
        <v>107</v>
      </c>
      <c r="B4534" s="6">
        <v>75457.799999999988</v>
      </c>
      <c r="C4534" s="7">
        <f t="shared" si="70"/>
        <v>75.457799999999992</v>
      </c>
    </row>
    <row r="4535" spans="1:3" x14ac:dyDescent="0.25">
      <c r="A4535" s="2" t="s">
        <v>108</v>
      </c>
      <c r="B4535" s="6">
        <v>75474.45</v>
      </c>
      <c r="C4535" s="7">
        <f t="shared" si="70"/>
        <v>75.47444999999999</v>
      </c>
    </row>
    <row r="4536" spans="1:3" x14ac:dyDescent="0.25">
      <c r="A4536" s="2" t="s">
        <v>109</v>
      </c>
      <c r="B4536" s="6">
        <v>75491.099999999991</v>
      </c>
      <c r="C4536" s="7">
        <f t="shared" si="70"/>
        <v>75.491099999999989</v>
      </c>
    </row>
    <row r="4537" spans="1:3" x14ac:dyDescent="0.25">
      <c r="A4537" s="2" t="s">
        <v>110</v>
      </c>
      <c r="B4537" s="6">
        <v>75507.75</v>
      </c>
      <c r="C4537" s="7">
        <f t="shared" si="70"/>
        <v>75.507750000000001</v>
      </c>
    </row>
    <row r="4538" spans="1:3" x14ac:dyDescent="0.25">
      <c r="A4538" s="2" t="s">
        <v>111</v>
      </c>
      <c r="B4538" s="6">
        <v>75524.399999999994</v>
      </c>
      <c r="C4538" s="7">
        <f t="shared" si="70"/>
        <v>75.5244</v>
      </c>
    </row>
    <row r="4539" spans="1:3" x14ac:dyDescent="0.25">
      <c r="A4539" s="2" t="s">
        <v>112</v>
      </c>
      <c r="B4539" s="6">
        <v>75541.049999999988</v>
      </c>
      <c r="C4539" s="7">
        <f t="shared" si="70"/>
        <v>75.541049999999984</v>
      </c>
    </row>
    <row r="4540" spans="1:3" x14ac:dyDescent="0.25">
      <c r="A4540" s="2" t="s">
        <v>113</v>
      </c>
      <c r="B4540" s="6">
        <v>75557.7</v>
      </c>
      <c r="C4540" s="7">
        <f t="shared" si="70"/>
        <v>75.557699999999997</v>
      </c>
    </row>
    <row r="4541" spans="1:3" x14ac:dyDescent="0.25">
      <c r="A4541" s="2" t="s">
        <v>114</v>
      </c>
      <c r="B4541" s="6">
        <v>75574.349999999991</v>
      </c>
      <c r="C4541" s="7">
        <f t="shared" si="70"/>
        <v>75.574349999999995</v>
      </c>
    </row>
    <row r="4542" spans="1:3" x14ac:dyDescent="0.25">
      <c r="A4542" s="2" t="s">
        <v>115</v>
      </c>
      <c r="B4542" s="6">
        <v>75591</v>
      </c>
      <c r="C4542" s="7">
        <f t="shared" si="70"/>
        <v>75.590999999999994</v>
      </c>
    </row>
    <row r="4543" spans="1:3" x14ac:dyDescent="0.25">
      <c r="A4543" s="2" t="s">
        <v>116</v>
      </c>
      <c r="B4543" s="6">
        <v>75607.649999999994</v>
      </c>
      <c r="C4543" s="7">
        <f t="shared" si="70"/>
        <v>75.607649999999992</v>
      </c>
    </row>
    <row r="4544" spans="1:3" x14ac:dyDescent="0.25">
      <c r="A4544" s="2" t="s">
        <v>117</v>
      </c>
      <c r="B4544" s="6">
        <v>75624.299999999988</v>
      </c>
      <c r="C4544" s="7">
        <f t="shared" si="70"/>
        <v>75.624299999999991</v>
      </c>
    </row>
    <row r="4545" spans="1:3" x14ac:dyDescent="0.25">
      <c r="A4545" s="2" t="s">
        <v>118</v>
      </c>
      <c r="B4545" s="6">
        <v>75640.95</v>
      </c>
      <c r="C4545" s="7">
        <f t="shared" si="70"/>
        <v>75.640950000000004</v>
      </c>
    </row>
    <row r="4546" spans="1:3" x14ac:dyDescent="0.25">
      <c r="A4546" s="2" t="s">
        <v>119</v>
      </c>
      <c r="B4546" s="6">
        <v>75657.599999999991</v>
      </c>
      <c r="C4546" s="7">
        <f t="shared" si="70"/>
        <v>75.657599999999988</v>
      </c>
    </row>
    <row r="4547" spans="1:3" x14ac:dyDescent="0.25">
      <c r="A4547" s="2" t="s">
        <v>120</v>
      </c>
      <c r="B4547" s="6">
        <v>75674.25</v>
      </c>
      <c r="C4547" s="7">
        <f t="shared" ref="C4547:C4610" si="71">B4547/1000</f>
        <v>75.674250000000001</v>
      </c>
    </row>
    <row r="4548" spans="1:3" x14ac:dyDescent="0.25">
      <c r="A4548" s="2" t="s">
        <v>121</v>
      </c>
      <c r="B4548" s="6">
        <v>75690.899999999994</v>
      </c>
      <c r="C4548" s="7">
        <f t="shared" si="71"/>
        <v>75.690899999999999</v>
      </c>
    </row>
    <row r="4549" spans="1:3" x14ac:dyDescent="0.25">
      <c r="A4549" s="2" t="s">
        <v>122</v>
      </c>
      <c r="B4549" s="6">
        <v>75707.549999999988</v>
      </c>
      <c r="C4549" s="7">
        <f t="shared" si="71"/>
        <v>75.707549999999983</v>
      </c>
    </row>
    <row r="4550" spans="1:3" x14ac:dyDescent="0.25">
      <c r="A4550" s="2" t="s">
        <v>123</v>
      </c>
      <c r="B4550" s="6">
        <v>75724.2</v>
      </c>
      <c r="C4550" s="7">
        <f t="shared" si="71"/>
        <v>75.724199999999996</v>
      </c>
    </row>
    <row r="4551" spans="1:3" x14ac:dyDescent="0.25">
      <c r="A4551" s="2" t="s">
        <v>124</v>
      </c>
      <c r="B4551" s="6">
        <v>75740.849999999991</v>
      </c>
      <c r="C4551" s="7">
        <f t="shared" si="71"/>
        <v>75.740849999999995</v>
      </c>
    </row>
    <row r="4552" spans="1:3" x14ac:dyDescent="0.25">
      <c r="A4552" s="2" t="s">
        <v>125</v>
      </c>
      <c r="B4552" s="6">
        <v>75757.5</v>
      </c>
      <c r="C4552" s="7">
        <f t="shared" si="71"/>
        <v>75.757499999999993</v>
      </c>
    </row>
    <row r="4553" spans="1:3" x14ac:dyDescent="0.25">
      <c r="A4553" s="2" t="s">
        <v>126</v>
      </c>
      <c r="B4553" s="6">
        <v>75774.149999999994</v>
      </c>
      <c r="C4553" s="7">
        <f t="shared" si="71"/>
        <v>75.774149999999992</v>
      </c>
    </row>
    <row r="4554" spans="1:3" x14ac:dyDescent="0.25">
      <c r="A4554" s="2" t="s">
        <v>127</v>
      </c>
      <c r="B4554" s="6">
        <v>75790.799999999988</v>
      </c>
      <c r="C4554" s="7">
        <f t="shared" si="71"/>
        <v>75.79079999999999</v>
      </c>
    </row>
    <row r="4555" spans="1:3" x14ac:dyDescent="0.25">
      <c r="A4555" s="2" t="s">
        <v>128</v>
      </c>
      <c r="B4555" s="6">
        <v>75807.45</v>
      </c>
      <c r="C4555" s="7">
        <f t="shared" si="71"/>
        <v>75.807450000000003</v>
      </c>
    </row>
    <row r="4556" spans="1:3" x14ac:dyDescent="0.25">
      <c r="A4556" s="2" t="s">
        <v>129</v>
      </c>
      <c r="B4556" s="6">
        <v>75824.099999999991</v>
      </c>
      <c r="C4556" s="7">
        <f t="shared" si="71"/>
        <v>75.824099999999987</v>
      </c>
    </row>
    <row r="4557" spans="1:3" x14ac:dyDescent="0.25">
      <c r="A4557" s="2" t="s">
        <v>130</v>
      </c>
      <c r="B4557" s="6">
        <v>75840.75</v>
      </c>
      <c r="C4557" s="7">
        <f t="shared" si="71"/>
        <v>75.84075</v>
      </c>
    </row>
    <row r="4558" spans="1:3" x14ac:dyDescent="0.25">
      <c r="A4558" s="2" t="s">
        <v>131</v>
      </c>
      <c r="B4558" s="6">
        <v>75857.399999999994</v>
      </c>
      <c r="C4558" s="7">
        <f t="shared" si="71"/>
        <v>75.857399999999998</v>
      </c>
    </row>
    <row r="4559" spans="1:3" x14ac:dyDescent="0.25">
      <c r="A4559" s="2" t="s">
        <v>132</v>
      </c>
      <c r="B4559" s="6">
        <v>75874.049999999988</v>
      </c>
      <c r="C4559" s="7">
        <f t="shared" si="71"/>
        <v>75.874049999999983</v>
      </c>
    </row>
    <row r="4560" spans="1:3" x14ac:dyDescent="0.25">
      <c r="A4560" s="2" t="s">
        <v>133</v>
      </c>
      <c r="B4560" s="6">
        <v>75890.7</v>
      </c>
      <c r="C4560" s="7">
        <f t="shared" si="71"/>
        <v>75.890699999999995</v>
      </c>
    </row>
    <row r="4561" spans="1:3" x14ac:dyDescent="0.25">
      <c r="A4561" s="2" t="s">
        <v>134</v>
      </c>
      <c r="B4561" s="6">
        <v>75907.349999999991</v>
      </c>
      <c r="C4561" s="7">
        <f t="shared" si="71"/>
        <v>75.907349999999994</v>
      </c>
    </row>
    <row r="4562" spans="1:3" x14ac:dyDescent="0.25">
      <c r="A4562" s="2" t="s">
        <v>135</v>
      </c>
      <c r="B4562" s="6">
        <v>75924</v>
      </c>
      <c r="C4562" s="7">
        <f t="shared" si="71"/>
        <v>75.924000000000007</v>
      </c>
    </row>
    <row r="4563" spans="1:3" x14ac:dyDescent="0.25">
      <c r="A4563" s="2" t="s">
        <v>136</v>
      </c>
      <c r="B4563" s="6">
        <v>75940.649999999994</v>
      </c>
      <c r="C4563" s="7">
        <f t="shared" si="71"/>
        <v>75.940649999999991</v>
      </c>
    </row>
    <row r="4564" spans="1:3" x14ac:dyDescent="0.25">
      <c r="A4564" s="2" t="s">
        <v>137</v>
      </c>
      <c r="B4564" s="6">
        <v>75957.299999999988</v>
      </c>
      <c r="C4564" s="7">
        <f t="shared" si="71"/>
        <v>75.957299999999989</v>
      </c>
    </row>
    <row r="4565" spans="1:3" x14ac:dyDescent="0.25">
      <c r="A4565" s="2" t="s">
        <v>138</v>
      </c>
      <c r="B4565" s="6">
        <v>75973.95</v>
      </c>
      <c r="C4565" s="7">
        <f t="shared" si="71"/>
        <v>75.973950000000002</v>
      </c>
    </row>
    <row r="4566" spans="1:3" x14ac:dyDescent="0.25">
      <c r="A4566" s="2" t="s">
        <v>139</v>
      </c>
      <c r="B4566" s="6">
        <v>75990.599999999991</v>
      </c>
      <c r="C4566" s="7">
        <f t="shared" si="71"/>
        <v>75.990599999999986</v>
      </c>
    </row>
    <row r="4567" spans="1:3" x14ac:dyDescent="0.25">
      <c r="A4567" s="2" t="s">
        <v>140</v>
      </c>
      <c r="B4567" s="6">
        <v>76007.25</v>
      </c>
      <c r="C4567" s="7">
        <f t="shared" si="71"/>
        <v>76.007249999999999</v>
      </c>
    </row>
    <row r="4568" spans="1:3" x14ac:dyDescent="0.25">
      <c r="A4568" s="2" t="s">
        <v>141</v>
      </c>
      <c r="B4568" s="6">
        <v>76023.899999999994</v>
      </c>
      <c r="C4568" s="7">
        <f t="shared" si="71"/>
        <v>76.023899999999998</v>
      </c>
    </row>
    <row r="4569" spans="1:3" x14ac:dyDescent="0.25">
      <c r="A4569" s="2" t="s">
        <v>142</v>
      </c>
      <c r="B4569" s="6">
        <v>76040.549999999988</v>
      </c>
      <c r="C4569" s="7">
        <f t="shared" si="71"/>
        <v>76.040549999999982</v>
      </c>
    </row>
    <row r="4570" spans="1:3" x14ac:dyDescent="0.25">
      <c r="A4570" s="2" t="s">
        <v>143</v>
      </c>
      <c r="B4570" s="6">
        <v>76057.2</v>
      </c>
      <c r="C4570" s="7">
        <f t="shared" si="71"/>
        <v>76.057199999999995</v>
      </c>
    </row>
    <row r="4571" spans="1:3" x14ac:dyDescent="0.25">
      <c r="A4571" s="2" t="s">
        <v>144</v>
      </c>
      <c r="B4571" s="6">
        <v>76073.849999999991</v>
      </c>
      <c r="C4571" s="7">
        <f t="shared" si="71"/>
        <v>76.073849999999993</v>
      </c>
    </row>
    <row r="4572" spans="1:3" x14ac:dyDescent="0.25">
      <c r="A4572" s="2" t="s">
        <v>145</v>
      </c>
      <c r="B4572" s="6">
        <v>76090.5</v>
      </c>
      <c r="C4572" s="7">
        <f t="shared" si="71"/>
        <v>76.090500000000006</v>
      </c>
    </row>
    <row r="4573" spans="1:3" x14ac:dyDescent="0.25">
      <c r="A4573" s="2" t="s">
        <v>146</v>
      </c>
      <c r="B4573" s="6">
        <v>76107.149999999994</v>
      </c>
      <c r="C4573" s="7">
        <f t="shared" si="71"/>
        <v>76.10714999999999</v>
      </c>
    </row>
    <row r="4574" spans="1:3" x14ac:dyDescent="0.25">
      <c r="A4574" s="2" t="s">
        <v>147</v>
      </c>
      <c r="B4574" s="6">
        <v>76123.799999999988</v>
      </c>
      <c r="C4574" s="7">
        <f t="shared" si="71"/>
        <v>76.123799999999989</v>
      </c>
    </row>
    <row r="4575" spans="1:3" x14ac:dyDescent="0.25">
      <c r="A4575" s="2" t="s">
        <v>148</v>
      </c>
      <c r="B4575" s="6">
        <v>76140.45</v>
      </c>
      <c r="C4575" s="7">
        <f t="shared" si="71"/>
        <v>76.140450000000001</v>
      </c>
    </row>
    <row r="4576" spans="1:3" x14ac:dyDescent="0.25">
      <c r="A4576" s="2" t="s">
        <v>149</v>
      </c>
      <c r="B4576" s="6">
        <v>76157.099999999991</v>
      </c>
      <c r="C4576" s="7">
        <f t="shared" si="71"/>
        <v>76.157099999999986</v>
      </c>
    </row>
    <row r="4577" spans="1:3" x14ac:dyDescent="0.25">
      <c r="A4577" s="2" t="s">
        <v>150</v>
      </c>
      <c r="B4577" s="6">
        <v>76173.75</v>
      </c>
      <c r="C4577" s="7">
        <f t="shared" si="71"/>
        <v>76.173749999999998</v>
      </c>
    </row>
    <row r="4578" spans="1:3" x14ac:dyDescent="0.25">
      <c r="A4578" s="2" t="s">
        <v>151</v>
      </c>
      <c r="B4578" s="6">
        <v>76190.399999999994</v>
      </c>
      <c r="C4578" s="7">
        <f t="shared" si="71"/>
        <v>76.190399999999997</v>
      </c>
    </row>
    <row r="4579" spans="1:3" x14ac:dyDescent="0.25">
      <c r="A4579" s="2" t="s">
        <v>152</v>
      </c>
      <c r="B4579" s="6">
        <v>76207.049999999988</v>
      </c>
      <c r="C4579" s="7">
        <f t="shared" si="71"/>
        <v>76.207049999999995</v>
      </c>
    </row>
    <row r="4580" spans="1:3" x14ac:dyDescent="0.25">
      <c r="A4580" s="2" t="s">
        <v>153</v>
      </c>
      <c r="B4580" s="6">
        <v>76223.7</v>
      </c>
      <c r="C4580" s="7">
        <f t="shared" si="71"/>
        <v>76.223699999999994</v>
      </c>
    </row>
    <row r="4581" spans="1:3" x14ac:dyDescent="0.25">
      <c r="A4581" s="2" t="s">
        <v>154</v>
      </c>
      <c r="B4581" s="6">
        <v>76240.349999999991</v>
      </c>
      <c r="C4581" s="7">
        <f t="shared" si="71"/>
        <v>76.240349999999992</v>
      </c>
    </row>
    <row r="4582" spans="1:3" x14ac:dyDescent="0.25">
      <c r="A4582" s="2" t="s">
        <v>155</v>
      </c>
      <c r="B4582" s="6">
        <v>76257</v>
      </c>
      <c r="C4582" s="7">
        <f t="shared" si="71"/>
        <v>76.257000000000005</v>
      </c>
    </row>
    <row r="4583" spans="1:3" x14ac:dyDescent="0.25">
      <c r="A4583" s="2" t="s">
        <v>156</v>
      </c>
      <c r="B4583" s="6">
        <v>76273.649999999994</v>
      </c>
      <c r="C4583" s="7">
        <f t="shared" si="71"/>
        <v>76.273649999999989</v>
      </c>
    </row>
    <row r="4584" spans="1:3" x14ac:dyDescent="0.25">
      <c r="A4584" s="2" t="s">
        <v>157</v>
      </c>
      <c r="B4584" s="6">
        <v>76290.299999999988</v>
      </c>
      <c r="C4584" s="7">
        <f t="shared" si="71"/>
        <v>76.290299999999988</v>
      </c>
    </row>
    <row r="4585" spans="1:3" x14ac:dyDescent="0.25">
      <c r="A4585" s="2" t="s">
        <v>158</v>
      </c>
      <c r="B4585" s="6">
        <v>76306.95</v>
      </c>
      <c r="C4585" s="7">
        <f t="shared" si="71"/>
        <v>76.306950000000001</v>
      </c>
    </row>
    <row r="4586" spans="1:3" x14ac:dyDescent="0.25">
      <c r="A4586" s="2" t="s">
        <v>159</v>
      </c>
      <c r="B4586" s="6">
        <v>76323.599999999991</v>
      </c>
      <c r="C4586" s="7">
        <f t="shared" si="71"/>
        <v>76.323599999999985</v>
      </c>
    </row>
    <row r="4587" spans="1:3" x14ac:dyDescent="0.25">
      <c r="A4587" s="2" t="s">
        <v>160</v>
      </c>
      <c r="B4587" s="6">
        <v>76340.25</v>
      </c>
      <c r="C4587" s="7">
        <f t="shared" si="71"/>
        <v>76.340249999999997</v>
      </c>
    </row>
    <row r="4588" spans="1:3" x14ac:dyDescent="0.25">
      <c r="A4588" s="2" t="s">
        <v>161</v>
      </c>
      <c r="B4588" s="6">
        <v>76356.899999999994</v>
      </c>
      <c r="C4588" s="7">
        <f t="shared" si="71"/>
        <v>76.356899999999996</v>
      </c>
    </row>
    <row r="4589" spans="1:3" x14ac:dyDescent="0.25">
      <c r="A4589" s="2" t="s">
        <v>162</v>
      </c>
      <c r="B4589" s="6">
        <v>76373.549999999988</v>
      </c>
      <c r="C4589" s="7">
        <f t="shared" si="71"/>
        <v>76.373549999999994</v>
      </c>
    </row>
    <row r="4590" spans="1:3" x14ac:dyDescent="0.25">
      <c r="A4590" s="2" t="s">
        <v>163</v>
      </c>
      <c r="B4590" s="6">
        <v>76390.2</v>
      </c>
      <c r="C4590" s="7">
        <f t="shared" si="71"/>
        <v>76.390199999999993</v>
      </c>
    </row>
    <row r="4591" spans="1:3" x14ac:dyDescent="0.25">
      <c r="A4591" s="2" t="s">
        <v>164</v>
      </c>
      <c r="B4591" s="6">
        <v>76406.849999999991</v>
      </c>
      <c r="C4591" s="7">
        <f t="shared" si="71"/>
        <v>76.406849999999991</v>
      </c>
    </row>
    <row r="4592" spans="1:3" x14ac:dyDescent="0.25">
      <c r="A4592" s="2" t="s">
        <v>165</v>
      </c>
      <c r="B4592" s="6">
        <v>76423.5</v>
      </c>
      <c r="C4592" s="7">
        <f t="shared" si="71"/>
        <v>76.423500000000004</v>
      </c>
    </row>
    <row r="4593" spans="1:3" x14ac:dyDescent="0.25">
      <c r="A4593" s="2" t="s">
        <v>166</v>
      </c>
      <c r="B4593" s="6">
        <v>76440.149999999994</v>
      </c>
      <c r="C4593" s="7">
        <f t="shared" si="71"/>
        <v>76.440149999999988</v>
      </c>
    </row>
    <row r="4594" spans="1:3" x14ac:dyDescent="0.25">
      <c r="A4594" s="2" t="s">
        <v>167</v>
      </c>
      <c r="B4594" s="6">
        <v>76456.799999999988</v>
      </c>
      <c r="C4594" s="7">
        <f t="shared" si="71"/>
        <v>76.456799999999987</v>
      </c>
    </row>
    <row r="4595" spans="1:3" x14ac:dyDescent="0.25">
      <c r="A4595" s="2" t="s">
        <v>168</v>
      </c>
      <c r="B4595" s="6">
        <v>76473.45</v>
      </c>
      <c r="C4595" s="7">
        <f t="shared" si="71"/>
        <v>76.47345</v>
      </c>
    </row>
    <row r="4596" spans="1:3" x14ac:dyDescent="0.25">
      <c r="A4596" s="2" t="s">
        <v>169</v>
      </c>
      <c r="B4596" s="6">
        <v>76490.099999999991</v>
      </c>
      <c r="C4596" s="7">
        <f t="shared" si="71"/>
        <v>76.490099999999998</v>
      </c>
    </row>
    <row r="4597" spans="1:3" x14ac:dyDescent="0.25">
      <c r="A4597" s="2" t="s">
        <v>170</v>
      </c>
      <c r="B4597" s="6">
        <v>76506.75</v>
      </c>
      <c r="C4597" s="7">
        <f t="shared" si="71"/>
        <v>76.506749999999997</v>
      </c>
    </row>
    <row r="4598" spans="1:3" x14ac:dyDescent="0.25">
      <c r="A4598" s="2" t="s">
        <v>171</v>
      </c>
      <c r="B4598" s="6">
        <v>76523.399999999994</v>
      </c>
      <c r="C4598" s="7">
        <f t="shared" si="71"/>
        <v>76.523399999999995</v>
      </c>
    </row>
    <row r="4599" spans="1:3" x14ac:dyDescent="0.25">
      <c r="A4599" s="2" t="s">
        <v>172</v>
      </c>
      <c r="B4599" s="6">
        <v>76540.049999999988</v>
      </c>
      <c r="C4599" s="7">
        <f t="shared" si="71"/>
        <v>76.540049999999994</v>
      </c>
    </row>
    <row r="4600" spans="1:3" x14ac:dyDescent="0.25">
      <c r="A4600" s="2" t="s">
        <v>173</v>
      </c>
      <c r="B4600" s="6">
        <v>76556.7</v>
      </c>
      <c r="C4600" s="7">
        <f t="shared" si="71"/>
        <v>76.556699999999992</v>
      </c>
    </row>
    <row r="4601" spans="1:3" x14ac:dyDescent="0.25">
      <c r="A4601" s="2" t="s">
        <v>174</v>
      </c>
      <c r="B4601" s="6">
        <v>76573.349999999991</v>
      </c>
      <c r="C4601" s="7">
        <f t="shared" si="71"/>
        <v>76.573349999999991</v>
      </c>
    </row>
    <row r="4602" spans="1:3" x14ac:dyDescent="0.25">
      <c r="A4602" s="2" t="s">
        <v>175</v>
      </c>
      <c r="B4602" s="6">
        <v>76590</v>
      </c>
      <c r="C4602" s="7">
        <f t="shared" si="71"/>
        <v>76.59</v>
      </c>
    </row>
    <row r="4603" spans="1:3" x14ac:dyDescent="0.25">
      <c r="A4603" s="2" t="s">
        <v>176</v>
      </c>
      <c r="B4603" s="6">
        <v>76606.649999999994</v>
      </c>
      <c r="C4603" s="7">
        <f t="shared" si="71"/>
        <v>76.606649999999988</v>
      </c>
    </row>
    <row r="4604" spans="1:3" x14ac:dyDescent="0.25">
      <c r="A4604" s="2" t="s">
        <v>177</v>
      </c>
      <c r="B4604" s="6">
        <v>76623.299999999988</v>
      </c>
      <c r="C4604" s="7">
        <f t="shared" si="71"/>
        <v>76.623299999999986</v>
      </c>
    </row>
    <row r="4605" spans="1:3" x14ac:dyDescent="0.25">
      <c r="A4605" s="2" t="s">
        <v>178</v>
      </c>
      <c r="B4605" s="6">
        <v>76639.95</v>
      </c>
      <c r="C4605" s="7">
        <f t="shared" si="71"/>
        <v>76.639949999999999</v>
      </c>
    </row>
    <row r="4606" spans="1:3" x14ac:dyDescent="0.25">
      <c r="A4606" s="2" t="s">
        <v>179</v>
      </c>
      <c r="B4606" s="6">
        <v>76656.599999999991</v>
      </c>
      <c r="C4606" s="7">
        <f t="shared" si="71"/>
        <v>76.656599999999997</v>
      </c>
    </row>
    <row r="4607" spans="1:3" x14ac:dyDescent="0.25">
      <c r="A4607" s="2" t="s">
        <v>180</v>
      </c>
      <c r="B4607" s="6">
        <v>76673.25</v>
      </c>
      <c r="C4607" s="7">
        <f t="shared" si="71"/>
        <v>76.673249999999996</v>
      </c>
    </row>
    <row r="4608" spans="1:3" x14ac:dyDescent="0.25">
      <c r="A4608" s="2" t="s">
        <v>181</v>
      </c>
      <c r="B4608" s="6">
        <v>76689.899999999994</v>
      </c>
      <c r="C4608" s="7">
        <f t="shared" si="71"/>
        <v>76.689899999999994</v>
      </c>
    </row>
    <row r="4609" spans="1:3" x14ac:dyDescent="0.25">
      <c r="A4609" s="2" t="s">
        <v>182</v>
      </c>
      <c r="B4609" s="6">
        <v>76706.549999999988</v>
      </c>
      <c r="C4609" s="7">
        <f t="shared" si="71"/>
        <v>76.706549999999993</v>
      </c>
    </row>
    <row r="4610" spans="1:3" x14ac:dyDescent="0.25">
      <c r="A4610" s="2" t="s">
        <v>183</v>
      </c>
      <c r="B4610" s="6">
        <v>76723.199999999997</v>
      </c>
      <c r="C4610" s="7">
        <f t="shared" si="71"/>
        <v>76.723199999999991</v>
      </c>
    </row>
    <row r="4611" spans="1:3" x14ac:dyDescent="0.25">
      <c r="A4611" s="2" t="s">
        <v>184</v>
      </c>
      <c r="B4611" s="6">
        <v>76739.849999999991</v>
      </c>
      <c r="C4611" s="7">
        <f t="shared" ref="C4611:C4674" si="72">B4611/1000</f>
        <v>76.73984999999999</v>
      </c>
    </row>
    <row r="4612" spans="1:3" x14ac:dyDescent="0.25">
      <c r="A4612" s="2" t="s">
        <v>185</v>
      </c>
      <c r="B4612" s="6">
        <v>76756.5</v>
      </c>
      <c r="C4612" s="7">
        <f t="shared" si="72"/>
        <v>76.756500000000003</v>
      </c>
    </row>
    <row r="4613" spans="1:3" x14ac:dyDescent="0.25">
      <c r="A4613" s="2" t="s">
        <v>186</v>
      </c>
      <c r="B4613" s="6">
        <v>76773.149999999994</v>
      </c>
      <c r="C4613" s="7">
        <f t="shared" si="72"/>
        <v>76.773150000000001</v>
      </c>
    </row>
    <row r="4614" spans="1:3" x14ac:dyDescent="0.25">
      <c r="A4614" s="2" t="s">
        <v>187</v>
      </c>
      <c r="B4614" s="6">
        <v>76789.799999999988</v>
      </c>
      <c r="C4614" s="7">
        <f t="shared" si="72"/>
        <v>76.789799999999985</v>
      </c>
    </row>
    <row r="4615" spans="1:3" x14ac:dyDescent="0.25">
      <c r="A4615" s="2" t="s">
        <v>188</v>
      </c>
      <c r="B4615" s="6">
        <v>76806.45</v>
      </c>
      <c r="C4615" s="7">
        <f t="shared" si="72"/>
        <v>76.806449999999998</v>
      </c>
    </row>
    <row r="4616" spans="1:3" x14ac:dyDescent="0.25">
      <c r="A4616" s="2" t="s">
        <v>189</v>
      </c>
      <c r="B4616" s="6">
        <v>76823.099999999991</v>
      </c>
      <c r="C4616" s="7">
        <f t="shared" si="72"/>
        <v>76.823099999999997</v>
      </c>
    </row>
    <row r="4617" spans="1:3" x14ac:dyDescent="0.25">
      <c r="A4617" s="2" t="s">
        <v>190</v>
      </c>
      <c r="B4617" s="6">
        <v>76839.75</v>
      </c>
      <c r="C4617" s="7">
        <f t="shared" si="72"/>
        <v>76.839749999999995</v>
      </c>
    </row>
    <row r="4618" spans="1:3" x14ac:dyDescent="0.25">
      <c r="A4618" s="2" t="s">
        <v>191</v>
      </c>
      <c r="B4618" s="6">
        <v>76856.399999999994</v>
      </c>
      <c r="C4618" s="7">
        <f t="shared" si="72"/>
        <v>76.856399999999994</v>
      </c>
    </row>
    <row r="4619" spans="1:3" x14ac:dyDescent="0.25">
      <c r="A4619" s="2" t="s">
        <v>192</v>
      </c>
      <c r="B4619" s="6">
        <v>76873.049999999988</v>
      </c>
      <c r="C4619" s="7">
        <f t="shared" si="72"/>
        <v>76.873049999999992</v>
      </c>
    </row>
    <row r="4620" spans="1:3" x14ac:dyDescent="0.25">
      <c r="A4620" s="2" t="s">
        <v>193</v>
      </c>
      <c r="B4620" s="6">
        <v>76889.7</v>
      </c>
      <c r="C4620" s="7">
        <f t="shared" si="72"/>
        <v>76.889699999999991</v>
      </c>
    </row>
    <row r="4621" spans="1:3" x14ac:dyDescent="0.25">
      <c r="A4621" s="2" t="s">
        <v>194</v>
      </c>
      <c r="B4621" s="6">
        <v>76906.349999999991</v>
      </c>
      <c r="C4621" s="7">
        <f t="shared" si="72"/>
        <v>76.906349999999989</v>
      </c>
    </row>
    <row r="4622" spans="1:3" x14ac:dyDescent="0.25">
      <c r="A4622" s="2" t="s">
        <v>195</v>
      </c>
      <c r="B4622" s="6">
        <v>76923</v>
      </c>
      <c r="C4622" s="7">
        <f t="shared" si="72"/>
        <v>76.923000000000002</v>
      </c>
    </row>
    <row r="4623" spans="1:3" x14ac:dyDescent="0.25">
      <c r="A4623" s="2" t="s">
        <v>196</v>
      </c>
      <c r="B4623" s="6">
        <v>76939.649999999994</v>
      </c>
      <c r="C4623" s="7">
        <f t="shared" si="72"/>
        <v>76.93965</v>
      </c>
    </row>
    <row r="4624" spans="1:3" x14ac:dyDescent="0.25">
      <c r="A4624" s="2" t="s">
        <v>197</v>
      </c>
      <c r="B4624" s="6">
        <v>76956.299999999988</v>
      </c>
      <c r="C4624" s="7">
        <f t="shared" si="72"/>
        <v>76.956299999999985</v>
      </c>
    </row>
    <row r="4625" spans="1:3" x14ac:dyDescent="0.25">
      <c r="A4625" s="2" t="s">
        <v>198</v>
      </c>
      <c r="B4625" s="6">
        <v>76972.95</v>
      </c>
      <c r="C4625" s="7">
        <f t="shared" si="72"/>
        <v>76.972949999999997</v>
      </c>
    </row>
    <row r="4626" spans="1:3" x14ac:dyDescent="0.25">
      <c r="A4626" s="2" t="s">
        <v>199</v>
      </c>
      <c r="B4626" s="6">
        <v>76989.599999999991</v>
      </c>
      <c r="C4626" s="7">
        <f t="shared" si="72"/>
        <v>76.989599999999996</v>
      </c>
    </row>
    <row r="4627" spans="1:3" x14ac:dyDescent="0.25">
      <c r="A4627" s="2" t="s">
        <v>200</v>
      </c>
      <c r="B4627" s="6">
        <v>77006.25</v>
      </c>
      <c r="C4627" s="7">
        <f t="shared" si="72"/>
        <v>77.006249999999994</v>
      </c>
    </row>
    <row r="4628" spans="1:3" x14ac:dyDescent="0.25">
      <c r="A4628" s="2" t="s">
        <v>201</v>
      </c>
      <c r="B4628" s="6">
        <v>77022.899999999994</v>
      </c>
      <c r="C4628" s="7">
        <f t="shared" si="72"/>
        <v>77.022899999999993</v>
      </c>
    </row>
    <row r="4629" spans="1:3" x14ac:dyDescent="0.25">
      <c r="A4629" s="2" t="s">
        <v>202</v>
      </c>
      <c r="B4629" s="6">
        <v>77039.549999999988</v>
      </c>
      <c r="C4629" s="7">
        <f t="shared" si="72"/>
        <v>77.039549999999991</v>
      </c>
    </row>
    <row r="4630" spans="1:3" x14ac:dyDescent="0.25">
      <c r="A4630" s="2" t="s">
        <v>203</v>
      </c>
      <c r="B4630" s="6">
        <v>77056.2</v>
      </c>
      <c r="C4630" s="7">
        <f t="shared" si="72"/>
        <v>77.056200000000004</v>
      </c>
    </row>
    <row r="4631" spans="1:3" x14ac:dyDescent="0.25">
      <c r="A4631" s="2" t="s">
        <v>204</v>
      </c>
      <c r="B4631" s="6">
        <v>77072.849999999991</v>
      </c>
      <c r="C4631" s="7">
        <f t="shared" si="72"/>
        <v>77.072849999999988</v>
      </c>
    </row>
    <row r="4632" spans="1:3" x14ac:dyDescent="0.25">
      <c r="A4632" s="2" t="s">
        <v>205</v>
      </c>
      <c r="B4632" s="6">
        <v>77089.5</v>
      </c>
      <c r="C4632" s="7">
        <f t="shared" si="72"/>
        <v>77.089500000000001</v>
      </c>
    </row>
    <row r="4633" spans="1:3" x14ac:dyDescent="0.25">
      <c r="A4633" s="2" t="s">
        <v>206</v>
      </c>
      <c r="B4633" s="6">
        <v>77106.149999999994</v>
      </c>
      <c r="C4633" s="7">
        <f t="shared" si="72"/>
        <v>77.10615</v>
      </c>
    </row>
    <row r="4634" spans="1:3" x14ac:dyDescent="0.25">
      <c r="A4634" s="2" t="s">
        <v>207</v>
      </c>
      <c r="B4634" s="6">
        <v>77122.799999999988</v>
      </c>
      <c r="C4634" s="7">
        <f t="shared" si="72"/>
        <v>77.122799999999984</v>
      </c>
    </row>
    <row r="4635" spans="1:3" x14ac:dyDescent="0.25">
      <c r="A4635" s="2" t="s">
        <v>208</v>
      </c>
      <c r="B4635" s="6">
        <v>77139.45</v>
      </c>
      <c r="C4635" s="7">
        <f t="shared" si="72"/>
        <v>77.139449999999997</v>
      </c>
    </row>
    <row r="4636" spans="1:3" x14ac:dyDescent="0.25">
      <c r="A4636" s="2" t="s">
        <v>209</v>
      </c>
      <c r="B4636" s="6">
        <v>77156.099999999991</v>
      </c>
      <c r="C4636" s="7">
        <f t="shared" si="72"/>
        <v>77.156099999999995</v>
      </c>
    </row>
    <row r="4637" spans="1:3" x14ac:dyDescent="0.25">
      <c r="A4637" s="2" t="s">
        <v>210</v>
      </c>
      <c r="B4637" s="6">
        <v>77172.75</v>
      </c>
      <c r="C4637" s="7">
        <f t="shared" si="72"/>
        <v>77.172749999999994</v>
      </c>
    </row>
    <row r="4638" spans="1:3" x14ac:dyDescent="0.25">
      <c r="A4638" s="2" t="s">
        <v>211</v>
      </c>
      <c r="B4638" s="6">
        <v>77189.399999999994</v>
      </c>
      <c r="C4638" s="7">
        <f t="shared" si="72"/>
        <v>77.189399999999992</v>
      </c>
    </row>
    <row r="4639" spans="1:3" x14ac:dyDescent="0.25">
      <c r="A4639" s="2" t="s">
        <v>212</v>
      </c>
      <c r="B4639" s="6">
        <v>77206.049999999988</v>
      </c>
      <c r="C4639" s="7">
        <f t="shared" si="72"/>
        <v>77.206049999999991</v>
      </c>
    </row>
    <row r="4640" spans="1:3" x14ac:dyDescent="0.25">
      <c r="A4640" s="2" t="s">
        <v>213</v>
      </c>
      <c r="B4640" s="6">
        <v>77222.7</v>
      </c>
      <c r="C4640" s="7">
        <f t="shared" si="72"/>
        <v>77.222700000000003</v>
      </c>
    </row>
    <row r="4641" spans="1:3" x14ac:dyDescent="0.25">
      <c r="A4641" s="2" t="s">
        <v>214</v>
      </c>
      <c r="B4641" s="6">
        <v>77239.349999999991</v>
      </c>
      <c r="C4641" s="7">
        <f t="shared" si="72"/>
        <v>77.239349999999988</v>
      </c>
    </row>
    <row r="4642" spans="1:3" x14ac:dyDescent="0.25">
      <c r="A4642" s="2" t="s">
        <v>215</v>
      </c>
      <c r="B4642" s="6">
        <v>77256</v>
      </c>
      <c r="C4642" s="7">
        <f t="shared" si="72"/>
        <v>77.256</v>
      </c>
    </row>
    <row r="4643" spans="1:3" x14ac:dyDescent="0.25">
      <c r="A4643" s="2" t="s">
        <v>216</v>
      </c>
      <c r="B4643" s="6">
        <v>77272.649999999994</v>
      </c>
      <c r="C4643" s="7">
        <f t="shared" si="72"/>
        <v>77.272649999999999</v>
      </c>
    </row>
    <row r="4644" spans="1:3" x14ac:dyDescent="0.25">
      <c r="A4644" s="2" t="s">
        <v>217</v>
      </c>
      <c r="B4644" s="6">
        <v>77289.299999999988</v>
      </c>
      <c r="C4644" s="7">
        <f t="shared" si="72"/>
        <v>77.289299999999983</v>
      </c>
    </row>
    <row r="4645" spans="1:3" x14ac:dyDescent="0.25">
      <c r="A4645" s="2" t="s">
        <v>218</v>
      </c>
      <c r="B4645" s="6">
        <v>77305.95</v>
      </c>
      <c r="C4645" s="7">
        <f t="shared" si="72"/>
        <v>77.305949999999996</v>
      </c>
    </row>
    <row r="4646" spans="1:3" x14ac:dyDescent="0.25">
      <c r="A4646" s="2" t="s">
        <v>219</v>
      </c>
      <c r="B4646" s="6">
        <v>77322.599999999991</v>
      </c>
      <c r="C4646" s="7">
        <f t="shared" si="72"/>
        <v>77.322599999999994</v>
      </c>
    </row>
    <row r="4647" spans="1:3" x14ac:dyDescent="0.25">
      <c r="A4647" s="2" t="s">
        <v>220</v>
      </c>
      <c r="B4647" s="6">
        <v>77339.25</v>
      </c>
      <c r="C4647" s="7">
        <f t="shared" si="72"/>
        <v>77.339250000000007</v>
      </c>
    </row>
    <row r="4648" spans="1:3" x14ac:dyDescent="0.25">
      <c r="A4648" s="2" t="s">
        <v>221</v>
      </c>
      <c r="B4648" s="6">
        <v>77355.899999999994</v>
      </c>
      <c r="C4648" s="7">
        <f t="shared" si="72"/>
        <v>77.355899999999991</v>
      </c>
    </row>
    <row r="4649" spans="1:3" x14ac:dyDescent="0.25">
      <c r="A4649" s="2" t="s">
        <v>222</v>
      </c>
      <c r="B4649" s="6">
        <v>77372.549999999988</v>
      </c>
      <c r="C4649" s="7">
        <f t="shared" si="72"/>
        <v>77.37254999999999</v>
      </c>
    </row>
    <row r="4650" spans="1:3" x14ac:dyDescent="0.25">
      <c r="A4650" s="2" t="s">
        <v>223</v>
      </c>
      <c r="B4650" s="6">
        <v>77389.2</v>
      </c>
      <c r="C4650" s="7">
        <f t="shared" si="72"/>
        <v>77.389200000000002</v>
      </c>
    </row>
    <row r="4651" spans="1:3" x14ac:dyDescent="0.25">
      <c r="A4651" s="2" t="s">
        <v>224</v>
      </c>
      <c r="B4651" s="6">
        <v>77405.849999999991</v>
      </c>
      <c r="C4651" s="7">
        <f t="shared" si="72"/>
        <v>77.405849999999987</v>
      </c>
    </row>
    <row r="4652" spans="1:3" x14ac:dyDescent="0.25">
      <c r="A4652" s="2" t="s">
        <v>225</v>
      </c>
      <c r="B4652" s="6">
        <v>77422.5</v>
      </c>
      <c r="C4652" s="7">
        <f t="shared" si="72"/>
        <v>77.422499999999999</v>
      </c>
    </row>
    <row r="4653" spans="1:3" x14ac:dyDescent="0.25">
      <c r="A4653" s="2" t="s">
        <v>226</v>
      </c>
      <c r="B4653" s="6">
        <v>77439.149999999994</v>
      </c>
      <c r="C4653" s="7">
        <f t="shared" si="72"/>
        <v>77.439149999999998</v>
      </c>
    </row>
    <row r="4654" spans="1:3" x14ac:dyDescent="0.25">
      <c r="A4654" s="2" t="s">
        <v>227</v>
      </c>
      <c r="B4654" s="6">
        <v>77455.799999999988</v>
      </c>
      <c r="C4654" s="7">
        <f t="shared" si="72"/>
        <v>77.455799999999982</v>
      </c>
    </row>
    <row r="4655" spans="1:3" x14ac:dyDescent="0.25">
      <c r="A4655" s="2" t="s">
        <v>228</v>
      </c>
      <c r="B4655" s="6">
        <v>77472.45</v>
      </c>
      <c r="C4655" s="7">
        <f t="shared" si="72"/>
        <v>77.472449999999995</v>
      </c>
    </row>
    <row r="4656" spans="1:3" x14ac:dyDescent="0.25">
      <c r="A4656" s="2" t="s">
        <v>229</v>
      </c>
      <c r="B4656" s="6">
        <v>77489.099999999991</v>
      </c>
      <c r="C4656" s="7">
        <f t="shared" si="72"/>
        <v>77.489099999999993</v>
      </c>
    </row>
    <row r="4657" spans="1:3" x14ac:dyDescent="0.25">
      <c r="A4657" s="2" t="s">
        <v>230</v>
      </c>
      <c r="B4657" s="6">
        <v>77505.75</v>
      </c>
      <c r="C4657" s="7">
        <f t="shared" si="72"/>
        <v>77.505750000000006</v>
      </c>
    </row>
    <row r="4658" spans="1:3" x14ac:dyDescent="0.25">
      <c r="A4658" s="2" t="s">
        <v>231</v>
      </c>
      <c r="B4658" s="6">
        <v>77522.399999999994</v>
      </c>
      <c r="C4658" s="7">
        <f t="shared" si="72"/>
        <v>77.52239999999999</v>
      </c>
    </row>
    <row r="4659" spans="1:3" x14ac:dyDescent="0.25">
      <c r="A4659" s="2" t="s">
        <v>232</v>
      </c>
      <c r="B4659" s="6">
        <v>77539.049999999988</v>
      </c>
      <c r="C4659" s="7">
        <f t="shared" si="72"/>
        <v>77.539049999999989</v>
      </c>
    </row>
    <row r="4660" spans="1:3" x14ac:dyDescent="0.25">
      <c r="A4660" s="2" t="s">
        <v>233</v>
      </c>
      <c r="B4660" s="6">
        <v>77555.7</v>
      </c>
      <c r="C4660" s="7">
        <f t="shared" si="72"/>
        <v>77.555700000000002</v>
      </c>
    </row>
    <row r="4661" spans="1:3" x14ac:dyDescent="0.25">
      <c r="A4661" s="2" t="s">
        <v>234</v>
      </c>
      <c r="B4661" s="6">
        <v>77572.349999999991</v>
      </c>
      <c r="C4661" s="7">
        <f t="shared" si="72"/>
        <v>77.572349999999986</v>
      </c>
    </row>
    <row r="4662" spans="1:3" x14ac:dyDescent="0.25">
      <c r="A4662" s="2" t="s">
        <v>235</v>
      </c>
      <c r="B4662" s="6">
        <v>77589</v>
      </c>
      <c r="C4662" s="7">
        <f t="shared" si="72"/>
        <v>77.588999999999999</v>
      </c>
    </row>
    <row r="4663" spans="1:3" x14ac:dyDescent="0.25">
      <c r="A4663" s="2" t="s">
        <v>236</v>
      </c>
      <c r="B4663" s="6">
        <v>77605.649999999994</v>
      </c>
      <c r="C4663" s="7">
        <f t="shared" si="72"/>
        <v>77.605649999999997</v>
      </c>
    </row>
    <row r="4664" spans="1:3" x14ac:dyDescent="0.25">
      <c r="A4664" s="2" t="s">
        <v>237</v>
      </c>
      <c r="B4664" s="6">
        <v>77622.299999999988</v>
      </c>
      <c r="C4664" s="7">
        <f t="shared" si="72"/>
        <v>77.622299999999981</v>
      </c>
    </row>
    <row r="4665" spans="1:3" x14ac:dyDescent="0.25">
      <c r="A4665" s="2" t="s">
        <v>238</v>
      </c>
      <c r="B4665" s="6">
        <v>77638.95</v>
      </c>
      <c r="C4665" s="7">
        <f t="shared" si="72"/>
        <v>77.638949999999994</v>
      </c>
    </row>
    <row r="4666" spans="1:3" x14ac:dyDescent="0.25">
      <c r="A4666" s="2" t="s">
        <v>239</v>
      </c>
      <c r="B4666" s="6">
        <v>77655.599999999991</v>
      </c>
      <c r="C4666" s="7">
        <f t="shared" si="72"/>
        <v>77.655599999999993</v>
      </c>
    </row>
    <row r="4667" spans="1:3" x14ac:dyDescent="0.25">
      <c r="A4667" s="2" t="s">
        <v>240</v>
      </c>
      <c r="B4667" s="6">
        <v>77672.25</v>
      </c>
      <c r="C4667" s="7">
        <f t="shared" si="72"/>
        <v>77.672250000000005</v>
      </c>
    </row>
    <row r="4668" spans="1:3" x14ac:dyDescent="0.25">
      <c r="A4668" s="2" t="s">
        <v>241</v>
      </c>
      <c r="B4668" s="6">
        <v>77688.899999999994</v>
      </c>
      <c r="C4668" s="7">
        <f t="shared" si="72"/>
        <v>77.68889999999999</v>
      </c>
    </row>
    <row r="4669" spans="1:3" x14ac:dyDescent="0.25">
      <c r="A4669" s="2" t="s">
        <v>242</v>
      </c>
      <c r="B4669" s="6">
        <v>77705.549999999988</v>
      </c>
      <c r="C4669" s="7">
        <f t="shared" si="72"/>
        <v>77.705549999999988</v>
      </c>
    </row>
    <row r="4670" spans="1:3" x14ac:dyDescent="0.25">
      <c r="A4670" s="2" t="s">
        <v>243</v>
      </c>
      <c r="B4670" s="6">
        <v>77722.2</v>
      </c>
      <c r="C4670" s="7">
        <f t="shared" si="72"/>
        <v>77.722200000000001</v>
      </c>
    </row>
    <row r="4671" spans="1:3" x14ac:dyDescent="0.25">
      <c r="A4671" s="2" t="s">
        <v>244</v>
      </c>
      <c r="B4671" s="6">
        <v>77738.849999999991</v>
      </c>
      <c r="C4671" s="7">
        <f t="shared" si="72"/>
        <v>77.738849999999985</v>
      </c>
    </row>
    <row r="4672" spans="1:3" x14ac:dyDescent="0.25">
      <c r="A4672" s="2" t="s">
        <v>245</v>
      </c>
      <c r="B4672" s="6">
        <v>77755.5</v>
      </c>
      <c r="C4672" s="7">
        <f t="shared" si="72"/>
        <v>77.755499999999998</v>
      </c>
    </row>
    <row r="4673" spans="1:3" x14ac:dyDescent="0.25">
      <c r="A4673" s="2" t="s">
        <v>246</v>
      </c>
      <c r="B4673" s="6">
        <v>77772.149999999994</v>
      </c>
      <c r="C4673" s="7">
        <f t="shared" si="72"/>
        <v>77.772149999999996</v>
      </c>
    </row>
    <row r="4674" spans="1:3" x14ac:dyDescent="0.25">
      <c r="A4674" s="2" t="s">
        <v>247</v>
      </c>
      <c r="B4674" s="6">
        <v>77788.799999999988</v>
      </c>
      <c r="C4674" s="7">
        <f t="shared" si="72"/>
        <v>77.788799999999995</v>
      </c>
    </row>
    <row r="4675" spans="1:3" x14ac:dyDescent="0.25">
      <c r="A4675" s="2" t="s">
        <v>248</v>
      </c>
      <c r="B4675" s="6">
        <v>77805.45</v>
      </c>
      <c r="C4675" s="7">
        <f t="shared" ref="C4675:C4738" si="73">B4675/1000</f>
        <v>77.805449999999993</v>
      </c>
    </row>
    <row r="4676" spans="1:3" x14ac:dyDescent="0.25">
      <c r="A4676" s="2" t="s">
        <v>249</v>
      </c>
      <c r="B4676" s="6">
        <v>77822.099999999991</v>
      </c>
      <c r="C4676" s="7">
        <f t="shared" si="73"/>
        <v>77.822099999999992</v>
      </c>
    </row>
    <row r="4677" spans="1:3" x14ac:dyDescent="0.25">
      <c r="A4677" s="2" t="s">
        <v>250</v>
      </c>
      <c r="B4677" s="6">
        <v>77838.75</v>
      </c>
      <c r="C4677" s="7">
        <f t="shared" si="73"/>
        <v>77.838750000000005</v>
      </c>
    </row>
    <row r="4678" spans="1:3" x14ac:dyDescent="0.25">
      <c r="A4678" s="2" t="s">
        <v>251</v>
      </c>
      <c r="B4678" s="6">
        <v>77855.399999999994</v>
      </c>
      <c r="C4678" s="7">
        <f t="shared" si="73"/>
        <v>77.855399999999989</v>
      </c>
    </row>
    <row r="4679" spans="1:3" x14ac:dyDescent="0.25">
      <c r="A4679" s="2" t="s">
        <v>252</v>
      </c>
      <c r="B4679" s="6">
        <v>77872.049999999988</v>
      </c>
      <c r="C4679" s="7">
        <f t="shared" si="73"/>
        <v>77.872049999999987</v>
      </c>
    </row>
    <row r="4680" spans="1:3" x14ac:dyDescent="0.25">
      <c r="A4680" s="2" t="s">
        <v>253</v>
      </c>
      <c r="B4680" s="6">
        <v>77888.7</v>
      </c>
      <c r="C4680" s="7">
        <f t="shared" si="73"/>
        <v>77.8887</v>
      </c>
    </row>
    <row r="4681" spans="1:3" x14ac:dyDescent="0.25">
      <c r="A4681" s="2" t="s">
        <v>254</v>
      </c>
      <c r="B4681" s="6">
        <v>77905.349999999991</v>
      </c>
      <c r="C4681" s="7">
        <f t="shared" si="73"/>
        <v>77.905349999999984</v>
      </c>
    </row>
    <row r="4682" spans="1:3" x14ac:dyDescent="0.25">
      <c r="A4682" s="2" t="s">
        <v>255</v>
      </c>
      <c r="B4682" s="6">
        <v>77922</v>
      </c>
      <c r="C4682" s="7">
        <f t="shared" si="73"/>
        <v>77.921999999999997</v>
      </c>
    </row>
    <row r="4683" spans="1:3" x14ac:dyDescent="0.25">
      <c r="A4683" s="2" t="s">
        <v>256</v>
      </c>
      <c r="B4683" s="6">
        <v>77938.649999999994</v>
      </c>
      <c r="C4683" s="7">
        <f t="shared" si="73"/>
        <v>77.938649999999996</v>
      </c>
    </row>
    <row r="4684" spans="1:3" x14ac:dyDescent="0.25">
      <c r="A4684" s="2" t="s">
        <v>257</v>
      </c>
      <c r="B4684" s="6">
        <v>77955.299999999988</v>
      </c>
      <c r="C4684" s="7">
        <f t="shared" si="73"/>
        <v>77.955299999999994</v>
      </c>
    </row>
    <row r="4685" spans="1:3" x14ac:dyDescent="0.25">
      <c r="A4685" s="2" t="s">
        <v>258</v>
      </c>
      <c r="B4685" s="6">
        <v>77971.95</v>
      </c>
      <c r="C4685" s="7">
        <f t="shared" si="73"/>
        <v>77.971949999999993</v>
      </c>
    </row>
    <row r="4686" spans="1:3" x14ac:dyDescent="0.25">
      <c r="A4686" s="2" t="s">
        <v>259</v>
      </c>
      <c r="B4686" s="6">
        <v>77988.599999999991</v>
      </c>
      <c r="C4686" s="7">
        <f t="shared" si="73"/>
        <v>77.988599999999991</v>
      </c>
    </row>
    <row r="4687" spans="1:3" x14ac:dyDescent="0.25">
      <c r="A4687" s="2" t="s">
        <v>260</v>
      </c>
      <c r="B4687" s="6">
        <v>78005.25</v>
      </c>
      <c r="C4687" s="7">
        <f t="shared" si="73"/>
        <v>78.005250000000004</v>
      </c>
    </row>
    <row r="4688" spans="1:3" x14ac:dyDescent="0.25">
      <c r="A4688" s="2" t="s">
        <v>261</v>
      </c>
      <c r="B4688" s="6">
        <v>78021.899999999994</v>
      </c>
      <c r="C4688" s="7">
        <f t="shared" si="73"/>
        <v>78.021899999999988</v>
      </c>
    </row>
    <row r="4689" spans="1:3" x14ac:dyDescent="0.25">
      <c r="A4689" s="2" t="s">
        <v>262</v>
      </c>
      <c r="B4689" s="6">
        <v>78038.549999999988</v>
      </c>
      <c r="C4689" s="7">
        <f t="shared" si="73"/>
        <v>78.038549999999987</v>
      </c>
    </row>
    <row r="4690" spans="1:3" x14ac:dyDescent="0.25">
      <c r="A4690" s="2" t="s">
        <v>263</v>
      </c>
      <c r="B4690" s="6">
        <v>78055.199999999997</v>
      </c>
      <c r="C4690" s="7">
        <f t="shared" si="73"/>
        <v>78.055199999999999</v>
      </c>
    </row>
    <row r="4691" spans="1:3" x14ac:dyDescent="0.25">
      <c r="A4691" s="2" t="s">
        <v>264</v>
      </c>
      <c r="B4691" s="6">
        <v>78071.849999999991</v>
      </c>
      <c r="C4691" s="7">
        <f t="shared" si="73"/>
        <v>78.071849999999998</v>
      </c>
    </row>
    <row r="4692" spans="1:3" x14ac:dyDescent="0.25">
      <c r="A4692" s="2" t="s">
        <v>265</v>
      </c>
      <c r="B4692" s="6">
        <v>78088.5</v>
      </c>
      <c r="C4692" s="7">
        <f t="shared" si="73"/>
        <v>78.088499999999996</v>
      </c>
    </row>
    <row r="4693" spans="1:3" x14ac:dyDescent="0.25">
      <c r="A4693" s="2" t="s">
        <v>266</v>
      </c>
      <c r="B4693" s="6">
        <v>78105.149999999994</v>
      </c>
      <c r="C4693" s="7">
        <f t="shared" si="73"/>
        <v>78.105149999999995</v>
      </c>
    </row>
    <row r="4694" spans="1:3" x14ac:dyDescent="0.25">
      <c r="A4694" s="2" t="s">
        <v>267</v>
      </c>
      <c r="B4694" s="6">
        <v>78121.799999999988</v>
      </c>
      <c r="C4694" s="7">
        <f t="shared" si="73"/>
        <v>78.121799999999993</v>
      </c>
    </row>
    <row r="4695" spans="1:3" x14ac:dyDescent="0.25">
      <c r="A4695" s="2" t="s">
        <v>268</v>
      </c>
      <c r="B4695" s="6">
        <v>78138.45</v>
      </c>
      <c r="C4695" s="7">
        <f t="shared" si="73"/>
        <v>78.138449999999992</v>
      </c>
    </row>
    <row r="4696" spans="1:3" x14ac:dyDescent="0.25">
      <c r="A4696" s="2" t="s">
        <v>269</v>
      </c>
      <c r="B4696" s="6">
        <v>78155.099999999991</v>
      </c>
      <c r="C4696" s="7">
        <f t="shared" si="73"/>
        <v>78.15509999999999</v>
      </c>
    </row>
    <row r="4697" spans="1:3" x14ac:dyDescent="0.25">
      <c r="A4697" s="2" t="s">
        <v>270</v>
      </c>
      <c r="B4697" s="6">
        <v>78171.75</v>
      </c>
      <c r="C4697" s="7">
        <f t="shared" si="73"/>
        <v>78.171750000000003</v>
      </c>
    </row>
    <row r="4698" spans="1:3" x14ac:dyDescent="0.25">
      <c r="A4698" s="2" t="s">
        <v>271</v>
      </c>
      <c r="B4698" s="6">
        <v>78188.399999999994</v>
      </c>
      <c r="C4698" s="7">
        <f t="shared" si="73"/>
        <v>78.188399999999987</v>
      </c>
    </row>
    <row r="4699" spans="1:3" x14ac:dyDescent="0.25">
      <c r="A4699" s="2" t="s">
        <v>272</v>
      </c>
      <c r="B4699" s="6">
        <v>78205.049999999988</v>
      </c>
      <c r="C4699" s="7">
        <f t="shared" si="73"/>
        <v>78.205049999999986</v>
      </c>
    </row>
    <row r="4700" spans="1:3" x14ac:dyDescent="0.25">
      <c r="A4700" s="2" t="s">
        <v>273</v>
      </c>
      <c r="B4700" s="6">
        <v>78221.7</v>
      </c>
      <c r="C4700" s="7">
        <f t="shared" si="73"/>
        <v>78.221699999999998</v>
      </c>
    </row>
    <row r="4701" spans="1:3" x14ac:dyDescent="0.25">
      <c r="A4701" s="2" t="s">
        <v>274</v>
      </c>
      <c r="B4701" s="6">
        <v>78238.349999999991</v>
      </c>
      <c r="C4701" s="7">
        <f t="shared" si="73"/>
        <v>78.238349999999997</v>
      </c>
    </row>
    <row r="4702" spans="1:3" x14ac:dyDescent="0.25">
      <c r="A4702" s="2" t="s">
        <v>275</v>
      </c>
      <c r="B4702" s="6">
        <v>78255</v>
      </c>
      <c r="C4702" s="7">
        <f t="shared" si="73"/>
        <v>78.254999999999995</v>
      </c>
    </row>
    <row r="4703" spans="1:3" x14ac:dyDescent="0.25">
      <c r="A4703" s="2" t="s">
        <v>276</v>
      </c>
      <c r="B4703" s="6">
        <v>78271.649999999994</v>
      </c>
      <c r="C4703" s="7">
        <f t="shared" si="73"/>
        <v>78.271649999999994</v>
      </c>
    </row>
    <row r="4704" spans="1:3" x14ac:dyDescent="0.25">
      <c r="A4704" s="2" t="s">
        <v>277</v>
      </c>
      <c r="B4704" s="6">
        <v>78288.299999999988</v>
      </c>
      <c r="C4704" s="7">
        <f t="shared" si="73"/>
        <v>78.288299999999992</v>
      </c>
    </row>
    <row r="4705" spans="1:3" x14ac:dyDescent="0.25">
      <c r="A4705" s="2" t="s">
        <v>278</v>
      </c>
      <c r="B4705" s="6">
        <v>78304.95</v>
      </c>
      <c r="C4705" s="7">
        <f t="shared" si="73"/>
        <v>78.304949999999991</v>
      </c>
    </row>
    <row r="4706" spans="1:3" x14ac:dyDescent="0.25">
      <c r="A4706" s="2" t="s">
        <v>279</v>
      </c>
      <c r="B4706" s="6">
        <v>78321.599999999991</v>
      </c>
      <c r="C4706" s="7">
        <f t="shared" si="73"/>
        <v>78.321599999999989</v>
      </c>
    </row>
    <row r="4707" spans="1:3" x14ac:dyDescent="0.25">
      <c r="A4707" s="2" t="s">
        <v>280</v>
      </c>
      <c r="B4707" s="6">
        <v>78338.25</v>
      </c>
      <c r="C4707" s="7">
        <f t="shared" si="73"/>
        <v>78.338250000000002</v>
      </c>
    </row>
    <row r="4708" spans="1:3" x14ac:dyDescent="0.25">
      <c r="A4708" s="2" t="s">
        <v>281</v>
      </c>
      <c r="B4708" s="6">
        <v>78354.899999999994</v>
      </c>
      <c r="C4708" s="7">
        <f t="shared" si="73"/>
        <v>78.354900000000001</v>
      </c>
    </row>
    <row r="4709" spans="1:3" x14ac:dyDescent="0.25">
      <c r="A4709" s="2" t="s">
        <v>282</v>
      </c>
      <c r="B4709" s="6">
        <v>78371.549999999988</v>
      </c>
      <c r="C4709" s="7">
        <f t="shared" si="73"/>
        <v>78.371549999999985</v>
      </c>
    </row>
    <row r="4710" spans="1:3" x14ac:dyDescent="0.25">
      <c r="A4710" s="2" t="s">
        <v>283</v>
      </c>
      <c r="B4710" s="6">
        <v>78388.2</v>
      </c>
      <c r="C4710" s="7">
        <f t="shared" si="73"/>
        <v>78.388199999999998</v>
      </c>
    </row>
    <row r="4711" spans="1:3" x14ac:dyDescent="0.25">
      <c r="A4711" s="2" t="s">
        <v>284</v>
      </c>
      <c r="B4711" s="6">
        <v>78404.849999999991</v>
      </c>
      <c r="C4711" s="7">
        <f t="shared" si="73"/>
        <v>78.404849999999996</v>
      </c>
    </row>
    <row r="4712" spans="1:3" x14ac:dyDescent="0.25">
      <c r="A4712" s="2" t="s">
        <v>285</v>
      </c>
      <c r="B4712" s="6">
        <v>78421.5</v>
      </c>
      <c r="C4712" s="7">
        <f t="shared" si="73"/>
        <v>78.421499999999995</v>
      </c>
    </row>
    <row r="4713" spans="1:3" x14ac:dyDescent="0.25">
      <c r="A4713" s="2" t="s">
        <v>286</v>
      </c>
      <c r="B4713" s="6">
        <v>78438.149999999994</v>
      </c>
      <c r="C4713" s="7">
        <f t="shared" si="73"/>
        <v>78.438149999999993</v>
      </c>
    </row>
    <row r="4714" spans="1:3" x14ac:dyDescent="0.25">
      <c r="A4714" s="2" t="s">
        <v>287</v>
      </c>
      <c r="B4714" s="6">
        <v>78454.799999999988</v>
      </c>
      <c r="C4714" s="7">
        <f t="shared" si="73"/>
        <v>78.454799999999992</v>
      </c>
    </row>
    <row r="4715" spans="1:3" x14ac:dyDescent="0.25">
      <c r="A4715" s="2" t="s">
        <v>288</v>
      </c>
      <c r="B4715" s="6">
        <v>78471.45</v>
      </c>
      <c r="C4715" s="7">
        <f t="shared" si="73"/>
        <v>78.47144999999999</v>
      </c>
    </row>
    <row r="4716" spans="1:3" x14ac:dyDescent="0.25">
      <c r="A4716" s="2" t="s">
        <v>289</v>
      </c>
      <c r="B4716" s="6">
        <v>78488.099999999991</v>
      </c>
      <c r="C4716" s="7">
        <f t="shared" si="73"/>
        <v>78.488099999999989</v>
      </c>
    </row>
    <row r="4717" spans="1:3" x14ac:dyDescent="0.25">
      <c r="A4717" s="2" t="s">
        <v>290</v>
      </c>
      <c r="B4717" s="6">
        <v>78504.75</v>
      </c>
      <c r="C4717" s="7">
        <f t="shared" si="73"/>
        <v>78.504750000000001</v>
      </c>
    </row>
    <row r="4718" spans="1:3" x14ac:dyDescent="0.25">
      <c r="A4718" s="2" t="s">
        <v>291</v>
      </c>
      <c r="B4718" s="6">
        <v>78521.399999999994</v>
      </c>
      <c r="C4718" s="7">
        <f t="shared" si="73"/>
        <v>78.5214</v>
      </c>
    </row>
    <row r="4719" spans="1:3" x14ac:dyDescent="0.25">
      <c r="A4719" s="2" t="s">
        <v>292</v>
      </c>
      <c r="B4719" s="6">
        <v>78538.049999999988</v>
      </c>
      <c r="C4719" s="7">
        <f t="shared" si="73"/>
        <v>78.538049999999984</v>
      </c>
    </row>
    <row r="4720" spans="1:3" x14ac:dyDescent="0.25">
      <c r="A4720" s="2" t="s">
        <v>293</v>
      </c>
      <c r="B4720" s="6">
        <v>78554.7</v>
      </c>
      <c r="C4720" s="7">
        <f t="shared" si="73"/>
        <v>78.554699999999997</v>
      </c>
    </row>
    <row r="4721" spans="1:3" x14ac:dyDescent="0.25">
      <c r="A4721" s="2" t="s">
        <v>294</v>
      </c>
      <c r="B4721" s="6">
        <v>78571.349999999991</v>
      </c>
      <c r="C4721" s="7">
        <f t="shared" si="73"/>
        <v>78.571349999999995</v>
      </c>
    </row>
    <row r="4722" spans="1:3" x14ac:dyDescent="0.25">
      <c r="A4722" s="2" t="s">
        <v>295</v>
      </c>
      <c r="B4722" s="6">
        <v>78588</v>
      </c>
      <c r="C4722" s="7">
        <f t="shared" si="73"/>
        <v>78.587999999999994</v>
      </c>
    </row>
    <row r="4723" spans="1:3" x14ac:dyDescent="0.25">
      <c r="A4723" s="2" t="s">
        <v>296</v>
      </c>
      <c r="B4723" s="6">
        <v>78604.649999999994</v>
      </c>
      <c r="C4723" s="7">
        <f t="shared" si="73"/>
        <v>78.604649999999992</v>
      </c>
    </row>
    <row r="4724" spans="1:3" x14ac:dyDescent="0.25">
      <c r="A4724" s="2" t="s">
        <v>297</v>
      </c>
      <c r="B4724" s="6">
        <v>78621.299999999988</v>
      </c>
      <c r="C4724" s="7">
        <f t="shared" si="73"/>
        <v>78.621299999999991</v>
      </c>
    </row>
    <row r="4725" spans="1:3" x14ac:dyDescent="0.25">
      <c r="A4725" s="2" t="s">
        <v>298</v>
      </c>
      <c r="B4725" s="6">
        <v>78637.95</v>
      </c>
      <c r="C4725" s="7">
        <f t="shared" si="73"/>
        <v>78.637950000000004</v>
      </c>
    </row>
    <row r="4726" spans="1:3" x14ac:dyDescent="0.25">
      <c r="A4726" s="2" t="s">
        <v>299</v>
      </c>
      <c r="B4726" s="6">
        <v>78654.599999999991</v>
      </c>
      <c r="C4726" s="7">
        <f t="shared" si="73"/>
        <v>78.654599999999988</v>
      </c>
    </row>
    <row r="4727" spans="1:3" x14ac:dyDescent="0.25">
      <c r="A4727" s="2" t="s">
        <v>300</v>
      </c>
      <c r="B4727" s="6">
        <v>78671.25</v>
      </c>
      <c r="C4727" s="7">
        <f t="shared" si="73"/>
        <v>78.671250000000001</v>
      </c>
    </row>
    <row r="4728" spans="1:3" x14ac:dyDescent="0.25">
      <c r="A4728" s="2" t="s">
        <v>301</v>
      </c>
      <c r="B4728" s="6">
        <v>78687.899999999994</v>
      </c>
      <c r="C4728" s="7">
        <f t="shared" si="73"/>
        <v>78.687899999999999</v>
      </c>
    </row>
    <row r="4729" spans="1:3" x14ac:dyDescent="0.25">
      <c r="A4729" s="2" t="s">
        <v>302</v>
      </c>
      <c r="B4729" s="6">
        <v>78704.549999999988</v>
      </c>
      <c r="C4729" s="7">
        <f t="shared" si="73"/>
        <v>78.704549999999983</v>
      </c>
    </row>
    <row r="4730" spans="1:3" x14ac:dyDescent="0.25">
      <c r="A4730" s="2" t="s">
        <v>303</v>
      </c>
      <c r="B4730" s="6">
        <v>78721.2</v>
      </c>
      <c r="C4730" s="7">
        <f t="shared" si="73"/>
        <v>78.721199999999996</v>
      </c>
    </row>
    <row r="4731" spans="1:3" x14ac:dyDescent="0.25">
      <c r="A4731" s="2" t="s">
        <v>304</v>
      </c>
      <c r="B4731" s="6">
        <v>78737.849999999991</v>
      </c>
      <c r="C4731" s="7">
        <f t="shared" si="73"/>
        <v>78.737849999999995</v>
      </c>
    </row>
    <row r="4732" spans="1:3" x14ac:dyDescent="0.25">
      <c r="A4732" s="2" t="s">
        <v>305</v>
      </c>
      <c r="B4732" s="6">
        <v>78754.5</v>
      </c>
      <c r="C4732" s="7">
        <f t="shared" si="73"/>
        <v>78.754499999999993</v>
      </c>
    </row>
    <row r="4733" spans="1:3" x14ac:dyDescent="0.25">
      <c r="A4733" s="2" t="s">
        <v>306</v>
      </c>
      <c r="B4733" s="6">
        <v>78771.149999999994</v>
      </c>
      <c r="C4733" s="7">
        <f t="shared" si="73"/>
        <v>78.771149999999992</v>
      </c>
    </row>
    <row r="4734" spans="1:3" x14ac:dyDescent="0.25">
      <c r="A4734" s="2" t="s">
        <v>307</v>
      </c>
      <c r="B4734" s="6">
        <v>78787.799999999988</v>
      </c>
      <c r="C4734" s="7">
        <f t="shared" si="73"/>
        <v>78.78779999999999</v>
      </c>
    </row>
    <row r="4735" spans="1:3" x14ac:dyDescent="0.25">
      <c r="A4735" s="2" t="s">
        <v>308</v>
      </c>
      <c r="B4735" s="6">
        <v>78804.45</v>
      </c>
      <c r="C4735" s="7">
        <f t="shared" si="73"/>
        <v>78.804450000000003</v>
      </c>
    </row>
    <row r="4736" spans="1:3" x14ac:dyDescent="0.25">
      <c r="A4736" s="2" t="s">
        <v>309</v>
      </c>
      <c r="B4736" s="6">
        <v>78821.099999999991</v>
      </c>
      <c r="C4736" s="7">
        <f t="shared" si="73"/>
        <v>78.821099999999987</v>
      </c>
    </row>
    <row r="4737" spans="1:3" x14ac:dyDescent="0.25">
      <c r="A4737" s="2" t="s">
        <v>310</v>
      </c>
      <c r="B4737" s="6">
        <v>78837.75</v>
      </c>
      <c r="C4737" s="7">
        <f t="shared" si="73"/>
        <v>78.83775</v>
      </c>
    </row>
    <row r="4738" spans="1:3" x14ac:dyDescent="0.25">
      <c r="A4738" s="2" t="s">
        <v>311</v>
      </c>
      <c r="B4738" s="6">
        <v>78854.399999999994</v>
      </c>
      <c r="C4738" s="7">
        <f t="shared" si="73"/>
        <v>78.854399999999998</v>
      </c>
    </row>
    <row r="4739" spans="1:3" x14ac:dyDescent="0.25">
      <c r="A4739" s="2" t="s">
        <v>312</v>
      </c>
      <c r="B4739" s="6">
        <v>78871.049999999988</v>
      </c>
      <c r="C4739" s="7">
        <f t="shared" ref="C4739:C4802" si="74">B4739/1000</f>
        <v>78.871049999999983</v>
      </c>
    </row>
    <row r="4740" spans="1:3" x14ac:dyDescent="0.25">
      <c r="A4740" s="2" t="s">
        <v>313</v>
      </c>
      <c r="B4740" s="6">
        <v>78887.7</v>
      </c>
      <c r="C4740" s="7">
        <f t="shared" si="74"/>
        <v>78.887699999999995</v>
      </c>
    </row>
    <row r="4741" spans="1:3" x14ac:dyDescent="0.25">
      <c r="A4741" s="2" t="s">
        <v>314</v>
      </c>
      <c r="B4741" s="6">
        <v>78904.349999999991</v>
      </c>
      <c r="C4741" s="7">
        <f t="shared" si="74"/>
        <v>78.904349999999994</v>
      </c>
    </row>
    <row r="4742" spans="1:3" x14ac:dyDescent="0.25">
      <c r="A4742" s="2" t="s">
        <v>315</v>
      </c>
      <c r="B4742" s="6">
        <v>78921</v>
      </c>
      <c r="C4742" s="7">
        <f t="shared" si="74"/>
        <v>78.921000000000006</v>
      </c>
    </row>
    <row r="4743" spans="1:3" x14ac:dyDescent="0.25">
      <c r="A4743" s="2" t="s">
        <v>316</v>
      </c>
      <c r="B4743" s="6">
        <v>78937.649999999994</v>
      </c>
      <c r="C4743" s="7">
        <f t="shared" si="74"/>
        <v>78.937649999999991</v>
      </c>
    </row>
    <row r="4744" spans="1:3" x14ac:dyDescent="0.25">
      <c r="A4744" s="2" t="s">
        <v>317</v>
      </c>
      <c r="B4744" s="6">
        <v>78954.299999999988</v>
      </c>
      <c r="C4744" s="7">
        <f t="shared" si="74"/>
        <v>78.954299999999989</v>
      </c>
    </row>
    <row r="4745" spans="1:3" x14ac:dyDescent="0.25">
      <c r="A4745" s="2" t="s">
        <v>318</v>
      </c>
      <c r="B4745" s="6">
        <v>78970.95</v>
      </c>
      <c r="C4745" s="7">
        <f t="shared" si="74"/>
        <v>78.970950000000002</v>
      </c>
    </row>
    <row r="4746" spans="1:3" x14ac:dyDescent="0.25">
      <c r="A4746" s="2" t="s">
        <v>319</v>
      </c>
      <c r="B4746" s="6">
        <v>78987.599999999991</v>
      </c>
      <c r="C4746" s="7">
        <f t="shared" si="74"/>
        <v>78.987599999999986</v>
      </c>
    </row>
    <row r="4747" spans="1:3" x14ac:dyDescent="0.25">
      <c r="A4747" s="2" t="s">
        <v>320</v>
      </c>
      <c r="B4747" s="6">
        <v>79004.25</v>
      </c>
      <c r="C4747" s="7">
        <f t="shared" si="74"/>
        <v>79.004249999999999</v>
      </c>
    </row>
    <row r="4748" spans="1:3" x14ac:dyDescent="0.25">
      <c r="A4748" s="2" t="s">
        <v>321</v>
      </c>
      <c r="B4748" s="6">
        <v>79020.899999999994</v>
      </c>
      <c r="C4748" s="7">
        <f t="shared" si="74"/>
        <v>79.020899999999997</v>
      </c>
    </row>
    <row r="4749" spans="1:3" x14ac:dyDescent="0.25">
      <c r="A4749" s="2" t="s">
        <v>322</v>
      </c>
      <c r="B4749" s="6">
        <v>79037.549999999988</v>
      </c>
      <c r="C4749" s="7">
        <f t="shared" si="74"/>
        <v>79.037549999999982</v>
      </c>
    </row>
    <row r="4750" spans="1:3" x14ac:dyDescent="0.25">
      <c r="A4750" s="2" t="s">
        <v>323</v>
      </c>
      <c r="B4750" s="6">
        <v>79054.2</v>
      </c>
      <c r="C4750" s="7">
        <f t="shared" si="74"/>
        <v>79.054199999999994</v>
      </c>
    </row>
    <row r="4751" spans="1:3" x14ac:dyDescent="0.25">
      <c r="A4751" s="2" t="s">
        <v>324</v>
      </c>
      <c r="B4751" s="6">
        <v>79070.849999999991</v>
      </c>
      <c r="C4751" s="7">
        <f t="shared" si="74"/>
        <v>79.070849999999993</v>
      </c>
    </row>
    <row r="4752" spans="1:3" x14ac:dyDescent="0.25">
      <c r="A4752" s="2" t="s">
        <v>325</v>
      </c>
      <c r="B4752" s="6">
        <v>79087.5</v>
      </c>
      <c r="C4752" s="7">
        <f t="shared" si="74"/>
        <v>79.087500000000006</v>
      </c>
    </row>
    <row r="4753" spans="1:3" x14ac:dyDescent="0.25">
      <c r="A4753" s="2" t="s">
        <v>326</v>
      </c>
      <c r="B4753" s="6">
        <v>79104.149999999994</v>
      </c>
      <c r="C4753" s="7">
        <f t="shared" si="74"/>
        <v>79.10414999999999</v>
      </c>
    </row>
    <row r="4754" spans="1:3" x14ac:dyDescent="0.25">
      <c r="A4754" s="2" t="s">
        <v>327</v>
      </c>
      <c r="B4754" s="6">
        <v>79120.799999999988</v>
      </c>
      <c r="C4754" s="7">
        <f t="shared" si="74"/>
        <v>79.120799999999988</v>
      </c>
    </row>
    <row r="4755" spans="1:3" x14ac:dyDescent="0.25">
      <c r="A4755" s="2" t="s">
        <v>328</v>
      </c>
      <c r="B4755" s="6">
        <v>79137.45</v>
      </c>
      <c r="C4755" s="7">
        <f t="shared" si="74"/>
        <v>79.137450000000001</v>
      </c>
    </row>
    <row r="4756" spans="1:3" x14ac:dyDescent="0.25">
      <c r="A4756" s="2" t="s">
        <v>329</v>
      </c>
      <c r="B4756" s="6">
        <v>79154.099999999991</v>
      </c>
      <c r="C4756" s="7">
        <f t="shared" si="74"/>
        <v>79.154099999999985</v>
      </c>
    </row>
    <row r="4757" spans="1:3" x14ac:dyDescent="0.25">
      <c r="A4757" s="2" t="s">
        <v>330</v>
      </c>
      <c r="B4757" s="6">
        <v>79170.75</v>
      </c>
      <c r="C4757" s="7">
        <f t="shared" si="74"/>
        <v>79.170749999999998</v>
      </c>
    </row>
    <row r="4758" spans="1:3" x14ac:dyDescent="0.25">
      <c r="A4758" s="2" t="s">
        <v>331</v>
      </c>
      <c r="B4758" s="6">
        <v>79187.399999999994</v>
      </c>
      <c r="C4758" s="7">
        <f t="shared" si="74"/>
        <v>79.187399999999997</v>
      </c>
    </row>
    <row r="4759" spans="1:3" x14ac:dyDescent="0.25">
      <c r="A4759" s="2" t="s">
        <v>332</v>
      </c>
      <c r="B4759" s="6">
        <v>79204.049999999988</v>
      </c>
      <c r="C4759" s="7">
        <f t="shared" si="74"/>
        <v>79.204049999999995</v>
      </c>
    </row>
    <row r="4760" spans="1:3" x14ac:dyDescent="0.25">
      <c r="A4760" s="2" t="s">
        <v>333</v>
      </c>
      <c r="B4760" s="6">
        <v>79220.7</v>
      </c>
      <c r="C4760" s="7">
        <f t="shared" si="74"/>
        <v>79.220699999999994</v>
      </c>
    </row>
    <row r="4761" spans="1:3" x14ac:dyDescent="0.25">
      <c r="A4761" s="2" t="s">
        <v>334</v>
      </c>
      <c r="B4761" s="6">
        <v>79237.349999999991</v>
      </c>
      <c r="C4761" s="7">
        <f t="shared" si="74"/>
        <v>79.237349999999992</v>
      </c>
    </row>
    <row r="4762" spans="1:3" x14ac:dyDescent="0.25">
      <c r="A4762" s="2" t="s">
        <v>335</v>
      </c>
      <c r="B4762" s="6">
        <v>79254</v>
      </c>
      <c r="C4762" s="7">
        <f t="shared" si="74"/>
        <v>79.254000000000005</v>
      </c>
    </row>
    <row r="4763" spans="1:3" x14ac:dyDescent="0.25">
      <c r="A4763" s="2" t="s">
        <v>336</v>
      </c>
      <c r="B4763" s="6">
        <v>79270.649999999994</v>
      </c>
      <c r="C4763" s="7">
        <f t="shared" si="74"/>
        <v>79.270649999999989</v>
      </c>
    </row>
    <row r="4764" spans="1:3" x14ac:dyDescent="0.25">
      <c r="A4764" s="2" t="s">
        <v>337</v>
      </c>
      <c r="B4764" s="6">
        <v>79287.299999999988</v>
      </c>
      <c r="C4764" s="7">
        <f t="shared" si="74"/>
        <v>79.287299999999988</v>
      </c>
    </row>
    <row r="4765" spans="1:3" x14ac:dyDescent="0.25">
      <c r="A4765" s="2" t="s">
        <v>338</v>
      </c>
      <c r="B4765" s="6">
        <v>79303.95</v>
      </c>
      <c r="C4765" s="7">
        <f t="shared" si="74"/>
        <v>79.30395</v>
      </c>
    </row>
    <row r="4766" spans="1:3" x14ac:dyDescent="0.25">
      <c r="A4766" s="2" t="s">
        <v>339</v>
      </c>
      <c r="B4766" s="6">
        <v>79320.599999999991</v>
      </c>
      <c r="C4766" s="7">
        <f t="shared" si="74"/>
        <v>79.320599999999985</v>
      </c>
    </row>
    <row r="4767" spans="1:3" x14ac:dyDescent="0.25">
      <c r="A4767" s="2" t="s">
        <v>340</v>
      </c>
      <c r="B4767" s="6">
        <v>79337.25</v>
      </c>
      <c r="C4767" s="7">
        <f t="shared" si="74"/>
        <v>79.337249999999997</v>
      </c>
    </row>
    <row r="4768" spans="1:3" x14ac:dyDescent="0.25">
      <c r="A4768" s="2" t="s">
        <v>341</v>
      </c>
      <c r="B4768" s="6">
        <v>79353.899999999994</v>
      </c>
      <c r="C4768" s="7">
        <f t="shared" si="74"/>
        <v>79.353899999999996</v>
      </c>
    </row>
    <row r="4769" spans="1:3" x14ac:dyDescent="0.25">
      <c r="A4769" s="2" t="s">
        <v>342</v>
      </c>
      <c r="B4769" s="6">
        <v>79370.549999999988</v>
      </c>
      <c r="C4769" s="7">
        <f t="shared" si="74"/>
        <v>79.370549999999994</v>
      </c>
    </row>
    <row r="4770" spans="1:3" x14ac:dyDescent="0.25">
      <c r="A4770" s="2" t="s">
        <v>343</v>
      </c>
      <c r="B4770" s="6">
        <v>79387.199999999997</v>
      </c>
      <c r="C4770" s="7">
        <f t="shared" si="74"/>
        <v>79.387199999999993</v>
      </c>
    </row>
    <row r="4771" spans="1:3" x14ac:dyDescent="0.25">
      <c r="A4771" s="2" t="s">
        <v>344</v>
      </c>
      <c r="B4771" s="6">
        <v>79403.849999999991</v>
      </c>
      <c r="C4771" s="7">
        <f t="shared" si="74"/>
        <v>79.403849999999991</v>
      </c>
    </row>
    <row r="4772" spans="1:3" x14ac:dyDescent="0.25">
      <c r="A4772" s="2" t="s">
        <v>345</v>
      </c>
      <c r="B4772" s="6">
        <v>79420.5</v>
      </c>
      <c r="C4772" s="7">
        <f t="shared" si="74"/>
        <v>79.420500000000004</v>
      </c>
    </row>
    <row r="4773" spans="1:3" x14ac:dyDescent="0.25">
      <c r="A4773" s="2" t="s">
        <v>346</v>
      </c>
      <c r="B4773" s="6">
        <v>79437.149999999994</v>
      </c>
      <c r="C4773" s="7">
        <f t="shared" si="74"/>
        <v>79.437149999999988</v>
      </c>
    </row>
    <row r="4774" spans="1:3" x14ac:dyDescent="0.25">
      <c r="A4774" s="2" t="s">
        <v>347</v>
      </c>
      <c r="B4774" s="6">
        <v>79453.799999999988</v>
      </c>
      <c r="C4774" s="7">
        <f t="shared" si="74"/>
        <v>79.453799999999987</v>
      </c>
    </row>
    <row r="4775" spans="1:3" x14ac:dyDescent="0.25">
      <c r="A4775" s="2" t="s">
        <v>348</v>
      </c>
      <c r="B4775" s="6">
        <v>79470.45</v>
      </c>
      <c r="C4775" s="7">
        <f t="shared" si="74"/>
        <v>79.47045</v>
      </c>
    </row>
    <row r="4776" spans="1:3" x14ac:dyDescent="0.25">
      <c r="A4776" s="2" t="s">
        <v>349</v>
      </c>
      <c r="B4776" s="6">
        <v>79487.099999999991</v>
      </c>
      <c r="C4776" s="7">
        <f t="shared" si="74"/>
        <v>79.487099999999998</v>
      </c>
    </row>
    <row r="4777" spans="1:3" x14ac:dyDescent="0.25">
      <c r="A4777" s="2" t="s">
        <v>350</v>
      </c>
      <c r="B4777" s="6">
        <v>79503.75</v>
      </c>
      <c r="C4777" s="7">
        <f t="shared" si="74"/>
        <v>79.503749999999997</v>
      </c>
    </row>
    <row r="4778" spans="1:3" x14ac:dyDescent="0.25">
      <c r="A4778" s="2" t="s">
        <v>351</v>
      </c>
      <c r="B4778" s="6">
        <v>79520.399999999994</v>
      </c>
      <c r="C4778" s="7">
        <f t="shared" si="74"/>
        <v>79.520399999999995</v>
      </c>
    </row>
    <row r="4779" spans="1:3" x14ac:dyDescent="0.25">
      <c r="A4779" s="2" t="s">
        <v>352</v>
      </c>
      <c r="B4779" s="6">
        <v>79537.049999999988</v>
      </c>
      <c r="C4779" s="7">
        <f t="shared" si="74"/>
        <v>79.537049999999994</v>
      </c>
    </row>
    <row r="4780" spans="1:3" x14ac:dyDescent="0.25">
      <c r="A4780" s="2" t="s">
        <v>353</v>
      </c>
      <c r="B4780" s="6">
        <v>79553.7</v>
      </c>
      <c r="C4780" s="7">
        <f t="shared" si="74"/>
        <v>79.553699999999992</v>
      </c>
    </row>
    <row r="4781" spans="1:3" x14ac:dyDescent="0.25">
      <c r="A4781" s="2" t="s">
        <v>354</v>
      </c>
      <c r="B4781" s="6">
        <v>79570.349999999991</v>
      </c>
      <c r="C4781" s="7">
        <f t="shared" si="74"/>
        <v>79.570349999999991</v>
      </c>
    </row>
    <row r="4782" spans="1:3" x14ac:dyDescent="0.25">
      <c r="A4782" s="2" t="s">
        <v>355</v>
      </c>
      <c r="B4782" s="6">
        <v>79587</v>
      </c>
      <c r="C4782" s="7">
        <f t="shared" si="74"/>
        <v>79.587000000000003</v>
      </c>
    </row>
    <row r="4783" spans="1:3" x14ac:dyDescent="0.25">
      <c r="A4783" s="2" t="s">
        <v>356</v>
      </c>
      <c r="B4783" s="6">
        <v>79603.649999999994</v>
      </c>
      <c r="C4783" s="7">
        <f t="shared" si="74"/>
        <v>79.603649999999988</v>
      </c>
    </row>
    <row r="4784" spans="1:3" x14ac:dyDescent="0.25">
      <c r="A4784" s="2" t="s">
        <v>357</v>
      </c>
      <c r="B4784" s="6">
        <v>79620.299999999988</v>
      </c>
      <c r="C4784" s="7">
        <f t="shared" si="74"/>
        <v>79.620299999999986</v>
      </c>
    </row>
    <row r="4785" spans="1:3" x14ac:dyDescent="0.25">
      <c r="A4785" s="2" t="s">
        <v>358</v>
      </c>
      <c r="B4785" s="6">
        <v>79636.95</v>
      </c>
      <c r="C4785" s="7">
        <f t="shared" si="74"/>
        <v>79.636949999999999</v>
      </c>
    </row>
    <row r="4786" spans="1:3" x14ac:dyDescent="0.25">
      <c r="A4786" s="2" t="s">
        <v>359</v>
      </c>
      <c r="B4786" s="6">
        <v>79653.599999999991</v>
      </c>
      <c r="C4786" s="7">
        <f t="shared" si="74"/>
        <v>79.653599999999997</v>
      </c>
    </row>
    <row r="4787" spans="1:3" x14ac:dyDescent="0.25">
      <c r="A4787" s="2" t="s">
        <v>360</v>
      </c>
      <c r="B4787" s="6">
        <v>79670.25</v>
      </c>
      <c r="C4787" s="7">
        <f t="shared" si="74"/>
        <v>79.670249999999996</v>
      </c>
    </row>
    <row r="4788" spans="1:3" x14ac:dyDescent="0.25">
      <c r="A4788" s="2" t="s">
        <v>361</v>
      </c>
      <c r="B4788" s="6">
        <v>79686.899999999994</v>
      </c>
      <c r="C4788" s="7">
        <f t="shared" si="74"/>
        <v>79.686899999999994</v>
      </c>
    </row>
    <row r="4789" spans="1:3" x14ac:dyDescent="0.25">
      <c r="A4789" s="2" t="s">
        <v>362</v>
      </c>
      <c r="B4789" s="6">
        <v>79703.549999999988</v>
      </c>
      <c r="C4789" s="7">
        <f t="shared" si="74"/>
        <v>79.703549999999993</v>
      </c>
    </row>
    <row r="4790" spans="1:3" x14ac:dyDescent="0.25">
      <c r="A4790" s="2" t="s">
        <v>363</v>
      </c>
      <c r="B4790" s="6">
        <v>79720.2</v>
      </c>
      <c r="C4790" s="7">
        <f t="shared" si="74"/>
        <v>79.720199999999991</v>
      </c>
    </row>
    <row r="4791" spans="1:3" x14ac:dyDescent="0.25">
      <c r="A4791" s="2" t="s">
        <v>364</v>
      </c>
      <c r="B4791" s="6">
        <v>79736.849999999991</v>
      </c>
      <c r="C4791" s="7">
        <f t="shared" si="74"/>
        <v>79.73684999999999</v>
      </c>
    </row>
    <row r="4792" spans="1:3" x14ac:dyDescent="0.25">
      <c r="A4792" s="2" t="s">
        <v>365</v>
      </c>
      <c r="B4792" s="6">
        <v>79753.5</v>
      </c>
      <c r="C4792" s="7">
        <f t="shared" si="74"/>
        <v>79.753500000000003</v>
      </c>
    </row>
    <row r="4793" spans="1:3" x14ac:dyDescent="0.25">
      <c r="A4793" s="2" t="s">
        <v>366</v>
      </c>
      <c r="B4793" s="6">
        <v>79770.149999999994</v>
      </c>
      <c r="C4793" s="7">
        <f t="shared" si="74"/>
        <v>79.770150000000001</v>
      </c>
    </row>
    <row r="4794" spans="1:3" x14ac:dyDescent="0.25">
      <c r="A4794" s="2" t="s">
        <v>367</v>
      </c>
      <c r="B4794" s="6">
        <v>79786.799999999988</v>
      </c>
      <c r="C4794" s="7">
        <f t="shared" si="74"/>
        <v>79.786799999999985</v>
      </c>
    </row>
    <row r="4795" spans="1:3" x14ac:dyDescent="0.25">
      <c r="A4795" s="2" t="s">
        <v>368</v>
      </c>
      <c r="B4795" s="6">
        <v>79803.45</v>
      </c>
      <c r="C4795" s="7">
        <f t="shared" si="74"/>
        <v>79.803449999999998</v>
      </c>
    </row>
    <row r="4796" spans="1:3" x14ac:dyDescent="0.25">
      <c r="A4796" s="2" t="s">
        <v>369</v>
      </c>
      <c r="B4796" s="6">
        <v>79820.099999999991</v>
      </c>
      <c r="C4796" s="7">
        <f t="shared" si="74"/>
        <v>79.820099999999996</v>
      </c>
    </row>
    <row r="4797" spans="1:3" x14ac:dyDescent="0.25">
      <c r="A4797" s="2" t="s">
        <v>370</v>
      </c>
      <c r="B4797" s="6">
        <v>79836.75</v>
      </c>
      <c r="C4797" s="7">
        <f t="shared" si="74"/>
        <v>79.836749999999995</v>
      </c>
    </row>
    <row r="4798" spans="1:3" x14ac:dyDescent="0.25">
      <c r="A4798" s="2" t="s">
        <v>371</v>
      </c>
      <c r="B4798" s="6">
        <v>79853.399999999994</v>
      </c>
      <c r="C4798" s="7">
        <f t="shared" si="74"/>
        <v>79.853399999999993</v>
      </c>
    </row>
    <row r="4799" spans="1:3" x14ac:dyDescent="0.25">
      <c r="A4799" s="2" t="s">
        <v>372</v>
      </c>
      <c r="B4799" s="6">
        <v>79870.049999999988</v>
      </c>
      <c r="C4799" s="7">
        <f t="shared" si="74"/>
        <v>79.870049999999992</v>
      </c>
    </row>
    <row r="4800" spans="1:3" x14ac:dyDescent="0.25">
      <c r="A4800" s="2" t="s">
        <v>373</v>
      </c>
      <c r="B4800" s="6">
        <v>79886.7</v>
      </c>
      <c r="C4800" s="7">
        <f t="shared" si="74"/>
        <v>79.88669999999999</v>
      </c>
    </row>
    <row r="4801" spans="1:3" x14ac:dyDescent="0.25">
      <c r="A4801" s="2" t="s">
        <v>374</v>
      </c>
      <c r="B4801" s="6">
        <v>79903.349999999991</v>
      </c>
      <c r="C4801" s="7">
        <f t="shared" si="74"/>
        <v>79.903349999999989</v>
      </c>
    </row>
    <row r="4802" spans="1:3" x14ac:dyDescent="0.25">
      <c r="A4802" s="2" t="s">
        <v>375</v>
      </c>
      <c r="B4802" s="6">
        <v>79920</v>
      </c>
      <c r="C4802" s="7">
        <f t="shared" si="74"/>
        <v>79.92</v>
      </c>
    </row>
    <row r="4803" spans="1:3" x14ac:dyDescent="0.25">
      <c r="A4803" s="2" t="s">
        <v>376</v>
      </c>
      <c r="B4803" s="6">
        <v>79936.649999999994</v>
      </c>
      <c r="C4803" s="7">
        <f t="shared" ref="C4803:C4866" si="75">B4803/1000</f>
        <v>79.93665</v>
      </c>
    </row>
    <row r="4804" spans="1:3" x14ac:dyDescent="0.25">
      <c r="A4804" s="2" t="s">
        <v>377</v>
      </c>
      <c r="B4804" s="6">
        <v>79953.299999999988</v>
      </c>
      <c r="C4804" s="7">
        <f t="shared" si="75"/>
        <v>79.953299999999984</v>
      </c>
    </row>
    <row r="4805" spans="1:3" x14ac:dyDescent="0.25">
      <c r="A4805" s="2" t="s">
        <v>378</v>
      </c>
      <c r="B4805" s="6">
        <v>79969.95</v>
      </c>
      <c r="C4805" s="7">
        <f t="shared" si="75"/>
        <v>79.969949999999997</v>
      </c>
    </row>
    <row r="4806" spans="1:3" x14ac:dyDescent="0.25">
      <c r="A4806" s="2" t="s">
        <v>379</v>
      </c>
      <c r="B4806" s="6">
        <v>79986.599999999991</v>
      </c>
      <c r="C4806" s="7">
        <f t="shared" si="75"/>
        <v>79.986599999999996</v>
      </c>
    </row>
    <row r="4807" spans="1:3" x14ac:dyDescent="0.25">
      <c r="A4807" s="2" t="s">
        <v>380</v>
      </c>
      <c r="B4807" s="6">
        <v>80003.25</v>
      </c>
      <c r="C4807" s="7">
        <f t="shared" si="75"/>
        <v>80.003249999999994</v>
      </c>
    </row>
    <row r="4808" spans="1:3" x14ac:dyDescent="0.25">
      <c r="A4808" s="2" t="s">
        <v>381</v>
      </c>
      <c r="B4808" s="6">
        <v>80019.899999999994</v>
      </c>
      <c r="C4808" s="7">
        <f t="shared" si="75"/>
        <v>80.019899999999993</v>
      </c>
    </row>
    <row r="4809" spans="1:3" x14ac:dyDescent="0.25">
      <c r="A4809" s="2" t="s">
        <v>382</v>
      </c>
      <c r="B4809" s="6">
        <v>80036.549999999988</v>
      </c>
      <c r="C4809" s="7">
        <f t="shared" si="75"/>
        <v>80.036549999999991</v>
      </c>
    </row>
    <row r="4810" spans="1:3" x14ac:dyDescent="0.25">
      <c r="A4810" s="2" t="s">
        <v>383</v>
      </c>
      <c r="B4810" s="6">
        <v>80053.2</v>
      </c>
      <c r="C4810" s="7">
        <f t="shared" si="75"/>
        <v>80.053200000000004</v>
      </c>
    </row>
    <row r="4811" spans="1:3" x14ac:dyDescent="0.25">
      <c r="A4811" s="2" t="s">
        <v>384</v>
      </c>
      <c r="B4811" s="6">
        <v>80069.849999999991</v>
      </c>
      <c r="C4811" s="7">
        <f t="shared" si="75"/>
        <v>80.069849999999988</v>
      </c>
    </row>
    <row r="4812" spans="1:3" x14ac:dyDescent="0.25">
      <c r="A4812" s="2" t="s">
        <v>385</v>
      </c>
      <c r="B4812" s="6">
        <v>80086.5</v>
      </c>
      <c r="C4812" s="7">
        <f t="shared" si="75"/>
        <v>80.086500000000001</v>
      </c>
    </row>
    <row r="4813" spans="1:3" x14ac:dyDescent="0.25">
      <c r="A4813" s="2" t="s">
        <v>386</v>
      </c>
      <c r="B4813" s="6">
        <v>80103.149999999994</v>
      </c>
      <c r="C4813" s="7">
        <f t="shared" si="75"/>
        <v>80.103149999999999</v>
      </c>
    </row>
    <row r="4814" spans="1:3" x14ac:dyDescent="0.25">
      <c r="A4814" s="2" t="s">
        <v>387</v>
      </c>
      <c r="B4814" s="6">
        <v>80119.799999999988</v>
      </c>
      <c r="C4814" s="7">
        <f t="shared" si="75"/>
        <v>80.119799999999984</v>
      </c>
    </row>
    <row r="4815" spans="1:3" x14ac:dyDescent="0.25">
      <c r="A4815" s="2" t="s">
        <v>388</v>
      </c>
      <c r="B4815" s="6">
        <v>80136.45</v>
      </c>
      <c r="C4815" s="7">
        <f t="shared" si="75"/>
        <v>80.136449999999996</v>
      </c>
    </row>
    <row r="4816" spans="1:3" x14ac:dyDescent="0.25">
      <c r="A4816" s="2" t="s">
        <v>389</v>
      </c>
      <c r="B4816" s="6">
        <v>80153.099999999991</v>
      </c>
      <c r="C4816" s="7">
        <f t="shared" si="75"/>
        <v>80.153099999999995</v>
      </c>
    </row>
    <row r="4817" spans="1:3" x14ac:dyDescent="0.25">
      <c r="A4817" s="2" t="s">
        <v>390</v>
      </c>
      <c r="B4817" s="6">
        <v>80169.75</v>
      </c>
      <c r="C4817" s="7">
        <f t="shared" si="75"/>
        <v>80.169749999999993</v>
      </c>
    </row>
    <row r="4818" spans="1:3" x14ac:dyDescent="0.25">
      <c r="A4818" s="2" t="s">
        <v>391</v>
      </c>
      <c r="B4818" s="6">
        <v>80186.399999999994</v>
      </c>
      <c r="C4818" s="7">
        <f t="shared" si="75"/>
        <v>80.186399999999992</v>
      </c>
    </row>
    <row r="4819" spans="1:3" x14ac:dyDescent="0.25">
      <c r="A4819" s="2" t="s">
        <v>392</v>
      </c>
      <c r="B4819" s="6">
        <v>80203.049999999988</v>
      </c>
      <c r="C4819" s="7">
        <f t="shared" si="75"/>
        <v>80.20304999999999</v>
      </c>
    </row>
    <row r="4820" spans="1:3" x14ac:dyDescent="0.25">
      <c r="A4820" s="2" t="s">
        <v>393</v>
      </c>
      <c r="B4820" s="6">
        <v>80219.7</v>
      </c>
      <c r="C4820" s="7">
        <f t="shared" si="75"/>
        <v>80.219700000000003</v>
      </c>
    </row>
    <row r="4821" spans="1:3" x14ac:dyDescent="0.25">
      <c r="A4821" s="2" t="s">
        <v>394</v>
      </c>
      <c r="B4821" s="6">
        <v>80236.349999999991</v>
      </c>
      <c r="C4821" s="7">
        <f t="shared" si="75"/>
        <v>80.236349999999987</v>
      </c>
    </row>
    <row r="4822" spans="1:3" x14ac:dyDescent="0.25">
      <c r="A4822" s="2" t="s">
        <v>395</v>
      </c>
      <c r="B4822" s="6">
        <v>80253</v>
      </c>
      <c r="C4822" s="7">
        <f t="shared" si="75"/>
        <v>80.253</v>
      </c>
    </row>
    <row r="4823" spans="1:3" x14ac:dyDescent="0.25">
      <c r="A4823" s="2" t="s">
        <v>396</v>
      </c>
      <c r="B4823" s="6">
        <v>80269.649999999994</v>
      </c>
      <c r="C4823" s="7">
        <f t="shared" si="75"/>
        <v>80.269649999999999</v>
      </c>
    </row>
    <row r="4824" spans="1:3" x14ac:dyDescent="0.25">
      <c r="A4824" s="2" t="s">
        <v>397</v>
      </c>
      <c r="B4824" s="6">
        <v>80286.299999999988</v>
      </c>
      <c r="C4824" s="7">
        <f t="shared" si="75"/>
        <v>80.286299999999983</v>
      </c>
    </row>
    <row r="4825" spans="1:3" x14ac:dyDescent="0.25">
      <c r="A4825" s="2" t="s">
        <v>398</v>
      </c>
      <c r="B4825" s="6">
        <v>80302.95</v>
      </c>
      <c r="C4825" s="7">
        <f t="shared" si="75"/>
        <v>80.302949999999996</v>
      </c>
    </row>
    <row r="4826" spans="1:3" x14ac:dyDescent="0.25">
      <c r="A4826" s="2" t="s">
        <v>399</v>
      </c>
      <c r="B4826" s="6">
        <v>80319.599999999991</v>
      </c>
      <c r="C4826" s="7">
        <f t="shared" si="75"/>
        <v>80.319599999999994</v>
      </c>
    </row>
    <row r="4827" spans="1:3" x14ac:dyDescent="0.25">
      <c r="A4827" s="2" t="s">
        <v>400</v>
      </c>
      <c r="B4827" s="6">
        <v>80336.25</v>
      </c>
      <c r="C4827" s="7">
        <f t="shared" si="75"/>
        <v>80.336250000000007</v>
      </c>
    </row>
    <row r="4828" spans="1:3" x14ac:dyDescent="0.25">
      <c r="A4828" s="2" t="s">
        <v>401</v>
      </c>
      <c r="B4828" s="6">
        <v>80352.899999999994</v>
      </c>
      <c r="C4828" s="7">
        <f t="shared" si="75"/>
        <v>80.352899999999991</v>
      </c>
    </row>
    <row r="4829" spans="1:3" x14ac:dyDescent="0.25">
      <c r="A4829" s="2" t="s">
        <v>402</v>
      </c>
      <c r="B4829" s="6">
        <v>80369.549999999988</v>
      </c>
      <c r="C4829" s="7">
        <f t="shared" si="75"/>
        <v>80.36954999999999</v>
      </c>
    </row>
    <row r="4830" spans="1:3" x14ac:dyDescent="0.25">
      <c r="A4830" s="2" t="s">
        <v>403</v>
      </c>
      <c r="B4830" s="6">
        <v>80386.2</v>
      </c>
      <c r="C4830" s="7">
        <f t="shared" si="75"/>
        <v>80.386200000000002</v>
      </c>
    </row>
    <row r="4831" spans="1:3" x14ac:dyDescent="0.25">
      <c r="A4831" s="2" t="s">
        <v>404</v>
      </c>
      <c r="B4831" s="6">
        <v>80402.849999999991</v>
      </c>
      <c r="C4831" s="7">
        <f t="shared" si="75"/>
        <v>80.402849999999987</v>
      </c>
    </row>
    <row r="4832" spans="1:3" x14ac:dyDescent="0.25">
      <c r="A4832" s="2" t="s">
        <v>405</v>
      </c>
      <c r="B4832" s="6">
        <v>80419.5</v>
      </c>
      <c r="C4832" s="7">
        <f t="shared" si="75"/>
        <v>80.419499999999999</v>
      </c>
    </row>
    <row r="4833" spans="1:3" x14ac:dyDescent="0.25">
      <c r="A4833" s="2" t="s">
        <v>406</v>
      </c>
      <c r="B4833" s="6">
        <v>80436.149999999994</v>
      </c>
      <c r="C4833" s="7">
        <f t="shared" si="75"/>
        <v>80.436149999999998</v>
      </c>
    </row>
    <row r="4834" spans="1:3" x14ac:dyDescent="0.25">
      <c r="A4834" s="2" t="s">
        <v>407</v>
      </c>
      <c r="B4834" s="6">
        <v>80452.799999999988</v>
      </c>
      <c r="C4834" s="7">
        <f t="shared" si="75"/>
        <v>80.452799999999982</v>
      </c>
    </row>
    <row r="4835" spans="1:3" x14ac:dyDescent="0.25">
      <c r="A4835" s="2" t="s">
        <v>408</v>
      </c>
      <c r="B4835" s="6">
        <v>80469.45</v>
      </c>
      <c r="C4835" s="7">
        <f t="shared" si="75"/>
        <v>80.469449999999995</v>
      </c>
    </row>
    <row r="4836" spans="1:3" x14ac:dyDescent="0.25">
      <c r="A4836" s="2" t="s">
        <v>409</v>
      </c>
      <c r="B4836" s="6">
        <v>80486.099999999991</v>
      </c>
      <c r="C4836" s="7">
        <f t="shared" si="75"/>
        <v>80.486099999999993</v>
      </c>
    </row>
    <row r="4837" spans="1:3" x14ac:dyDescent="0.25">
      <c r="A4837" s="2" t="s">
        <v>410</v>
      </c>
      <c r="B4837" s="6">
        <v>80502.75</v>
      </c>
      <c r="C4837" s="7">
        <f t="shared" si="75"/>
        <v>80.502750000000006</v>
      </c>
    </row>
    <row r="4838" spans="1:3" x14ac:dyDescent="0.25">
      <c r="A4838" s="2" t="s">
        <v>411</v>
      </c>
      <c r="B4838" s="6">
        <v>80519.399999999994</v>
      </c>
      <c r="C4838" s="7">
        <f t="shared" si="75"/>
        <v>80.51939999999999</v>
      </c>
    </row>
    <row r="4839" spans="1:3" x14ac:dyDescent="0.25">
      <c r="A4839" s="2" t="s">
        <v>412</v>
      </c>
      <c r="B4839" s="6">
        <v>80536.049999999988</v>
      </c>
      <c r="C4839" s="7">
        <f t="shared" si="75"/>
        <v>80.536049999999989</v>
      </c>
    </row>
    <row r="4840" spans="1:3" x14ac:dyDescent="0.25">
      <c r="A4840" s="2" t="s">
        <v>413</v>
      </c>
      <c r="B4840" s="6">
        <v>80552.7</v>
      </c>
      <c r="C4840" s="7">
        <f t="shared" si="75"/>
        <v>80.552700000000002</v>
      </c>
    </row>
    <row r="4841" spans="1:3" x14ac:dyDescent="0.25">
      <c r="A4841" s="2" t="s">
        <v>414</v>
      </c>
      <c r="B4841" s="6">
        <v>80569.349999999991</v>
      </c>
      <c r="C4841" s="7">
        <f t="shared" si="75"/>
        <v>80.569349999999986</v>
      </c>
    </row>
    <row r="4842" spans="1:3" x14ac:dyDescent="0.25">
      <c r="A4842" s="2" t="s">
        <v>415</v>
      </c>
      <c r="B4842" s="6">
        <v>80586</v>
      </c>
      <c r="C4842" s="7">
        <f t="shared" si="75"/>
        <v>80.585999999999999</v>
      </c>
    </row>
    <row r="4843" spans="1:3" x14ac:dyDescent="0.25">
      <c r="A4843" s="2" t="s">
        <v>416</v>
      </c>
      <c r="B4843" s="6">
        <v>80602.649999999994</v>
      </c>
      <c r="C4843" s="7">
        <f t="shared" si="75"/>
        <v>80.602649999999997</v>
      </c>
    </row>
    <row r="4844" spans="1:3" x14ac:dyDescent="0.25">
      <c r="A4844" s="2" t="s">
        <v>417</v>
      </c>
      <c r="B4844" s="6">
        <v>80619.299999999988</v>
      </c>
      <c r="C4844" s="7">
        <f t="shared" si="75"/>
        <v>80.619299999999981</v>
      </c>
    </row>
    <row r="4845" spans="1:3" x14ac:dyDescent="0.25">
      <c r="A4845" s="2" t="s">
        <v>418</v>
      </c>
      <c r="B4845" s="6">
        <v>80635.95</v>
      </c>
      <c r="C4845" s="7">
        <f t="shared" si="75"/>
        <v>80.635949999999994</v>
      </c>
    </row>
    <row r="4846" spans="1:3" x14ac:dyDescent="0.25">
      <c r="A4846" s="2" t="s">
        <v>419</v>
      </c>
      <c r="B4846" s="6">
        <v>80652.599999999991</v>
      </c>
      <c r="C4846" s="7">
        <f t="shared" si="75"/>
        <v>80.652599999999993</v>
      </c>
    </row>
    <row r="4847" spans="1:3" x14ac:dyDescent="0.25">
      <c r="A4847" s="2" t="s">
        <v>420</v>
      </c>
      <c r="B4847" s="6">
        <v>80669.25</v>
      </c>
      <c r="C4847" s="7">
        <f t="shared" si="75"/>
        <v>80.669250000000005</v>
      </c>
    </row>
    <row r="4848" spans="1:3" x14ac:dyDescent="0.25">
      <c r="A4848" s="2" t="s">
        <v>421</v>
      </c>
      <c r="B4848" s="6">
        <v>80685.899999999994</v>
      </c>
      <c r="C4848" s="7">
        <f t="shared" si="75"/>
        <v>80.68589999999999</v>
      </c>
    </row>
    <row r="4849" spans="1:3" x14ac:dyDescent="0.25">
      <c r="A4849" s="2" t="s">
        <v>422</v>
      </c>
      <c r="B4849" s="6">
        <v>80702.549999999988</v>
      </c>
      <c r="C4849" s="7">
        <f t="shared" si="75"/>
        <v>80.702549999999988</v>
      </c>
    </row>
    <row r="4850" spans="1:3" x14ac:dyDescent="0.25">
      <c r="A4850" s="2" t="s">
        <v>423</v>
      </c>
      <c r="B4850" s="6">
        <v>80719.199999999997</v>
      </c>
      <c r="C4850" s="7">
        <f t="shared" si="75"/>
        <v>80.719200000000001</v>
      </c>
    </row>
    <row r="4851" spans="1:3" x14ac:dyDescent="0.25">
      <c r="A4851" s="2" t="s">
        <v>424</v>
      </c>
      <c r="B4851" s="6">
        <v>80735.849999999991</v>
      </c>
      <c r="C4851" s="7">
        <f t="shared" si="75"/>
        <v>80.735849999999985</v>
      </c>
    </row>
    <row r="4852" spans="1:3" x14ac:dyDescent="0.25">
      <c r="A4852" s="2" t="s">
        <v>425</v>
      </c>
      <c r="B4852" s="6">
        <v>80752.5</v>
      </c>
      <c r="C4852" s="7">
        <f t="shared" si="75"/>
        <v>80.752499999999998</v>
      </c>
    </row>
    <row r="4853" spans="1:3" x14ac:dyDescent="0.25">
      <c r="A4853" s="2" t="s">
        <v>426</v>
      </c>
      <c r="B4853" s="6">
        <v>80769.149999999994</v>
      </c>
      <c r="C4853" s="7">
        <f t="shared" si="75"/>
        <v>80.769149999999996</v>
      </c>
    </row>
    <row r="4854" spans="1:3" x14ac:dyDescent="0.25">
      <c r="A4854" s="2" t="s">
        <v>427</v>
      </c>
      <c r="B4854" s="6">
        <v>80785.799999999988</v>
      </c>
      <c r="C4854" s="7">
        <f t="shared" si="75"/>
        <v>80.785799999999995</v>
      </c>
    </row>
    <row r="4855" spans="1:3" x14ac:dyDescent="0.25">
      <c r="A4855" s="2" t="s">
        <v>428</v>
      </c>
      <c r="B4855" s="6">
        <v>80802.45</v>
      </c>
      <c r="C4855" s="7">
        <f t="shared" si="75"/>
        <v>80.802449999999993</v>
      </c>
    </row>
    <row r="4856" spans="1:3" x14ac:dyDescent="0.25">
      <c r="A4856" s="2" t="s">
        <v>429</v>
      </c>
      <c r="B4856" s="6">
        <v>80819.099999999991</v>
      </c>
      <c r="C4856" s="7">
        <f t="shared" si="75"/>
        <v>80.819099999999992</v>
      </c>
    </row>
    <row r="4857" spans="1:3" x14ac:dyDescent="0.25">
      <c r="A4857" s="2" t="s">
        <v>430</v>
      </c>
      <c r="B4857" s="6">
        <v>80835.75</v>
      </c>
      <c r="C4857" s="7">
        <f t="shared" si="75"/>
        <v>80.835750000000004</v>
      </c>
    </row>
    <row r="4858" spans="1:3" x14ac:dyDescent="0.25">
      <c r="A4858" s="2" t="s">
        <v>431</v>
      </c>
      <c r="B4858" s="6">
        <v>80852.399999999994</v>
      </c>
      <c r="C4858" s="7">
        <f t="shared" si="75"/>
        <v>80.852399999999989</v>
      </c>
    </row>
    <row r="4859" spans="1:3" x14ac:dyDescent="0.25">
      <c r="A4859" s="2" t="s">
        <v>432</v>
      </c>
      <c r="B4859" s="6">
        <v>80869.049999999988</v>
      </c>
      <c r="C4859" s="7">
        <f t="shared" si="75"/>
        <v>80.869049999999987</v>
      </c>
    </row>
    <row r="4860" spans="1:3" x14ac:dyDescent="0.25">
      <c r="A4860" s="2" t="s">
        <v>433</v>
      </c>
      <c r="B4860" s="6">
        <v>80885.7</v>
      </c>
      <c r="C4860" s="7">
        <f t="shared" si="75"/>
        <v>80.8857</v>
      </c>
    </row>
    <row r="4861" spans="1:3" x14ac:dyDescent="0.25">
      <c r="A4861" s="2" t="s">
        <v>434</v>
      </c>
      <c r="B4861" s="6">
        <v>80902.349999999991</v>
      </c>
      <c r="C4861" s="7">
        <f t="shared" si="75"/>
        <v>80.902349999999984</v>
      </c>
    </row>
    <row r="4862" spans="1:3" x14ac:dyDescent="0.25">
      <c r="A4862" s="2" t="s">
        <v>435</v>
      </c>
      <c r="B4862" s="6">
        <v>80919</v>
      </c>
      <c r="C4862" s="7">
        <f t="shared" si="75"/>
        <v>80.918999999999997</v>
      </c>
    </row>
    <row r="4863" spans="1:3" x14ac:dyDescent="0.25">
      <c r="A4863" s="2" t="s">
        <v>436</v>
      </c>
      <c r="B4863" s="6">
        <v>80935.649999999994</v>
      </c>
      <c r="C4863" s="7">
        <f t="shared" si="75"/>
        <v>80.935649999999995</v>
      </c>
    </row>
    <row r="4864" spans="1:3" x14ac:dyDescent="0.25">
      <c r="A4864" s="2" t="s">
        <v>437</v>
      </c>
      <c r="B4864" s="6">
        <v>80952.299999999988</v>
      </c>
      <c r="C4864" s="7">
        <f t="shared" si="75"/>
        <v>80.952299999999994</v>
      </c>
    </row>
    <row r="4865" spans="1:3" x14ac:dyDescent="0.25">
      <c r="A4865" s="2" t="s">
        <v>438</v>
      </c>
      <c r="B4865" s="6">
        <v>80968.95</v>
      </c>
      <c r="C4865" s="7">
        <f t="shared" si="75"/>
        <v>80.968949999999992</v>
      </c>
    </row>
    <row r="4866" spans="1:3" x14ac:dyDescent="0.25">
      <c r="A4866" s="2" t="s">
        <v>439</v>
      </c>
      <c r="B4866" s="6">
        <v>80985.599999999991</v>
      </c>
      <c r="C4866" s="7">
        <f t="shared" si="75"/>
        <v>80.985599999999991</v>
      </c>
    </row>
    <row r="4867" spans="1:3" x14ac:dyDescent="0.25">
      <c r="A4867" s="2" t="s">
        <v>440</v>
      </c>
      <c r="B4867" s="6">
        <v>81002.25</v>
      </c>
      <c r="C4867" s="7">
        <f t="shared" ref="C4867:C4930" si="76">B4867/1000</f>
        <v>81.002250000000004</v>
      </c>
    </row>
    <row r="4868" spans="1:3" x14ac:dyDescent="0.25">
      <c r="A4868" s="2" t="s">
        <v>441</v>
      </c>
      <c r="B4868" s="6">
        <v>81018.899999999994</v>
      </c>
      <c r="C4868" s="7">
        <f t="shared" si="76"/>
        <v>81.018899999999988</v>
      </c>
    </row>
    <row r="4869" spans="1:3" x14ac:dyDescent="0.25">
      <c r="A4869" s="2" t="s">
        <v>442</v>
      </c>
      <c r="B4869" s="6">
        <v>81035.549999999988</v>
      </c>
      <c r="C4869" s="7">
        <f t="shared" si="76"/>
        <v>81.035549999999986</v>
      </c>
    </row>
    <row r="4870" spans="1:3" x14ac:dyDescent="0.25">
      <c r="A4870" s="2" t="s">
        <v>443</v>
      </c>
      <c r="B4870" s="6">
        <v>81052.2</v>
      </c>
      <c r="C4870" s="7">
        <f t="shared" si="76"/>
        <v>81.052199999999999</v>
      </c>
    </row>
    <row r="4871" spans="1:3" x14ac:dyDescent="0.25">
      <c r="A4871" s="2" t="s">
        <v>444</v>
      </c>
      <c r="B4871" s="6">
        <v>81068.849999999991</v>
      </c>
      <c r="C4871" s="7">
        <f t="shared" si="76"/>
        <v>81.068849999999998</v>
      </c>
    </row>
    <row r="4872" spans="1:3" x14ac:dyDescent="0.25">
      <c r="A4872" s="2" t="s">
        <v>445</v>
      </c>
      <c r="B4872" s="6">
        <v>81085.5</v>
      </c>
      <c r="C4872" s="7">
        <f t="shared" si="76"/>
        <v>81.085499999999996</v>
      </c>
    </row>
    <row r="4873" spans="1:3" x14ac:dyDescent="0.25">
      <c r="A4873" s="2" t="s">
        <v>446</v>
      </c>
      <c r="B4873" s="6">
        <v>81102.149999999994</v>
      </c>
      <c r="C4873" s="7">
        <f t="shared" si="76"/>
        <v>81.102149999999995</v>
      </c>
    </row>
    <row r="4874" spans="1:3" x14ac:dyDescent="0.25">
      <c r="A4874" s="2" t="s">
        <v>447</v>
      </c>
      <c r="B4874" s="6">
        <v>81118.799999999988</v>
      </c>
      <c r="C4874" s="7">
        <f t="shared" si="76"/>
        <v>81.118799999999993</v>
      </c>
    </row>
    <row r="4875" spans="1:3" x14ac:dyDescent="0.25">
      <c r="A4875" s="2" t="s">
        <v>448</v>
      </c>
      <c r="B4875" s="6">
        <v>81135.45</v>
      </c>
      <c r="C4875" s="7">
        <f t="shared" si="76"/>
        <v>81.135449999999992</v>
      </c>
    </row>
    <row r="4876" spans="1:3" x14ac:dyDescent="0.25">
      <c r="A4876" s="2" t="s">
        <v>449</v>
      </c>
      <c r="B4876" s="6">
        <v>81152.099999999991</v>
      </c>
      <c r="C4876" s="7">
        <f t="shared" si="76"/>
        <v>81.15209999999999</v>
      </c>
    </row>
    <row r="4877" spans="1:3" x14ac:dyDescent="0.25">
      <c r="A4877" s="2" t="s">
        <v>450</v>
      </c>
      <c r="B4877" s="6">
        <v>81168.75</v>
      </c>
      <c r="C4877" s="7">
        <f t="shared" si="76"/>
        <v>81.168750000000003</v>
      </c>
    </row>
    <row r="4878" spans="1:3" x14ac:dyDescent="0.25">
      <c r="A4878" s="2" t="s">
        <v>451</v>
      </c>
      <c r="B4878" s="6">
        <v>81185.399999999994</v>
      </c>
      <c r="C4878" s="7">
        <f t="shared" si="76"/>
        <v>81.185399999999987</v>
      </c>
    </row>
    <row r="4879" spans="1:3" x14ac:dyDescent="0.25">
      <c r="A4879" s="2" t="s">
        <v>452</v>
      </c>
      <c r="B4879" s="6">
        <v>81202.049999999988</v>
      </c>
      <c r="C4879" s="7">
        <f t="shared" si="76"/>
        <v>81.202049999999986</v>
      </c>
    </row>
    <row r="4880" spans="1:3" x14ac:dyDescent="0.25">
      <c r="A4880" s="2" t="s">
        <v>453</v>
      </c>
      <c r="B4880" s="6">
        <v>81218.7</v>
      </c>
      <c r="C4880" s="7">
        <f t="shared" si="76"/>
        <v>81.218699999999998</v>
      </c>
    </row>
    <row r="4881" spans="1:3" x14ac:dyDescent="0.25">
      <c r="A4881" s="2" t="s">
        <v>454</v>
      </c>
      <c r="B4881" s="6">
        <v>81235.349999999991</v>
      </c>
      <c r="C4881" s="7">
        <f t="shared" si="76"/>
        <v>81.235349999999997</v>
      </c>
    </row>
    <row r="4882" spans="1:3" x14ac:dyDescent="0.25">
      <c r="A4882" s="2" t="s">
        <v>455</v>
      </c>
      <c r="B4882" s="6">
        <v>81252</v>
      </c>
      <c r="C4882" s="7">
        <f t="shared" si="76"/>
        <v>81.251999999999995</v>
      </c>
    </row>
    <row r="4883" spans="1:3" x14ac:dyDescent="0.25">
      <c r="A4883" s="2" t="s">
        <v>456</v>
      </c>
      <c r="B4883" s="6">
        <v>81268.649999999994</v>
      </c>
      <c r="C4883" s="7">
        <f t="shared" si="76"/>
        <v>81.268649999999994</v>
      </c>
    </row>
    <row r="4884" spans="1:3" x14ac:dyDescent="0.25">
      <c r="A4884" s="2" t="s">
        <v>457</v>
      </c>
      <c r="B4884" s="6">
        <v>81285.299999999988</v>
      </c>
      <c r="C4884" s="7">
        <f t="shared" si="76"/>
        <v>81.285299999999992</v>
      </c>
    </row>
    <row r="4885" spans="1:3" x14ac:dyDescent="0.25">
      <c r="A4885" s="2" t="s">
        <v>458</v>
      </c>
      <c r="B4885" s="6">
        <v>81301.95</v>
      </c>
      <c r="C4885" s="7">
        <f t="shared" si="76"/>
        <v>81.301949999999991</v>
      </c>
    </row>
    <row r="4886" spans="1:3" x14ac:dyDescent="0.25">
      <c r="A4886" s="2" t="s">
        <v>459</v>
      </c>
      <c r="B4886" s="6">
        <v>81318.599999999991</v>
      </c>
      <c r="C4886" s="7">
        <f t="shared" si="76"/>
        <v>81.318599999999989</v>
      </c>
    </row>
    <row r="4887" spans="1:3" x14ac:dyDescent="0.25">
      <c r="A4887" s="2" t="s">
        <v>460</v>
      </c>
      <c r="B4887" s="6">
        <v>81335.25</v>
      </c>
      <c r="C4887" s="7">
        <f t="shared" si="76"/>
        <v>81.335250000000002</v>
      </c>
    </row>
    <row r="4888" spans="1:3" x14ac:dyDescent="0.25">
      <c r="A4888" s="2" t="s">
        <v>461</v>
      </c>
      <c r="B4888" s="6">
        <v>81351.899999999994</v>
      </c>
      <c r="C4888" s="7">
        <f t="shared" si="76"/>
        <v>81.351900000000001</v>
      </c>
    </row>
    <row r="4889" spans="1:3" x14ac:dyDescent="0.25">
      <c r="A4889" s="2" t="s">
        <v>462</v>
      </c>
      <c r="B4889" s="6">
        <v>81368.549999999988</v>
      </c>
      <c r="C4889" s="7">
        <f t="shared" si="76"/>
        <v>81.368549999999985</v>
      </c>
    </row>
    <row r="4890" spans="1:3" x14ac:dyDescent="0.25">
      <c r="A4890" s="2" t="s">
        <v>463</v>
      </c>
      <c r="B4890" s="6">
        <v>81385.2</v>
      </c>
      <c r="C4890" s="7">
        <f t="shared" si="76"/>
        <v>81.385199999999998</v>
      </c>
    </row>
    <row r="4891" spans="1:3" x14ac:dyDescent="0.25">
      <c r="A4891" s="2" t="s">
        <v>464</v>
      </c>
      <c r="B4891" s="6">
        <v>81401.849999999991</v>
      </c>
      <c r="C4891" s="7">
        <f t="shared" si="76"/>
        <v>81.401849999999996</v>
      </c>
    </row>
    <row r="4892" spans="1:3" x14ac:dyDescent="0.25">
      <c r="A4892" s="2" t="s">
        <v>465</v>
      </c>
      <c r="B4892" s="6">
        <v>81418.5</v>
      </c>
      <c r="C4892" s="7">
        <f t="shared" si="76"/>
        <v>81.418499999999995</v>
      </c>
    </row>
    <row r="4893" spans="1:3" x14ac:dyDescent="0.25">
      <c r="A4893" s="2" t="s">
        <v>466</v>
      </c>
      <c r="B4893" s="6">
        <v>81435.149999999994</v>
      </c>
      <c r="C4893" s="7">
        <f t="shared" si="76"/>
        <v>81.435149999999993</v>
      </c>
    </row>
    <row r="4894" spans="1:3" x14ac:dyDescent="0.25">
      <c r="A4894" s="2" t="s">
        <v>467</v>
      </c>
      <c r="B4894" s="6">
        <v>81451.799999999988</v>
      </c>
      <c r="C4894" s="7">
        <f t="shared" si="76"/>
        <v>81.451799999999992</v>
      </c>
    </row>
    <row r="4895" spans="1:3" x14ac:dyDescent="0.25">
      <c r="A4895" s="2" t="s">
        <v>468</v>
      </c>
      <c r="B4895" s="6">
        <v>81468.45</v>
      </c>
      <c r="C4895" s="7">
        <f t="shared" si="76"/>
        <v>81.46844999999999</v>
      </c>
    </row>
    <row r="4896" spans="1:3" x14ac:dyDescent="0.25">
      <c r="A4896" s="2" t="s">
        <v>469</v>
      </c>
      <c r="B4896" s="6">
        <v>81485.099999999991</v>
      </c>
      <c r="C4896" s="7">
        <f t="shared" si="76"/>
        <v>81.485099999999989</v>
      </c>
    </row>
    <row r="4897" spans="1:3" x14ac:dyDescent="0.25">
      <c r="A4897" s="2" t="s">
        <v>470</v>
      </c>
      <c r="B4897" s="6">
        <v>81501.75</v>
      </c>
      <c r="C4897" s="7">
        <f t="shared" si="76"/>
        <v>81.501750000000001</v>
      </c>
    </row>
    <row r="4898" spans="1:3" x14ac:dyDescent="0.25">
      <c r="A4898" s="2" t="s">
        <v>471</v>
      </c>
      <c r="B4898" s="6">
        <v>81518.399999999994</v>
      </c>
      <c r="C4898" s="7">
        <f t="shared" si="76"/>
        <v>81.5184</v>
      </c>
    </row>
    <row r="4899" spans="1:3" x14ac:dyDescent="0.25">
      <c r="A4899" s="2" t="s">
        <v>472</v>
      </c>
      <c r="B4899" s="6">
        <v>81535.049999999988</v>
      </c>
      <c r="C4899" s="7">
        <f t="shared" si="76"/>
        <v>81.535049999999984</v>
      </c>
    </row>
    <row r="4900" spans="1:3" x14ac:dyDescent="0.25">
      <c r="A4900" s="2" t="s">
        <v>473</v>
      </c>
      <c r="B4900" s="6">
        <v>81551.7</v>
      </c>
      <c r="C4900" s="7">
        <f t="shared" si="76"/>
        <v>81.551699999999997</v>
      </c>
    </row>
    <row r="4901" spans="1:3" x14ac:dyDescent="0.25">
      <c r="A4901" s="2" t="s">
        <v>474</v>
      </c>
      <c r="B4901" s="6">
        <v>81568.349999999991</v>
      </c>
      <c r="C4901" s="7">
        <f t="shared" si="76"/>
        <v>81.568349999999995</v>
      </c>
    </row>
    <row r="4902" spans="1:3" x14ac:dyDescent="0.25">
      <c r="A4902" s="2" t="s">
        <v>475</v>
      </c>
      <c r="B4902" s="6">
        <v>81585</v>
      </c>
      <c r="C4902" s="7">
        <f t="shared" si="76"/>
        <v>81.584999999999994</v>
      </c>
    </row>
    <row r="4903" spans="1:3" x14ac:dyDescent="0.25">
      <c r="A4903" s="2" t="s">
        <v>476</v>
      </c>
      <c r="B4903" s="6">
        <v>81601.649999999994</v>
      </c>
      <c r="C4903" s="7">
        <f t="shared" si="76"/>
        <v>81.601649999999992</v>
      </c>
    </row>
    <row r="4904" spans="1:3" x14ac:dyDescent="0.25">
      <c r="A4904" s="2" t="s">
        <v>477</v>
      </c>
      <c r="B4904" s="6">
        <v>81618.299999999988</v>
      </c>
      <c r="C4904" s="7">
        <f t="shared" si="76"/>
        <v>81.618299999999991</v>
      </c>
    </row>
    <row r="4905" spans="1:3" x14ac:dyDescent="0.25">
      <c r="A4905" s="2" t="s">
        <v>478</v>
      </c>
      <c r="B4905" s="6">
        <v>81634.95</v>
      </c>
      <c r="C4905" s="7">
        <f t="shared" si="76"/>
        <v>81.634950000000003</v>
      </c>
    </row>
    <row r="4906" spans="1:3" x14ac:dyDescent="0.25">
      <c r="A4906" s="2" t="s">
        <v>479</v>
      </c>
      <c r="B4906" s="6">
        <v>81651.599999999991</v>
      </c>
      <c r="C4906" s="7">
        <f t="shared" si="76"/>
        <v>81.651599999999988</v>
      </c>
    </row>
    <row r="4907" spans="1:3" x14ac:dyDescent="0.25">
      <c r="A4907" s="2" t="s">
        <v>480</v>
      </c>
      <c r="B4907" s="6">
        <v>81668.25</v>
      </c>
      <c r="C4907" s="7">
        <f t="shared" si="76"/>
        <v>81.66825</v>
      </c>
    </row>
    <row r="4908" spans="1:3" x14ac:dyDescent="0.25">
      <c r="A4908" s="2" t="s">
        <v>481</v>
      </c>
      <c r="B4908" s="6">
        <v>81684.899999999994</v>
      </c>
      <c r="C4908" s="7">
        <f t="shared" si="76"/>
        <v>81.684899999999999</v>
      </c>
    </row>
    <row r="4909" spans="1:3" x14ac:dyDescent="0.25">
      <c r="A4909" s="2" t="s">
        <v>482</v>
      </c>
      <c r="B4909" s="6">
        <v>81701.549999999988</v>
      </c>
      <c r="C4909" s="7">
        <f t="shared" si="76"/>
        <v>81.701549999999983</v>
      </c>
    </row>
    <row r="4910" spans="1:3" x14ac:dyDescent="0.25">
      <c r="A4910" s="2" t="s">
        <v>483</v>
      </c>
      <c r="B4910" s="6">
        <v>81718.2</v>
      </c>
      <c r="C4910" s="7">
        <f t="shared" si="76"/>
        <v>81.718199999999996</v>
      </c>
    </row>
    <row r="4911" spans="1:3" x14ac:dyDescent="0.25">
      <c r="A4911" s="2" t="s">
        <v>484</v>
      </c>
      <c r="B4911" s="6">
        <v>81734.849999999991</v>
      </c>
      <c r="C4911" s="7">
        <f t="shared" si="76"/>
        <v>81.734849999999994</v>
      </c>
    </row>
    <row r="4912" spans="1:3" x14ac:dyDescent="0.25">
      <c r="A4912" s="2" t="s">
        <v>485</v>
      </c>
      <c r="B4912" s="6">
        <v>81751.5</v>
      </c>
      <c r="C4912" s="7">
        <f t="shared" si="76"/>
        <v>81.751499999999993</v>
      </c>
    </row>
    <row r="4913" spans="1:3" x14ac:dyDescent="0.25">
      <c r="A4913" s="2" t="s">
        <v>486</v>
      </c>
      <c r="B4913" s="6">
        <v>81768.149999999994</v>
      </c>
      <c r="C4913" s="7">
        <f t="shared" si="76"/>
        <v>81.768149999999991</v>
      </c>
    </row>
    <row r="4914" spans="1:3" x14ac:dyDescent="0.25">
      <c r="A4914" s="2" t="s">
        <v>487</v>
      </c>
      <c r="B4914" s="6">
        <v>81784.799999999988</v>
      </c>
      <c r="C4914" s="7">
        <f t="shared" si="76"/>
        <v>81.78479999999999</v>
      </c>
    </row>
    <row r="4915" spans="1:3" x14ac:dyDescent="0.25">
      <c r="A4915" s="2" t="s">
        <v>488</v>
      </c>
      <c r="B4915" s="6">
        <v>81801.45</v>
      </c>
      <c r="C4915" s="7">
        <f t="shared" si="76"/>
        <v>81.801450000000003</v>
      </c>
    </row>
    <row r="4916" spans="1:3" x14ac:dyDescent="0.25">
      <c r="A4916" s="2" t="s">
        <v>489</v>
      </c>
      <c r="B4916" s="6">
        <v>81818.099999999991</v>
      </c>
      <c r="C4916" s="7">
        <f t="shared" si="76"/>
        <v>81.818099999999987</v>
      </c>
    </row>
    <row r="4917" spans="1:3" x14ac:dyDescent="0.25">
      <c r="A4917" s="2" t="s">
        <v>490</v>
      </c>
      <c r="B4917" s="6">
        <v>81834.75</v>
      </c>
      <c r="C4917" s="7">
        <f t="shared" si="76"/>
        <v>81.83475</v>
      </c>
    </row>
    <row r="4918" spans="1:3" x14ac:dyDescent="0.25">
      <c r="A4918" s="2" t="s">
        <v>491</v>
      </c>
      <c r="B4918" s="6">
        <v>81851.399999999994</v>
      </c>
      <c r="C4918" s="7">
        <f t="shared" si="76"/>
        <v>81.851399999999998</v>
      </c>
    </row>
    <row r="4919" spans="1:3" x14ac:dyDescent="0.25">
      <c r="A4919" s="2" t="s">
        <v>492</v>
      </c>
      <c r="B4919" s="6">
        <v>81868.049999999988</v>
      </c>
      <c r="C4919" s="7">
        <f t="shared" si="76"/>
        <v>81.868049999999982</v>
      </c>
    </row>
    <row r="4920" spans="1:3" x14ac:dyDescent="0.25">
      <c r="A4920" s="2" t="s">
        <v>493</v>
      </c>
      <c r="B4920" s="6">
        <v>81884.7</v>
      </c>
      <c r="C4920" s="7">
        <f t="shared" si="76"/>
        <v>81.884699999999995</v>
      </c>
    </row>
    <row r="4921" spans="1:3" x14ac:dyDescent="0.25">
      <c r="A4921" s="2" t="s">
        <v>494</v>
      </c>
      <c r="B4921" s="6">
        <v>81901.349999999991</v>
      </c>
      <c r="C4921" s="7">
        <f t="shared" si="76"/>
        <v>81.901349999999994</v>
      </c>
    </row>
    <row r="4922" spans="1:3" x14ac:dyDescent="0.25">
      <c r="A4922" s="2" t="s">
        <v>495</v>
      </c>
      <c r="B4922" s="6">
        <v>81918</v>
      </c>
      <c r="C4922" s="7">
        <f t="shared" si="76"/>
        <v>81.918000000000006</v>
      </c>
    </row>
    <row r="4923" spans="1:3" x14ac:dyDescent="0.25">
      <c r="A4923" s="2" t="s">
        <v>496</v>
      </c>
      <c r="B4923" s="6">
        <v>81934.649999999994</v>
      </c>
      <c r="C4923" s="7">
        <f t="shared" si="76"/>
        <v>81.934649999999991</v>
      </c>
    </row>
    <row r="4924" spans="1:3" x14ac:dyDescent="0.25">
      <c r="A4924" s="2" t="s">
        <v>497</v>
      </c>
      <c r="B4924" s="6">
        <v>81951.299999999988</v>
      </c>
      <c r="C4924" s="7">
        <f t="shared" si="76"/>
        <v>81.951299999999989</v>
      </c>
    </row>
    <row r="4925" spans="1:3" x14ac:dyDescent="0.25">
      <c r="A4925" s="2" t="s">
        <v>498</v>
      </c>
      <c r="B4925" s="6">
        <v>81967.95</v>
      </c>
      <c r="C4925" s="7">
        <f t="shared" si="76"/>
        <v>81.967950000000002</v>
      </c>
    </row>
    <row r="4926" spans="1:3" x14ac:dyDescent="0.25">
      <c r="A4926" s="2" t="s">
        <v>499</v>
      </c>
      <c r="B4926" s="6">
        <v>81984.599999999991</v>
      </c>
      <c r="C4926" s="7">
        <f t="shared" si="76"/>
        <v>81.984599999999986</v>
      </c>
    </row>
    <row r="4927" spans="1:3" x14ac:dyDescent="0.25">
      <c r="A4927" s="2" t="s">
        <v>500</v>
      </c>
      <c r="B4927" s="6">
        <v>82001.25</v>
      </c>
      <c r="C4927" s="7">
        <f t="shared" si="76"/>
        <v>82.001249999999999</v>
      </c>
    </row>
    <row r="4928" spans="1:3" x14ac:dyDescent="0.25">
      <c r="A4928" s="2" t="s">
        <v>501</v>
      </c>
      <c r="B4928" s="6">
        <v>82017.899999999994</v>
      </c>
      <c r="C4928" s="7">
        <f t="shared" si="76"/>
        <v>82.017899999999997</v>
      </c>
    </row>
    <row r="4929" spans="1:3" x14ac:dyDescent="0.25">
      <c r="A4929" s="2" t="s">
        <v>502</v>
      </c>
      <c r="B4929" s="6">
        <v>82034.549999999988</v>
      </c>
      <c r="C4929" s="7">
        <f t="shared" si="76"/>
        <v>82.034549999999982</v>
      </c>
    </row>
    <row r="4930" spans="1:3" x14ac:dyDescent="0.25">
      <c r="A4930" s="2" t="s">
        <v>503</v>
      </c>
      <c r="B4930" s="6">
        <v>82051.199999999997</v>
      </c>
      <c r="C4930" s="7">
        <f t="shared" si="76"/>
        <v>82.051199999999994</v>
      </c>
    </row>
    <row r="4931" spans="1:3" x14ac:dyDescent="0.25">
      <c r="A4931" s="2" t="s">
        <v>504</v>
      </c>
      <c r="B4931" s="6">
        <v>82067.849999999991</v>
      </c>
      <c r="C4931" s="7">
        <f t="shared" ref="C4931:C4994" si="77">B4931/1000</f>
        <v>82.067849999999993</v>
      </c>
    </row>
    <row r="4932" spans="1:3" x14ac:dyDescent="0.25">
      <c r="A4932" s="2" t="s">
        <v>505</v>
      </c>
      <c r="B4932" s="6">
        <v>82084.5</v>
      </c>
      <c r="C4932" s="7">
        <f t="shared" si="77"/>
        <v>82.084500000000006</v>
      </c>
    </row>
    <row r="4933" spans="1:3" x14ac:dyDescent="0.25">
      <c r="A4933" s="2" t="s">
        <v>506</v>
      </c>
      <c r="B4933" s="6">
        <v>82101.149999999994</v>
      </c>
      <c r="C4933" s="7">
        <f t="shared" si="77"/>
        <v>82.10114999999999</v>
      </c>
    </row>
    <row r="4934" spans="1:3" x14ac:dyDescent="0.25">
      <c r="A4934" s="2" t="s">
        <v>507</v>
      </c>
      <c r="B4934" s="6">
        <v>82117.799999999988</v>
      </c>
      <c r="C4934" s="7">
        <f t="shared" si="77"/>
        <v>82.117799999999988</v>
      </c>
    </row>
    <row r="4935" spans="1:3" x14ac:dyDescent="0.25">
      <c r="A4935" s="2" t="s">
        <v>508</v>
      </c>
      <c r="B4935" s="6">
        <v>82134.45</v>
      </c>
      <c r="C4935" s="7">
        <f t="shared" si="77"/>
        <v>82.134450000000001</v>
      </c>
    </row>
    <row r="4936" spans="1:3" x14ac:dyDescent="0.25">
      <c r="A4936" s="2" t="s">
        <v>509</v>
      </c>
      <c r="B4936" s="6">
        <v>82151.099999999991</v>
      </c>
      <c r="C4936" s="7">
        <f t="shared" si="77"/>
        <v>82.151099999999985</v>
      </c>
    </row>
    <row r="4937" spans="1:3" x14ac:dyDescent="0.25">
      <c r="A4937" s="2" t="s">
        <v>510</v>
      </c>
      <c r="B4937" s="6">
        <v>82167.75</v>
      </c>
      <c r="C4937" s="7">
        <f t="shared" si="77"/>
        <v>82.167749999999998</v>
      </c>
    </row>
    <row r="4938" spans="1:3" x14ac:dyDescent="0.25">
      <c r="A4938" s="2" t="s">
        <v>511</v>
      </c>
      <c r="B4938" s="6">
        <v>82184.399999999994</v>
      </c>
      <c r="C4938" s="7">
        <f t="shared" si="77"/>
        <v>82.184399999999997</v>
      </c>
    </row>
    <row r="4939" spans="1:3" x14ac:dyDescent="0.25">
      <c r="A4939" s="2" t="s">
        <v>512</v>
      </c>
      <c r="B4939" s="6">
        <v>82201.049999999988</v>
      </c>
      <c r="C4939" s="7">
        <f t="shared" si="77"/>
        <v>82.201049999999995</v>
      </c>
    </row>
    <row r="4940" spans="1:3" x14ac:dyDescent="0.25">
      <c r="A4940" s="2" t="s">
        <v>513</v>
      </c>
      <c r="B4940" s="6">
        <v>82217.7</v>
      </c>
      <c r="C4940" s="7">
        <f t="shared" si="77"/>
        <v>82.217699999999994</v>
      </c>
    </row>
    <row r="4941" spans="1:3" x14ac:dyDescent="0.25">
      <c r="A4941" s="2" t="s">
        <v>514</v>
      </c>
      <c r="B4941" s="6">
        <v>82234.349999999991</v>
      </c>
      <c r="C4941" s="7">
        <f t="shared" si="77"/>
        <v>82.234349999999992</v>
      </c>
    </row>
    <row r="4942" spans="1:3" x14ac:dyDescent="0.25">
      <c r="A4942" s="2" t="s">
        <v>515</v>
      </c>
      <c r="B4942" s="6">
        <v>82251</v>
      </c>
      <c r="C4942" s="7">
        <f t="shared" si="77"/>
        <v>82.251000000000005</v>
      </c>
    </row>
    <row r="4943" spans="1:3" x14ac:dyDescent="0.25">
      <c r="A4943" s="2" t="s">
        <v>516</v>
      </c>
      <c r="B4943" s="6">
        <v>82267.649999999994</v>
      </c>
      <c r="C4943" s="7">
        <f t="shared" si="77"/>
        <v>82.267649999999989</v>
      </c>
    </row>
    <row r="4944" spans="1:3" x14ac:dyDescent="0.25">
      <c r="A4944" s="2" t="s">
        <v>517</v>
      </c>
      <c r="B4944" s="6">
        <v>82284.299999999988</v>
      </c>
      <c r="C4944" s="7">
        <f t="shared" si="77"/>
        <v>82.284299999999988</v>
      </c>
    </row>
    <row r="4945" spans="1:3" x14ac:dyDescent="0.25">
      <c r="A4945" s="2" t="s">
        <v>518</v>
      </c>
      <c r="B4945" s="6">
        <v>82300.95</v>
      </c>
      <c r="C4945" s="7">
        <f t="shared" si="77"/>
        <v>82.30095</v>
      </c>
    </row>
    <row r="4946" spans="1:3" x14ac:dyDescent="0.25">
      <c r="A4946" s="2" t="s">
        <v>519</v>
      </c>
      <c r="B4946" s="6">
        <v>82317.599999999991</v>
      </c>
      <c r="C4946" s="7">
        <f t="shared" si="77"/>
        <v>82.317599999999985</v>
      </c>
    </row>
    <row r="4947" spans="1:3" x14ac:dyDescent="0.25">
      <c r="A4947" s="2" t="s">
        <v>520</v>
      </c>
      <c r="B4947" s="6">
        <v>82334.25</v>
      </c>
      <c r="C4947" s="7">
        <f t="shared" si="77"/>
        <v>82.334249999999997</v>
      </c>
    </row>
    <row r="4948" spans="1:3" x14ac:dyDescent="0.25">
      <c r="A4948" s="2" t="s">
        <v>521</v>
      </c>
      <c r="B4948" s="6">
        <v>82350.899999999994</v>
      </c>
      <c r="C4948" s="7">
        <f t="shared" si="77"/>
        <v>82.350899999999996</v>
      </c>
    </row>
    <row r="4949" spans="1:3" x14ac:dyDescent="0.25">
      <c r="A4949" s="2" t="s">
        <v>522</v>
      </c>
      <c r="B4949" s="6">
        <v>82367.549999999988</v>
      </c>
      <c r="C4949" s="7">
        <f t="shared" si="77"/>
        <v>82.367549999999994</v>
      </c>
    </row>
    <row r="4950" spans="1:3" x14ac:dyDescent="0.25">
      <c r="A4950" s="2" t="s">
        <v>523</v>
      </c>
      <c r="B4950" s="6">
        <v>82384.2</v>
      </c>
      <c r="C4950" s="7">
        <f t="shared" si="77"/>
        <v>82.384199999999993</v>
      </c>
    </row>
    <row r="4951" spans="1:3" x14ac:dyDescent="0.25">
      <c r="A4951" s="2" t="s">
        <v>524</v>
      </c>
      <c r="B4951" s="6">
        <v>82400.849999999991</v>
      </c>
      <c r="C4951" s="7">
        <f t="shared" si="77"/>
        <v>82.400849999999991</v>
      </c>
    </row>
    <row r="4952" spans="1:3" x14ac:dyDescent="0.25">
      <c r="A4952" s="2" t="s">
        <v>525</v>
      </c>
      <c r="B4952" s="6">
        <v>82417.5</v>
      </c>
      <c r="C4952" s="7">
        <f t="shared" si="77"/>
        <v>82.417500000000004</v>
      </c>
    </row>
    <row r="4953" spans="1:3" x14ac:dyDescent="0.25">
      <c r="A4953" s="2" t="s">
        <v>526</v>
      </c>
      <c r="B4953" s="6">
        <v>82434.149999999994</v>
      </c>
      <c r="C4953" s="7">
        <f t="shared" si="77"/>
        <v>82.434149999999988</v>
      </c>
    </row>
    <row r="4954" spans="1:3" x14ac:dyDescent="0.25">
      <c r="A4954" s="2" t="s">
        <v>527</v>
      </c>
      <c r="B4954" s="6">
        <v>82450.799999999988</v>
      </c>
      <c r="C4954" s="7">
        <f t="shared" si="77"/>
        <v>82.450799999999987</v>
      </c>
    </row>
    <row r="4955" spans="1:3" x14ac:dyDescent="0.25">
      <c r="A4955" s="2" t="s">
        <v>528</v>
      </c>
      <c r="B4955" s="6">
        <v>82467.45</v>
      </c>
      <c r="C4955" s="7">
        <f t="shared" si="77"/>
        <v>82.467449999999999</v>
      </c>
    </row>
    <row r="4956" spans="1:3" x14ac:dyDescent="0.25">
      <c r="A4956" s="2" t="s">
        <v>529</v>
      </c>
      <c r="B4956" s="6">
        <v>82484.099999999991</v>
      </c>
      <c r="C4956" s="7">
        <f t="shared" si="77"/>
        <v>82.484099999999998</v>
      </c>
    </row>
    <row r="4957" spans="1:3" x14ac:dyDescent="0.25">
      <c r="A4957" s="2" t="s">
        <v>530</v>
      </c>
      <c r="B4957" s="6">
        <v>82500.75</v>
      </c>
      <c r="C4957" s="7">
        <f t="shared" si="77"/>
        <v>82.500749999999996</v>
      </c>
    </row>
    <row r="4958" spans="1:3" x14ac:dyDescent="0.25">
      <c r="A4958" s="2" t="s">
        <v>531</v>
      </c>
      <c r="B4958" s="6">
        <v>82517.399999999994</v>
      </c>
      <c r="C4958" s="7">
        <f t="shared" si="77"/>
        <v>82.517399999999995</v>
      </c>
    </row>
    <row r="4959" spans="1:3" x14ac:dyDescent="0.25">
      <c r="A4959" s="2" t="s">
        <v>532</v>
      </c>
      <c r="B4959" s="6">
        <v>82534.049999999988</v>
      </c>
      <c r="C4959" s="7">
        <f t="shared" si="77"/>
        <v>82.534049999999993</v>
      </c>
    </row>
    <row r="4960" spans="1:3" x14ac:dyDescent="0.25">
      <c r="A4960" s="2" t="s">
        <v>533</v>
      </c>
      <c r="B4960" s="6">
        <v>82550.7</v>
      </c>
      <c r="C4960" s="7">
        <f t="shared" si="77"/>
        <v>82.550699999999992</v>
      </c>
    </row>
    <row r="4961" spans="1:3" x14ac:dyDescent="0.25">
      <c r="A4961" s="2" t="s">
        <v>534</v>
      </c>
      <c r="B4961" s="6">
        <v>82567.349999999991</v>
      </c>
      <c r="C4961" s="7">
        <f t="shared" si="77"/>
        <v>82.56734999999999</v>
      </c>
    </row>
    <row r="4962" spans="1:3" x14ac:dyDescent="0.25">
      <c r="A4962" s="2" t="s">
        <v>535</v>
      </c>
      <c r="B4962" s="6">
        <v>82584</v>
      </c>
      <c r="C4962" s="7">
        <f t="shared" si="77"/>
        <v>82.584000000000003</v>
      </c>
    </row>
    <row r="4963" spans="1:3" x14ac:dyDescent="0.25">
      <c r="A4963" s="2" t="s">
        <v>536</v>
      </c>
      <c r="B4963" s="6">
        <v>82600.649999999994</v>
      </c>
      <c r="C4963" s="7">
        <f t="shared" si="77"/>
        <v>82.600649999999987</v>
      </c>
    </row>
    <row r="4964" spans="1:3" x14ac:dyDescent="0.25">
      <c r="A4964" s="2" t="s">
        <v>537</v>
      </c>
      <c r="B4964" s="6">
        <v>82617.299999999988</v>
      </c>
      <c r="C4964" s="7">
        <f t="shared" si="77"/>
        <v>82.617299999999986</v>
      </c>
    </row>
    <row r="4965" spans="1:3" x14ac:dyDescent="0.25">
      <c r="A4965" s="2" t="s">
        <v>538</v>
      </c>
      <c r="B4965" s="6">
        <v>82633.95</v>
      </c>
      <c r="C4965" s="7">
        <f t="shared" si="77"/>
        <v>82.633949999999999</v>
      </c>
    </row>
    <row r="4966" spans="1:3" x14ac:dyDescent="0.25">
      <c r="A4966" s="2" t="s">
        <v>539</v>
      </c>
      <c r="B4966" s="6">
        <v>82650.599999999991</v>
      </c>
      <c r="C4966" s="7">
        <f t="shared" si="77"/>
        <v>82.650599999999997</v>
      </c>
    </row>
    <row r="4967" spans="1:3" x14ac:dyDescent="0.25">
      <c r="A4967" s="2" t="s">
        <v>540</v>
      </c>
      <c r="B4967" s="6">
        <v>82667.25</v>
      </c>
      <c r="C4967" s="7">
        <f t="shared" si="77"/>
        <v>82.667249999999996</v>
      </c>
    </row>
    <row r="4968" spans="1:3" x14ac:dyDescent="0.25">
      <c r="A4968" s="2" t="s">
        <v>541</v>
      </c>
      <c r="B4968" s="6">
        <v>82683.899999999994</v>
      </c>
      <c r="C4968" s="7">
        <f t="shared" si="77"/>
        <v>82.683899999999994</v>
      </c>
    </row>
    <row r="4969" spans="1:3" x14ac:dyDescent="0.25">
      <c r="A4969" s="2" t="s">
        <v>542</v>
      </c>
      <c r="B4969" s="6">
        <v>82700.549999999988</v>
      </c>
      <c r="C4969" s="7">
        <f t="shared" si="77"/>
        <v>82.700549999999993</v>
      </c>
    </row>
    <row r="4970" spans="1:3" x14ac:dyDescent="0.25">
      <c r="A4970" s="2" t="s">
        <v>543</v>
      </c>
      <c r="B4970" s="6">
        <v>82717.2</v>
      </c>
      <c r="C4970" s="7">
        <f t="shared" si="77"/>
        <v>82.717199999999991</v>
      </c>
    </row>
    <row r="4971" spans="1:3" x14ac:dyDescent="0.25">
      <c r="A4971" s="2" t="s">
        <v>544</v>
      </c>
      <c r="B4971" s="6">
        <v>82733.849999999991</v>
      </c>
      <c r="C4971" s="7">
        <f t="shared" si="77"/>
        <v>82.73384999999999</v>
      </c>
    </row>
    <row r="4972" spans="1:3" x14ac:dyDescent="0.25">
      <c r="A4972" s="2" t="s">
        <v>545</v>
      </c>
      <c r="B4972" s="6">
        <v>82750.5</v>
      </c>
      <c r="C4972" s="7">
        <f t="shared" si="77"/>
        <v>82.750500000000002</v>
      </c>
    </row>
    <row r="4973" spans="1:3" x14ac:dyDescent="0.25">
      <c r="A4973" s="2" t="s">
        <v>546</v>
      </c>
      <c r="B4973" s="6">
        <v>82767.149999999994</v>
      </c>
      <c r="C4973" s="7">
        <f t="shared" si="77"/>
        <v>82.767150000000001</v>
      </c>
    </row>
    <row r="4974" spans="1:3" x14ac:dyDescent="0.25">
      <c r="A4974" s="2" t="s">
        <v>547</v>
      </c>
      <c r="B4974" s="6">
        <v>82783.799999999988</v>
      </c>
      <c r="C4974" s="7">
        <f t="shared" si="77"/>
        <v>82.783799999999985</v>
      </c>
    </row>
    <row r="4975" spans="1:3" x14ac:dyDescent="0.25">
      <c r="A4975" s="2" t="s">
        <v>548</v>
      </c>
      <c r="B4975" s="6">
        <v>82800.45</v>
      </c>
      <c r="C4975" s="7">
        <f t="shared" si="77"/>
        <v>82.800449999999998</v>
      </c>
    </row>
    <row r="4976" spans="1:3" x14ac:dyDescent="0.25">
      <c r="A4976" s="2" t="s">
        <v>549</v>
      </c>
      <c r="B4976" s="6">
        <v>82817.099999999991</v>
      </c>
      <c r="C4976" s="7">
        <f t="shared" si="77"/>
        <v>82.817099999999996</v>
      </c>
    </row>
    <row r="4977" spans="1:3" x14ac:dyDescent="0.25">
      <c r="A4977" s="2" t="s">
        <v>550</v>
      </c>
      <c r="B4977" s="6">
        <v>82833.75</v>
      </c>
      <c r="C4977" s="7">
        <f t="shared" si="77"/>
        <v>82.833749999999995</v>
      </c>
    </row>
    <row r="4978" spans="1:3" x14ac:dyDescent="0.25">
      <c r="A4978" s="2" t="s">
        <v>551</v>
      </c>
      <c r="B4978" s="6">
        <v>82850.399999999994</v>
      </c>
      <c r="C4978" s="7">
        <f t="shared" si="77"/>
        <v>82.850399999999993</v>
      </c>
    </row>
    <row r="4979" spans="1:3" x14ac:dyDescent="0.25">
      <c r="A4979" s="2" t="s">
        <v>552</v>
      </c>
      <c r="B4979" s="6">
        <v>82867.049999999988</v>
      </c>
      <c r="C4979" s="7">
        <f t="shared" si="77"/>
        <v>82.867049999999992</v>
      </c>
    </row>
    <row r="4980" spans="1:3" x14ac:dyDescent="0.25">
      <c r="A4980" s="2" t="s">
        <v>553</v>
      </c>
      <c r="B4980" s="6">
        <v>82883.7</v>
      </c>
      <c r="C4980" s="7">
        <f t="shared" si="77"/>
        <v>82.88369999999999</v>
      </c>
    </row>
    <row r="4981" spans="1:3" x14ac:dyDescent="0.25">
      <c r="A4981" s="2" t="s">
        <v>554</v>
      </c>
      <c r="B4981" s="6">
        <v>82900.349999999991</v>
      </c>
      <c r="C4981" s="7">
        <f t="shared" si="77"/>
        <v>82.900349999999989</v>
      </c>
    </row>
    <row r="4982" spans="1:3" x14ac:dyDescent="0.25">
      <c r="A4982" s="2" t="s">
        <v>555</v>
      </c>
      <c r="B4982" s="6">
        <v>82917</v>
      </c>
      <c r="C4982" s="7">
        <f t="shared" si="77"/>
        <v>82.917000000000002</v>
      </c>
    </row>
    <row r="4983" spans="1:3" x14ac:dyDescent="0.25">
      <c r="A4983" s="2" t="s">
        <v>556</v>
      </c>
      <c r="B4983" s="6">
        <v>82933.649999999994</v>
      </c>
      <c r="C4983" s="7">
        <f t="shared" si="77"/>
        <v>82.93365</v>
      </c>
    </row>
    <row r="4984" spans="1:3" x14ac:dyDescent="0.25">
      <c r="A4984" s="2" t="s">
        <v>557</v>
      </c>
      <c r="B4984" s="6">
        <v>82950.299999999988</v>
      </c>
      <c r="C4984" s="7">
        <f t="shared" si="77"/>
        <v>82.950299999999984</v>
      </c>
    </row>
    <row r="4985" spans="1:3" x14ac:dyDescent="0.25">
      <c r="A4985" s="2" t="s">
        <v>558</v>
      </c>
      <c r="B4985" s="6">
        <v>82966.95</v>
      </c>
      <c r="C4985" s="7">
        <f t="shared" si="77"/>
        <v>82.966949999999997</v>
      </c>
    </row>
    <row r="4986" spans="1:3" x14ac:dyDescent="0.25">
      <c r="A4986" s="2" t="s">
        <v>559</v>
      </c>
      <c r="B4986" s="6">
        <v>82983.599999999991</v>
      </c>
      <c r="C4986" s="7">
        <f t="shared" si="77"/>
        <v>82.983599999999996</v>
      </c>
    </row>
    <row r="4987" spans="1:3" x14ac:dyDescent="0.25">
      <c r="A4987" s="2" t="s">
        <v>560</v>
      </c>
      <c r="B4987" s="6">
        <v>83000.25</v>
      </c>
      <c r="C4987" s="7">
        <f t="shared" si="77"/>
        <v>83.000249999999994</v>
      </c>
    </row>
    <row r="4988" spans="1:3" x14ac:dyDescent="0.25">
      <c r="A4988" s="2" t="s">
        <v>561</v>
      </c>
      <c r="B4988" s="6">
        <v>83016.899999999994</v>
      </c>
      <c r="C4988" s="7">
        <f t="shared" si="77"/>
        <v>83.016899999999993</v>
      </c>
    </row>
    <row r="4989" spans="1:3" x14ac:dyDescent="0.25">
      <c r="A4989" s="2" t="s">
        <v>562</v>
      </c>
      <c r="B4989" s="6">
        <v>83033.549999999988</v>
      </c>
      <c r="C4989" s="7">
        <f t="shared" si="77"/>
        <v>83.033549999999991</v>
      </c>
    </row>
    <row r="4990" spans="1:3" x14ac:dyDescent="0.25">
      <c r="A4990" s="2" t="s">
        <v>563</v>
      </c>
      <c r="B4990" s="6">
        <v>83050.2</v>
      </c>
      <c r="C4990" s="7">
        <f t="shared" si="77"/>
        <v>83.050200000000004</v>
      </c>
    </row>
    <row r="4991" spans="1:3" x14ac:dyDescent="0.25">
      <c r="A4991" s="2" t="s">
        <v>564</v>
      </c>
      <c r="B4991" s="6">
        <v>83066.849999999991</v>
      </c>
      <c r="C4991" s="7">
        <f t="shared" si="77"/>
        <v>83.066849999999988</v>
      </c>
    </row>
    <row r="4992" spans="1:3" x14ac:dyDescent="0.25">
      <c r="A4992" s="2" t="s">
        <v>565</v>
      </c>
      <c r="B4992" s="6">
        <v>83083.5</v>
      </c>
      <c r="C4992" s="7">
        <f t="shared" si="77"/>
        <v>83.083500000000001</v>
      </c>
    </row>
    <row r="4993" spans="1:3" x14ac:dyDescent="0.25">
      <c r="A4993" s="2" t="s">
        <v>566</v>
      </c>
      <c r="B4993" s="6">
        <v>83100.149999999994</v>
      </c>
      <c r="C4993" s="7">
        <f t="shared" si="77"/>
        <v>83.100149999999999</v>
      </c>
    </row>
    <row r="4994" spans="1:3" x14ac:dyDescent="0.25">
      <c r="A4994" s="2" t="s">
        <v>567</v>
      </c>
      <c r="B4994" s="6">
        <v>83116.799999999988</v>
      </c>
      <c r="C4994" s="7">
        <f t="shared" si="77"/>
        <v>83.116799999999984</v>
      </c>
    </row>
    <row r="4995" spans="1:3" x14ac:dyDescent="0.25">
      <c r="A4995" s="2" t="s">
        <v>568</v>
      </c>
      <c r="B4995" s="6">
        <v>83133.45</v>
      </c>
      <c r="C4995" s="7">
        <f t="shared" ref="C4995:C5058" si="78">B4995/1000</f>
        <v>83.133449999999996</v>
      </c>
    </row>
    <row r="4996" spans="1:3" x14ac:dyDescent="0.25">
      <c r="A4996" s="2" t="s">
        <v>569</v>
      </c>
      <c r="B4996" s="6">
        <v>83150.099999999991</v>
      </c>
      <c r="C4996" s="7">
        <f t="shared" si="78"/>
        <v>83.150099999999995</v>
      </c>
    </row>
    <row r="4997" spans="1:3" x14ac:dyDescent="0.25">
      <c r="A4997" s="2" t="s">
        <v>570</v>
      </c>
      <c r="B4997" s="6">
        <v>83166.75</v>
      </c>
      <c r="C4997" s="7">
        <f t="shared" si="78"/>
        <v>83.166749999999993</v>
      </c>
    </row>
    <row r="4998" spans="1:3" x14ac:dyDescent="0.25">
      <c r="A4998" s="2" t="s">
        <v>571</v>
      </c>
      <c r="B4998" s="6">
        <v>83183.399999999994</v>
      </c>
      <c r="C4998" s="7">
        <f t="shared" si="78"/>
        <v>83.183399999999992</v>
      </c>
    </row>
    <row r="4999" spans="1:3" x14ac:dyDescent="0.25">
      <c r="A4999" s="2" t="s">
        <v>572</v>
      </c>
      <c r="B4999" s="6">
        <v>83200.049999999988</v>
      </c>
      <c r="C4999" s="7">
        <f t="shared" si="78"/>
        <v>83.20004999999999</v>
      </c>
    </row>
    <row r="5000" spans="1:3" x14ac:dyDescent="0.25">
      <c r="A5000" s="2" t="s">
        <v>573</v>
      </c>
      <c r="B5000" s="6">
        <v>83216.7</v>
      </c>
      <c r="C5000" s="7">
        <f t="shared" si="78"/>
        <v>83.216700000000003</v>
      </c>
    </row>
    <row r="5001" spans="1:3" x14ac:dyDescent="0.25">
      <c r="A5001" s="2" t="s">
        <v>574</v>
      </c>
      <c r="B5001" s="6">
        <v>83233.349999999991</v>
      </c>
      <c r="C5001" s="7">
        <f t="shared" si="78"/>
        <v>83.233349999999987</v>
      </c>
    </row>
    <row r="5002" spans="1:3" x14ac:dyDescent="0.25">
      <c r="A5002" s="2" t="s">
        <v>575</v>
      </c>
      <c r="B5002" s="6">
        <v>83250</v>
      </c>
      <c r="C5002" s="7">
        <f t="shared" si="78"/>
        <v>83.25</v>
      </c>
    </row>
    <row r="5003" spans="1:3" x14ac:dyDescent="0.25">
      <c r="A5003" s="2" t="s">
        <v>576</v>
      </c>
      <c r="B5003" s="6">
        <v>83266.649999999994</v>
      </c>
      <c r="C5003" s="7">
        <f t="shared" si="78"/>
        <v>83.266649999999998</v>
      </c>
    </row>
    <row r="5004" spans="1:3" x14ac:dyDescent="0.25">
      <c r="A5004" s="2" t="s">
        <v>577</v>
      </c>
      <c r="B5004" s="6">
        <v>83283.299999999988</v>
      </c>
      <c r="C5004" s="7">
        <f t="shared" si="78"/>
        <v>83.283299999999983</v>
      </c>
    </row>
    <row r="5005" spans="1:3" x14ac:dyDescent="0.25">
      <c r="A5005" s="2" t="s">
        <v>578</v>
      </c>
      <c r="B5005" s="6">
        <v>83299.95</v>
      </c>
      <c r="C5005" s="7">
        <f t="shared" si="78"/>
        <v>83.299949999999995</v>
      </c>
    </row>
    <row r="5006" spans="1:3" x14ac:dyDescent="0.25">
      <c r="A5006" s="2" t="s">
        <v>579</v>
      </c>
      <c r="B5006" s="6">
        <v>83316.599999999991</v>
      </c>
      <c r="C5006" s="7">
        <f t="shared" si="78"/>
        <v>83.316599999999994</v>
      </c>
    </row>
    <row r="5007" spans="1:3" x14ac:dyDescent="0.25">
      <c r="A5007" s="2" t="s">
        <v>580</v>
      </c>
      <c r="B5007" s="6">
        <v>83333.25</v>
      </c>
      <c r="C5007" s="7">
        <f t="shared" si="78"/>
        <v>83.333250000000007</v>
      </c>
    </row>
    <row r="5008" spans="1:3" x14ac:dyDescent="0.25">
      <c r="A5008" s="2" t="s">
        <v>581</v>
      </c>
      <c r="B5008" s="6">
        <v>83349.899999999994</v>
      </c>
      <c r="C5008" s="7">
        <f t="shared" si="78"/>
        <v>83.349899999999991</v>
      </c>
    </row>
    <row r="5009" spans="1:3" x14ac:dyDescent="0.25">
      <c r="A5009" s="2" t="s">
        <v>582</v>
      </c>
      <c r="B5009" s="6">
        <v>83366.549999999988</v>
      </c>
      <c r="C5009" s="7">
        <f t="shared" si="78"/>
        <v>83.366549999999989</v>
      </c>
    </row>
    <row r="5010" spans="1:3" x14ac:dyDescent="0.25">
      <c r="A5010" s="2" t="s">
        <v>583</v>
      </c>
      <c r="B5010" s="6">
        <v>83383.199999999997</v>
      </c>
      <c r="C5010" s="7">
        <f t="shared" si="78"/>
        <v>83.383200000000002</v>
      </c>
    </row>
    <row r="5011" spans="1:3" x14ac:dyDescent="0.25">
      <c r="A5011" s="2" t="s">
        <v>584</v>
      </c>
      <c r="B5011" s="6">
        <v>83399.849999999991</v>
      </c>
      <c r="C5011" s="7">
        <f t="shared" si="78"/>
        <v>83.399849999999986</v>
      </c>
    </row>
    <row r="5012" spans="1:3" x14ac:dyDescent="0.25">
      <c r="A5012" s="2" t="s">
        <v>585</v>
      </c>
      <c r="B5012" s="6">
        <v>83416.5</v>
      </c>
      <c r="C5012" s="7">
        <f t="shared" si="78"/>
        <v>83.416499999999999</v>
      </c>
    </row>
    <row r="5013" spans="1:3" x14ac:dyDescent="0.25">
      <c r="A5013" s="2" t="s">
        <v>586</v>
      </c>
      <c r="B5013" s="6">
        <v>83433.149999999994</v>
      </c>
      <c r="C5013" s="7">
        <f t="shared" si="78"/>
        <v>83.433149999999998</v>
      </c>
    </row>
    <row r="5014" spans="1:3" x14ac:dyDescent="0.25">
      <c r="A5014" s="2" t="s">
        <v>587</v>
      </c>
      <c r="B5014" s="6">
        <v>83449.799999999988</v>
      </c>
      <c r="C5014" s="7">
        <f t="shared" si="78"/>
        <v>83.449799999999982</v>
      </c>
    </row>
    <row r="5015" spans="1:3" x14ac:dyDescent="0.25">
      <c r="A5015" s="2" t="s">
        <v>588</v>
      </c>
      <c r="B5015" s="6">
        <v>83466.45</v>
      </c>
      <c r="C5015" s="7">
        <f t="shared" si="78"/>
        <v>83.466449999999995</v>
      </c>
    </row>
    <row r="5016" spans="1:3" x14ac:dyDescent="0.25">
      <c r="A5016" s="2" t="s">
        <v>589</v>
      </c>
      <c r="B5016" s="6">
        <v>83483.099999999991</v>
      </c>
      <c r="C5016" s="7">
        <f t="shared" si="78"/>
        <v>83.483099999999993</v>
      </c>
    </row>
    <row r="5017" spans="1:3" x14ac:dyDescent="0.25">
      <c r="A5017" s="2" t="s">
        <v>590</v>
      </c>
      <c r="B5017" s="6">
        <v>83499.75</v>
      </c>
      <c r="C5017" s="7">
        <f t="shared" si="78"/>
        <v>83.499750000000006</v>
      </c>
    </row>
    <row r="5018" spans="1:3" x14ac:dyDescent="0.25">
      <c r="A5018" s="2" t="s">
        <v>591</v>
      </c>
      <c r="B5018" s="6">
        <v>83516.399999999994</v>
      </c>
      <c r="C5018" s="7">
        <f t="shared" si="78"/>
        <v>83.51639999999999</v>
      </c>
    </row>
    <row r="5019" spans="1:3" x14ac:dyDescent="0.25">
      <c r="A5019" s="2" t="s">
        <v>592</v>
      </c>
      <c r="B5019" s="6">
        <v>83533.049999999988</v>
      </c>
      <c r="C5019" s="7">
        <f t="shared" si="78"/>
        <v>83.533049999999989</v>
      </c>
    </row>
    <row r="5020" spans="1:3" x14ac:dyDescent="0.25">
      <c r="A5020" s="2" t="s">
        <v>593</v>
      </c>
      <c r="B5020" s="6">
        <v>83549.7</v>
      </c>
      <c r="C5020" s="7">
        <f t="shared" si="78"/>
        <v>83.549700000000001</v>
      </c>
    </row>
    <row r="5021" spans="1:3" x14ac:dyDescent="0.25">
      <c r="A5021" s="2" t="s">
        <v>594</v>
      </c>
      <c r="B5021" s="6">
        <v>83566.349999999991</v>
      </c>
      <c r="C5021" s="7">
        <f t="shared" si="78"/>
        <v>83.566349999999986</v>
      </c>
    </row>
    <row r="5022" spans="1:3" x14ac:dyDescent="0.25">
      <c r="A5022" s="2" t="s">
        <v>595</v>
      </c>
      <c r="B5022" s="6">
        <v>83583</v>
      </c>
      <c r="C5022" s="7">
        <f t="shared" si="78"/>
        <v>83.582999999999998</v>
      </c>
    </row>
    <row r="5023" spans="1:3" x14ac:dyDescent="0.25">
      <c r="A5023" s="2" t="s">
        <v>596</v>
      </c>
      <c r="B5023" s="6">
        <v>83599.649999999994</v>
      </c>
      <c r="C5023" s="7">
        <f t="shared" si="78"/>
        <v>83.599649999999997</v>
      </c>
    </row>
    <row r="5024" spans="1:3" x14ac:dyDescent="0.25">
      <c r="A5024" s="2" t="s">
        <v>597</v>
      </c>
      <c r="B5024" s="6">
        <v>83616.299999999988</v>
      </c>
      <c r="C5024" s="7">
        <f t="shared" si="78"/>
        <v>83.616299999999995</v>
      </c>
    </row>
    <row r="5025" spans="1:3" x14ac:dyDescent="0.25">
      <c r="A5025" s="2" t="s">
        <v>598</v>
      </c>
      <c r="B5025" s="6">
        <v>83632.95</v>
      </c>
      <c r="C5025" s="7">
        <f t="shared" si="78"/>
        <v>83.632949999999994</v>
      </c>
    </row>
    <row r="5026" spans="1:3" x14ac:dyDescent="0.25">
      <c r="A5026" s="2" t="s">
        <v>599</v>
      </c>
      <c r="B5026" s="6">
        <v>83649.599999999991</v>
      </c>
      <c r="C5026" s="7">
        <f t="shared" si="78"/>
        <v>83.649599999999992</v>
      </c>
    </row>
    <row r="5027" spans="1:3" x14ac:dyDescent="0.25">
      <c r="A5027" s="2" t="s">
        <v>600</v>
      </c>
      <c r="B5027" s="6">
        <v>83666.25</v>
      </c>
      <c r="C5027" s="7">
        <f t="shared" si="78"/>
        <v>83.666250000000005</v>
      </c>
    </row>
    <row r="5028" spans="1:3" x14ac:dyDescent="0.25">
      <c r="A5028" s="2" t="s">
        <v>601</v>
      </c>
      <c r="B5028" s="6">
        <v>83682.899999999994</v>
      </c>
      <c r="C5028" s="7">
        <f t="shared" si="78"/>
        <v>83.682899999999989</v>
      </c>
    </row>
    <row r="5029" spans="1:3" x14ac:dyDescent="0.25">
      <c r="A5029" s="2" t="s">
        <v>602</v>
      </c>
      <c r="B5029" s="6">
        <v>83699.549999999988</v>
      </c>
      <c r="C5029" s="7">
        <f t="shared" si="78"/>
        <v>83.699549999999988</v>
      </c>
    </row>
    <row r="5030" spans="1:3" x14ac:dyDescent="0.25">
      <c r="A5030" s="2" t="s">
        <v>603</v>
      </c>
      <c r="B5030" s="6">
        <v>83716.2</v>
      </c>
      <c r="C5030" s="7">
        <f t="shared" si="78"/>
        <v>83.716200000000001</v>
      </c>
    </row>
    <row r="5031" spans="1:3" x14ac:dyDescent="0.25">
      <c r="A5031" s="2" t="s">
        <v>604</v>
      </c>
      <c r="B5031" s="6">
        <v>83732.849999999991</v>
      </c>
      <c r="C5031" s="7">
        <f t="shared" si="78"/>
        <v>83.732849999999985</v>
      </c>
    </row>
    <row r="5032" spans="1:3" x14ac:dyDescent="0.25">
      <c r="A5032" s="2" t="s">
        <v>605</v>
      </c>
      <c r="B5032" s="6">
        <v>83749.5</v>
      </c>
      <c r="C5032" s="7">
        <f t="shared" si="78"/>
        <v>83.749499999999998</v>
      </c>
    </row>
    <row r="5033" spans="1:3" x14ac:dyDescent="0.25">
      <c r="A5033" s="2" t="s">
        <v>606</v>
      </c>
      <c r="B5033" s="6">
        <v>83766.149999999994</v>
      </c>
      <c r="C5033" s="7">
        <f t="shared" si="78"/>
        <v>83.766149999999996</v>
      </c>
    </row>
    <row r="5034" spans="1:3" x14ac:dyDescent="0.25">
      <c r="A5034" s="2" t="s">
        <v>607</v>
      </c>
      <c r="B5034" s="6">
        <v>83782.799999999988</v>
      </c>
      <c r="C5034" s="7">
        <f t="shared" si="78"/>
        <v>83.782799999999995</v>
      </c>
    </row>
    <row r="5035" spans="1:3" x14ac:dyDescent="0.25">
      <c r="A5035" s="2" t="s">
        <v>608</v>
      </c>
      <c r="B5035" s="6">
        <v>83799.45</v>
      </c>
      <c r="C5035" s="7">
        <f t="shared" si="78"/>
        <v>83.799449999999993</v>
      </c>
    </row>
    <row r="5036" spans="1:3" x14ac:dyDescent="0.25">
      <c r="A5036" s="2" t="s">
        <v>609</v>
      </c>
      <c r="B5036" s="6">
        <v>83816.099999999991</v>
      </c>
      <c r="C5036" s="7">
        <f t="shared" si="78"/>
        <v>83.816099999999992</v>
      </c>
    </row>
    <row r="5037" spans="1:3" x14ac:dyDescent="0.25">
      <c r="A5037" s="2" t="s">
        <v>610</v>
      </c>
      <c r="B5037" s="6">
        <v>83832.75</v>
      </c>
      <c r="C5037" s="7">
        <f t="shared" si="78"/>
        <v>83.832750000000004</v>
      </c>
    </row>
    <row r="5038" spans="1:3" x14ac:dyDescent="0.25">
      <c r="A5038" s="2" t="s">
        <v>611</v>
      </c>
      <c r="B5038" s="6">
        <v>83849.399999999994</v>
      </c>
      <c r="C5038" s="7">
        <f t="shared" si="78"/>
        <v>83.849399999999989</v>
      </c>
    </row>
    <row r="5039" spans="1:3" x14ac:dyDescent="0.25">
      <c r="A5039" s="2" t="s">
        <v>612</v>
      </c>
      <c r="B5039" s="6">
        <v>83866.049999999988</v>
      </c>
      <c r="C5039" s="7">
        <f t="shared" si="78"/>
        <v>83.866049999999987</v>
      </c>
    </row>
    <row r="5040" spans="1:3" x14ac:dyDescent="0.25">
      <c r="A5040" s="2" t="s">
        <v>613</v>
      </c>
      <c r="B5040" s="6">
        <v>83882.7</v>
      </c>
      <c r="C5040" s="7">
        <f t="shared" si="78"/>
        <v>83.8827</v>
      </c>
    </row>
    <row r="5041" spans="1:3" x14ac:dyDescent="0.25">
      <c r="A5041" s="2" t="s">
        <v>614</v>
      </c>
      <c r="B5041" s="6">
        <v>83899.349999999991</v>
      </c>
      <c r="C5041" s="7">
        <f t="shared" si="78"/>
        <v>83.899349999999998</v>
      </c>
    </row>
    <row r="5042" spans="1:3" x14ac:dyDescent="0.25">
      <c r="A5042" s="2" t="s">
        <v>615</v>
      </c>
      <c r="B5042" s="6">
        <v>83916</v>
      </c>
      <c r="C5042" s="7">
        <f t="shared" si="78"/>
        <v>83.915999999999997</v>
      </c>
    </row>
    <row r="5043" spans="1:3" x14ac:dyDescent="0.25">
      <c r="A5043" s="2" t="s">
        <v>616</v>
      </c>
      <c r="B5043" s="6">
        <v>83932.65</v>
      </c>
      <c r="C5043" s="7">
        <f t="shared" si="78"/>
        <v>83.932649999999995</v>
      </c>
    </row>
    <row r="5044" spans="1:3" x14ac:dyDescent="0.25">
      <c r="A5044" s="2" t="s">
        <v>617</v>
      </c>
      <c r="B5044" s="6">
        <v>83949.299999999988</v>
      </c>
      <c r="C5044" s="7">
        <f t="shared" si="78"/>
        <v>83.949299999999994</v>
      </c>
    </row>
    <row r="5045" spans="1:3" x14ac:dyDescent="0.25">
      <c r="A5045" s="2" t="s">
        <v>618</v>
      </c>
      <c r="B5045" s="6">
        <v>83965.95</v>
      </c>
      <c r="C5045" s="7">
        <f t="shared" si="78"/>
        <v>83.965949999999992</v>
      </c>
    </row>
    <row r="5046" spans="1:3" x14ac:dyDescent="0.25">
      <c r="A5046" s="2" t="s">
        <v>619</v>
      </c>
      <c r="B5046" s="6">
        <v>83982.599999999991</v>
      </c>
      <c r="C5046" s="7">
        <f t="shared" si="78"/>
        <v>83.982599999999991</v>
      </c>
    </row>
    <row r="5047" spans="1:3" x14ac:dyDescent="0.25">
      <c r="A5047" s="2" t="s">
        <v>620</v>
      </c>
      <c r="B5047" s="6">
        <v>83999.25</v>
      </c>
      <c r="C5047" s="7">
        <f t="shared" si="78"/>
        <v>83.999250000000004</v>
      </c>
    </row>
    <row r="5048" spans="1:3" x14ac:dyDescent="0.25">
      <c r="A5048" s="2" t="s">
        <v>621</v>
      </c>
      <c r="B5048" s="6">
        <v>84015.9</v>
      </c>
      <c r="C5048" s="7">
        <f t="shared" si="78"/>
        <v>84.015899999999988</v>
      </c>
    </row>
    <row r="5049" spans="1:3" x14ac:dyDescent="0.25">
      <c r="A5049" s="2" t="s">
        <v>622</v>
      </c>
      <c r="B5049" s="6">
        <v>84032.549999999988</v>
      </c>
      <c r="C5049" s="7">
        <f t="shared" si="78"/>
        <v>84.032549999999986</v>
      </c>
    </row>
    <row r="5050" spans="1:3" x14ac:dyDescent="0.25">
      <c r="A5050" s="2" t="s">
        <v>623</v>
      </c>
      <c r="B5050" s="6">
        <v>84049.2</v>
      </c>
      <c r="C5050" s="7">
        <f t="shared" si="78"/>
        <v>84.049199999999999</v>
      </c>
    </row>
    <row r="5051" spans="1:3" x14ac:dyDescent="0.25">
      <c r="A5051" s="2" t="s">
        <v>624</v>
      </c>
      <c r="B5051" s="6">
        <v>84065.849999999991</v>
      </c>
      <c r="C5051" s="7">
        <f t="shared" si="78"/>
        <v>84.065849999999998</v>
      </c>
    </row>
    <row r="5052" spans="1:3" x14ac:dyDescent="0.25">
      <c r="A5052" s="2" t="s">
        <v>625</v>
      </c>
      <c r="B5052" s="6">
        <v>84082.5</v>
      </c>
      <c r="C5052" s="7">
        <f t="shared" si="78"/>
        <v>84.082499999999996</v>
      </c>
    </row>
    <row r="5053" spans="1:3" x14ac:dyDescent="0.25">
      <c r="A5053" s="2" t="s">
        <v>626</v>
      </c>
      <c r="B5053" s="6">
        <v>84099.15</v>
      </c>
      <c r="C5053" s="7">
        <f t="shared" si="78"/>
        <v>84.099149999999995</v>
      </c>
    </row>
    <row r="5054" spans="1:3" x14ac:dyDescent="0.25">
      <c r="A5054" s="2" t="s">
        <v>627</v>
      </c>
      <c r="B5054" s="6">
        <v>84115.799999999988</v>
      </c>
      <c r="C5054" s="7">
        <f t="shared" si="78"/>
        <v>84.115799999999993</v>
      </c>
    </row>
    <row r="5055" spans="1:3" x14ac:dyDescent="0.25">
      <c r="A5055" s="2" t="s">
        <v>628</v>
      </c>
      <c r="B5055" s="6">
        <v>84132.45</v>
      </c>
      <c r="C5055" s="7">
        <f t="shared" si="78"/>
        <v>84.132449999999992</v>
      </c>
    </row>
    <row r="5056" spans="1:3" x14ac:dyDescent="0.25">
      <c r="A5056" s="2" t="s">
        <v>629</v>
      </c>
      <c r="B5056" s="6">
        <v>84149.099999999991</v>
      </c>
      <c r="C5056" s="7">
        <f t="shared" si="78"/>
        <v>84.14909999999999</v>
      </c>
    </row>
    <row r="5057" spans="1:3" x14ac:dyDescent="0.25">
      <c r="A5057" s="2" t="s">
        <v>630</v>
      </c>
      <c r="B5057" s="6">
        <v>84165.75</v>
      </c>
      <c r="C5057" s="7">
        <f t="shared" si="78"/>
        <v>84.165750000000003</v>
      </c>
    </row>
    <row r="5058" spans="1:3" x14ac:dyDescent="0.25">
      <c r="A5058" s="2" t="s">
        <v>631</v>
      </c>
      <c r="B5058" s="6">
        <v>84182.399999999994</v>
      </c>
      <c r="C5058" s="7">
        <f t="shared" si="78"/>
        <v>84.182400000000001</v>
      </c>
    </row>
    <row r="5059" spans="1:3" x14ac:dyDescent="0.25">
      <c r="A5059" s="2" t="s">
        <v>632</v>
      </c>
      <c r="B5059" s="6">
        <v>84199.049999999988</v>
      </c>
      <c r="C5059" s="7">
        <f t="shared" ref="C5059:C5122" si="79">B5059/1000</f>
        <v>84.199049999999986</v>
      </c>
    </row>
    <row r="5060" spans="1:3" x14ac:dyDescent="0.25">
      <c r="A5060" s="2" t="s">
        <v>633</v>
      </c>
      <c r="B5060" s="6">
        <v>84215.7</v>
      </c>
      <c r="C5060" s="7">
        <f t="shared" si="79"/>
        <v>84.215699999999998</v>
      </c>
    </row>
    <row r="5061" spans="1:3" x14ac:dyDescent="0.25">
      <c r="A5061" s="2" t="s">
        <v>634</v>
      </c>
      <c r="B5061" s="6">
        <v>84232.349999999991</v>
      </c>
      <c r="C5061" s="7">
        <f t="shared" si="79"/>
        <v>84.232349999999997</v>
      </c>
    </row>
    <row r="5062" spans="1:3" x14ac:dyDescent="0.25">
      <c r="A5062" s="2" t="s">
        <v>635</v>
      </c>
      <c r="B5062" s="6">
        <v>84249</v>
      </c>
      <c r="C5062" s="7">
        <f t="shared" si="79"/>
        <v>84.248999999999995</v>
      </c>
    </row>
    <row r="5063" spans="1:3" x14ac:dyDescent="0.25">
      <c r="A5063" s="2" t="s">
        <v>636</v>
      </c>
      <c r="B5063" s="6">
        <v>84265.65</v>
      </c>
      <c r="C5063" s="7">
        <f t="shared" si="79"/>
        <v>84.265649999999994</v>
      </c>
    </row>
    <row r="5064" spans="1:3" x14ac:dyDescent="0.25">
      <c r="A5064" s="2" t="s">
        <v>637</v>
      </c>
      <c r="B5064" s="6">
        <v>84282.299999999988</v>
      </c>
      <c r="C5064" s="7">
        <f t="shared" si="79"/>
        <v>84.282299999999992</v>
      </c>
    </row>
    <row r="5065" spans="1:3" x14ac:dyDescent="0.25">
      <c r="A5065" s="2" t="s">
        <v>638</v>
      </c>
      <c r="B5065" s="6">
        <v>84298.95</v>
      </c>
      <c r="C5065" s="7">
        <f t="shared" si="79"/>
        <v>84.298949999999991</v>
      </c>
    </row>
    <row r="5066" spans="1:3" x14ac:dyDescent="0.25">
      <c r="A5066" s="2" t="s">
        <v>639</v>
      </c>
      <c r="B5066" s="6">
        <v>84315.599999999991</v>
      </c>
      <c r="C5066" s="7">
        <f t="shared" si="79"/>
        <v>84.315599999999989</v>
      </c>
    </row>
    <row r="5067" spans="1:3" x14ac:dyDescent="0.25">
      <c r="A5067" s="2" t="s">
        <v>640</v>
      </c>
      <c r="B5067" s="6">
        <v>84332.25</v>
      </c>
      <c r="C5067" s="7">
        <f t="shared" si="79"/>
        <v>84.332250000000002</v>
      </c>
    </row>
    <row r="5068" spans="1:3" x14ac:dyDescent="0.25">
      <c r="A5068" s="2" t="s">
        <v>641</v>
      </c>
      <c r="B5068" s="6">
        <v>84348.9</v>
      </c>
      <c r="C5068" s="7">
        <f t="shared" si="79"/>
        <v>84.3489</v>
      </c>
    </row>
    <row r="5069" spans="1:3" x14ac:dyDescent="0.25">
      <c r="A5069" s="2" t="s">
        <v>642</v>
      </c>
      <c r="B5069" s="6">
        <v>84365.549999999988</v>
      </c>
      <c r="C5069" s="7">
        <f t="shared" si="79"/>
        <v>84.365549999999985</v>
      </c>
    </row>
    <row r="5070" spans="1:3" x14ac:dyDescent="0.25">
      <c r="A5070" s="2" t="s">
        <v>643</v>
      </c>
      <c r="B5070" s="6">
        <v>84382.2</v>
      </c>
      <c r="C5070" s="7">
        <f t="shared" si="79"/>
        <v>84.382199999999997</v>
      </c>
    </row>
    <row r="5071" spans="1:3" x14ac:dyDescent="0.25">
      <c r="A5071" s="2" t="s">
        <v>644</v>
      </c>
      <c r="B5071" s="6">
        <v>84398.849999999991</v>
      </c>
      <c r="C5071" s="7">
        <f t="shared" si="79"/>
        <v>84.398849999999996</v>
      </c>
    </row>
    <row r="5072" spans="1:3" x14ac:dyDescent="0.25">
      <c r="A5072" s="2" t="s">
        <v>645</v>
      </c>
      <c r="B5072" s="6">
        <v>84415.5</v>
      </c>
      <c r="C5072" s="7">
        <f t="shared" si="79"/>
        <v>84.415499999999994</v>
      </c>
    </row>
    <row r="5073" spans="1:3" x14ac:dyDescent="0.25">
      <c r="A5073" s="2" t="s">
        <v>646</v>
      </c>
      <c r="B5073" s="6">
        <v>84432.15</v>
      </c>
      <c r="C5073" s="7">
        <f t="shared" si="79"/>
        <v>84.432149999999993</v>
      </c>
    </row>
    <row r="5074" spans="1:3" x14ac:dyDescent="0.25">
      <c r="A5074" s="2" t="s">
        <v>647</v>
      </c>
      <c r="B5074" s="6">
        <v>84448.799999999988</v>
      </c>
      <c r="C5074" s="7">
        <f t="shared" si="79"/>
        <v>84.448799999999991</v>
      </c>
    </row>
    <row r="5075" spans="1:3" x14ac:dyDescent="0.25">
      <c r="A5075" s="2" t="s">
        <v>648</v>
      </c>
      <c r="B5075" s="6">
        <v>84465.45</v>
      </c>
      <c r="C5075" s="7">
        <f t="shared" si="79"/>
        <v>84.465450000000004</v>
      </c>
    </row>
    <row r="5076" spans="1:3" x14ac:dyDescent="0.25">
      <c r="A5076" s="2" t="s">
        <v>649</v>
      </c>
      <c r="B5076" s="6">
        <v>84482.099999999991</v>
      </c>
      <c r="C5076" s="7">
        <f t="shared" si="79"/>
        <v>84.482099999999988</v>
      </c>
    </row>
    <row r="5077" spans="1:3" x14ac:dyDescent="0.25">
      <c r="A5077" s="2" t="s">
        <v>650</v>
      </c>
      <c r="B5077" s="6">
        <v>84498.75</v>
      </c>
      <c r="C5077" s="7">
        <f t="shared" si="79"/>
        <v>84.498750000000001</v>
      </c>
    </row>
    <row r="5078" spans="1:3" x14ac:dyDescent="0.25">
      <c r="A5078" s="2" t="s">
        <v>651</v>
      </c>
      <c r="B5078" s="6">
        <v>84515.4</v>
      </c>
      <c r="C5078" s="7">
        <f t="shared" si="79"/>
        <v>84.5154</v>
      </c>
    </row>
    <row r="5079" spans="1:3" x14ac:dyDescent="0.25">
      <c r="A5079" s="2" t="s">
        <v>652</v>
      </c>
      <c r="B5079" s="6">
        <v>84532.049999999988</v>
      </c>
      <c r="C5079" s="7">
        <f t="shared" si="79"/>
        <v>84.532049999999984</v>
      </c>
    </row>
    <row r="5080" spans="1:3" x14ac:dyDescent="0.25">
      <c r="A5080" s="2" t="s">
        <v>653</v>
      </c>
      <c r="B5080" s="6">
        <v>84548.7</v>
      </c>
      <c r="C5080" s="7">
        <f t="shared" si="79"/>
        <v>84.548699999999997</v>
      </c>
    </row>
    <row r="5081" spans="1:3" x14ac:dyDescent="0.25">
      <c r="A5081" s="2" t="s">
        <v>654</v>
      </c>
      <c r="B5081" s="6">
        <v>84565.349999999991</v>
      </c>
      <c r="C5081" s="7">
        <f t="shared" si="79"/>
        <v>84.565349999999995</v>
      </c>
    </row>
    <row r="5082" spans="1:3" x14ac:dyDescent="0.25">
      <c r="A5082" s="2" t="s">
        <v>655</v>
      </c>
      <c r="B5082" s="6">
        <v>84582</v>
      </c>
      <c r="C5082" s="7">
        <f t="shared" si="79"/>
        <v>84.581999999999994</v>
      </c>
    </row>
    <row r="5083" spans="1:3" x14ac:dyDescent="0.25">
      <c r="A5083" s="2" t="s">
        <v>656</v>
      </c>
      <c r="B5083" s="6">
        <v>84598.65</v>
      </c>
      <c r="C5083" s="7">
        <f t="shared" si="79"/>
        <v>84.598649999999992</v>
      </c>
    </row>
    <row r="5084" spans="1:3" x14ac:dyDescent="0.25">
      <c r="A5084" s="2" t="s">
        <v>657</v>
      </c>
      <c r="B5084" s="6">
        <v>84615.299999999988</v>
      </c>
      <c r="C5084" s="7">
        <f t="shared" si="79"/>
        <v>84.615299999999991</v>
      </c>
    </row>
    <row r="5085" spans="1:3" x14ac:dyDescent="0.25">
      <c r="A5085" s="2" t="s">
        <v>658</v>
      </c>
      <c r="B5085" s="6">
        <v>84631.95</v>
      </c>
      <c r="C5085" s="7">
        <f t="shared" si="79"/>
        <v>84.631950000000003</v>
      </c>
    </row>
    <row r="5086" spans="1:3" x14ac:dyDescent="0.25">
      <c r="A5086" s="2" t="s">
        <v>659</v>
      </c>
      <c r="B5086" s="6">
        <v>84648.599999999991</v>
      </c>
      <c r="C5086" s="7">
        <f t="shared" si="79"/>
        <v>84.648599999999988</v>
      </c>
    </row>
    <row r="5087" spans="1:3" x14ac:dyDescent="0.25">
      <c r="A5087" s="2" t="s">
        <v>660</v>
      </c>
      <c r="B5087" s="6">
        <v>84665.25</v>
      </c>
      <c r="C5087" s="7">
        <f t="shared" si="79"/>
        <v>84.66525</v>
      </c>
    </row>
    <row r="5088" spans="1:3" x14ac:dyDescent="0.25">
      <c r="A5088" s="2" t="s">
        <v>661</v>
      </c>
      <c r="B5088" s="6">
        <v>84681.9</v>
      </c>
      <c r="C5088" s="7">
        <f t="shared" si="79"/>
        <v>84.681899999999999</v>
      </c>
    </row>
    <row r="5089" spans="1:3" x14ac:dyDescent="0.25">
      <c r="A5089" s="2" t="s">
        <v>662</v>
      </c>
      <c r="B5089" s="6">
        <v>84698.549999999988</v>
      </c>
      <c r="C5089" s="7">
        <f t="shared" si="79"/>
        <v>84.698549999999983</v>
      </c>
    </row>
    <row r="5090" spans="1:3" x14ac:dyDescent="0.25">
      <c r="A5090" s="2" t="s">
        <v>663</v>
      </c>
      <c r="B5090" s="6">
        <v>84715.199999999997</v>
      </c>
      <c r="C5090" s="7">
        <f t="shared" si="79"/>
        <v>84.715199999999996</v>
      </c>
    </row>
    <row r="5091" spans="1:3" x14ac:dyDescent="0.25">
      <c r="A5091" s="2" t="s">
        <v>664</v>
      </c>
      <c r="B5091" s="6">
        <v>84731.849999999991</v>
      </c>
      <c r="C5091" s="7">
        <f t="shared" si="79"/>
        <v>84.731849999999994</v>
      </c>
    </row>
    <row r="5092" spans="1:3" x14ac:dyDescent="0.25">
      <c r="A5092" s="2" t="s">
        <v>665</v>
      </c>
      <c r="B5092" s="6">
        <v>84748.5</v>
      </c>
      <c r="C5092" s="7">
        <f t="shared" si="79"/>
        <v>84.748500000000007</v>
      </c>
    </row>
    <row r="5093" spans="1:3" x14ac:dyDescent="0.25">
      <c r="A5093" s="2" t="s">
        <v>666</v>
      </c>
      <c r="B5093" s="6">
        <v>84765.15</v>
      </c>
      <c r="C5093" s="7">
        <f t="shared" si="79"/>
        <v>84.765149999999991</v>
      </c>
    </row>
    <row r="5094" spans="1:3" x14ac:dyDescent="0.25">
      <c r="A5094" s="2" t="s">
        <v>667</v>
      </c>
      <c r="B5094" s="6">
        <v>84781.799999999988</v>
      </c>
      <c r="C5094" s="7">
        <f t="shared" si="79"/>
        <v>84.78179999999999</v>
      </c>
    </row>
    <row r="5095" spans="1:3" x14ac:dyDescent="0.25">
      <c r="A5095" s="2" t="s">
        <v>668</v>
      </c>
      <c r="B5095" s="6">
        <v>84798.45</v>
      </c>
      <c r="C5095" s="7">
        <f t="shared" si="79"/>
        <v>84.798450000000003</v>
      </c>
    </row>
    <row r="5096" spans="1:3" x14ac:dyDescent="0.25">
      <c r="A5096" s="2" t="s">
        <v>669</v>
      </c>
      <c r="B5096" s="6">
        <v>84815.099999999991</v>
      </c>
      <c r="C5096" s="7">
        <f t="shared" si="79"/>
        <v>84.815099999999987</v>
      </c>
    </row>
    <row r="5097" spans="1:3" x14ac:dyDescent="0.25">
      <c r="A5097" s="2" t="s">
        <v>670</v>
      </c>
      <c r="B5097" s="6">
        <v>84831.75</v>
      </c>
      <c r="C5097" s="7">
        <f t="shared" si="79"/>
        <v>84.83175</v>
      </c>
    </row>
    <row r="5098" spans="1:3" x14ac:dyDescent="0.25">
      <c r="A5098" s="2" t="s">
        <v>671</v>
      </c>
      <c r="B5098" s="6">
        <v>84848.4</v>
      </c>
      <c r="C5098" s="7">
        <f t="shared" si="79"/>
        <v>84.848399999999998</v>
      </c>
    </row>
    <row r="5099" spans="1:3" x14ac:dyDescent="0.25">
      <c r="A5099" s="2" t="s">
        <v>672</v>
      </c>
      <c r="B5099" s="6">
        <v>84865.049999999988</v>
      </c>
      <c r="C5099" s="7">
        <f t="shared" si="79"/>
        <v>84.865049999999982</v>
      </c>
    </row>
    <row r="5100" spans="1:3" x14ac:dyDescent="0.25">
      <c r="A5100" s="2" t="s">
        <v>673</v>
      </c>
      <c r="B5100" s="6">
        <v>84881.7</v>
      </c>
      <c r="C5100" s="7">
        <f t="shared" si="79"/>
        <v>84.881699999999995</v>
      </c>
    </row>
    <row r="5101" spans="1:3" x14ac:dyDescent="0.25">
      <c r="A5101" s="2" t="s">
        <v>674</v>
      </c>
      <c r="B5101" s="6">
        <v>84898.349999999991</v>
      </c>
      <c r="C5101" s="7">
        <f t="shared" si="79"/>
        <v>84.898349999999994</v>
      </c>
    </row>
    <row r="5102" spans="1:3" x14ac:dyDescent="0.25">
      <c r="A5102" s="2" t="s">
        <v>675</v>
      </c>
      <c r="B5102" s="6">
        <v>84915</v>
      </c>
      <c r="C5102" s="7">
        <f t="shared" si="79"/>
        <v>84.915000000000006</v>
      </c>
    </row>
    <row r="5103" spans="1:3" x14ac:dyDescent="0.25">
      <c r="A5103" s="2" t="s">
        <v>676</v>
      </c>
      <c r="B5103" s="6">
        <v>84931.65</v>
      </c>
      <c r="C5103" s="7">
        <f t="shared" si="79"/>
        <v>84.931649999999991</v>
      </c>
    </row>
    <row r="5104" spans="1:3" x14ac:dyDescent="0.25">
      <c r="A5104" s="2" t="s">
        <v>677</v>
      </c>
      <c r="B5104" s="6">
        <v>84948.299999999988</v>
      </c>
      <c r="C5104" s="7">
        <f t="shared" si="79"/>
        <v>84.948299999999989</v>
      </c>
    </row>
    <row r="5105" spans="1:3" x14ac:dyDescent="0.25">
      <c r="A5105" s="2" t="s">
        <v>678</v>
      </c>
      <c r="B5105" s="6">
        <v>84964.95</v>
      </c>
      <c r="C5105" s="7">
        <f t="shared" si="79"/>
        <v>84.964950000000002</v>
      </c>
    </row>
    <row r="5106" spans="1:3" x14ac:dyDescent="0.25">
      <c r="A5106" s="2" t="s">
        <v>679</v>
      </c>
      <c r="B5106" s="6">
        <v>84981.599999999991</v>
      </c>
      <c r="C5106" s="7">
        <f t="shared" si="79"/>
        <v>84.981599999999986</v>
      </c>
    </row>
    <row r="5107" spans="1:3" x14ac:dyDescent="0.25">
      <c r="A5107" s="2" t="s">
        <v>680</v>
      </c>
      <c r="B5107" s="6">
        <v>84998.25</v>
      </c>
      <c r="C5107" s="7">
        <f t="shared" si="79"/>
        <v>84.998249999999999</v>
      </c>
    </row>
    <row r="5108" spans="1:3" x14ac:dyDescent="0.25">
      <c r="A5108" s="2" t="s">
        <v>681</v>
      </c>
      <c r="B5108" s="6">
        <v>85014.9</v>
      </c>
      <c r="C5108" s="7">
        <f t="shared" si="79"/>
        <v>85.014899999999997</v>
      </c>
    </row>
    <row r="5109" spans="1:3" x14ac:dyDescent="0.25">
      <c r="A5109" s="2" t="s">
        <v>682</v>
      </c>
      <c r="B5109" s="6">
        <v>85031.549999999988</v>
      </c>
      <c r="C5109" s="7">
        <f t="shared" si="79"/>
        <v>85.031549999999982</v>
      </c>
    </row>
    <row r="5110" spans="1:3" x14ac:dyDescent="0.25">
      <c r="A5110" s="2" t="s">
        <v>683</v>
      </c>
      <c r="B5110" s="6">
        <v>85048.2</v>
      </c>
      <c r="C5110" s="7">
        <f t="shared" si="79"/>
        <v>85.048199999999994</v>
      </c>
    </row>
    <row r="5111" spans="1:3" x14ac:dyDescent="0.25">
      <c r="A5111" s="2" t="s">
        <v>684</v>
      </c>
      <c r="B5111" s="6">
        <v>85064.849999999991</v>
      </c>
      <c r="C5111" s="7">
        <f t="shared" si="79"/>
        <v>85.064849999999993</v>
      </c>
    </row>
    <row r="5112" spans="1:3" x14ac:dyDescent="0.25">
      <c r="A5112" s="2" t="s">
        <v>685</v>
      </c>
      <c r="B5112" s="6">
        <v>85081.5</v>
      </c>
      <c r="C5112" s="7">
        <f t="shared" si="79"/>
        <v>85.081500000000005</v>
      </c>
    </row>
    <row r="5113" spans="1:3" x14ac:dyDescent="0.25">
      <c r="A5113" s="2" t="s">
        <v>686</v>
      </c>
      <c r="B5113" s="6">
        <v>85098.15</v>
      </c>
      <c r="C5113" s="7">
        <f t="shared" si="79"/>
        <v>85.09814999999999</v>
      </c>
    </row>
    <row r="5114" spans="1:3" x14ac:dyDescent="0.25">
      <c r="A5114" s="2" t="s">
        <v>687</v>
      </c>
      <c r="B5114" s="6">
        <v>85114.799999999988</v>
      </c>
      <c r="C5114" s="7">
        <f t="shared" si="79"/>
        <v>85.114799999999988</v>
      </c>
    </row>
    <row r="5115" spans="1:3" x14ac:dyDescent="0.25">
      <c r="A5115" s="2" t="s">
        <v>688</v>
      </c>
      <c r="B5115" s="6">
        <v>85131.45</v>
      </c>
      <c r="C5115" s="7">
        <f t="shared" si="79"/>
        <v>85.131450000000001</v>
      </c>
    </row>
    <row r="5116" spans="1:3" x14ac:dyDescent="0.25">
      <c r="A5116" s="2" t="s">
        <v>689</v>
      </c>
      <c r="B5116" s="6">
        <v>85148.099999999991</v>
      </c>
      <c r="C5116" s="7">
        <f t="shared" si="79"/>
        <v>85.148099999999985</v>
      </c>
    </row>
    <row r="5117" spans="1:3" x14ac:dyDescent="0.25">
      <c r="A5117" s="2" t="s">
        <v>690</v>
      </c>
      <c r="B5117" s="6">
        <v>85164.75</v>
      </c>
      <c r="C5117" s="7">
        <f t="shared" si="79"/>
        <v>85.164749999999998</v>
      </c>
    </row>
    <row r="5118" spans="1:3" x14ac:dyDescent="0.25">
      <c r="A5118" s="2" t="s">
        <v>691</v>
      </c>
      <c r="B5118" s="6">
        <v>85181.4</v>
      </c>
      <c r="C5118" s="7">
        <f t="shared" si="79"/>
        <v>85.181399999999996</v>
      </c>
    </row>
    <row r="5119" spans="1:3" x14ac:dyDescent="0.25">
      <c r="A5119" s="2" t="s">
        <v>692</v>
      </c>
      <c r="B5119" s="6">
        <v>85198.049999999988</v>
      </c>
      <c r="C5119" s="7">
        <f t="shared" si="79"/>
        <v>85.198049999999995</v>
      </c>
    </row>
    <row r="5120" spans="1:3" x14ac:dyDescent="0.25">
      <c r="A5120" s="2" t="s">
        <v>693</v>
      </c>
      <c r="B5120" s="6">
        <v>85214.7</v>
      </c>
      <c r="C5120" s="7">
        <f t="shared" si="79"/>
        <v>85.214699999999993</v>
      </c>
    </row>
    <row r="5121" spans="1:3" x14ac:dyDescent="0.25">
      <c r="A5121" s="2" t="s">
        <v>694</v>
      </c>
      <c r="B5121" s="6">
        <v>85231.349999999991</v>
      </c>
      <c r="C5121" s="7">
        <f t="shared" si="79"/>
        <v>85.231349999999992</v>
      </c>
    </row>
    <row r="5122" spans="1:3" x14ac:dyDescent="0.25">
      <c r="A5122" s="2" t="s">
        <v>695</v>
      </c>
      <c r="B5122" s="6">
        <v>85248</v>
      </c>
      <c r="C5122" s="7">
        <f t="shared" si="79"/>
        <v>85.248000000000005</v>
      </c>
    </row>
    <row r="5123" spans="1:3" x14ac:dyDescent="0.25">
      <c r="A5123" s="2" t="s">
        <v>696</v>
      </c>
      <c r="B5123" s="6">
        <v>85264.65</v>
      </c>
      <c r="C5123" s="7">
        <f t="shared" ref="C5123:C5186" si="80">B5123/1000</f>
        <v>85.264649999999989</v>
      </c>
    </row>
    <row r="5124" spans="1:3" x14ac:dyDescent="0.25">
      <c r="A5124" s="2" t="s">
        <v>697</v>
      </c>
      <c r="B5124" s="6">
        <v>85281.299999999988</v>
      </c>
      <c r="C5124" s="7">
        <f t="shared" si="80"/>
        <v>85.281299999999987</v>
      </c>
    </row>
    <row r="5125" spans="1:3" x14ac:dyDescent="0.25">
      <c r="A5125" s="2" t="s">
        <v>698</v>
      </c>
      <c r="B5125" s="6">
        <v>85297.95</v>
      </c>
      <c r="C5125" s="7">
        <f t="shared" si="80"/>
        <v>85.29795</v>
      </c>
    </row>
    <row r="5126" spans="1:3" x14ac:dyDescent="0.25">
      <c r="A5126" s="2" t="s">
        <v>699</v>
      </c>
      <c r="B5126" s="6">
        <v>85314.599999999991</v>
      </c>
      <c r="C5126" s="7">
        <f t="shared" si="80"/>
        <v>85.314599999999984</v>
      </c>
    </row>
    <row r="5127" spans="1:3" x14ac:dyDescent="0.25">
      <c r="A5127" s="2" t="s">
        <v>700</v>
      </c>
      <c r="B5127" s="6">
        <v>85331.249999999985</v>
      </c>
      <c r="C5127" s="7">
        <f t="shared" si="80"/>
        <v>85.331249999999983</v>
      </c>
    </row>
    <row r="5128" spans="1:3" x14ac:dyDescent="0.25">
      <c r="A5128" s="2" t="s">
        <v>701</v>
      </c>
      <c r="B5128" s="6">
        <v>85347.9</v>
      </c>
      <c r="C5128" s="7">
        <f t="shared" si="80"/>
        <v>85.347899999999996</v>
      </c>
    </row>
    <row r="5129" spans="1:3" x14ac:dyDescent="0.25">
      <c r="A5129" s="2" t="s">
        <v>702</v>
      </c>
      <c r="B5129" s="6">
        <v>85364.549999999988</v>
      </c>
      <c r="C5129" s="7">
        <f t="shared" si="80"/>
        <v>85.364549999999994</v>
      </c>
    </row>
    <row r="5130" spans="1:3" x14ac:dyDescent="0.25">
      <c r="A5130" s="2" t="s">
        <v>703</v>
      </c>
      <c r="B5130" s="6">
        <v>85381.2</v>
      </c>
      <c r="C5130" s="7">
        <f t="shared" si="80"/>
        <v>85.381199999999993</v>
      </c>
    </row>
    <row r="5131" spans="1:3" x14ac:dyDescent="0.25">
      <c r="A5131" s="2" t="s">
        <v>704</v>
      </c>
      <c r="B5131" s="6">
        <v>85397.849999999991</v>
      </c>
      <c r="C5131" s="7">
        <f t="shared" si="80"/>
        <v>85.397849999999991</v>
      </c>
    </row>
    <row r="5132" spans="1:3" x14ac:dyDescent="0.25">
      <c r="A5132" s="2" t="s">
        <v>705</v>
      </c>
      <c r="B5132" s="6">
        <v>85414.499999999985</v>
      </c>
      <c r="C5132" s="7">
        <f t="shared" si="80"/>
        <v>85.41449999999999</v>
      </c>
    </row>
    <row r="5133" spans="1:3" x14ac:dyDescent="0.25">
      <c r="A5133" s="2" t="s">
        <v>706</v>
      </c>
      <c r="B5133" s="6">
        <v>85431.15</v>
      </c>
      <c r="C5133" s="7">
        <f t="shared" si="80"/>
        <v>85.431149999999988</v>
      </c>
    </row>
    <row r="5134" spans="1:3" x14ac:dyDescent="0.25">
      <c r="A5134" s="2" t="s">
        <v>707</v>
      </c>
      <c r="B5134" s="6">
        <v>85447.799999999988</v>
      </c>
      <c r="C5134" s="7">
        <f t="shared" si="80"/>
        <v>85.447799999999987</v>
      </c>
    </row>
    <row r="5135" spans="1:3" x14ac:dyDescent="0.25">
      <c r="A5135" s="2" t="s">
        <v>708</v>
      </c>
      <c r="B5135" s="6">
        <v>85464.45</v>
      </c>
      <c r="C5135" s="7">
        <f t="shared" si="80"/>
        <v>85.464449999999999</v>
      </c>
    </row>
    <row r="5136" spans="1:3" x14ac:dyDescent="0.25">
      <c r="A5136" s="2" t="s">
        <v>709</v>
      </c>
      <c r="B5136" s="6">
        <v>85481.099999999991</v>
      </c>
      <c r="C5136" s="7">
        <f t="shared" si="80"/>
        <v>85.481099999999998</v>
      </c>
    </row>
    <row r="5137" spans="1:3" x14ac:dyDescent="0.25">
      <c r="A5137" s="2" t="s">
        <v>710</v>
      </c>
      <c r="B5137" s="6">
        <v>85497.749999999985</v>
      </c>
      <c r="C5137" s="7">
        <f t="shared" si="80"/>
        <v>85.497749999999982</v>
      </c>
    </row>
    <row r="5138" spans="1:3" x14ac:dyDescent="0.25">
      <c r="A5138" s="2" t="s">
        <v>711</v>
      </c>
      <c r="B5138" s="6">
        <v>85514.4</v>
      </c>
      <c r="C5138" s="7">
        <f t="shared" si="80"/>
        <v>85.514399999999995</v>
      </c>
    </row>
    <row r="5139" spans="1:3" x14ac:dyDescent="0.25">
      <c r="A5139" s="2" t="s">
        <v>712</v>
      </c>
      <c r="B5139" s="6">
        <v>85531.049999999988</v>
      </c>
      <c r="C5139" s="7">
        <f t="shared" si="80"/>
        <v>85.531049999999993</v>
      </c>
    </row>
    <row r="5140" spans="1:3" x14ac:dyDescent="0.25">
      <c r="A5140" s="2" t="s">
        <v>713</v>
      </c>
      <c r="B5140" s="6">
        <v>85547.7</v>
      </c>
      <c r="C5140" s="7">
        <f t="shared" si="80"/>
        <v>85.547699999999992</v>
      </c>
    </row>
    <row r="5141" spans="1:3" x14ac:dyDescent="0.25">
      <c r="A5141" s="2" t="s">
        <v>714</v>
      </c>
      <c r="B5141" s="6">
        <v>85564.349999999991</v>
      </c>
      <c r="C5141" s="7">
        <f t="shared" si="80"/>
        <v>85.56434999999999</v>
      </c>
    </row>
    <row r="5142" spans="1:3" x14ac:dyDescent="0.25">
      <c r="A5142" s="2" t="s">
        <v>715</v>
      </c>
      <c r="B5142" s="6">
        <v>85580.999999999985</v>
      </c>
      <c r="C5142" s="7">
        <f t="shared" si="80"/>
        <v>85.580999999999989</v>
      </c>
    </row>
    <row r="5143" spans="1:3" x14ac:dyDescent="0.25">
      <c r="A5143" s="2" t="s">
        <v>716</v>
      </c>
      <c r="B5143" s="6">
        <v>85597.65</v>
      </c>
      <c r="C5143" s="7">
        <f t="shared" si="80"/>
        <v>85.597649999999987</v>
      </c>
    </row>
    <row r="5144" spans="1:3" x14ac:dyDescent="0.25">
      <c r="A5144" s="2" t="s">
        <v>717</v>
      </c>
      <c r="B5144" s="6">
        <v>85614.299999999988</v>
      </c>
      <c r="C5144" s="7">
        <f t="shared" si="80"/>
        <v>85.614299999999986</v>
      </c>
    </row>
    <row r="5145" spans="1:3" x14ac:dyDescent="0.25">
      <c r="A5145" s="2" t="s">
        <v>718</v>
      </c>
      <c r="B5145" s="6">
        <v>85630.95</v>
      </c>
      <c r="C5145" s="7">
        <f t="shared" si="80"/>
        <v>85.630949999999999</v>
      </c>
    </row>
    <row r="5146" spans="1:3" x14ac:dyDescent="0.25">
      <c r="A5146" s="2" t="s">
        <v>719</v>
      </c>
      <c r="B5146" s="6">
        <v>85647.599999999991</v>
      </c>
      <c r="C5146" s="7">
        <f t="shared" si="80"/>
        <v>85.647599999999997</v>
      </c>
    </row>
    <row r="5147" spans="1:3" x14ac:dyDescent="0.25">
      <c r="A5147" s="2" t="s">
        <v>720</v>
      </c>
      <c r="B5147" s="6">
        <v>85664.249999999985</v>
      </c>
      <c r="C5147" s="7">
        <f t="shared" si="80"/>
        <v>85.664249999999981</v>
      </c>
    </row>
    <row r="5148" spans="1:3" x14ac:dyDescent="0.25">
      <c r="A5148" s="2" t="s">
        <v>721</v>
      </c>
      <c r="B5148" s="6">
        <v>85680.9</v>
      </c>
      <c r="C5148" s="7">
        <f t="shared" si="80"/>
        <v>85.680899999999994</v>
      </c>
    </row>
    <row r="5149" spans="1:3" x14ac:dyDescent="0.25">
      <c r="A5149" s="2" t="s">
        <v>722</v>
      </c>
      <c r="B5149" s="6">
        <v>85697.549999999988</v>
      </c>
      <c r="C5149" s="7">
        <f t="shared" si="80"/>
        <v>85.697549999999993</v>
      </c>
    </row>
    <row r="5150" spans="1:3" x14ac:dyDescent="0.25">
      <c r="A5150" s="2" t="s">
        <v>723</v>
      </c>
      <c r="B5150" s="6">
        <v>85714.2</v>
      </c>
      <c r="C5150" s="7">
        <f t="shared" si="80"/>
        <v>85.714199999999991</v>
      </c>
    </row>
    <row r="5151" spans="1:3" x14ac:dyDescent="0.25">
      <c r="A5151" s="2" t="s">
        <v>724</v>
      </c>
      <c r="B5151" s="6">
        <v>85730.849999999991</v>
      </c>
      <c r="C5151" s="7">
        <f t="shared" si="80"/>
        <v>85.73084999999999</v>
      </c>
    </row>
    <row r="5152" spans="1:3" x14ac:dyDescent="0.25">
      <c r="A5152" s="2" t="s">
        <v>725</v>
      </c>
      <c r="B5152" s="6">
        <v>85747.499999999985</v>
      </c>
      <c r="C5152" s="7">
        <f t="shared" si="80"/>
        <v>85.747499999999988</v>
      </c>
    </row>
    <row r="5153" spans="1:3" x14ac:dyDescent="0.25">
      <c r="A5153" s="2" t="s">
        <v>726</v>
      </c>
      <c r="B5153" s="6">
        <v>85764.15</v>
      </c>
      <c r="C5153" s="7">
        <f t="shared" si="80"/>
        <v>85.764150000000001</v>
      </c>
    </row>
    <row r="5154" spans="1:3" x14ac:dyDescent="0.25">
      <c r="A5154" s="2" t="s">
        <v>727</v>
      </c>
      <c r="B5154" s="6">
        <v>85780.799999999988</v>
      </c>
      <c r="C5154" s="7">
        <f t="shared" si="80"/>
        <v>85.780799999999985</v>
      </c>
    </row>
    <row r="5155" spans="1:3" x14ac:dyDescent="0.25">
      <c r="A5155" s="2" t="s">
        <v>728</v>
      </c>
      <c r="B5155" s="6">
        <v>85797.45</v>
      </c>
      <c r="C5155" s="7">
        <f t="shared" si="80"/>
        <v>85.797449999999998</v>
      </c>
    </row>
    <row r="5156" spans="1:3" x14ac:dyDescent="0.25">
      <c r="A5156" s="2" t="s">
        <v>729</v>
      </c>
      <c r="B5156" s="6">
        <v>85814.099999999991</v>
      </c>
      <c r="C5156" s="7">
        <f t="shared" si="80"/>
        <v>85.814099999999996</v>
      </c>
    </row>
    <row r="5157" spans="1:3" x14ac:dyDescent="0.25">
      <c r="A5157" s="2" t="s">
        <v>730</v>
      </c>
      <c r="B5157" s="6">
        <v>85830.749999999985</v>
      </c>
      <c r="C5157" s="7">
        <f t="shared" si="80"/>
        <v>85.830749999999981</v>
      </c>
    </row>
    <row r="5158" spans="1:3" x14ac:dyDescent="0.25">
      <c r="A5158" s="2" t="s">
        <v>731</v>
      </c>
      <c r="B5158" s="6">
        <v>85847.4</v>
      </c>
      <c r="C5158" s="7">
        <f t="shared" si="80"/>
        <v>85.847399999999993</v>
      </c>
    </row>
    <row r="5159" spans="1:3" x14ac:dyDescent="0.25">
      <c r="A5159" s="2" t="s">
        <v>732</v>
      </c>
      <c r="B5159" s="6">
        <v>85864.049999999988</v>
      </c>
      <c r="C5159" s="7">
        <f t="shared" si="80"/>
        <v>85.864049999999992</v>
      </c>
    </row>
    <row r="5160" spans="1:3" x14ac:dyDescent="0.25">
      <c r="A5160" s="2" t="s">
        <v>733</v>
      </c>
      <c r="B5160" s="6">
        <v>85880.7</v>
      </c>
      <c r="C5160" s="7">
        <f t="shared" si="80"/>
        <v>85.88069999999999</v>
      </c>
    </row>
    <row r="5161" spans="1:3" x14ac:dyDescent="0.25">
      <c r="A5161" s="2" t="s">
        <v>734</v>
      </c>
      <c r="B5161" s="6">
        <v>85897.349999999991</v>
      </c>
      <c r="C5161" s="7">
        <f t="shared" si="80"/>
        <v>85.897349999999989</v>
      </c>
    </row>
    <row r="5162" spans="1:3" x14ac:dyDescent="0.25">
      <c r="A5162" s="2" t="s">
        <v>735</v>
      </c>
      <c r="B5162" s="6">
        <v>85913.999999999985</v>
      </c>
      <c r="C5162" s="7">
        <f t="shared" si="80"/>
        <v>85.913999999999987</v>
      </c>
    </row>
    <row r="5163" spans="1:3" x14ac:dyDescent="0.25">
      <c r="A5163" s="2" t="s">
        <v>736</v>
      </c>
      <c r="B5163" s="6">
        <v>85930.65</v>
      </c>
      <c r="C5163" s="7">
        <f t="shared" si="80"/>
        <v>85.93065</v>
      </c>
    </row>
    <row r="5164" spans="1:3" x14ac:dyDescent="0.25">
      <c r="A5164" s="2" t="s">
        <v>737</v>
      </c>
      <c r="B5164" s="6">
        <v>85947.299999999988</v>
      </c>
      <c r="C5164" s="7">
        <f t="shared" si="80"/>
        <v>85.947299999999984</v>
      </c>
    </row>
    <row r="5165" spans="1:3" x14ac:dyDescent="0.25">
      <c r="A5165" s="2" t="s">
        <v>738</v>
      </c>
      <c r="B5165" s="6">
        <v>85963.95</v>
      </c>
      <c r="C5165" s="7">
        <f t="shared" si="80"/>
        <v>85.963949999999997</v>
      </c>
    </row>
    <row r="5166" spans="1:3" x14ac:dyDescent="0.25">
      <c r="A5166" s="2" t="s">
        <v>739</v>
      </c>
      <c r="B5166" s="6">
        <v>85980.599999999991</v>
      </c>
      <c r="C5166" s="7">
        <f t="shared" si="80"/>
        <v>85.980599999999995</v>
      </c>
    </row>
    <row r="5167" spans="1:3" x14ac:dyDescent="0.25">
      <c r="A5167" s="2" t="s">
        <v>740</v>
      </c>
      <c r="B5167" s="6">
        <v>85997.249999999985</v>
      </c>
      <c r="C5167" s="7">
        <f t="shared" si="80"/>
        <v>85.99724999999998</v>
      </c>
    </row>
    <row r="5168" spans="1:3" x14ac:dyDescent="0.25">
      <c r="A5168" s="2" t="s">
        <v>741</v>
      </c>
      <c r="B5168" s="6">
        <v>86013.9</v>
      </c>
      <c r="C5168" s="7">
        <f t="shared" si="80"/>
        <v>86.013899999999992</v>
      </c>
    </row>
    <row r="5169" spans="1:3" x14ac:dyDescent="0.25">
      <c r="A5169" s="2" t="s">
        <v>742</v>
      </c>
      <c r="B5169" s="6">
        <v>86030.549999999988</v>
      </c>
      <c r="C5169" s="7">
        <f t="shared" si="80"/>
        <v>86.030549999999991</v>
      </c>
    </row>
    <row r="5170" spans="1:3" x14ac:dyDescent="0.25">
      <c r="A5170" s="2" t="s">
        <v>743</v>
      </c>
      <c r="B5170" s="6">
        <v>86047.2</v>
      </c>
      <c r="C5170" s="7">
        <f t="shared" si="80"/>
        <v>86.047200000000004</v>
      </c>
    </row>
    <row r="5171" spans="1:3" x14ac:dyDescent="0.25">
      <c r="A5171" s="2" t="s">
        <v>744</v>
      </c>
      <c r="B5171" s="6">
        <v>86063.849999999991</v>
      </c>
      <c r="C5171" s="7">
        <f t="shared" si="80"/>
        <v>86.063849999999988</v>
      </c>
    </row>
    <row r="5172" spans="1:3" x14ac:dyDescent="0.25">
      <c r="A5172" s="2" t="s">
        <v>745</v>
      </c>
      <c r="B5172" s="6">
        <v>86080.499999999985</v>
      </c>
      <c r="C5172" s="7">
        <f t="shared" si="80"/>
        <v>86.080499999999986</v>
      </c>
    </row>
    <row r="5173" spans="1:3" x14ac:dyDescent="0.25">
      <c r="A5173" s="2" t="s">
        <v>746</v>
      </c>
      <c r="B5173" s="6">
        <v>86097.15</v>
      </c>
      <c r="C5173" s="7">
        <f t="shared" si="80"/>
        <v>86.097149999999999</v>
      </c>
    </row>
    <row r="5174" spans="1:3" x14ac:dyDescent="0.25">
      <c r="A5174" s="2" t="s">
        <v>747</v>
      </c>
      <c r="B5174" s="6">
        <v>86113.799999999988</v>
      </c>
      <c r="C5174" s="7">
        <f t="shared" si="80"/>
        <v>86.113799999999983</v>
      </c>
    </row>
    <row r="5175" spans="1:3" x14ac:dyDescent="0.25">
      <c r="A5175" s="2" t="s">
        <v>748</v>
      </c>
      <c r="B5175" s="6">
        <v>86130.45</v>
      </c>
      <c r="C5175" s="7">
        <f t="shared" si="80"/>
        <v>86.130449999999996</v>
      </c>
    </row>
    <row r="5176" spans="1:3" x14ac:dyDescent="0.25">
      <c r="A5176" s="2" t="s">
        <v>749</v>
      </c>
      <c r="B5176" s="6">
        <v>86147.099999999991</v>
      </c>
      <c r="C5176" s="7">
        <f t="shared" si="80"/>
        <v>86.147099999999995</v>
      </c>
    </row>
    <row r="5177" spans="1:3" x14ac:dyDescent="0.25">
      <c r="A5177" s="2" t="s">
        <v>750</v>
      </c>
      <c r="B5177" s="6">
        <v>86163.749999999985</v>
      </c>
      <c r="C5177" s="7">
        <f t="shared" si="80"/>
        <v>86.163749999999979</v>
      </c>
    </row>
    <row r="5178" spans="1:3" x14ac:dyDescent="0.25">
      <c r="A5178" s="2" t="s">
        <v>751</v>
      </c>
      <c r="B5178" s="6">
        <v>86180.4</v>
      </c>
      <c r="C5178" s="7">
        <f t="shared" si="80"/>
        <v>86.180399999999992</v>
      </c>
    </row>
    <row r="5179" spans="1:3" x14ac:dyDescent="0.25">
      <c r="A5179" s="2" t="s">
        <v>752</v>
      </c>
      <c r="B5179" s="6">
        <v>86197.049999999988</v>
      </c>
      <c r="C5179" s="7">
        <f t="shared" si="80"/>
        <v>86.19704999999999</v>
      </c>
    </row>
    <row r="5180" spans="1:3" x14ac:dyDescent="0.25">
      <c r="A5180" s="2" t="s">
        <v>753</v>
      </c>
      <c r="B5180" s="6">
        <v>86213.7</v>
      </c>
      <c r="C5180" s="7">
        <f t="shared" si="80"/>
        <v>86.213700000000003</v>
      </c>
    </row>
    <row r="5181" spans="1:3" x14ac:dyDescent="0.25">
      <c r="A5181" s="2" t="s">
        <v>754</v>
      </c>
      <c r="B5181" s="6">
        <v>86230.349999999991</v>
      </c>
      <c r="C5181" s="7">
        <f t="shared" si="80"/>
        <v>86.230349999999987</v>
      </c>
    </row>
    <row r="5182" spans="1:3" x14ac:dyDescent="0.25">
      <c r="A5182" s="2" t="s">
        <v>755</v>
      </c>
      <c r="B5182" s="6">
        <v>86246.999999999985</v>
      </c>
      <c r="C5182" s="7">
        <f t="shared" si="80"/>
        <v>86.246999999999986</v>
      </c>
    </row>
    <row r="5183" spans="1:3" x14ac:dyDescent="0.25">
      <c r="A5183" s="2" t="s">
        <v>756</v>
      </c>
      <c r="B5183" s="6">
        <v>86263.65</v>
      </c>
      <c r="C5183" s="7">
        <f t="shared" si="80"/>
        <v>86.263649999999998</v>
      </c>
    </row>
    <row r="5184" spans="1:3" x14ac:dyDescent="0.25">
      <c r="A5184" s="2" t="s">
        <v>757</v>
      </c>
      <c r="B5184" s="6">
        <v>86280.299999999988</v>
      </c>
      <c r="C5184" s="7">
        <f t="shared" si="80"/>
        <v>86.280299999999983</v>
      </c>
    </row>
    <row r="5185" spans="1:3" x14ac:dyDescent="0.25">
      <c r="A5185" s="2" t="s">
        <v>758</v>
      </c>
      <c r="B5185" s="6">
        <v>86296.95</v>
      </c>
      <c r="C5185" s="7">
        <f t="shared" si="80"/>
        <v>86.296949999999995</v>
      </c>
    </row>
    <row r="5186" spans="1:3" x14ac:dyDescent="0.25">
      <c r="A5186" s="2" t="s">
        <v>759</v>
      </c>
      <c r="B5186" s="6">
        <v>86313.599999999991</v>
      </c>
      <c r="C5186" s="7">
        <f t="shared" si="80"/>
        <v>86.313599999999994</v>
      </c>
    </row>
    <row r="5187" spans="1:3" x14ac:dyDescent="0.25">
      <c r="A5187" s="2" t="s">
        <v>760</v>
      </c>
      <c r="B5187" s="6">
        <v>86330.249999999985</v>
      </c>
      <c r="C5187" s="7">
        <f t="shared" ref="C5187:C5250" si="81">B5187/1000</f>
        <v>86.330249999999992</v>
      </c>
    </row>
    <row r="5188" spans="1:3" x14ac:dyDescent="0.25">
      <c r="A5188" s="2" t="s">
        <v>761</v>
      </c>
      <c r="B5188" s="6">
        <v>86346.9</v>
      </c>
      <c r="C5188" s="7">
        <f t="shared" si="81"/>
        <v>86.346899999999991</v>
      </c>
    </row>
    <row r="5189" spans="1:3" x14ac:dyDescent="0.25">
      <c r="A5189" s="2" t="s">
        <v>762</v>
      </c>
      <c r="B5189" s="6">
        <v>86363.549999999988</v>
      </c>
      <c r="C5189" s="7">
        <f t="shared" si="81"/>
        <v>86.363549999999989</v>
      </c>
    </row>
    <row r="5190" spans="1:3" x14ac:dyDescent="0.25">
      <c r="A5190" s="2" t="s">
        <v>763</v>
      </c>
      <c r="B5190" s="6">
        <v>86380.2</v>
      </c>
      <c r="C5190" s="7">
        <f t="shared" si="81"/>
        <v>86.380200000000002</v>
      </c>
    </row>
    <row r="5191" spans="1:3" x14ac:dyDescent="0.25">
      <c r="A5191" s="2" t="s">
        <v>764</v>
      </c>
      <c r="B5191" s="6">
        <v>86396.849999999991</v>
      </c>
      <c r="C5191" s="7">
        <f t="shared" si="81"/>
        <v>86.396849999999986</v>
      </c>
    </row>
    <row r="5192" spans="1:3" x14ac:dyDescent="0.25">
      <c r="A5192" s="2" t="s">
        <v>765</v>
      </c>
      <c r="B5192" s="6">
        <v>86413.499999999985</v>
      </c>
      <c r="C5192" s="7">
        <f t="shared" si="81"/>
        <v>86.413499999999985</v>
      </c>
    </row>
    <row r="5193" spans="1:3" x14ac:dyDescent="0.25">
      <c r="A5193" s="2" t="s">
        <v>766</v>
      </c>
      <c r="B5193" s="6">
        <v>86430.15</v>
      </c>
      <c r="C5193" s="7">
        <f t="shared" si="81"/>
        <v>86.430149999999998</v>
      </c>
    </row>
    <row r="5194" spans="1:3" x14ac:dyDescent="0.25">
      <c r="A5194" s="2" t="s">
        <v>767</v>
      </c>
      <c r="B5194" s="6">
        <v>86446.799999999988</v>
      </c>
      <c r="C5194" s="7">
        <f t="shared" si="81"/>
        <v>86.446799999999982</v>
      </c>
    </row>
    <row r="5195" spans="1:3" x14ac:dyDescent="0.25">
      <c r="A5195" s="2" t="s">
        <v>768</v>
      </c>
      <c r="B5195" s="6">
        <v>86463.45</v>
      </c>
      <c r="C5195" s="7">
        <f t="shared" si="81"/>
        <v>86.463449999999995</v>
      </c>
    </row>
    <row r="5196" spans="1:3" x14ac:dyDescent="0.25">
      <c r="A5196" s="2" t="s">
        <v>769</v>
      </c>
      <c r="B5196" s="6">
        <v>86480.099999999991</v>
      </c>
      <c r="C5196" s="7">
        <f t="shared" si="81"/>
        <v>86.480099999999993</v>
      </c>
    </row>
    <row r="5197" spans="1:3" x14ac:dyDescent="0.25">
      <c r="A5197" s="2" t="s">
        <v>770</v>
      </c>
      <c r="B5197" s="6">
        <v>86496.749999999985</v>
      </c>
      <c r="C5197" s="7">
        <f t="shared" si="81"/>
        <v>86.496749999999992</v>
      </c>
    </row>
    <row r="5198" spans="1:3" x14ac:dyDescent="0.25">
      <c r="A5198" s="2" t="s">
        <v>771</v>
      </c>
      <c r="B5198" s="6">
        <v>86513.4</v>
      </c>
      <c r="C5198" s="7">
        <f t="shared" si="81"/>
        <v>86.51339999999999</v>
      </c>
    </row>
    <row r="5199" spans="1:3" x14ac:dyDescent="0.25">
      <c r="A5199" s="2" t="s">
        <v>772</v>
      </c>
      <c r="B5199" s="6">
        <v>86530.049999999988</v>
      </c>
      <c r="C5199" s="7">
        <f t="shared" si="81"/>
        <v>86.530049999999989</v>
      </c>
    </row>
    <row r="5200" spans="1:3" x14ac:dyDescent="0.25">
      <c r="A5200" s="2" t="s">
        <v>773</v>
      </c>
      <c r="B5200" s="6">
        <v>86546.7</v>
      </c>
      <c r="C5200" s="7">
        <f t="shared" si="81"/>
        <v>86.546700000000001</v>
      </c>
    </row>
    <row r="5201" spans="1:3" x14ac:dyDescent="0.25">
      <c r="A5201" s="2" t="s">
        <v>774</v>
      </c>
      <c r="B5201" s="6">
        <v>86563.349999999991</v>
      </c>
      <c r="C5201" s="7">
        <f t="shared" si="81"/>
        <v>86.563349999999986</v>
      </c>
    </row>
    <row r="5202" spans="1:3" x14ac:dyDescent="0.25">
      <c r="A5202" s="2" t="s">
        <v>775</v>
      </c>
      <c r="B5202" s="6">
        <v>86579.999999999985</v>
      </c>
      <c r="C5202" s="7">
        <f t="shared" si="81"/>
        <v>86.579999999999984</v>
      </c>
    </row>
    <row r="5203" spans="1:3" x14ac:dyDescent="0.25">
      <c r="A5203" s="2" t="s">
        <v>776</v>
      </c>
      <c r="B5203" s="6">
        <v>86596.65</v>
      </c>
      <c r="C5203" s="7">
        <f t="shared" si="81"/>
        <v>86.596649999999997</v>
      </c>
    </row>
    <row r="5204" spans="1:3" x14ac:dyDescent="0.25">
      <c r="A5204" s="2" t="s">
        <v>777</v>
      </c>
      <c r="B5204" s="6">
        <v>86613.299999999988</v>
      </c>
      <c r="C5204" s="7">
        <f t="shared" si="81"/>
        <v>86.613299999999995</v>
      </c>
    </row>
    <row r="5205" spans="1:3" x14ac:dyDescent="0.25">
      <c r="A5205" s="2" t="s">
        <v>778</v>
      </c>
      <c r="B5205" s="6">
        <v>86629.95</v>
      </c>
      <c r="C5205" s="7">
        <f t="shared" si="81"/>
        <v>86.629949999999994</v>
      </c>
    </row>
    <row r="5206" spans="1:3" x14ac:dyDescent="0.25">
      <c r="A5206" s="2" t="s">
        <v>779</v>
      </c>
      <c r="B5206" s="6">
        <v>86646.599999999991</v>
      </c>
      <c r="C5206" s="7">
        <f t="shared" si="81"/>
        <v>86.646599999999992</v>
      </c>
    </row>
    <row r="5207" spans="1:3" x14ac:dyDescent="0.25">
      <c r="A5207" s="2" t="s">
        <v>780</v>
      </c>
      <c r="B5207" s="6">
        <v>86663.249999999985</v>
      </c>
      <c r="C5207" s="7">
        <f t="shared" si="81"/>
        <v>86.663249999999991</v>
      </c>
    </row>
    <row r="5208" spans="1:3" x14ac:dyDescent="0.25">
      <c r="A5208" s="2" t="s">
        <v>781</v>
      </c>
      <c r="B5208" s="6">
        <v>86679.9</v>
      </c>
      <c r="C5208" s="7">
        <f t="shared" si="81"/>
        <v>86.679899999999989</v>
      </c>
    </row>
    <row r="5209" spans="1:3" x14ac:dyDescent="0.25">
      <c r="A5209" s="2" t="s">
        <v>782</v>
      </c>
      <c r="B5209" s="6">
        <v>86696.549999999988</v>
      </c>
      <c r="C5209" s="7">
        <f t="shared" si="81"/>
        <v>86.696549999999988</v>
      </c>
    </row>
    <row r="5210" spans="1:3" x14ac:dyDescent="0.25">
      <c r="A5210" s="2" t="s">
        <v>783</v>
      </c>
      <c r="B5210" s="6">
        <v>86713.2</v>
      </c>
      <c r="C5210" s="7">
        <f t="shared" si="81"/>
        <v>86.713200000000001</v>
      </c>
    </row>
    <row r="5211" spans="1:3" x14ac:dyDescent="0.25">
      <c r="A5211" s="2" t="s">
        <v>784</v>
      </c>
      <c r="B5211" s="6">
        <v>86729.849999999991</v>
      </c>
      <c r="C5211" s="7">
        <f t="shared" si="81"/>
        <v>86.729849999999985</v>
      </c>
    </row>
    <row r="5212" spans="1:3" x14ac:dyDescent="0.25">
      <c r="A5212" s="2" t="s">
        <v>785</v>
      </c>
      <c r="B5212" s="6">
        <v>86746.499999999985</v>
      </c>
      <c r="C5212" s="7">
        <f t="shared" si="81"/>
        <v>86.746499999999983</v>
      </c>
    </row>
    <row r="5213" spans="1:3" x14ac:dyDescent="0.25">
      <c r="A5213" s="2" t="s">
        <v>786</v>
      </c>
      <c r="B5213" s="6">
        <v>86763.15</v>
      </c>
      <c r="C5213" s="7">
        <f t="shared" si="81"/>
        <v>86.763149999999996</v>
      </c>
    </row>
    <row r="5214" spans="1:3" x14ac:dyDescent="0.25">
      <c r="A5214" s="2" t="s">
        <v>787</v>
      </c>
      <c r="B5214" s="6">
        <v>86779.799999999988</v>
      </c>
      <c r="C5214" s="7">
        <f t="shared" si="81"/>
        <v>86.779799999999994</v>
      </c>
    </row>
    <row r="5215" spans="1:3" x14ac:dyDescent="0.25">
      <c r="A5215" s="2" t="s">
        <v>788</v>
      </c>
      <c r="B5215" s="6">
        <v>86796.45</v>
      </c>
      <c r="C5215" s="7">
        <f t="shared" si="81"/>
        <v>86.796449999999993</v>
      </c>
    </row>
    <row r="5216" spans="1:3" x14ac:dyDescent="0.25">
      <c r="A5216" s="2" t="s">
        <v>789</v>
      </c>
      <c r="B5216" s="6">
        <v>86813.099999999991</v>
      </c>
      <c r="C5216" s="7">
        <f t="shared" si="81"/>
        <v>86.813099999999991</v>
      </c>
    </row>
    <row r="5217" spans="1:3" x14ac:dyDescent="0.25">
      <c r="A5217" s="2" t="s">
        <v>790</v>
      </c>
      <c r="B5217" s="6">
        <v>86829.749999999985</v>
      </c>
      <c r="C5217" s="7">
        <f t="shared" si="81"/>
        <v>86.82974999999999</v>
      </c>
    </row>
    <row r="5218" spans="1:3" x14ac:dyDescent="0.25">
      <c r="A5218" s="2" t="s">
        <v>791</v>
      </c>
      <c r="B5218" s="6">
        <v>86846.399999999994</v>
      </c>
      <c r="C5218" s="7">
        <f t="shared" si="81"/>
        <v>86.846399999999988</v>
      </c>
    </row>
    <row r="5219" spans="1:3" x14ac:dyDescent="0.25">
      <c r="A5219" s="2" t="s">
        <v>792</v>
      </c>
      <c r="B5219" s="6">
        <v>86863.049999999988</v>
      </c>
      <c r="C5219" s="7">
        <f t="shared" si="81"/>
        <v>86.863049999999987</v>
      </c>
    </row>
    <row r="5220" spans="1:3" x14ac:dyDescent="0.25">
      <c r="A5220" s="2" t="s">
        <v>793</v>
      </c>
      <c r="B5220" s="6">
        <v>86879.7</v>
      </c>
      <c r="C5220" s="7">
        <f t="shared" si="81"/>
        <v>86.8797</v>
      </c>
    </row>
    <row r="5221" spans="1:3" x14ac:dyDescent="0.25">
      <c r="A5221" s="2" t="s">
        <v>794</v>
      </c>
      <c r="B5221" s="6">
        <v>86896.349999999991</v>
      </c>
      <c r="C5221" s="7">
        <f t="shared" si="81"/>
        <v>86.896349999999998</v>
      </c>
    </row>
    <row r="5222" spans="1:3" x14ac:dyDescent="0.25">
      <c r="A5222" s="2" t="s">
        <v>795</v>
      </c>
      <c r="B5222" s="6">
        <v>86912.999999999985</v>
      </c>
      <c r="C5222" s="7">
        <f t="shared" si="81"/>
        <v>86.912999999999982</v>
      </c>
    </row>
    <row r="5223" spans="1:3" x14ac:dyDescent="0.25">
      <c r="A5223" s="2" t="s">
        <v>796</v>
      </c>
      <c r="B5223" s="6">
        <v>86929.65</v>
      </c>
      <c r="C5223" s="7">
        <f t="shared" si="81"/>
        <v>86.929649999999995</v>
      </c>
    </row>
    <row r="5224" spans="1:3" x14ac:dyDescent="0.25">
      <c r="A5224" s="2" t="s">
        <v>797</v>
      </c>
      <c r="B5224" s="6">
        <v>86946.299999999988</v>
      </c>
      <c r="C5224" s="7">
        <f t="shared" si="81"/>
        <v>86.946299999999994</v>
      </c>
    </row>
    <row r="5225" spans="1:3" x14ac:dyDescent="0.25">
      <c r="A5225" s="2" t="s">
        <v>798</v>
      </c>
      <c r="B5225" s="6">
        <v>86962.95</v>
      </c>
      <c r="C5225" s="7">
        <f t="shared" si="81"/>
        <v>86.962949999999992</v>
      </c>
    </row>
    <row r="5226" spans="1:3" x14ac:dyDescent="0.25">
      <c r="A5226" s="2" t="s">
        <v>799</v>
      </c>
      <c r="B5226" s="6">
        <v>86979.599999999991</v>
      </c>
      <c r="C5226" s="7">
        <f t="shared" si="81"/>
        <v>86.979599999999991</v>
      </c>
    </row>
    <row r="5227" spans="1:3" x14ac:dyDescent="0.25">
      <c r="A5227" s="2" t="s">
        <v>800</v>
      </c>
      <c r="B5227" s="6">
        <v>86996.249999999985</v>
      </c>
      <c r="C5227" s="7">
        <f t="shared" si="81"/>
        <v>86.996249999999989</v>
      </c>
    </row>
    <row r="5228" spans="1:3" x14ac:dyDescent="0.25">
      <c r="A5228" s="2" t="s">
        <v>801</v>
      </c>
      <c r="B5228" s="6">
        <v>87012.9</v>
      </c>
      <c r="C5228" s="7">
        <f t="shared" si="81"/>
        <v>87.012899999999988</v>
      </c>
    </row>
    <row r="5229" spans="1:3" x14ac:dyDescent="0.25">
      <c r="A5229" s="2" t="s">
        <v>802</v>
      </c>
      <c r="B5229" s="6">
        <v>87029.549999999988</v>
      </c>
      <c r="C5229" s="7">
        <f t="shared" si="81"/>
        <v>87.029549999999986</v>
      </c>
    </row>
    <row r="5230" spans="1:3" x14ac:dyDescent="0.25">
      <c r="A5230" s="2" t="s">
        <v>803</v>
      </c>
      <c r="B5230" s="6">
        <v>87046.2</v>
      </c>
      <c r="C5230" s="7">
        <f t="shared" si="81"/>
        <v>87.046199999999999</v>
      </c>
    </row>
    <row r="5231" spans="1:3" x14ac:dyDescent="0.25">
      <c r="A5231" s="2" t="s">
        <v>804</v>
      </c>
      <c r="B5231" s="6">
        <v>87062.849999999991</v>
      </c>
      <c r="C5231" s="7">
        <f t="shared" si="81"/>
        <v>87.062849999999997</v>
      </c>
    </row>
    <row r="5232" spans="1:3" x14ac:dyDescent="0.25">
      <c r="A5232" s="2" t="s">
        <v>805</v>
      </c>
      <c r="B5232" s="6">
        <v>87079.499999999985</v>
      </c>
      <c r="C5232" s="7">
        <f t="shared" si="81"/>
        <v>87.079499999999982</v>
      </c>
    </row>
    <row r="5233" spans="1:3" x14ac:dyDescent="0.25">
      <c r="A5233" s="2" t="s">
        <v>806</v>
      </c>
      <c r="B5233" s="6">
        <v>87096.15</v>
      </c>
      <c r="C5233" s="7">
        <f t="shared" si="81"/>
        <v>87.096149999999994</v>
      </c>
    </row>
    <row r="5234" spans="1:3" x14ac:dyDescent="0.25">
      <c r="A5234" s="2" t="s">
        <v>807</v>
      </c>
      <c r="B5234" s="6">
        <v>87112.799999999988</v>
      </c>
      <c r="C5234" s="7">
        <f t="shared" si="81"/>
        <v>87.112799999999993</v>
      </c>
    </row>
    <row r="5235" spans="1:3" x14ac:dyDescent="0.25">
      <c r="A5235" s="2" t="s">
        <v>808</v>
      </c>
      <c r="B5235" s="6">
        <v>87129.45</v>
      </c>
      <c r="C5235" s="7">
        <f t="shared" si="81"/>
        <v>87.129449999999991</v>
      </c>
    </row>
    <row r="5236" spans="1:3" x14ac:dyDescent="0.25">
      <c r="A5236" s="2" t="s">
        <v>809</v>
      </c>
      <c r="B5236" s="6">
        <v>87146.099999999991</v>
      </c>
      <c r="C5236" s="7">
        <f t="shared" si="81"/>
        <v>87.14609999999999</v>
      </c>
    </row>
    <row r="5237" spans="1:3" x14ac:dyDescent="0.25">
      <c r="A5237" s="2" t="s">
        <v>810</v>
      </c>
      <c r="B5237" s="6">
        <v>87162.749999999985</v>
      </c>
      <c r="C5237" s="7">
        <f t="shared" si="81"/>
        <v>87.162749999999988</v>
      </c>
    </row>
    <row r="5238" spans="1:3" x14ac:dyDescent="0.25">
      <c r="A5238" s="2" t="s">
        <v>811</v>
      </c>
      <c r="B5238" s="6">
        <v>87179.4</v>
      </c>
      <c r="C5238" s="7">
        <f t="shared" si="81"/>
        <v>87.179400000000001</v>
      </c>
    </row>
    <row r="5239" spans="1:3" x14ac:dyDescent="0.25">
      <c r="A5239" s="2" t="s">
        <v>812</v>
      </c>
      <c r="B5239" s="6">
        <v>87196.049999999988</v>
      </c>
      <c r="C5239" s="7">
        <f t="shared" si="81"/>
        <v>87.196049999999985</v>
      </c>
    </row>
    <row r="5240" spans="1:3" x14ac:dyDescent="0.25">
      <c r="A5240" s="2" t="s">
        <v>813</v>
      </c>
      <c r="B5240" s="6">
        <v>87212.7</v>
      </c>
      <c r="C5240" s="7">
        <f t="shared" si="81"/>
        <v>87.212699999999998</v>
      </c>
    </row>
    <row r="5241" spans="1:3" x14ac:dyDescent="0.25">
      <c r="A5241" s="2" t="s">
        <v>814</v>
      </c>
      <c r="B5241" s="6">
        <v>87229.349999999991</v>
      </c>
      <c r="C5241" s="7">
        <f t="shared" si="81"/>
        <v>87.229349999999997</v>
      </c>
    </row>
    <row r="5242" spans="1:3" x14ac:dyDescent="0.25">
      <c r="A5242" s="2" t="s">
        <v>815</v>
      </c>
      <c r="B5242" s="6">
        <v>87245.999999999985</v>
      </c>
      <c r="C5242" s="7">
        <f t="shared" si="81"/>
        <v>87.245999999999981</v>
      </c>
    </row>
    <row r="5243" spans="1:3" x14ac:dyDescent="0.25">
      <c r="A5243" s="2" t="s">
        <v>816</v>
      </c>
      <c r="B5243" s="6">
        <v>87262.65</v>
      </c>
      <c r="C5243" s="7">
        <f t="shared" si="81"/>
        <v>87.262649999999994</v>
      </c>
    </row>
    <row r="5244" spans="1:3" x14ac:dyDescent="0.25">
      <c r="A5244" s="2" t="s">
        <v>817</v>
      </c>
      <c r="B5244" s="6">
        <v>87279.299999999988</v>
      </c>
      <c r="C5244" s="7">
        <f t="shared" si="81"/>
        <v>87.279299999999992</v>
      </c>
    </row>
    <row r="5245" spans="1:3" x14ac:dyDescent="0.25">
      <c r="A5245" s="2" t="s">
        <v>818</v>
      </c>
      <c r="B5245" s="6">
        <v>87295.95</v>
      </c>
      <c r="C5245" s="7">
        <f t="shared" si="81"/>
        <v>87.295949999999991</v>
      </c>
    </row>
    <row r="5246" spans="1:3" x14ac:dyDescent="0.25">
      <c r="A5246" s="2" t="s">
        <v>819</v>
      </c>
      <c r="B5246" s="6">
        <v>87312.599999999991</v>
      </c>
      <c r="C5246" s="7">
        <f t="shared" si="81"/>
        <v>87.312599999999989</v>
      </c>
    </row>
    <row r="5247" spans="1:3" x14ac:dyDescent="0.25">
      <c r="A5247" s="2" t="s">
        <v>820</v>
      </c>
      <c r="B5247" s="6">
        <v>87329.249999999985</v>
      </c>
      <c r="C5247" s="7">
        <f t="shared" si="81"/>
        <v>87.329249999999988</v>
      </c>
    </row>
    <row r="5248" spans="1:3" x14ac:dyDescent="0.25">
      <c r="A5248" s="2" t="s">
        <v>821</v>
      </c>
      <c r="B5248" s="6">
        <v>87345.9</v>
      </c>
      <c r="C5248" s="7">
        <f t="shared" si="81"/>
        <v>87.3459</v>
      </c>
    </row>
    <row r="5249" spans="1:3" x14ac:dyDescent="0.25">
      <c r="A5249" s="2" t="s">
        <v>822</v>
      </c>
      <c r="B5249" s="6">
        <v>87362.549999999988</v>
      </c>
      <c r="C5249" s="7">
        <f t="shared" si="81"/>
        <v>87.362549999999985</v>
      </c>
    </row>
    <row r="5250" spans="1:3" x14ac:dyDescent="0.25">
      <c r="A5250" s="2" t="s">
        <v>823</v>
      </c>
      <c r="B5250" s="6">
        <v>87379.199999999997</v>
      </c>
      <c r="C5250" s="7">
        <f t="shared" si="81"/>
        <v>87.379199999999997</v>
      </c>
    </row>
    <row r="5251" spans="1:3" x14ac:dyDescent="0.25">
      <c r="A5251" s="2" t="s">
        <v>824</v>
      </c>
      <c r="B5251" s="6">
        <v>87395.849999999991</v>
      </c>
      <c r="C5251" s="7">
        <f t="shared" ref="C5251:C5314" si="82">B5251/1000</f>
        <v>87.395849999999996</v>
      </c>
    </row>
    <row r="5252" spans="1:3" x14ac:dyDescent="0.25">
      <c r="A5252" s="2" t="s">
        <v>825</v>
      </c>
      <c r="B5252" s="6">
        <v>87412.499999999985</v>
      </c>
      <c r="C5252" s="7">
        <f t="shared" si="82"/>
        <v>87.41249999999998</v>
      </c>
    </row>
    <row r="5253" spans="1:3" x14ac:dyDescent="0.25">
      <c r="A5253" s="2" t="s">
        <v>826</v>
      </c>
      <c r="B5253" s="6">
        <v>87429.15</v>
      </c>
      <c r="C5253" s="7">
        <f t="shared" si="82"/>
        <v>87.429149999999993</v>
      </c>
    </row>
    <row r="5254" spans="1:3" x14ac:dyDescent="0.25">
      <c r="A5254" s="2" t="s">
        <v>827</v>
      </c>
      <c r="B5254" s="6">
        <v>87445.799999999988</v>
      </c>
      <c r="C5254" s="7">
        <f t="shared" si="82"/>
        <v>87.445799999999991</v>
      </c>
    </row>
    <row r="5255" spans="1:3" x14ac:dyDescent="0.25">
      <c r="A5255" s="2" t="s">
        <v>828</v>
      </c>
      <c r="B5255" s="6">
        <v>87462.45</v>
      </c>
      <c r="C5255" s="7">
        <f t="shared" si="82"/>
        <v>87.462450000000004</v>
      </c>
    </row>
    <row r="5256" spans="1:3" x14ac:dyDescent="0.25">
      <c r="A5256" s="2" t="s">
        <v>829</v>
      </c>
      <c r="B5256" s="6">
        <v>87479.099999999991</v>
      </c>
      <c r="C5256" s="7">
        <f t="shared" si="82"/>
        <v>87.479099999999988</v>
      </c>
    </row>
    <row r="5257" spans="1:3" x14ac:dyDescent="0.25">
      <c r="A5257" s="2" t="s">
        <v>830</v>
      </c>
      <c r="B5257" s="6">
        <v>87495.749999999985</v>
      </c>
      <c r="C5257" s="7">
        <f t="shared" si="82"/>
        <v>87.495749999999987</v>
      </c>
    </row>
    <row r="5258" spans="1:3" x14ac:dyDescent="0.25">
      <c r="A5258" s="2" t="s">
        <v>831</v>
      </c>
      <c r="B5258" s="6">
        <v>87512.4</v>
      </c>
      <c r="C5258" s="7">
        <f t="shared" si="82"/>
        <v>87.5124</v>
      </c>
    </row>
    <row r="5259" spans="1:3" x14ac:dyDescent="0.25">
      <c r="A5259" s="2" t="s">
        <v>832</v>
      </c>
      <c r="B5259" s="6">
        <v>87529.049999999988</v>
      </c>
      <c r="C5259" s="7">
        <f t="shared" si="82"/>
        <v>87.529049999999984</v>
      </c>
    </row>
    <row r="5260" spans="1:3" x14ac:dyDescent="0.25">
      <c r="A5260" s="2" t="s">
        <v>833</v>
      </c>
      <c r="B5260" s="6">
        <v>87545.7</v>
      </c>
      <c r="C5260" s="7">
        <f t="shared" si="82"/>
        <v>87.545699999999997</v>
      </c>
    </row>
    <row r="5261" spans="1:3" x14ac:dyDescent="0.25">
      <c r="A5261" s="2" t="s">
        <v>834</v>
      </c>
      <c r="B5261" s="6">
        <v>87562.349999999991</v>
      </c>
      <c r="C5261" s="7">
        <f t="shared" si="82"/>
        <v>87.562349999999995</v>
      </c>
    </row>
    <row r="5262" spans="1:3" x14ac:dyDescent="0.25">
      <c r="A5262" s="2" t="s">
        <v>835</v>
      </c>
      <c r="B5262" s="6">
        <v>87578.999999999985</v>
      </c>
      <c r="C5262" s="7">
        <f t="shared" si="82"/>
        <v>87.578999999999979</v>
      </c>
    </row>
    <row r="5263" spans="1:3" x14ac:dyDescent="0.25">
      <c r="A5263" s="2" t="s">
        <v>836</v>
      </c>
      <c r="B5263" s="6">
        <v>87595.65</v>
      </c>
      <c r="C5263" s="7">
        <f t="shared" si="82"/>
        <v>87.595649999999992</v>
      </c>
    </row>
    <row r="5264" spans="1:3" x14ac:dyDescent="0.25">
      <c r="A5264" s="2" t="s">
        <v>837</v>
      </c>
      <c r="B5264" s="6">
        <v>87612.299999999988</v>
      </c>
      <c r="C5264" s="7">
        <f t="shared" si="82"/>
        <v>87.612299999999991</v>
      </c>
    </row>
    <row r="5265" spans="1:3" x14ac:dyDescent="0.25">
      <c r="A5265" s="2" t="s">
        <v>838</v>
      </c>
      <c r="B5265" s="6">
        <v>87628.95</v>
      </c>
      <c r="C5265" s="7">
        <f t="shared" si="82"/>
        <v>87.628950000000003</v>
      </c>
    </row>
    <row r="5266" spans="1:3" x14ac:dyDescent="0.25">
      <c r="A5266" s="2" t="s">
        <v>839</v>
      </c>
      <c r="B5266" s="6">
        <v>87645.599999999991</v>
      </c>
      <c r="C5266" s="7">
        <f t="shared" si="82"/>
        <v>87.645599999999988</v>
      </c>
    </row>
    <row r="5267" spans="1:3" x14ac:dyDescent="0.25">
      <c r="A5267" s="2" t="s">
        <v>840</v>
      </c>
      <c r="B5267" s="6">
        <v>87662.249999999985</v>
      </c>
      <c r="C5267" s="7">
        <f t="shared" si="82"/>
        <v>87.662249999999986</v>
      </c>
    </row>
    <row r="5268" spans="1:3" x14ac:dyDescent="0.25">
      <c r="A5268" s="2" t="s">
        <v>841</v>
      </c>
      <c r="B5268" s="6">
        <v>87678.9</v>
      </c>
      <c r="C5268" s="7">
        <f t="shared" si="82"/>
        <v>87.678899999999999</v>
      </c>
    </row>
    <row r="5269" spans="1:3" x14ac:dyDescent="0.25">
      <c r="A5269" s="2" t="s">
        <v>842</v>
      </c>
      <c r="B5269" s="6">
        <v>87695.549999999988</v>
      </c>
      <c r="C5269" s="7">
        <f t="shared" si="82"/>
        <v>87.695549999999983</v>
      </c>
    </row>
    <row r="5270" spans="1:3" x14ac:dyDescent="0.25">
      <c r="A5270" s="2" t="s">
        <v>843</v>
      </c>
      <c r="B5270" s="6">
        <v>87712.2</v>
      </c>
      <c r="C5270" s="7">
        <f t="shared" si="82"/>
        <v>87.712199999999996</v>
      </c>
    </row>
    <row r="5271" spans="1:3" x14ac:dyDescent="0.25">
      <c r="A5271" s="2" t="s">
        <v>844</v>
      </c>
      <c r="B5271" s="6">
        <v>87728.849999999991</v>
      </c>
      <c r="C5271" s="7">
        <f t="shared" si="82"/>
        <v>87.728849999999994</v>
      </c>
    </row>
    <row r="5272" spans="1:3" x14ac:dyDescent="0.25">
      <c r="A5272" s="2" t="s">
        <v>845</v>
      </c>
      <c r="B5272" s="6">
        <v>87745.499999999985</v>
      </c>
      <c r="C5272" s="7">
        <f t="shared" si="82"/>
        <v>87.745499999999979</v>
      </c>
    </row>
    <row r="5273" spans="1:3" x14ac:dyDescent="0.25">
      <c r="A5273" s="2" t="s">
        <v>846</v>
      </c>
      <c r="B5273" s="6">
        <v>87762.15</v>
      </c>
      <c r="C5273" s="7">
        <f t="shared" si="82"/>
        <v>87.762149999999991</v>
      </c>
    </row>
    <row r="5274" spans="1:3" x14ac:dyDescent="0.25">
      <c r="A5274" s="2" t="s">
        <v>847</v>
      </c>
      <c r="B5274" s="6">
        <v>87778.799999999988</v>
      </c>
      <c r="C5274" s="7">
        <f t="shared" si="82"/>
        <v>87.77879999999999</v>
      </c>
    </row>
    <row r="5275" spans="1:3" x14ac:dyDescent="0.25">
      <c r="A5275" s="2" t="s">
        <v>848</v>
      </c>
      <c r="B5275" s="6">
        <v>87795.45</v>
      </c>
      <c r="C5275" s="7">
        <f t="shared" si="82"/>
        <v>87.795450000000002</v>
      </c>
    </row>
    <row r="5276" spans="1:3" x14ac:dyDescent="0.25">
      <c r="A5276" s="2" t="s">
        <v>849</v>
      </c>
      <c r="B5276" s="6">
        <v>87812.099999999991</v>
      </c>
      <c r="C5276" s="7">
        <f t="shared" si="82"/>
        <v>87.812099999999987</v>
      </c>
    </row>
    <row r="5277" spans="1:3" x14ac:dyDescent="0.25">
      <c r="A5277" s="2" t="s">
        <v>850</v>
      </c>
      <c r="B5277" s="6">
        <v>87828.749999999985</v>
      </c>
      <c r="C5277" s="7">
        <f t="shared" si="82"/>
        <v>87.828749999999985</v>
      </c>
    </row>
    <row r="5278" spans="1:3" x14ac:dyDescent="0.25">
      <c r="A5278" s="2" t="s">
        <v>851</v>
      </c>
      <c r="B5278" s="6">
        <v>87845.4</v>
      </c>
      <c r="C5278" s="7">
        <f t="shared" si="82"/>
        <v>87.845399999999998</v>
      </c>
    </row>
    <row r="5279" spans="1:3" x14ac:dyDescent="0.25">
      <c r="A5279" s="2" t="s">
        <v>852</v>
      </c>
      <c r="B5279" s="6">
        <v>87862.049999999988</v>
      </c>
      <c r="C5279" s="7">
        <f t="shared" si="82"/>
        <v>87.862049999999982</v>
      </c>
    </row>
    <row r="5280" spans="1:3" x14ac:dyDescent="0.25">
      <c r="A5280" s="2" t="s">
        <v>853</v>
      </c>
      <c r="B5280" s="6">
        <v>87878.7</v>
      </c>
      <c r="C5280" s="7">
        <f t="shared" si="82"/>
        <v>87.878699999999995</v>
      </c>
    </row>
    <row r="5281" spans="1:3" x14ac:dyDescent="0.25">
      <c r="A5281" s="2" t="s">
        <v>854</v>
      </c>
      <c r="B5281" s="6">
        <v>87895.349999999991</v>
      </c>
      <c r="C5281" s="7">
        <f t="shared" si="82"/>
        <v>87.895349999999993</v>
      </c>
    </row>
    <row r="5282" spans="1:3" x14ac:dyDescent="0.25">
      <c r="A5282" s="2" t="s">
        <v>855</v>
      </c>
      <c r="B5282" s="6">
        <v>87911.999999999985</v>
      </c>
      <c r="C5282" s="7">
        <f t="shared" si="82"/>
        <v>87.911999999999992</v>
      </c>
    </row>
    <row r="5283" spans="1:3" x14ac:dyDescent="0.25">
      <c r="A5283" s="2" t="s">
        <v>856</v>
      </c>
      <c r="B5283" s="6">
        <v>87928.65</v>
      </c>
      <c r="C5283" s="7">
        <f t="shared" si="82"/>
        <v>87.92864999999999</v>
      </c>
    </row>
    <row r="5284" spans="1:3" x14ac:dyDescent="0.25">
      <c r="A5284" s="2" t="s">
        <v>857</v>
      </c>
      <c r="B5284" s="6">
        <v>87945.299999999988</v>
      </c>
      <c r="C5284" s="7">
        <f t="shared" si="82"/>
        <v>87.945299999999989</v>
      </c>
    </row>
    <row r="5285" spans="1:3" x14ac:dyDescent="0.25">
      <c r="A5285" s="2" t="s">
        <v>858</v>
      </c>
      <c r="B5285" s="6">
        <v>87961.95</v>
      </c>
      <c r="C5285" s="7">
        <f t="shared" si="82"/>
        <v>87.961950000000002</v>
      </c>
    </row>
    <row r="5286" spans="1:3" x14ac:dyDescent="0.25">
      <c r="A5286" s="2" t="s">
        <v>859</v>
      </c>
      <c r="B5286" s="6">
        <v>87978.599999999991</v>
      </c>
      <c r="C5286" s="7">
        <f t="shared" si="82"/>
        <v>87.978599999999986</v>
      </c>
    </row>
    <row r="5287" spans="1:3" x14ac:dyDescent="0.25">
      <c r="A5287" s="2" t="s">
        <v>860</v>
      </c>
      <c r="B5287" s="6">
        <v>87995.249999999985</v>
      </c>
      <c r="C5287" s="7">
        <f t="shared" si="82"/>
        <v>87.995249999999984</v>
      </c>
    </row>
    <row r="5288" spans="1:3" x14ac:dyDescent="0.25">
      <c r="A5288" s="2" t="s">
        <v>861</v>
      </c>
      <c r="B5288" s="6">
        <v>88011.9</v>
      </c>
      <c r="C5288" s="7">
        <f t="shared" si="82"/>
        <v>88.011899999999997</v>
      </c>
    </row>
    <row r="5289" spans="1:3" x14ac:dyDescent="0.25">
      <c r="A5289" s="2" t="s">
        <v>862</v>
      </c>
      <c r="B5289" s="6">
        <v>88028.549999999988</v>
      </c>
      <c r="C5289" s="7">
        <f t="shared" si="82"/>
        <v>88.028549999999981</v>
      </c>
    </row>
    <row r="5290" spans="1:3" x14ac:dyDescent="0.25">
      <c r="A5290" s="2" t="s">
        <v>863</v>
      </c>
      <c r="B5290" s="6">
        <v>88045.2</v>
      </c>
      <c r="C5290" s="7">
        <f t="shared" si="82"/>
        <v>88.045199999999994</v>
      </c>
    </row>
    <row r="5291" spans="1:3" x14ac:dyDescent="0.25">
      <c r="A5291" s="2" t="s">
        <v>864</v>
      </c>
      <c r="B5291" s="6">
        <v>88061.849999999991</v>
      </c>
      <c r="C5291" s="7">
        <f t="shared" si="82"/>
        <v>88.061849999999993</v>
      </c>
    </row>
    <row r="5292" spans="1:3" x14ac:dyDescent="0.25">
      <c r="A5292" s="2" t="s">
        <v>865</v>
      </c>
      <c r="B5292" s="6">
        <v>88078.499999999985</v>
      </c>
      <c r="C5292" s="7">
        <f t="shared" si="82"/>
        <v>88.078499999999991</v>
      </c>
    </row>
    <row r="5293" spans="1:3" x14ac:dyDescent="0.25">
      <c r="A5293" s="2" t="s">
        <v>866</v>
      </c>
      <c r="B5293" s="6">
        <v>88095.15</v>
      </c>
      <c r="C5293" s="7">
        <f t="shared" si="82"/>
        <v>88.09514999999999</v>
      </c>
    </row>
    <row r="5294" spans="1:3" x14ac:dyDescent="0.25">
      <c r="A5294" s="2" t="s">
        <v>867</v>
      </c>
      <c r="B5294" s="6">
        <v>88111.799999999988</v>
      </c>
      <c r="C5294" s="7">
        <f t="shared" si="82"/>
        <v>88.111799999999988</v>
      </c>
    </row>
    <row r="5295" spans="1:3" x14ac:dyDescent="0.25">
      <c r="A5295" s="2" t="s">
        <v>868</v>
      </c>
      <c r="B5295" s="6">
        <v>88128.45</v>
      </c>
      <c r="C5295" s="7">
        <f t="shared" si="82"/>
        <v>88.128450000000001</v>
      </c>
    </row>
    <row r="5296" spans="1:3" x14ac:dyDescent="0.25">
      <c r="A5296" s="2" t="s">
        <v>869</v>
      </c>
      <c r="B5296" s="6">
        <v>88145.099999999991</v>
      </c>
      <c r="C5296" s="7">
        <f t="shared" si="82"/>
        <v>88.145099999999985</v>
      </c>
    </row>
    <row r="5297" spans="1:3" x14ac:dyDescent="0.25">
      <c r="A5297" s="2" t="s">
        <v>870</v>
      </c>
      <c r="B5297" s="6">
        <v>88161.749999999985</v>
      </c>
      <c r="C5297" s="7">
        <f t="shared" si="82"/>
        <v>88.161749999999984</v>
      </c>
    </row>
    <row r="5298" spans="1:3" x14ac:dyDescent="0.25">
      <c r="A5298" s="2" t="s">
        <v>871</v>
      </c>
      <c r="B5298" s="6">
        <v>88178.4</v>
      </c>
      <c r="C5298" s="7">
        <f t="shared" si="82"/>
        <v>88.178399999999996</v>
      </c>
    </row>
    <row r="5299" spans="1:3" x14ac:dyDescent="0.25">
      <c r="A5299" s="2" t="s">
        <v>872</v>
      </c>
      <c r="B5299" s="6">
        <v>88195.049999999988</v>
      </c>
      <c r="C5299" s="7">
        <f t="shared" si="82"/>
        <v>88.195049999999995</v>
      </c>
    </row>
    <row r="5300" spans="1:3" x14ac:dyDescent="0.25">
      <c r="A5300" s="2" t="s">
        <v>873</v>
      </c>
      <c r="B5300" s="6">
        <v>88211.7</v>
      </c>
      <c r="C5300" s="7">
        <f t="shared" si="82"/>
        <v>88.211699999999993</v>
      </c>
    </row>
    <row r="5301" spans="1:3" x14ac:dyDescent="0.25">
      <c r="A5301" s="2" t="s">
        <v>874</v>
      </c>
      <c r="B5301" s="6">
        <v>88228.349999999991</v>
      </c>
      <c r="C5301" s="7">
        <f t="shared" si="82"/>
        <v>88.228349999999992</v>
      </c>
    </row>
    <row r="5302" spans="1:3" x14ac:dyDescent="0.25">
      <c r="A5302" s="2" t="s">
        <v>875</v>
      </c>
      <c r="B5302" s="6">
        <v>88244.999999999985</v>
      </c>
      <c r="C5302" s="7">
        <f t="shared" si="82"/>
        <v>88.24499999999999</v>
      </c>
    </row>
    <row r="5303" spans="1:3" x14ac:dyDescent="0.25">
      <c r="A5303" s="2" t="s">
        <v>876</v>
      </c>
      <c r="B5303" s="6">
        <v>88261.65</v>
      </c>
      <c r="C5303" s="7">
        <f t="shared" si="82"/>
        <v>88.261649999999989</v>
      </c>
    </row>
    <row r="5304" spans="1:3" x14ac:dyDescent="0.25">
      <c r="A5304" s="2" t="s">
        <v>877</v>
      </c>
      <c r="B5304" s="6">
        <v>88278.299999999988</v>
      </c>
      <c r="C5304" s="7">
        <f t="shared" si="82"/>
        <v>88.278299999999987</v>
      </c>
    </row>
    <row r="5305" spans="1:3" x14ac:dyDescent="0.25">
      <c r="A5305" s="2" t="s">
        <v>878</v>
      </c>
      <c r="B5305" s="6">
        <v>88294.95</v>
      </c>
      <c r="C5305" s="7">
        <f t="shared" si="82"/>
        <v>88.29495</v>
      </c>
    </row>
    <row r="5306" spans="1:3" x14ac:dyDescent="0.25">
      <c r="A5306" s="2" t="s">
        <v>879</v>
      </c>
      <c r="B5306" s="6">
        <v>88311.599999999991</v>
      </c>
      <c r="C5306" s="7">
        <f t="shared" si="82"/>
        <v>88.311599999999984</v>
      </c>
    </row>
    <row r="5307" spans="1:3" x14ac:dyDescent="0.25">
      <c r="A5307" s="2" t="s">
        <v>880</v>
      </c>
      <c r="B5307" s="6">
        <v>88328.249999999985</v>
      </c>
      <c r="C5307" s="7">
        <f t="shared" si="82"/>
        <v>88.328249999999983</v>
      </c>
    </row>
    <row r="5308" spans="1:3" x14ac:dyDescent="0.25">
      <c r="A5308" s="2" t="s">
        <v>881</v>
      </c>
      <c r="B5308" s="6">
        <v>88344.9</v>
      </c>
      <c r="C5308" s="7">
        <f t="shared" si="82"/>
        <v>88.344899999999996</v>
      </c>
    </row>
    <row r="5309" spans="1:3" x14ac:dyDescent="0.25">
      <c r="A5309" s="2" t="s">
        <v>882</v>
      </c>
      <c r="B5309" s="6">
        <v>88361.549999999988</v>
      </c>
      <c r="C5309" s="7">
        <f t="shared" si="82"/>
        <v>88.361549999999994</v>
      </c>
    </row>
    <row r="5310" spans="1:3" x14ac:dyDescent="0.25">
      <c r="A5310" s="2" t="s">
        <v>883</v>
      </c>
      <c r="B5310" s="6">
        <v>88378.2</v>
      </c>
      <c r="C5310" s="7">
        <f t="shared" si="82"/>
        <v>88.378199999999993</v>
      </c>
    </row>
    <row r="5311" spans="1:3" x14ac:dyDescent="0.25">
      <c r="A5311" s="2" t="s">
        <v>884</v>
      </c>
      <c r="B5311" s="6">
        <v>88394.849999999991</v>
      </c>
      <c r="C5311" s="7">
        <f t="shared" si="82"/>
        <v>88.394849999999991</v>
      </c>
    </row>
    <row r="5312" spans="1:3" x14ac:dyDescent="0.25">
      <c r="A5312" s="2" t="s">
        <v>885</v>
      </c>
      <c r="B5312" s="6">
        <v>88411.499999999985</v>
      </c>
      <c r="C5312" s="7">
        <f t="shared" si="82"/>
        <v>88.41149999999999</v>
      </c>
    </row>
    <row r="5313" spans="1:3" x14ac:dyDescent="0.25">
      <c r="A5313" s="2" t="s">
        <v>886</v>
      </c>
      <c r="B5313" s="6">
        <v>88428.15</v>
      </c>
      <c r="C5313" s="7">
        <f t="shared" si="82"/>
        <v>88.428149999999988</v>
      </c>
    </row>
    <row r="5314" spans="1:3" x14ac:dyDescent="0.25">
      <c r="A5314" s="2" t="s">
        <v>887</v>
      </c>
      <c r="B5314" s="6">
        <v>88444.799999999988</v>
      </c>
      <c r="C5314" s="7">
        <f t="shared" si="82"/>
        <v>88.444799999999987</v>
      </c>
    </row>
    <row r="5315" spans="1:3" x14ac:dyDescent="0.25">
      <c r="A5315" s="2" t="s">
        <v>888</v>
      </c>
      <c r="B5315" s="6">
        <v>88461.45</v>
      </c>
      <c r="C5315" s="7">
        <f t="shared" ref="C5315:C5378" si="83">B5315/1000</f>
        <v>88.461449999999999</v>
      </c>
    </row>
    <row r="5316" spans="1:3" x14ac:dyDescent="0.25">
      <c r="A5316" s="2" t="s">
        <v>889</v>
      </c>
      <c r="B5316" s="6">
        <v>88478.099999999991</v>
      </c>
      <c r="C5316" s="7">
        <f t="shared" si="83"/>
        <v>88.478099999999998</v>
      </c>
    </row>
    <row r="5317" spans="1:3" x14ac:dyDescent="0.25">
      <c r="A5317" s="2" t="s">
        <v>890</v>
      </c>
      <c r="B5317" s="6">
        <v>88494.749999999985</v>
      </c>
      <c r="C5317" s="7">
        <f t="shared" si="83"/>
        <v>88.494749999999982</v>
      </c>
    </row>
    <row r="5318" spans="1:3" x14ac:dyDescent="0.25">
      <c r="A5318" s="2" t="s">
        <v>891</v>
      </c>
      <c r="B5318" s="6">
        <v>88511.4</v>
      </c>
      <c r="C5318" s="7">
        <f t="shared" si="83"/>
        <v>88.511399999999995</v>
      </c>
    </row>
    <row r="5319" spans="1:3" x14ac:dyDescent="0.25">
      <c r="A5319" s="2" t="s">
        <v>892</v>
      </c>
      <c r="B5319" s="6">
        <v>88528.049999999988</v>
      </c>
      <c r="C5319" s="7">
        <f t="shared" si="83"/>
        <v>88.528049999999993</v>
      </c>
    </row>
    <row r="5320" spans="1:3" x14ac:dyDescent="0.25">
      <c r="A5320" s="2" t="s">
        <v>893</v>
      </c>
      <c r="B5320" s="6">
        <v>88544.7</v>
      </c>
      <c r="C5320" s="7">
        <f t="shared" si="83"/>
        <v>88.544699999999992</v>
      </c>
    </row>
    <row r="5321" spans="1:3" x14ac:dyDescent="0.25">
      <c r="A5321" s="2" t="s">
        <v>894</v>
      </c>
      <c r="B5321" s="6">
        <v>88561.349999999991</v>
      </c>
      <c r="C5321" s="7">
        <f t="shared" si="83"/>
        <v>88.56134999999999</v>
      </c>
    </row>
    <row r="5322" spans="1:3" x14ac:dyDescent="0.25">
      <c r="A5322" s="2" t="s">
        <v>895</v>
      </c>
      <c r="B5322" s="6">
        <v>88577.999999999985</v>
      </c>
      <c r="C5322" s="7">
        <f t="shared" si="83"/>
        <v>88.577999999999989</v>
      </c>
    </row>
    <row r="5323" spans="1:3" x14ac:dyDescent="0.25">
      <c r="A5323" s="2" t="s">
        <v>896</v>
      </c>
      <c r="B5323" s="6">
        <v>88594.65</v>
      </c>
      <c r="C5323" s="7">
        <f t="shared" si="83"/>
        <v>88.594649999999987</v>
      </c>
    </row>
    <row r="5324" spans="1:3" x14ac:dyDescent="0.25">
      <c r="A5324" s="2" t="s">
        <v>897</v>
      </c>
      <c r="B5324" s="6">
        <v>88611.299999999988</v>
      </c>
      <c r="C5324" s="7">
        <f t="shared" si="83"/>
        <v>88.611299999999986</v>
      </c>
    </row>
    <row r="5325" spans="1:3" x14ac:dyDescent="0.25">
      <c r="A5325" s="2" t="s">
        <v>898</v>
      </c>
      <c r="B5325" s="6">
        <v>88627.95</v>
      </c>
      <c r="C5325" s="7">
        <f t="shared" si="83"/>
        <v>88.627949999999998</v>
      </c>
    </row>
    <row r="5326" spans="1:3" x14ac:dyDescent="0.25">
      <c r="A5326" s="2" t="s">
        <v>899</v>
      </c>
      <c r="B5326" s="6">
        <v>88644.599999999991</v>
      </c>
      <c r="C5326" s="7">
        <f t="shared" si="83"/>
        <v>88.644599999999997</v>
      </c>
    </row>
    <row r="5327" spans="1:3" x14ac:dyDescent="0.25">
      <c r="A5327" s="2" t="s">
        <v>900</v>
      </c>
      <c r="B5327" s="6">
        <v>88661.249999999985</v>
      </c>
      <c r="C5327" s="7">
        <f t="shared" si="83"/>
        <v>88.661249999999981</v>
      </c>
    </row>
    <row r="5328" spans="1:3" x14ac:dyDescent="0.25">
      <c r="A5328" s="2" t="s">
        <v>901</v>
      </c>
      <c r="B5328" s="6">
        <v>88677.9</v>
      </c>
      <c r="C5328" s="7">
        <f t="shared" si="83"/>
        <v>88.677899999999994</v>
      </c>
    </row>
    <row r="5329" spans="1:3" x14ac:dyDescent="0.25">
      <c r="A5329" s="2" t="s">
        <v>902</v>
      </c>
      <c r="B5329" s="6">
        <v>88694.549999999988</v>
      </c>
      <c r="C5329" s="7">
        <f t="shared" si="83"/>
        <v>88.694549999999992</v>
      </c>
    </row>
    <row r="5330" spans="1:3" x14ac:dyDescent="0.25">
      <c r="A5330" s="2" t="s">
        <v>903</v>
      </c>
      <c r="B5330" s="6">
        <v>88711.2</v>
      </c>
      <c r="C5330" s="7">
        <f t="shared" si="83"/>
        <v>88.711199999999991</v>
      </c>
    </row>
    <row r="5331" spans="1:3" x14ac:dyDescent="0.25">
      <c r="A5331" s="2" t="s">
        <v>904</v>
      </c>
      <c r="B5331" s="6">
        <v>88727.849999999991</v>
      </c>
      <c r="C5331" s="7">
        <f t="shared" si="83"/>
        <v>88.727849999999989</v>
      </c>
    </row>
    <row r="5332" spans="1:3" x14ac:dyDescent="0.25">
      <c r="A5332" s="2" t="s">
        <v>905</v>
      </c>
      <c r="B5332" s="6">
        <v>88744.499999999985</v>
      </c>
      <c r="C5332" s="7">
        <f t="shared" si="83"/>
        <v>88.744499999999988</v>
      </c>
    </row>
    <row r="5333" spans="1:3" x14ac:dyDescent="0.25">
      <c r="A5333" s="2" t="s">
        <v>906</v>
      </c>
      <c r="B5333" s="6">
        <v>88761.15</v>
      </c>
      <c r="C5333" s="7">
        <f t="shared" si="83"/>
        <v>88.761150000000001</v>
      </c>
    </row>
    <row r="5334" spans="1:3" x14ac:dyDescent="0.25">
      <c r="A5334" s="2" t="s">
        <v>907</v>
      </c>
      <c r="B5334" s="6">
        <v>88777.799999999988</v>
      </c>
      <c r="C5334" s="7">
        <f t="shared" si="83"/>
        <v>88.777799999999985</v>
      </c>
    </row>
    <row r="5335" spans="1:3" x14ac:dyDescent="0.25">
      <c r="A5335" s="2" t="s">
        <v>908</v>
      </c>
      <c r="B5335" s="6">
        <v>88794.45</v>
      </c>
      <c r="C5335" s="7">
        <f t="shared" si="83"/>
        <v>88.794449999999998</v>
      </c>
    </row>
    <row r="5336" spans="1:3" x14ac:dyDescent="0.25">
      <c r="A5336" s="2" t="s">
        <v>909</v>
      </c>
      <c r="B5336" s="6">
        <v>88811.099999999991</v>
      </c>
      <c r="C5336" s="7">
        <f t="shared" si="83"/>
        <v>88.811099999999996</v>
      </c>
    </row>
    <row r="5337" spans="1:3" x14ac:dyDescent="0.25">
      <c r="A5337" s="2" t="s">
        <v>910</v>
      </c>
      <c r="B5337" s="6">
        <v>88827.749999999985</v>
      </c>
      <c r="C5337" s="7">
        <f t="shared" si="83"/>
        <v>88.82774999999998</v>
      </c>
    </row>
    <row r="5338" spans="1:3" x14ac:dyDescent="0.25">
      <c r="A5338" s="2" t="s">
        <v>911</v>
      </c>
      <c r="B5338" s="6">
        <v>88844.4</v>
      </c>
      <c r="C5338" s="7">
        <f t="shared" si="83"/>
        <v>88.844399999999993</v>
      </c>
    </row>
    <row r="5339" spans="1:3" x14ac:dyDescent="0.25">
      <c r="A5339" s="2" t="s">
        <v>912</v>
      </c>
      <c r="B5339" s="6">
        <v>88861.049999999988</v>
      </c>
      <c r="C5339" s="7">
        <f t="shared" si="83"/>
        <v>88.861049999999992</v>
      </c>
    </row>
    <row r="5340" spans="1:3" x14ac:dyDescent="0.25">
      <c r="A5340" s="2" t="s">
        <v>913</v>
      </c>
      <c r="B5340" s="6">
        <v>88877.7</v>
      </c>
      <c r="C5340" s="7">
        <f t="shared" si="83"/>
        <v>88.87769999999999</v>
      </c>
    </row>
    <row r="5341" spans="1:3" x14ac:dyDescent="0.25">
      <c r="A5341" s="2" t="s">
        <v>914</v>
      </c>
      <c r="B5341" s="6">
        <v>88894.349999999991</v>
      </c>
      <c r="C5341" s="7">
        <f t="shared" si="83"/>
        <v>88.894349999999989</v>
      </c>
    </row>
    <row r="5342" spans="1:3" x14ac:dyDescent="0.25">
      <c r="A5342" s="2" t="s">
        <v>915</v>
      </c>
      <c r="B5342" s="6">
        <v>88910.999999999985</v>
      </c>
      <c r="C5342" s="7">
        <f t="shared" si="83"/>
        <v>88.910999999999987</v>
      </c>
    </row>
    <row r="5343" spans="1:3" x14ac:dyDescent="0.25">
      <c r="A5343" s="2" t="s">
        <v>916</v>
      </c>
      <c r="B5343" s="6">
        <v>88927.65</v>
      </c>
      <c r="C5343" s="7">
        <f t="shared" si="83"/>
        <v>88.92765</v>
      </c>
    </row>
    <row r="5344" spans="1:3" x14ac:dyDescent="0.25">
      <c r="A5344" s="2" t="s">
        <v>917</v>
      </c>
      <c r="B5344" s="6">
        <v>88944.299999999988</v>
      </c>
      <c r="C5344" s="7">
        <f t="shared" si="83"/>
        <v>88.944299999999984</v>
      </c>
    </row>
    <row r="5345" spans="1:3" x14ac:dyDescent="0.25">
      <c r="A5345" s="2" t="s">
        <v>918</v>
      </c>
      <c r="B5345" s="6">
        <v>88960.95</v>
      </c>
      <c r="C5345" s="7">
        <f t="shared" si="83"/>
        <v>88.960949999999997</v>
      </c>
    </row>
    <row r="5346" spans="1:3" x14ac:dyDescent="0.25">
      <c r="A5346" s="2" t="s">
        <v>919</v>
      </c>
      <c r="B5346" s="6">
        <v>88977.599999999991</v>
      </c>
      <c r="C5346" s="7">
        <f t="shared" si="83"/>
        <v>88.977599999999995</v>
      </c>
    </row>
    <row r="5347" spans="1:3" x14ac:dyDescent="0.25">
      <c r="A5347" s="2" t="s">
        <v>920</v>
      </c>
      <c r="B5347" s="6">
        <v>88994.249999999985</v>
      </c>
      <c r="C5347" s="7">
        <f t="shared" si="83"/>
        <v>88.99424999999998</v>
      </c>
    </row>
    <row r="5348" spans="1:3" x14ac:dyDescent="0.25">
      <c r="A5348" s="2" t="s">
        <v>921</v>
      </c>
      <c r="B5348" s="6">
        <v>89010.9</v>
      </c>
      <c r="C5348" s="7">
        <f t="shared" si="83"/>
        <v>89.010899999999992</v>
      </c>
    </row>
    <row r="5349" spans="1:3" x14ac:dyDescent="0.25">
      <c r="A5349" s="2" t="s">
        <v>922</v>
      </c>
      <c r="B5349" s="6">
        <v>89027.549999999988</v>
      </c>
      <c r="C5349" s="7">
        <f t="shared" si="83"/>
        <v>89.027549999999991</v>
      </c>
    </row>
    <row r="5350" spans="1:3" x14ac:dyDescent="0.25">
      <c r="A5350" s="2" t="s">
        <v>923</v>
      </c>
      <c r="B5350" s="6">
        <v>89044.2</v>
      </c>
      <c r="C5350" s="7">
        <f t="shared" si="83"/>
        <v>89.044200000000004</v>
      </c>
    </row>
    <row r="5351" spans="1:3" x14ac:dyDescent="0.25">
      <c r="A5351" s="2" t="s">
        <v>924</v>
      </c>
      <c r="B5351" s="6">
        <v>89060.849999999991</v>
      </c>
      <c r="C5351" s="7">
        <f t="shared" si="83"/>
        <v>89.060849999999988</v>
      </c>
    </row>
    <row r="5352" spans="1:3" x14ac:dyDescent="0.25">
      <c r="A5352" s="2" t="s">
        <v>925</v>
      </c>
      <c r="B5352" s="6">
        <v>89077.499999999985</v>
      </c>
      <c r="C5352" s="7">
        <f t="shared" si="83"/>
        <v>89.077499999999986</v>
      </c>
    </row>
    <row r="5353" spans="1:3" x14ac:dyDescent="0.25">
      <c r="A5353" s="2" t="s">
        <v>926</v>
      </c>
      <c r="B5353" s="6">
        <v>89094.15</v>
      </c>
      <c r="C5353" s="7">
        <f t="shared" si="83"/>
        <v>89.094149999999999</v>
      </c>
    </row>
    <row r="5354" spans="1:3" x14ac:dyDescent="0.25">
      <c r="A5354" s="2" t="s">
        <v>927</v>
      </c>
      <c r="B5354" s="6">
        <v>89110.799999999988</v>
      </c>
      <c r="C5354" s="7">
        <f t="shared" si="83"/>
        <v>89.110799999999983</v>
      </c>
    </row>
    <row r="5355" spans="1:3" x14ac:dyDescent="0.25">
      <c r="A5355" s="2" t="s">
        <v>928</v>
      </c>
      <c r="B5355" s="6">
        <v>89127.45</v>
      </c>
      <c r="C5355" s="7">
        <f t="shared" si="83"/>
        <v>89.127449999999996</v>
      </c>
    </row>
    <row r="5356" spans="1:3" x14ac:dyDescent="0.25">
      <c r="A5356" s="2" t="s">
        <v>929</v>
      </c>
      <c r="B5356" s="6">
        <v>89144.099999999991</v>
      </c>
      <c r="C5356" s="7">
        <f t="shared" si="83"/>
        <v>89.144099999999995</v>
      </c>
    </row>
    <row r="5357" spans="1:3" x14ac:dyDescent="0.25">
      <c r="A5357" s="2" t="s">
        <v>930</v>
      </c>
      <c r="B5357" s="6">
        <v>89160.749999999985</v>
      </c>
      <c r="C5357" s="7">
        <f t="shared" si="83"/>
        <v>89.160749999999979</v>
      </c>
    </row>
    <row r="5358" spans="1:3" x14ac:dyDescent="0.25">
      <c r="A5358" s="2" t="s">
        <v>931</v>
      </c>
      <c r="B5358" s="6">
        <v>89177.4</v>
      </c>
      <c r="C5358" s="7">
        <f t="shared" si="83"/>
        <v>89.177399999999992</v>
      </c>
    </row>
    <row r="5359" spans="1:3" x14ac:dyDescent="0.25">
      <c r="A5359" s="2" t="s">
        <v>932</v>
      </c>
      <c r="B5359" s="6">
        <v>89194.049999999988</v>
      </c>
      <c r="C5359" s="7">
        <f t="shared" si="83"/>
        <v>89.19404999999999</v>
      </c>
    </row>
    <row r="5360" spans="1:3" x14ac:dyDescent="0.25">
      <c r="A5360" s="2" t="s">
        <v>933</v>
      </c>
      <c r="B5360" s="6">
        <v>89210.7</v>
      </c>
      <c r="C5360" s="7">
        <f t="shared" si="83"/>
        <v>89.210700000000003</v>
      </c>
    </row>
    <row r="5361" spans="1:3" x14ac:dyDescent="0.25">
      <c r="A5361" s="2" t="s">
        <v>934</v>
      </c>
      <c r="B5361" s="6">
        <v>89227.349999999991</v>
      </c>
      <c r="C5361" s="7">
        <f t="shared" si="83"/>
        <v>89.227349999999987</v>
      </c>
    </row>
    <row r="5362" spans="1:3" x14ac:dyDescent="0.25">
      <c r="A5362" s="2" t="s">
        <v>935</v>
      </c>
      <c r="B5362" s="6">
        <v>89243.999999999985</v>
      </c>
      <c r="C5362" s="7">
        <f t="shared" si="83"/>
        <v>89.243999999999986</v>
      </c>
    </row>
    <row r="5363" spans="1:3" x14ac:dyDescent="0.25">
      <c r="A5363" s="2" t="s">
        <v>936</v>
      </c>
      <c r="B5363" s="6">
        <v>89260.65</v>
      </c>
      <c r="C5363" s="7">
        <f t="shared" si="83"/>
        <v>89.260649999999998</v>
      </c>
    </row>
    <row r="5364" spans="1:3" x14ac:dyDescent="0.25">
      <c r="A5364" s="2" t="s">
        <v>937</v>
      </c>
      <c r="B5364" s="6">
        <v>89277.299999999988</v>
      </c>
      <c r="C5364" s="7">
        <f t="shared" si="83"/>
        <v>89.277299999999983</v>
      </c>
    </row>
    <row r="5365" spans="1:3" x14ac:dyDescent="0.25">
      <c r="A5365" s="2" t="s">
        <v>938</v>
      </c>
      <c r="B5365" s="6">
        <v>89293.95</v>
      </c>
      <c r="C5365" s="7">
        <f t="shared" si="83"/>
        <v>89.293949999999995</v>
      </c>
    </row>
    <row r="5366" spans="1:3" x14ac:dyDescent="0.25">
      <c r="A5366" s="2" t="s">
        <v>939</v>
      </c>
      <c r="B5366" s="6">
        <v>89310.599999999991</v>
      </c>
      <c r="C5366" s="7">
        <f t="shared" si="83"/>
        <v>89.310599999999994</v>
      </c>
    </row>
    <row r="5367" spans="1:3" x14ac:dyDescent="0.25">
      <c r="A5367" s="2" t="s">
        <v>940</v>
      </c>
      <c r="B5367" s="6">
        <v>89327.249999999985</v>
      </c>
      <c r="C5367" s="7">
        <f t="shared" si="83"/>
        <v>89.327249999999992</v>
      </c>
    </row>
    <row r="5368" spans="1:3" x14ac:dyDescent="0.25">
      <c r="A5368" s="2" t="s">
        <v>941</v>
      </c>
      <c r="B5368" s="6">
        <v>89343.9</v>
      </c>
      <c r="C5368" s="7">
        <f t="shared" si="83"/>
        <v>89.343899999999991</v>
      </c>
    </row>
    <row r="5369" spans="1:3" x14ac:dyDescent="0.25">
      <c r="A5369" s="2" t="s">
        <v>942</v>
      </c>
      <c r="B5369" s="6">
        <v>89360.549999999988</v>
      </c>
      <c r="C5369" s="7">
        <f t="shared" si="83"/>
        <v>89.360549999999989</v>
      </c>
    </row>
    <row r="5370" spans="1:3" x14ac:dyDescent="0.25">
      <c r="A5370" s="2" t="s">
        <v>943</v>
      </c>
      <c r="B5370" s="6">
        <v>89377.2</v>
      </c>
      <c r="C5370" s="7">
        <f t="shared" si="83"/>
        <v>89.377200000000002</v>
      </c>
    </row>
    <row r="5371" spans="1:3" x14ac:dyDescent="0.25">
      <c r="A5371" s="2" t="s">
        <v>944</v>
      </c>
      <c r="B5371" s="6">
        <v>89393.849999999991</v>
      </c>
      <c r="C5371" s="7">
        <f t="shared" si="83"/>
        <v>89.393849999999986</v>
      </c>
    </row>
    <row r="5372" spans="1:3" x14ac:dyDescent="0.25">
      <c r="A5372" s="2" t="s">
        <v>945</v>
      </c>
      <c r="B5372" s="6">
        <v>89410.499999999985</v>
      </c>
      <c r="C5372" s="7">
        <f t="shared" si="83"/>
        <v>89.410499999999985</v>
      </c>
    </row>
    <row r="5373" spans="1:3" x14ac:dyDescent="0.25">
      <c r="A5373" s="2" t="s">
        <v>946</v>
      </c>
      <c r="B5373" s="6">
        <v>89427.15</v>
      </c>
      <c r="C5373" s="7">
        <f t="shared" si="83"/>
        <v>89.427149999999997</v>
      </c>
    </row>
    <row r="5374" spans="1:3" x14ac:dyDescent="0.25">
      <c r="A5374" s="2" t="s">
        <v>947</v>
      </c>
      <c r="B5374" s="6">
        <v>89443.799999999988</v>
      </c>
      <c r="C5374" s="7">
        <f t="shared" si="83"/>
        <v>89.443799999999982</v>
      </c>
    </row>
    <row r="5375" spans="1:3" x14ac:dyDescent="0.25">
      <c r="A5375" s="2" t="s">
        <v>948</v>
      </c>
      <c r="B5375" s="6">
        <v>89460.45</v>
      </c>
      <c r="C5375" s="7">
        <f t="shared" si="83"/>
        <v>89.460449999999994</v>
      </c>
    </row>
    <row r="5376" spans="1:3" x14ac:dyDescent="0.25">
      <c r="A5376" s="2" t="s">
        <v>949</v>
      </c>
      <c r="B5376" s="6">
        <v>89477.099999999991</v>
      </c>
      <c r="C5376" s="7">
        <f t="shared" si="83"/>
        <v>89.477099999999993</v>
      </c>
    </row>
    <row r="5377" spans="1:3" x14ac:dyDescent="0.25">
      <c r="A5377" s="2" t="s">
        <v>950</v>
      </c>
      <c r="B5377" s="6">
        <v>89493.749999999985</v>
      </c>
      <c r="C5377" s="7">
        <f t="shared" si="83"/>
        <v>89.493749999999991</v>
      </c>
    </row>
    <row r="5378" spans="1:3" x14ac:dyDescent="0.25">
      <c r="A5378" s="2" t="s">
        <v>951</v>
      </c>
      <c r="B5378" s="6">
        <v>89510.399999999994</v>
      </c>
      <c r="C5378" s="7">
        <f t="shared" si="83"/>
        <v>89.51039999999999</v>
      </c>
    </row>
    <row r="5379" spans="1:3" x14ac:dyDescent="0.25">
      <c r="A5379" s="2" t="s">
        <v>952</v>
      </c>
      <c r="B5379" s="6">
        <v>89527.049999999988</v>
      </c>
      <c r="C5379" s="7">
        <f t="shared" ref="C5379:C5442" si="84">B5379/1000</f>
        <v>89.527049999999988</v>
      </c>
    </row>
    <row r="5380" spans="1:3" x14ac:dyDescent="0.25">
      <c r="A5380" s="2" t="s">
        <v>953</v>
      </c>
      <c r="B5380" s="6">
        <v>89543.7</v>
      </c>
      <c r="C5380" s="7">
        <f t="shared" si="84"/>
        <v>89.543700000000001</v>
      </c>
    </row>
    <row r="5381" spans="1:3" x14ac:dyDescent="0.25">
      <c r="A5381" s="2" t="s">
        <v>954</v>
      </c>
      <c r="B5381" s="6">
        <v>89560.349999999991</v>
      </c>
      <c r="C5381" s="7">
        <f t="shared" si="84"/>
        <v>89.560349999999985</v>
      </c>
    </row>
    <row r="5382" spans="1:3" x14ac:dyDescent="0.25">
      <c r="A5382" s="2" t="s">
        <v>955</v>
      </c>
      <c r="B5382" s="6">
        <v>89576.999999999985</v>
      </c>
      <c r="C5382" s="7">
        <f t="shared" si="84"/>
        <v>89.576999999999984</v>
      </c>
    </row>
    <row r="5383" spans="1:3" x14ac:dyDescent="0.25">
      <c r="A5383" s="2" t="s">
        <v>956</v>
      </c>
      <c r="B5383" s="6">
        <v>89593.65</v>
      </c>
      <c r="C5383" s="7">
        <f t="shared" si="84"/>
        <v>89.593649999999997</v>
      </c>
    </row>
    <row r="5384" spans="1:3" x14ac:dyDescent="0.25">
      <c r="A5384" s="2" t="s">
        <v>957</v>
      </c>
      <c r="B5384" s="6">
        <v>89610.299999999988</v>
      </c>
      <c r="C5384" s="7">
        <f t="shared" si="84"/>
        <v>89.610299999999995</v>
      </c>
    </row>
    <row r="5385" spans="1:3" x14ac:dyDescent="0.25">
      <c r="A5385" s="2" t="s">
        <v>958</v>
      </c>
      <c r="B5385" s="6">
        <v>89626.95</v>
      </c>
      <c r="C5385" s="7">
        <f t="shared" si="84"/>
        <v>89.626949999999994</v>
      </c>
    </row>
    <row r="5386" spans="1:3" x14ac:dyDescent="0.25">
      <c r="A5386" s="2" t="s">
        <v>959</v>
      </c>
      <c r="B5386" s="6">
        <v>89643.599999999991</v>
      </c>
      <c r="C5386" s="7">
        <f t="shared" si="84"/>
        <v>89.643599999999992</v>
      </c>
    </row>
    <row r="5387" spans="1:3" x14ac:dyDescent="0.25">
      <c r="A5387" s="2" t="s">
        <v>960</v>
      </c>
      <c r="B5387" s="6">
        <v>89660.249999999985</v>
      </c>
      <c r="C5387" s="7">
        <f t="shared" si="84"/>
        <v>89.660249999999991</v>
      </c>
    </row>
    <row r="5388" spans="1:3" x14ac:dyDescent="0.25">
      <c r="A5388" s="2" t="s">
        <v>961</v>
      </c>
      <c r="B5388" s="6">
        <v>89676.9</v>
      </c>
      <c r="C5388" s="7">
        <f t="shared" si="84"/>
        <v>89.676899999999989</v>
      </c>
    </row>
    <row r="5389" spans="1:3" x14ac:dyDescent="0.25">
      <c r="A5389" s="2" t="s">
        <v>962</v>
      </c>
      <c r="B5389" s="6">
        <v>89693.549999999988</v>
      </c>
      <c r="C5389" s="7">
        <f t="shared" si="84"/>
        <v>89.693549999999988</v>
      </c>
    </row>
    <row r="5390" spans="1:3" x14ac:dyDescent="0.25">
      <c r="A5390" s="2" t="s">
        <v>963</v>
      </c>
      <c r="B5390" s="6">
        <v>89710.2</v>
      </c>
      <c r="C5390" s="7">
        <f t="shared" si="84"/>
        <v>89.7102</v>
      </c>
    </row>
    <row r="5391" spans="1:3" x14ac:dyDescent="0.25">
      <c r="A5391" s="2" t="s">
        <v>964</v>
      </c>
      <c r="B5391" s="6">
        <v>89726.849999999991</v>
      </c>
      <c r="C5391" s="7">
        <f t="shared" si="84"/>
        <v>89.726849999999985</v>
      </c>
    </row>
    <row r="5392" spans="1:3" x14ac:dyDescent="0.25">
      <c r="A5392" s="2" t="s">
        <v>965</v>
      </c>
      <c r="B5392" s="6">
        <v>89743.499999999985</v>
      </c>
      <c r="C5392" s="7">
        <f t="shared" si="84"/>
        <v>89.743499999999983</v>
      </c>
    </row>
    <row r="5393" spans="1:3" x14ac:dyDescent="0.25">
      <c r="A5393" s="2" t="s">
        <v>966</v>
      </c>
      <c r="B5393" s="6">
        <v>89760.15</v>
      </c>
      <c r="C5393" s="7">
        <f t="shared" si="84"/>
        <v>89.760149999999996</v>
      </c>
    </row>
    <row r="5394" spans="1:3" x14ac:dyDescent="0.25">
      <c r="A5394" s="2" t="s">
        <v>967</v>
      </c>
      <c r="B5394" s="6">
        <v>89776.799999999988</v>
      </c>
      <c r="C5394" s="7">
        <f t="shared" si="84"/>
        <v>89.776799999999994</v>
      </c>
    </row>
    <row r="5395" spans="1:3" x14ac:dyDescent="0.25">
      <c r="A5395" s="2" t="s">
        <v>968</v>
      </c>
      <c r="B5395" s="6">
        <v>89793.45</v>
      </c>
      <c r="C5395" s="7">
        <f t="shared" si="84"/>
        <v>89.793449999999993</v>
      </c>
    </row>
    <row r="5396" spans="1:3" x14ac:dyDescent="0.25">
      <c r="A5396" s="2" t="s">
        <v>969</v>
      </c>
      <c r="B5396" s="6">
        <v>89810.099999999991</v>
      </c>
      <c r="C5396" s="7">
        <f t="shared" si="84"/>
        <v>89.810099999999991</v>
      </c>
    </row>
    <row r="5397" spans="1:3" x14ac:dyDescent="0.25">
      <c r="A5397" s="2" t="s">
        <v>970</v>
      </c>
      <c r="B5397" s="6">
        <v>89826.749999999985</v>
      </c>
      <c r="C5397" s="7">
        <f t="shared" si="84"/>
        <v>89.82674999999999</v>
      </c>
    </row>
    <row r="5398" spans="1:3" x14ac:dyDescent="0.25">
      <c r="A5398" s="2" t="s">
        <v>971</v>
      </c>
      <c r="B5398" s="6">
        <v>89843.4</v>
      </c>
      <c r="C5398" s="7">
        <f t="shared" si="84"/>
        <v>89.843399999999988</v>
      </c>
    </row>
    <row r="5399" spans="1:3" x14ac:dyDescent="0.25">
      <c r="A5399" s="2" t="s">
        <v>972</v>
      </c>
      <c r="B5399" s="6">
        <v>89860.049999999988</v>
      </c>
      <c r="C5399" s="7">
        <f t="shared" si="84"/>
        <v>89.860049999999987</v>
      </c>
    </row>
    <row r="5400" spans="1:3" x14ac:dyDescent="0.25">
      <c r="A5400" s="2" t="s">
        <v>973</v>
      </c>
      <c r="B5400" s="6">
        <v>89876.7</v>
      </c>
      <c r="C5400" s="7">
        <f t="shared" si="84"/>
        <v>89.8767</v>
      </c>
    </row>
    <row r="5401" spans="1:3" x14ac:dyDescent="0.25">
      <c r="A5401" s="2" t="s">
        <v>974</v>
      </c>
      <c r="B5401" s="6">
        <v>89893.349999999991</v>
      </c>
      <c r="C5401" s="7">
        <f t="shared" si="84"/>
        <v>89.893349999999998</v>
      </c>
    </row>
    <row r="5402" spans="1:3" x14ac:dyDescent="0.25">
      <c r="A5402" s="2" t="s">
        <v>975</v>
      </c>
      <c r="B5402" s="6">
        <v>89909.999999999985</v>
      </c>
      <c r="C5402" s="7">
        <f t="shared" si="84"/>
        <v>89.909999999999982</v>
      </c>
    </row>
    <row r="5403" spans="1:3" x14ac:dyDescent="0.25">
      <c r="A5403" s="2" t="s">
        <v>976</v>
      </c>
      <c r="B5403" s="6">
        <v>89926.65</v>
      </c>
      <c r="C5403" s="7">
        <f t="shared" si="84"/>
        <v>89.926649999999995</v>
      </c>
    </row>
    <row r="5404" spans="1:3" x14ac:dyDescent="0.25">
      <c r="A5404" s="2" t="s">
        <v>977</v>
      </c>
      <c r="B5404" s="6">
        <v>89943.299999999988</v>
      </c>
      <c r="C5404" s="7">
        <f t="shared" si="84"/>
        <v>89.943299999999994</v>
      </c>
    </row>
    <row r="5405" spans="1:3" x14ac:dyDescent="0.25">
      <c r="A5405" s="2" t="s">
        <v>978</v>
      </c>
      <c r="B5405" s="6">
        <v>89959.95</v>
      </c>
      <c r="C5405" s="7">
        <f t="shared" si="84"/>
        <v>89.959949999999992</v>
      </c>
    </row>
    <row r="5406" spans="1:3" x14ac:dyDescent="0.25">
      <c r="A5406" s="2" t="s">
        <v>979</v>
      </c>
      <c r="B5406" s="6">
        <v>89976.599999999991</v>
      </c>
      <c r="C5406" s="7">
        <f t="shared" si="84"/>
        <v>89.976599999999991</v>
      </c>
    </row>
    <row r="5407" spans="1:3" x14ac:dyDescent="0.25">
      <c r="A5407" s="2" t="s">
        <v>980</v>
      </c>
      <c r="B5407" s="6">
        <v>89993.249999999985</v>
      </c>
      <c r="C5407" s="7">
        <f t="shared" si="84"/>
        <v>89.993249999999989</v>
      </c>
    </row>
    <row r="5408" spans="1:3" x14ac:dyDescent="0.25">
      <c r="A5408" s="2" t="s">
        <v>981</v>
      </c>
      <c r="B5408" s="6">
        <v>90009.9</v>
      </c>
      <c r="C5408" s="7">
        <f t="shared" si="84"/>
        <v>90.009899999999988</v>
      </c>
    </row>
    <row r="5409" spans="1:3" x14ac:dyDescent="0.25">
      <c r="A5409" s="2" t="s">
        <v>982</v>
      </c>
      <c r="B5409" s="6">
        <v>90026.549999999988</v>
      </c>
      <c r="C5409" s="7">
        <f t="shared" si="84"/>
        <v>90.026549999999986</v>
      </c>
    </row>
    <row r="5410" spans="1:3" x14ac:dyDescent="0.25">
      <c r="A5410" s="2" t="s">
        <v>983</v>
      </c>
      <c r="B5410" s="6">
        <v>90043.199999999997</v>
      </c>
      <c r="C5410" s="7">
        <f t="shared" si="84"/>
        <v>90.043199999999999</v>
      </c>
    </row>
    <row r="5411" spans="1:3" x14ac:dyDescent="0.25">
      <c r="A5411" s="2" t="s">
        <v>984</v>
      </c>
      <c r="B5411" s="6">
        <v>90059.849999999991</v>
      </c>
      <c r="C5411" s="7">
        <f t="shared" si="84"/>
        <v>90.059849999999997</v>
      </c>
    </row>
    <row r="5412" spans="1:3" x14ac:dyDescent="0.25">
      <c r="A5412" s="2" t="s">
        <v>985</v>
      </c>
      <c r="B5412" s="6">
        <v>90076.499999999985</v>
      </c>
      <c r="C5412" s="7">
        <f t="shared" si="84"/>
        <v>90.076499999999982</v>
      </c>
    </row>
    <row r="5413" spans="1:3" x14ac:dyDescent="0.25">
      <c r="A5413" s="2" t="s">
        <v>986</v>
      </c>
      <c r="B5413" s="6">
        <v>90093.15</v>
      </c>
      <c r="C5413" s="7">
        <f t="shared" si="84"/>
        <v>90.093149999999994</v>
      </c>
    </row>
    <row r="5414" spans="1:3" x14ac:dyDescent="0.25">
      <c r="A5414" s="2" t="s">
        <v>987</v>
      </c>
      <c r="B5414" s="6">
        <v>90109.799999999988</v>
      </c>
      <c r="C5414" s="7">
        <f t="shared" si="84"/>
        <v>90.109799999999993</v>
      </c>
    </row>
    <row r="5415" spans="1:3" x14ac:dyDescent="0.25">
      <c r="A5415" s="2" t="s">
        <v>988</v>
      </c>
      <c r="B5415" s="6">
        <v>90126.45</v>
      </c>
      <c r="C5415" s="7">
        <f t="shared" si="84"/>
        <v>90.126449999999991</v>
      </c>
    </row>
    <row r="5416" spans="1:3" x14ac:dyDescent="0.25">
      <c r="A5416" s="2" t="s">
        <v>989</v>
      </c>
      <c r="B5416" s="6">
        <v>90143.099999999991</v>
      </c>
      <c r="C5416" s="7">
        <f t="shared" si="84"/>
        <v>90.14309999999999</v>
      </c>
    </row>
    <row r="5417" spans="1:3" x14ac:dyDescent="0.25">
      <c r="A5417" s="2" t="s">
        <v>990</v>
      </c>
      <c r="B5417" s="6">
        <v>90159.749999999985</v>
      </c>
      <c r="C5417" s="7">
        <f t="shared" si="84"/>
        <v>90.159749999999988</v>
      </c>
    </row>
    <row r="5418" spans="1:3" x14ac:dyDescent="0.25">
      <c r="A5418" s="2" t="s">
        <v>991</v>
      </c>
      <c r="B5418" s="6">
        <v>90176.4</v>
      </c>
      <c r="C5418" s="7">
        <f t="shared" si="84"/>
        <v>90.176400000000001</v>
      </c>
    </row>
    <row r="5419" spans="1:3" x14ac:dyDescent="0.25">
      <c r="A5419" s="2" t="s">
        <v>992</v>
      </c>
      <c r="B5419" s="6">
        <v>90193.049999999988</v>
      </c>
      <c r="C5419" s="7">
        <f t="shared" si="84"/>
        <v>90.193049999999985</v>
      </c>
    </row>
    <row r="5420" spans="1:3" x14ac:dyDescent="0.25">
      <c r="A5420" s="2" t="s">
        <v>993</v>
      </c>
      <c r="B5420" s="6">
        <v>90209.7</v>
      </c>
      <c r="C5420" s="7">
        <f t="shared" si="84"/>
        <v>90.209699999999998</v>
      </c>
    </row>
    <row r="5421" spans="1:3" x14ac:dyDescent="0.25">
      <c r="A5421" s="2" t="s">
        <v>994</v>
      </c>
      <c r="B5421" s="6">
        <v>90226.349999999991</v>
      </c>
      <c r="C5421" s="7">
        <f t="shared" si="84"/>
        <v>90.226349999999996</v>
      </c>
    </row>
    <row r="5422" spans="1:3" x14ac:dyDescent="0.25">
      <c r="A5422" s="2" t="s">
        <v>995</v>
      </c>
      <c r="B5422" s="6">
        <v>90242.999999999985</v>
      </c>
      <c r="C5422" s="7">
        <f t="shared" si="84"/>
        <v>90.242999999999981</v>
      </c>
    </row>
    <row r="5423" spans="1:3" x14ac:dyDescent="0.25">
      <c r="A5423" s="2" t="s">
        <v>996</v>
      </c>
      <c r="B5423" s="6">
        <v>90259.65</v>
      </c>
      <c r="C5423" s="7">
        <f t="shared" si="84"/>
        <v>90.259649999999993</v>
      </c>
    </row>
    <row r="5424" spans="1:3" x14ac:dyDescent="0.25">
      <c r="A5424" s="2" t="s">
        <v>997</v>
      </c>
      <c r="B5424" s="6">
        <v>90276.299999999988</v>
      </c>
      <c r="C5424" s="7">
        <f t="shared" si="84"/>
        <v>90.276299999999992</v>
      </c>
    </row>
    <row r="5425" spans="1:3" x14ac:dyDescent="0.25">
      <c r="A5425" s="2" t="s">
        <v>998</v>
      </c>
      <c r="B5425" s="6">
        <v>90292.95</v>
      </c>
      <c r="C5425" s="7">
        <f t="shared" si="84"/>
        <v>90.29294999999999</v>
      </c>
    </row>
    <row r="5426" spans="1:3" x14ac:dyDescent="0.25">
      <c r="A5426" s="2" t="s">
        <v>999</v>
      </c>
      <c r="B5426" s="6">
        <v>90309.599999999991</v>
      </c>
      <c r="C5426" s="7">
        <f t="shared" si="84"/>
        <v>90.309599999999989</v>
      </c>
    </row>
    <row r="5427" spans="1:3" x14ac:dyDescent="0.25">
      <c r="A5427" s="2" t="s">
        <v>1000</v>
      </c>
      <c r="B5427" s="6">
        <v>90326.249999999985</v>
      </c>
      <c r="C5427" s="7">
        <f t="shared" si="84"/>
        <v>90.326249999999987</v>
      </c>
    </row>
    <row r="5428" spans="1:3" x14ac:dyDescent="0.25">
      <c r="A5428" s="2" t="s">
        <v>1001</v>
      </c>
      <c r="B5428" s="6">
        <v>90342.9</v>
      </c>
      <c r="C5428" s="7">
        <f t="shared" si="84"/>
        <v>90.3429</v>
      </c>
    </row>
    <row r="5429" spans="1:3" x14ac:dyDescent="0.25">
      <c r="A5429" s="2" t="s">
        <v>1002</v>
      </c>
      <c r="B5429" s="6">
        <v>90359.549999999988</v>
      </c>
      <c r="C5429" s="7">
        <f t="shared" si="84"/>
        <v>90.359549999999984</v>
      </c>
    </row>
    <row r="5430" spans="1:3" x14ac:dyDescent="0.25">
      <c r="A5430" s="2" t="s">
        <v>1003</v>
      </c>
      <c r="B5430" s="6">
        <v>90376.2</v>
      </c>
      <c r="C5430" s="7">
        <f t="shared" si="84"/>
        <v>90.376199999999997</v>
      </c>
    </row>
    <row r="5431" spans="1:3" x14ac:dyDescent="0.25">
      <c r="A5431" s="2" t="s">
        <v>1004</v>
      </c>
      <c r="B5431" s="6">
        <v>90392.849999999991</v>
      </c>
      <c r="C5431" s="7">
        <f t="shared" si="84"/>
        <v>90.392849999999996</v>
      </c>
    </row>
    <row r="5432" spans="1:3" x14ac:dyDescent="0.25">
      <c r="A5432" s="2" t="s">
        <v>1005</v>
      </c>
      <c r="B5432" s="6">
        <v>90409.499999999985</v>
      </c>
      <c r="C5432" s="7">
        <f t="shared" si="84"/>
        <v>90.40949999999998</v>
      </c>
    </row>
    <row r="5433" spans="1:3" x14ac:dyDescent="0.25">
      <c r="A5433" s="2" t="s">
        <v>1006</v>
      </c>
      <c r="B5433" s="6">
        <v>90426.15</v>
      </c>
      <c r="C5433" s="7">
        <f t="shared" si="84"/>
        <v>90.426149999999993</v>
      </c>
    </row>
    <row r="5434" spans="1:3" x14ac:dyDescent="0.25">
      <c r="A5434" s="2" t="s">
        <v>1007</v>
      </c>
      <c r="B5434" s="6">
        <v>90442.799999999988</v>
      </c>
      <c r="C5434" s="7">
        <f t="shared" si="84"/>
        <v>90.442799999999991</v>
      </c>
    </row>
    <row r="5435" spans="1:3" x14ac:dyDescent="0.25">
      <c r="A5435" s="2" t="s">
        <v>1008</v>
      </c>
      <c r="B5435" s="6">
        <v>90459.45</v>
      </c>
      <c r="C5435" s="7">
        <f t="shared" si="84"/>
        <v>90.459450000000004</v>
      </c>
    </row>
    <row r="5436" spans="1:3" x14ac:dyDescent="0.25">
      <c r="A5436" s="2" t="s">
        <v>1009</v>
      </c>
      <c r="B5436" s="6">
        <v>90476.099999999991</v>
      </c>
      <c r="C5436" s="7">
        <f t="shared" si="84"/>
        <v>90.476099999999988</v>
      </c>
    </row>
    <row r="5437" spans="1:3" x14ac:dyDescent="0.25">
      <c r="A5437" s="2" t="s">
        <v>1010</v>
      </c>
      <c r="B5437" s="6">
        <v>90492.749999999985</v>
      </c>
      <c r="C5437" s="7">
        <f t="shared" si="84"/>
        <v>90.492749999999987</v>
      </c>
    </row>
    <row r="5438" spans="1:3" x14ac:dyDescent="0.25">
      <c r="A5438" s="2" t="s">
        <v>1011</v>
      </c>
      <c r="B5438" s="6">
        <v>90509.4</v>
      </c>
      <c r="C5438" s="7">
        <f t="shared" si="84"/>
        <v>90.509399999999999</v>
      </c>
    </row>
    <row r="5439" spans="1:3" x14ac:dyDescent="0.25">
      <c r="A5439" s="2" t="s">
        <v>1012</v>
      </c>
      <c r="B5439" s="6">
        <v>90526.049999999988</v>
      </c>
      <c r="C5439" s="7">
        <f t="shared" si="84"/>
        <v>90.526049999999984</v>
      </c>
    </row>
    <row r="5440" spans="1:3" x14ac:dyDescent="0.25">
      <c r="A5440" s="2" t="s">
        <v>1013</v>
      </c>
      <c r="B5440" s="6">
        <v>90542.7</v>
      </c>
      <c r="C5440" s="7">
        <f t="shared" si="84"/>
        <v>90.542699999999996</v>
      </c>
    </row>
    <row r="5441" spans="1:3" x14ac:dyDescent="0.25">
      <c r="A5441" s="2" t="s">
        <v>1014</v>
      </c>
      <c r="B5441" s="6">
        <v>90559.349999999991</v>
      </c>
      <c r="C5441" s="7">
        <f t="shared" si="84"/>
        <v>90.559349999999995</v>
      </c>
    </row>
    <row r="5442" spans="1:3" x14ac:dyDescent="0.25">
      <c r="A5442" s="2" t="s">
        <v>1015</v>
      </c>
      <c r="B5442" s="6">
        <v>90575.999999999985</v>
      </c>
      <c r="C5442" s="7">
        <f t="shared" si="84"/>
        <v>90.575999999999979</v>
      </c>
    </row>
    <row r="5443" spans="1:3" x14ac:dyDescent="0.25">
      <c r="A5443" s="2" t="s">
        <v>1016</v>
      </c>
      <c r="B5443" s="6">
        <v>90592.65</v>
      </c>
      <c r="C5443" s="7">
        <f t="shared" ref="C5443:C5506" si="85">B5443/1000</f>
        <v>90.592649999999992</v>
      </c>
    </row>
    <row r="5444" spans="1:3" x14ac:dyDescent="0.25">
      <c r="A5444" s="2" t="s">
        <v>1017</v>
      </c>
      <c r="B5444" s="6">
        <v>90609.299999999988</v>
      </c>
      <c r="C5444" s="7">
        <f t="shared" si="85"/>
        <v>90.60929999999999</v>
      </c>
    </row>
    <row r="5445" spans="1:3" x14ac:dyDescent="0.25">
      <c r="A5445" s="2" t="s">
        <v>1018</v>
      </c>
      <c r="B5445" s="6">
        <v>90625.95</v>
      </c>
      <c r="C5445" s="7">
        <f t="shared" si="85"/>
        <v>90.625950000000003</v>
      </c>
    </row>
    <row r="5446" spans="1:3" x14ac:dyDescent="0.25">
      <c r="A5446" s="2" t="s">
        <v>1019</v>
      </c>
      <c r="B5446" s="6">
        <v>90642.599999999991</v>
      </c>
      <c r="C5446" s="7">
        <f t="shared" si="85"/>
        <v>90.642599999999987</v>
      </c>
    </row>
    <row r="5447" spans="1:3" x14ac:dyDescent="0.25">
      <c r="A5447" s="2" t="s">
        <v>1020</v>
      </c>
      <c r="B5447" s="6">
        <v>90659.249999999985</v>
      </c>
      <c r="C5447" s="7">
        <f t="shared" si="85"/>
        <v>90.659249999999986</v>
      </c>
    </row>
    <row r="5448" spans="1:3" x14ac:dyDescent="0.25">
      <c r="A5448" s="2" t="s">
        <v>1021</v>
      </c>
      <c r="B5448" s="6">
        <v>90675.9</v>
      </c>
      <c r="C5448" s="7">
        <f t="shared" si="85"/>
        <v>90.675899999999999</v>
      </c>
    </row>
    <row r="5449" spans="1:3" x14ac:dyDescent="0.25">
      <c r="A5449" s="2" t="s">
        <v>1022</v>
      </c>
      <c r="B5449" s="6">
        <v>90692.549999999988</v>
      </c>
      <c r="C5449" s="7">
        <f t="shared" si="85"/>
        <v>90.692549999999983</v>
      </c>
    </row>
    <row r="5450" spans="1:3" x14ac:dyDescent="0.25">
      <c r="A5450" s="2" t="s">
        <v>1023</v>
      </c>
      <c r="B5450" s="6">
        <v>90709.2</v>
      </c>
      <c r="C5450" s="7">
        <f t="shared" si="85"/>
        <v>90.709199999999996</v>
      </c>
    </row>
    <row r="5451" spans="1:3" x14ac:dyDescent="0.25">
      <c r="A5451" s="2" t="s">
        <v>1024</v>
      </c>
      <c r="B5451" s="6">
        <v>90725.849999999991</v>
      </c>
      <c r="C5451" s="7">
        <f t="shared" si="85"/>
        <v>90.725849999999994</v>
      </c>
    </row>
    <row r="5452" spans="1:3" x14ac:dyDescent="0.25">
      <c r="A5452" s="2" t="s">
        <v>1025</v>
      </c>
      <c r="B5452" s="6">
        <v>90742.499999999985</v>
      </c>
      <c r="C5452" s="7">
        <f t="shared" si="85"/>
        <v>90.742499999999978</v>
      </c>
    </row>
    <row r="5453" spans="1:3" x14ac:dyDescent="0.25">
      <c r="A5453" s="2" t="s">
        <v>1026</v>
      </c>
      <c r="B5453" s="6">
        <v>90759.15</v>
      </c>
      <c r="C5453" s="7">
        <f t="shared" si="85"/>
        <v>90.759149999999991</v>
      </c>
    </row>
    <row r="5454" spans="1:3" x14ac:dyDescent="0.25">
      <c r="A5454" s="2" t="s">
        <v>1027</v>
      </c>
      <c r="B5454" s="6">
        <v>90775.799999999988</v>
      </c>
      <c r="C5454" s="7">
        <f t="shared" si="85"/>
        <v>90.77579999999999</v>
      </c>
    </row>
    <row r="5455" spans="1:3" x14ac:dyDescent="0.25">
      <c r="A5455" s="2" t="s">
        <v>1028</v>
      </c>
      <c r="B5455" s="6">
        <v>90792.45</v>
      </c>
      <c r="C5455" s="7">
        <f t="shared" si="85"/>
        <v>90.792450000000002</v>
      </c>
    </row>
    <row r="5456" spans="1:3" x14ac:dyDescent="0.25">
      <c r="A5456" s="2" t="s">
        <v>1029</v>
      </c>
      <c r="B5456" s="6">
        <v>90809.099999999991</v>
      </c>
      <c r="C5456" s="7">
        <f t="shared" si="85"/>
        <v>90.809099999999987</v>
      </c>
    </row>
    <row r="5457" spans="1:3" x14ac:dyDescent="0.25">
      <c r="A5457" s="2" t="s">
        <v>1030</v>
      </c>
      <c r="B5457" s="6">
        <v>90825.749999999985</v>
      </c>
      <c r="C5457" s="7">
        <f t="shared" si="85"/>
        <v>90.825749999999985</v>
      </c>
    </row>
    <row r="5458" spans="1:3" x14ac:dyDescent="0.25">
      <c r="A5458" s="2" t="s">
        <v>1031</v>
      </c>
      <c r="B5458" s="6">
        <v>90842.4</v>
      </c>
      <c r="C5458" s="7">
        <f t="shared" si="85"/>
        <v>90.842399999999998</v>
      </c>
    </row>
    <row r="5459" spans="1:3" x14ac:dyDescent="0.25">
      <c r="A5459" s="2" t="s">
        <v>1032</v>
      </c>
      <c r="B5459" s="6">
        <v>90859.049999999988</v>
      </c>
      <c r="C5459" s="7">
        <f t="shared" si="85"/>
        <v>90.859049999999982</v>
      </c>
    </row>
    <row r="5460" spans="1:3" x14ac:dyDescent="0.25">
      <c r="A5460" s="2" t="s">
        <v>1033</v>
      </c>
      <c r="B5460" s="6">
        <v>90875.7</v>
      </c>
      <c r="C5460" s="7">
        <f t="shared" si="85"/>
        <v>90.875699999999995</v>
      </c>
    </row>
    <row r="5461" spans="1:3" x14ac:dyDescent="0.25">
      <c r="A5461" s="2" t="s">
        <v>1034</v>
      </c>
      <c r="B5461" s="6">
        <v>90892.349999999991</v>
      </c>
      <c r="C5461" s="7">
        <f t="shared" si="85"/>
        <v>90.892349999999993</v>
      </c>
    </row>
    <row r="5462" spans="1:3" x14ac:dyDescent="0.25">
      <c r="A5462" s="2" t="s">
        <v>1035</v>
      </c>
      <c r="B5462" s="6">
        <v>90908.999999999985</v>
      </c>
      <c r="C5462" s="7">
        <f t="shared" si="85"/>
        <v>90.908999999999992</v>
      </c>
    </row>
    <row r="5463" spans="1:3" x14ac:dyDescent="0.25">
      <c r="A5463" s="2" t="s">
        <v>1036</v>
      </c>
      <c r="B5463" s="6">
        <v>90925.65</v>
      </c>
      <c r="C5463" s="7">
        <f t="shared" si="85"/>
        <v>90.92564999999999</v>
      </c>
    </row>
    <row r="5464" spans="1:3" x14ac:dyDescent="0.25">
      <c r="A5464" s="2" t="s">
        <v>1037</v>
      </c>
      <c r="B5464" s="6">
        <v>90942.299999999988</v>
      </c>
      <c r="C5464" s="7">
        <f t="shared" si="85"/>
        <v>90.942299999999989</v>
      </c>
    </row>
    <row r="5465" spans="1:3" x14ac:dyDescent="0.25">
      <c r="A5465" s="2" t="s">
        <v>1038</v>
      </c>
      <c r="B5465" s="6">
        <v>90958.95</v>
      </c>
      <c r="C5465" s="7">
        <f t="shared" si="85"/>
        <v>90.958950000000002</v>
      </c>
    </row>
    <row r="5466" spans="1:3" x14ac:dyDescent="0.25">
      <c r="A5466" s="2" t="s">
        <v>1039</v>
      </c>
      <c r="B5466" s="6">
        <v>90975.599999999991</v>
      </c>
      <c r="C5466" s="7">
        <f t="shared" si="85"/>
        <v>90.975599999999986</v>
      </c>
    </row>
    <row r="5467" spans="1:3" x14ac:dyDescent="0.25">
      <c r="A5467" s="2" t="s">
        <v>1040</v>
      </c>
      <c r="B5467" s="6">
        <v>90992.249999999985</v>
      </c>
      <c r="C5467" s="7">
        <f t="shared" si="85"/>
        <v>90.992249999999984</v>
      </c>
    </row>
    <row r="5468" spans="1:3" x14ac:dyDescent="0.25">
      <c r="A5468" s="2" t="s">
        <v>1041</v>
      </c>
      <c r="B5468" s="6">
        <v>91008.9</v>
      </c>
      <c r="C5468" s="7">
        <f t="shared" si="85"/>
        <v>91.008899999999997</v>
      </c>
    </row>
    <row r="5469" spans="1:3" x14ac:dyDescent="0.25">
      <c r="A5469" s="2" t="s">
        <v>1042</v>
      </c>
      <c r="B5469" s="6">
        <v>91025.549999999988</v>
      </c>
      <c r="C5469" s="7">
        <f t="shared" si="85"/>
        <v>91.025549999999981</v>
      </c>
    </row>
    <row r="5470" spans="1:3" x14ac:dyDescent="0.25">
      <c r="A5470" s="2" t="s">
        <v>1043</v>
      </c>
      <c r="B5470" s="6">
        <v>91042.2</v>
      </c>
      <c r="C5470" s="7">
        <f t="shared" si="85"/>
        <v>91.042199999999994</v>
      </c>
    </row>
    <row r="5471" spans="1:3" x14ac:dyDescent="0.25">
      <c r="A5471" s="2" t="s">
        <v>1044</v>
      </c>
      <c r="B5471" s="6">
        <v>91058.849999999991</v>
      </c>
      <c r="C5471" s="7">
        <f t="shared" si="85"/>
        <v>91.058849999999993</v>
      </c>
    </row>
    <row r="5472" spans="1:3" x14ac:dyDescent="0.25">
      <c r="A5472" s="2" t="s">
        <v>1045</v>
      </c>
      <c r="B5472" s="6">
        <v>91075.499999999985</v>
      </c>
      <c r="C5472" s="7">
        <f t="shared" si="85"/>
        <v>91.075499999999991</v>
      </c>
    </row>
    <row r="5473" spans="1:3" x14ac:dyDescent="0.25">
      <c r="A5473" s="2" t="s">
        <v>1046</v>
      </c>
      <c r="B5473" s="6">
        <v>91092.15</v>
      </c>
      <c r="C5473" s="7">
        <f t="shared" si="85"/>
        <v>91.09214999999999</v>
      </c>
    </row>
    <row r="5474" spans="1:3" x14ac:dyDescent="0.25">
      <c r="A5474" s="2" t="s">
        <v>1047</v>
      </c>
      <c r="B5474" s="6">
        <v>91108.799999999988</v>
      </c>
      <c r="C5474" s="7">
        <f t="shared" si="85"/>
        <v>91.108799999999988</v>
      </c>
    </row>
    <row r="5475" spans="1:3" x14ac:dyDescent="0.25">
      <c r="A5475" s="2" t="s">
        <v>1048</v>
      </c>
      <c r="B5475" s="6">
        <v>91125.45</v>
      </c>
      <c r="C5475" s="7">
        <f t="shared" si="85"/>
        <v>91.125450000000001</v>
      </c>
    </row>
    <row r="5476" spans="1:3" x14ac:dyDescent="0.25">
      <c r="A5476" s="2" t="s">
        <v>1049</v>
      </c>
      <c r="B5476" s="6">
        <v>91142.099999999991</v>
      </c>
      <c r="C5476" s="7">
        <f t="shared" si="85"/>
        <v>91.142099999999985</v>
      </c>
    </row>
    <row r="5477" spans="1:3" x14ac:dyDescent="0.25">
      <c r="A5477" s="2" t="s">
        <v>1050</v>
      </c>
      <c r="B5477" s="6">
        <v>91158.749999999985</v>
      </c>
      <c r="C5477" s="7">
        <f t="shared" si="85"/>
        <v>91.158749999999984</v>
      </c>
    </row>
    <row r="5478" spans="1:3" x14ac:dyDescent="0.25">
      <c r="A5478" s="2" t="s">
        <v>1051</v>
      </c>
      <c r="B5478" s="6">
        <v>91175.4</v>
      </c>
      <c r="C5478" s="7">
        <f t="shared" si="85"/>
        <v>91.175399999999996</v>
      </c>
    </row>
    <row r="5479" spans="1:3" x14ac:dyDescent="0.25">
      <c r="A5479" s="2" t="s">
        <v>1052</v>
      </c>
      <c r="B5479" s="6">
        <v>91192.049999999988</v>
      </c>
      <c r="C5479" s="7">
        <f t="shared" si="85"/>
        <v>91.192049999999995</v>
      </c>
    </row>
    <row r="5480" spans="1:3" x14ac:dyDescent="0.25">
      <c r="A5480" s="2" t="s">
        <v>1053</v>
      </c>
      <c r="B5480" s="6">
        <v>91208.7</v>
      </c>
      <c r="C5480" s="7">
        <f t="shared" si="85"/>
        <v>91.208699999999993</v>
      </c>
    </row>
    <row r="5481" spans="1:3" x14ac:dyDescent="0.25">
      <c r="A5481" s="2" t="s">
        <v>1054</v>
      </c>
      <c r="B5481" s="6">
        <v>91225.349999999991</v>
      </c>
      <c r="C5481" s="7">
        <f t="shared" si="85"/>
        <v>91.225349999999992</v>
      </c>
    </row>
    <row r="5482" spans="1:3" x14ac:dyDescent="0.25">
      <c r="A5482" s="2" t="s">
        <v>1055</v>
      </c>
      <c r="B5482" s="6">
        <v>91241.999999999985</v>
      </c>
      <c r="C5482" s="7">
        <f t="shared" si="85"/>
        <v>91.24199999999999</v>
      </c>
    </row>
    <row r="5483" spans="1:3" x14ac:dyDescent="0.25">
      <c r="A5483" s="2" t="s">
        <v>1056</v>
      </c>
      <c r="B5483" s="6">
        <v>91258.65</v>
      </c>
      <c r="C5483" s="7">
        <f t="shared" si="85"/>
        <v>91.258649999999989</v>
      </c>
    </row>
    <row r="5484" spans="1:3" x14ac:dyDescent="0.25">
      <c r="A5484" s="2" t="s">
        <v>1057</v>
      </c>
      <c r="B5484" s="6">
        <v>91275.299999999988</v>
      </c>
      <c r="C5484" s="7">
        <f t="shared" si="85"/>
        <v>91.275299999999987</v>
      </c>
    </row>
    <row r="5485" spans="1:3" x14ac:dyDescent="0.25">
      <c r="A5485" s="2" t="s">
        <v>1058</v>
      </c>
      <c r="B5485" s="6">
        <v>91291.95</v>
      </c>
      <c r="C5485" s="7">
        <f t="shared" si="85"/>
        <v>91.29195</v>
      </c>
    </row>
    <row r="5486" spans="1:3" x14ac:dyDescent="0.25">
      <c r="A5486" s="2" t="s">
        <v>1059</v>
      </c>
      <c r="B5486" s="6">
        <v>91308.599999999991</v>
      </c>
      <c r="C5486" s="7">
        <f t="shared" si="85"/>
        <v>91.308599999999984</v>
      </c>
    </row>
    <row r="5487" spans="1:3" x14ac:dyDescent="0.25">
      <c r="A5487" s="2" t="s">
        <v>1060</v>
      </c>
      <c r="B5487" s="6">
        <v>91325.249999999985</v>
      </c>
      <c r="C5487" s="7">
        <f t="shared" si="85"/>
        <v>91.325249999999983</v>
      </c>
    </row>
    <row r="5488" spans="1:3" x14ac:dyDescent="0.25">
      <c r="A5488" s="2" t="s">
        <v>1061</v>
      </c>
      <c r="B5488" s="6">
        <v>91341.9</v>
      </c>
      <c r="C5488" s="7">
        <f t="shared" si="85"/>
        <v>91.341899999999995</v>
      </c>
    </row>
    <row r="5489" spans="1:3" x14ac:dyDescent="0.25">
      <c r="A5489" s="2" t="s">
        <v>1062</v>
      </c>
      <c r="B5489" s="6">
        <v>91358.549999999988</v>
      </c>
      <c r="C5489" s="7">
        <f t="shared" si="85"/>
        <v>91.358549999999994</v>
      </c>
    </row>
    <row r="5490" spans="1:3" x14ac:dyDescent="0.25">
      <c r="A5490" s="2" t="s">
        <v>1063</v>
      </c>
      <c r="B5490" s="6">
        <v>91375.2</v>
      </c>
      <c r="C5490" s="7">
        <f t="shared" si="85"/>
        <v>91.375199999999992</v>
      </c>
    </row>
    <row r="5491" spans="1:3" x14ac:dyDescent="0.25">
      <c r="A5491" s="2" t="s">
        <v>1064</v>
      </c>
      <c r="B5491" s="6">
        <v>91391.849999999991</v>
      </c>
      <c r="C5491" s="7">
        <f t="shared" si="85"/>
        <v>91.391849999999991</v>
      </c>
    </row>
    <row r="5492" spans="1:3" x14ac:dyDescent="0.25">
      <c r="A5492" s="2" t="s">
        <v>1065</v>
      </c>
      <c r="B5492" s="6">
        <v>91408.499999999985</v>
      </c>
      <c r="C5492" s="7">
        <f t="shared" si="85"/>
        <v>91.408499999999989</v>
      </c>
    </row>
    <row r="5493" spans="1:3" x14ac:dyDescent="0.25">
      <c r="A5493" s="2" t="s">
        <v>1066</v>
      </c>
      <c r="B5493" s="6">
        <v>91425.15</v>
      </c>
      <c r="C5493" s="7">
        <f t="shared" si="85"/>
        <v>91.425149999999988</v>
      </c>
    </row>
    <row r="5494" spans="1:3" x14ac:dyDescent="0.25">
      <c r="A5494" s="2" t="s">
        <v>1067</v>
      </c>
      <c r="B5494" s="6">
        <v>91441.799999999988</v>
      </c>
      <c r="C5494" s="7">
        <f t="shared" si="85"/>
        <v>91.441799999999986</v>
      </c>
    </row>
    <row r="5495" spans="1:3" x14ac:dyDescent="0.25">
      <c r="A5495" s="2" t="s">
        <v>1068</v>
      </c>
      <c r="B5495" s="6">
        <v>91458.45</v>
      </c>
      <c r="C5495" s="7">
        <f t="shared" si="85"/>
        <v>91.458449999999999</v>
      </c>
    </row>
    <row r="5496" spans="1:3" x14ac:dyDescent="0.25">
      <c r="A5496" s="2" t="s">
        <v>1069</v>
      </c>
      <c r="B5496" s="6">
        <v>91475.099999999991</v>
      </c>
      <c r="C5496" s="7">
        <f t="shared" si="85"/>
        <v>91.475099999999998</v>
      </c>
    </row>
    <row r="5497" spans="1:3" x14ac:dyDescent="0.25">
      <c r="A5497" s="2" t="s">
        <v>1070</v>
      </c>
      <c r="B5497" s="6">
        <v>91491.749999999985</v>
      </c>
      <c r="C5497" s="7">
        <f t="shared" si="85"/>
        <v>91.491749999999982</v>
      </c>
    </row>
    <row r="5498" spans="1:3" x14ac:dyDescent="0.25">
      <c r="A5498" s="2" t="s">
        <v>1071</v>
      </c>
      <c r="B5498" s="6">
        <v>91508.4</v>
      </c>
      <c r="C5498" s="7">
        <f t="shared" si="85"/>
        <v>91.508399999999995</v>
      </c>
    </row>
    <row r="5499" spans="1:3" x14ac:dyDescent="0.25">
      <c r="A5499" s="2" t="s">
        <v>1072</v>
      </c>
      <c r="B5499" s="6">
        <v>91525.049999999988</v>
      </c>
      <c r="C5499" s="7">
        <f t="shared" si="85"/>
        <v>91.525049999999993</v>
      </c>
    </row>
    <row r="5500" spans="1:3" x14ac:dyDescent="0.25">
      <c r="A5500" s="2" t="s">
        <v>1073</v>
      </c>
      <c r="B5500" s="6">
        <v>91541.7</v>
      </c>
      <c r="C5500" s="7">
        <f t="shared" si="85"/>
        <v>91.541699999999992</v>
      </c>
    </row>
    <row r="5501" spans="1:3" x14ac:dyDescent="0.25">
      <c r="A5501" s="2" t="s">
        <v>1074</v>
      </c>
      <c r="B5501" s="6">
        <v>91558.349999999991</v>
      </c>
      <c r="C5501" s="7">
        <f t="shared" si="85"/>
        <v>91.55834999999999</v>
      </c>
    </row>
    <row r="5502" spans="1:3" x14ac:dyDescent="0.25">
      <c r="A5502" s="2" t="s">
        <v>1075</v>
      </c>
      <c r="B5502" s="6">
        <v>91574.999999999985</v>
      </c>
      <c r="C5502" s="7">
        <f t="shared" si="85"/>
        <v>91.574999999999989</v>
      </c>
    </row>
    <row r="5503" spans="1:3" x14ac:dyDescent="0.25">
      <c r="A5503" s="2" t="s">
        <v>1076</v>
      </c>
      <c r="B5503" s="6">
        <v>91591.65</v>
      </c>
      <c r="C5503" s="7">
        <f t="shared" si="85"/>
        <v>91.591649999999987</v>
      </c>
    </row>
    <row r="5504" spans="1:3" x14ac:dyDescent="0.25">
      <c r="A5504" s="2" t="s">
        <v>1077</v>
      </c>
      <c r="B5504" s="6">
        <v>91608.299999999988</v>
      </c>
      <c r="C5504" s="7">
        <f t="shared" si="85"/>
        <v>91.608299999999986</v>
      </c>
    </row>
    <row r="5505" spans="1:3" x14ac:dyDescent="0.25">
      <c r="A5505" s="2" t="s">
        <v>1078</v>
      </c>
      <c r="B5505" s="6">
        <v>91624.95</v>
      </c>
      <c r="C5505" s="7">
        <f t="shared" si="85"/>
        <v>91.624949999999998</v>
      </c>
    </row>
    <row r="5506" spans="1:3" x14ac:dyDescent="0.25">
      <c r="A5506" s="2" t="s">
        <v>1079</v>
      </c>
      <c r="B5506" s="6">
        <v>91641.599999999991</v>
      </c>
      <c r="C5506" s="7">
        <f t="shared" si="85"/>
        <v>91.641599999999997</v>
      </c>
    </row>
    <row r="5507" spans="1:3" x14ac:dyDescent="0.25">
      <c r="A5507" s="2" t="s">
        <v>1080</v>
      </c>
      <c r="B5507" s="6">
        <v>91658.249999999985</v>
      </c>
      <c r="C5507" s="7">
        <f t="shared" ref="C5507:C5570" si="86">B5507/1000</f>
        <v>91.658249999999981</v>
      </c>
    </row>
    <row r="5508" spans="1:3" x14ac:dyDescent="0.25">
      <c r="A5508" s="2" t="s">
        <v>1081</v>
      </c>
      <c r="B5508" s="6">
        <v>91674.9</v>
      </c>
      <c r="C5508" s="7">
        <f t="shared" si="86"/>
        <v>91.674899999999994</v>
      </c>
    </row>
    <row r="5509" spans="1:3" x14ac:dyDescent="0.25">
      <c r="A5509" s="2" t="s">
        <v>1082</v>
      </c>
      <c r="B5509" s="6">
        <v>91691.549999999988</v>
      </c>
      <c r="C5509" s="7">
        <f t="shared" si="86"/>
        <v>91.691549999999992</v>
      </c>
    </row>
    <row r="5510" spans="1:3" x14ac:dyDescent="0.25">
      <c r="A5510" s="2" t="s">
        <v>1083</v>
      </c>
      <c r="B5510" s="6">
        <v>91708.2</v>
      </c>
      <c r="C5510" s="7">
        <f t="shared" si="86"/>
        <v>91.708199999999991</v>
      </c>
    </row>
    <row r="5511" spans="1:3" x14ac:dyDescent="0.25">
      <c r="A5511" s="2" t="s">
        <v>1084</v>
      </c>
      <c r="B5511" s="6">
        <v>91724.849999999991</v>
      </c>
      <c r="C5511" s="7">
        <f t="shared" si="86"/>
        <v>91.724849999999989</v>
      </c>
    </row>
    <row r="5512" spans="1:3" x14ac:dyDescent="0.25">
      <c r="A5512" s="2" t="s">
        <v>1085</v>
      </c>
      <c r="B5512" s="6">
        <v>91741.499999999985</v>
      </c>
      <c r="C5512" s="7">
        <f t="shared" si="86"/>
        <v>91.741499999999988</v>
      </c>
    </row>
    <row r="5513" spans="1:3" x14ac:dyDescent="0.25">
      <c r="A5513" s="2" t="s">
        <v>1086</v>
      </c>
      <c r="B5513" s="6">
        <v>91758.15</v>
      </c>
      <c r="C5513" s="7">
        <f t="shared" si="86"/>
        <v>91.758150000000001</v>
      </c>
    </row>
    <row r="5514" spans="1:3" x14ac:dyDescent="0.25">
      <c r="A5514" s="2" t="s">
        <v>1087</v>
      </c>
      <c r="B5514" s="6">
        <v>91774.799999999988</v>
      </c>
      <c r="C5514" s="7">
        <f t="shared" si="86"/>
        <v>91.774799999999985</v>
      </c>
    </row>
    <row r="5515" spans="1:3" x14ac:dyDescent="0.25">
      <c r="A5515" s="2" t="s">
        <v>1088</v>
      </c>
      <c r="B5515" s="6">
        <v>91791.45</v>
      </c>
      <c r="C5515" s="7">
        <f t="shared" si="86"/>
        <v>91.791449999999998</v>
      </c>
    </row>
    <row r="5516" spans="1:3" x14ac:dyDescent="0.25">
      <c r="A5516" s="2" t="s">
        <v>1089</v>
      </c>
      <c r="B5516" s="6">
        <v>91808.099999999991</v>
      </c>
      <c r="C5516" s="7">
        <f t="shared" si="86"/>
        <v>91.808099999999996</v>
      </c>
    </row>
    <row r="5517" spans="1:3" x14ac:dyDescent="0.25">
      <c r="A5517" s="2" t="s">
        <v>1090</v>
      </c>
      <c r="B5517" s="6">
        <v>91824.749999999985</v>
      </c>
      <c r="C5517" s="7">
        <f t="shared" si="86"/>
        <v>91.82474999999998</v>
      </c>
    </row>
    <row r="5518" spans="1:3" x14ac:dyDescent="0.25">
      <c r="A5518" s="2" t="s">
        <v>1091</v>
      </c>
      <c r="B5518" s="6">
        <v>91841.4</v>
      </c>
      <c r="C5518" s="7">
        <f t="shared" si="86"/>
        <v>91.841399999999993</v>
      </c>
    </row>
    <row r="5519" spans="1:3" x14ac:dyDescent="0.25">
      <c r="A5519" s="2" t="s">
        <v>1092</v>
      </c>
      <c r="B5519" s="6">
        <v>91858.049999999988</v>
      </c>
      <c r="C5519" s="7">
        <f t="shared" si="86"/>
        <v>91.858049999999992</v>
      </c>
    </row>
    <row r="5520" spans="1:3" x14ac:dyDescent="0.25">
      <c r="A5520" s="2" t="s">
        <v>1093</v>
      </c>
      <c r="B5520" s="6">
        <v>91874.7</v>
      </c>
      <c r="C5520" s="7">
        <f t="shared" si="86"/>
        <v>91.87469999999999</v>
      </c>
    </row>
    <row r="5521" spans="1:3" x14ac:dyDescent="0.25">
      <c r="A5521" s="2" t="s">
        <v>1094</v>
      </c>
      <c r="B5521" s="6">
        <v>91891.349999999991</v>
      </c>
      <c r="C5521" s="7">
        <f t="shared" si="86"/>
        <v>91.891349999999989</v>
      </c>
    </row>
    <row r="5522" spans="1:3" x14ac:dyDescent="0.25">
      <c r="A5522" s="2" t="s">
        <v>1095</v>
      </c>
      <c r="B5522" s="6">
        <v>91907.999999999985</v>
      </c>
      <c r="C5522" s="7">
        <f t="shared" si="86"/>
        <v>91.907999999999987</v>
      </c>
    </row>
    <row r="5523" spans="1:3" x14ac:dyDescent="0.25">
      <c r="A5523" s="2" t="s">
        <v>1096</v>
      </c>
      <c r="B5523" s="6">
        <v>91924.65</v>
      </c>
      <c r="C5523" s="7">
        <f t="shared" si="86"/>
        <v>91.92465</v>
      </c>
    </row>
    <row r="5524" spans="1:3" x14ac:dyDescent="0.25">
      <c r="A5524" s="2" t="s">
        <v>1097</v>
      </c>
      <c r="B5524" s="6">
        <v>91941.299999999988</v>
      </c>
      <c r="C5524" s="7">
        <f t="shared" si="86"/>
        <v>91.941299999999984</v>
      </c>
    </row>
    <row r="5525" spans="1:3" x14ac:dyDescent="0.25">
      <c r="A5525" s="2" t="s">
        <v>1098</v>
      </c>
      <c r="B5525" s="6">
        <v>91957.95</v>
      </c>
      <c r="C5525" s="7">
        <f t="shared" si="86"/>
        <v>91.957949999999997</v>
      </c>
    </row>
    <row r="5526" spans="1:3" x14ac:dyDescent="0.25">
      <c r="A5526" s="2" t="s">
        <v>1099</v>
      </c>
      <c r="B5526" s="6">
        <v>91974.599999999991</v>
      </c>
      <c r="C5526" s="7">
        <f t="shared" si="86"/>
        <v>91.974599999999995</v>
      </c>
    </row>
    <row r="5527" spans="1:3" x14ac:dyDescent="0.25">
      <c r="A5527" s="2" t="s">
        <v>1100</v>
      </c>
      <c r="B5527" s="6">
        <v>91991.249999999985</v>
      </c>
      <c r="C5527" s="7">
        <f t="shared" si="86"/>
        <v>91.99124999999998</v>
      </c>
    </row>
    <row r="5528" spans="1:3" x14ac:dyDescent="0.25">
      <c r="A5528" s="2" t="s">
        <v>1101</v>
      </c>
      <c r="B5528" s="6">
        <v>92007.9</v>
      </c>
      <c r="C5528" s="7">
        <f t="shared" si="86"/>
        <v>92.007899999999992</v>
      </c>
    </row>
    <row r="5529" spans="1:3" x14ac:dyDescent="0.25">
      <c r="A5529" s="2" t="s">
        <v>1102</v>
      </c>
      <c r="B5529" s="6">
        <v>92024.549999999988</v>
      </c>
      <c r="C5529" s="7">
        <f t="shared" si="86"/>
        <v>92.024549999999991</v>
      </c>
    </row>
    <row r="5530" spans="1:3" x14ac:dyDescent="0.25">
      <c r="A5530" s="2" t="s">
        <v>1103</v>
      </c>
      <c r="B5530" s="6">
        <v>92041.2</v>
      </c>
      <c r="C5530" s="7">
        <f t="shared" si="86"/>
        <v>92.041200000000003</v>
      </c>
    </row>
    <row r="5531" spans="1:3" x14ac:dyDescent="0.25">
      <c r="A5531" s="2" t="s">
        <v>1104</v>
      </c>
      <c r="B5531" s="6">
        <v>92057.849999999991</v>
      </c>
      <c r="C5531" s="7">
        <f t="shared" si="86"/>
        <v>92.057849999999988</v>
      </c>
    </row>
    <row r="5532" spans="1:3" x14ac:dyDescent="0.25">
      <c r="A5532" s="2" t="s">
        <v>1105</v>
      </c>
      <c r="B5532" s="6">
        <v>92074.499999999985</v>
      </c>
      <c r="C5532" s="7">
        <f t="shared" si="86"/>
        <v>92.074499999999986</v>
      </c>
    </row>
    <row r="5533" spans="1:3" x14ac:dyDescent="0.25">
      <c r="A5533" s="2" t="s">
        <v>1106</v>
      </c>
      <c r="B5533" s="6">
        <v>92091.15</v>
      </c>
      <c r="C5533" s="7">
        <f t="shared" si="86"/>
        <v>92.091149999999999</v>
      </c>
    </row>
    <row r="5534" spans="1:3" x14ac:dyDescent="0.25">
      <c r="A5534" s="2" t="s">
        <v>1107</v>
      </c>
      <c r="B5534" s="6">
        <v>92107.799999999988</v>
      </c>
      <c r="C5534" s="7">
        <f t="shared" si="86"/>
        <v>92.107799999999983</v>
      </c>
    </row>
    <row r="5535" spans="1:3" x14ac:dyDescent="0.25">
      <c r="A5535" s="2" t="s">
        <v>1108</v>
      </c>
      <c r="B5535" s="6">
        <v>92124.45</v>
      </c>
      <c r="C5535" s="7">
        <f t="shared" si="86"/>
        <v>92.124449999999996</v>
      </c>
    </row>
    <row r="5536" spans="1:3" x14ac:dyDescent="0.25">
      <c r="A5536" s="2" t="s">
        <v>1109</v>
      </c>
      <c r="B5536" s="6">
        <v>92141.099999999991</v>
      </c>
      <c r="C5536" s="7">
        <f t="shared" si="86"/>
        <v>92.141099999999994</v>
      </c>
    </row>
    <row r="5537" spans="1:3" x14ac:dyDescent="0.25">
      <c r="A5537" s="2" t="s">
        <v>1110</v>
      </c>
      <c r="B5537" s="6">
        <v>92157.749999999985</v>
      </c>
      <c r="C5537" s="7">
        <f t="shared" si="86"/>
        <v>92.157749999999979</v>
      </c>
    </row>
    <row r="5538" spans="1:3" x14ac:dyDescent="0.25">
      <c r="A5538" s="2" t="s">
        <v>1111</v>
      </c>
      <c r="B5538" s="6">
        <v>92174.399999999994</v>
      </c>
      <c r="C5538" s="7">
        <f t="shared" si="86"/>
        <v>92.174399999999991</v>
      </c>
    </row>
    <row r="5539" spans="1:3" x14ac:dyDescent="0.25">
      <c r="A5539" s="2" t="s">
        <v>1112</v>
      </c>
      <c r="B5539" s="6">
        <v>92191.049999999988</v>
      </c>
      <c r="C5539" s="7">
        <f t="shared" si="86"/>
        <v>92.19104999999999</v>
      </c>
    </row>
    <row r="5540" spans="1:3" x14ac:dyDescent="0.25">
      <c r="A5540" s="2" t="s">
        <v>1113</v>
      </c>
      <c r="B5540" s="6">
        <v>92207.7</v>
      </c>
      <c r="C5540" s="7">
        <f t="shared" si="86"/>
        <v>92.207700000000003</v>
      </c>
    </row>
    <row r="5541" spans="1:3" x14ac:dyDescent="0.25">
      <c r="A5541" s="2" t="s">
        <v>1114</v>
      </c>
      <c r="B5541" s="6">
        <v>92224.349999999991</v>
      </c>
      <c r="C5541" s="7">
        <f t="shared" si="86"/>
        <v>92.224349999999987</v>
      </c>
    </row>
    <row r="5542" spans="1:3" x14ac:dyDescent="0.25">
      <c r="A5542" s="2" t="s">
        <v>1115</v>
      </c>
      <c r="B5542" s="6">
        <v>92240.999999999985</v>
      </c>
      <c r="C5542" s="7">
        <f t="shared" si="86"/>
        <v>92.240999999999985</v>
      </c>
    </row>
    <row r="5543" spans="1:3" x14ac:dyDescent="0.25">
      <c r="A5543" s="2" t="s">
        <v>1116</v>
      </c>
      <c r="B5543" s="6">
        <v>92257.65</v>
      </c>
      <c r="C5543" s="7">
        <f t="shared" si="86"/>
        <v>92.257649999999998</v>
      </c>
    </row>
    <row r="5544" spans="1:3" x14ac:dyDescent="0.25">
      <c r="A5544" s="2" t="s">
        <v>1117</v>
      </c>
      <c r="B5544" s="6">
        <v>92274.299999999988</v>
      </c>
      <c r="C5544" s="7">
        <f t="shared" si="86"/>
        <v>92.274299999999982</v>
      </c>
    </row>
    <row r="5545" spans="1:3" x14ac:dyDescent="0.25">
      <c r="A5545" s="2" t="s">
        <v>1118</v>
      </c>
      <c r="B5545" s="6">
        <v>92290.95</v>
      </c>
      <c r="C5545" s="7">
        <f t="shared" si="86"/>
        <v>92.290949999999995</v>
      </c>
    </row>
    <row r="5546" spans="1:3" x14ac:dyDescent="0.25">
      <c r="A5546" s="2" t="s">
        <v>1119</v>
      </c>
      <c r="B5546" s="6">
        <v>92307.599999999991</v>
      </c>
      <c r="C5546" s="7">
        <f t="shared" si="86"/>
        <v>92.307599999999994</v>
      </c>
    </row>
    <row r="5547" spans="1:3" x14ac:dyDescent="0.25">
      <c r="A5547" s="2" t="s">
        <v>1120</v>
      </c>
      <c r="B5547" s="6">
        <v>92324.249999999985</v>
      </c>
      <c r="C5547" s="7">
        <f t="shared" si="86"/>
        <v>92.324249999999992</v>
      </c>
    </row>
    <row r="5548" spans="1:3" x14ac:dyDescent="0.25">
      <c r="A5548" s="2" t="s">
        <v>1121</v>
      </c>
      <c r="B5548" s="6">
        <v>92340.9</v>
      </c>
      <c r="C5548" s="7">
        <f t="shared" si="86"/>
        <v>92.340899999999991</v>
      </c>
    </row>
    <row r="5549" spans="1:3" x14ac:dyDescent="0.25">
      <c r="A5549" s="2" t="s">
        <v>1122</v>
      </c>
      <c r="B5549" s="6">
        <v>92357.549999999988</v>
      </c>
      <c r="C5549" s="7">
        <f t="shared" si="86"/>
        <v>92.357549999999989</v>
      </c>
    </row>
    <row r="5550" spans="1:3" x14ac:dyDescent="0.25">
      <c r="A5550" s="2" t="s">
        <v>1123</v>
      </c>
      <c r="B5550" s="6">
        <v>92374.2</v>
      </c>
      <c r="C5550" s="7">
        <f t="shared" si="86"/>
        <v>92.374200000000002</v>
      </c>
    </row>
    <row r="5551" spans="1:3" x14ac:dyDescent="0.25">
      <c r="A5551" s="2" t="s">
        <v>1124</v>
      </c>
      <c r="B5551" s="6">
        <v>92390.849999999991</v>
      </c>
      <c r="C5551" s="7">
        <f t="shared" si="86"/>
        <v>92.390849999999986</v>
      </c>
    </row>
    <row r="5552" spans="1:3" x14ac:dyDescent="0.25">
      <c r="A5552" s="2" t="s">
        <v>1125</v>
      </c>
      <c r="B5552" s="6">
        <v>92407.499999999985</v>
      </c>
      <c r="C5552" s="7">
        <f t="shared" si="86"/>
        <v>92.407499999999985</v>
      </c>
    </row>
    <row r="5553" spans="1:3" x14ac:dyDescent="0.25">
      <c r="A5553" s="2" t="s">
        <v>1126</v>
      </c>
      <c r="B5553" s="6">
        <v>92424.15</v>
      </c>
      <c r="C5553" s="7">
        <f t="shared" si="86"/>
        <v>92.424149999999997</v>
      </c>
    </row>
    <row r="5554" spans="1:3" x14ac:dyDescent="0.25">
      <c r="A5554" s="2" t="s">
        <v>1127</v>
      </c>
      <c r="B5554" s="6">
        <v>92440.799999999988</v>
      </c>
      <c r="C5554" s="7">
        <f t="shared" si="86"/>
        <v>92.440799999999982</v>
      </c>
    </row>
    <row r="5555" spans="1:3" x14ac:dyDescent="0.25">
      <c r="A5555" s="2" t="s">
        <v>1128</v>
      </c>
      <c r="B5555" s="6">
        <v>92457.45</v>
      </c>
      <c r="C5555" s="7">
        <f t="shared" si="86"/>
        <v>92.457449999999994</v>
      </c>
    </row>
    <row r="5556" spans="1:3" x14ac:dyDescent="0.25">
      <c r="A5556" s="2" t="s">
        <v>1129</v>
      </c>
      <c r="B5556" s="6">
        <v>92474.099999999991</v>
      </c>
      <c r="C5556" s="7">
        <f t="shared" si="86"/>
        <v>92.474099999999993</v>
      </c>
    </row>
    <row r="5557" spans="1:3" x14ac:dyDescent="0.25">
      <c r="A5557" s="2" t="s">
        <v>1130</v>
      </c>
      <c r="B5557" s="6">
        <v>92490.749999999985</v>
      </c>
      <c r="C5557" s="7">
        <f t="shared" si="86"/>
        <v>92.490749999999991</v>
      </c>
    </row>
    <row r="5558" spans="1:3" x14ac:dyDescent="0.25">
      <c r="A5558" s="2" t="s">
        <v>1131</v>
      </c>
      <c r="B5558" s="6">
        <v>92507.4</v>
      </c>
      <c r="C5558" s="7">
        <f t="shared" si="86"/>
        <v>92.50739999999999</v>
      </c>
    </row>
    <row r="5559" spans="1:3" x14ac:dyDescent="0.25">
      <c r="A5559" s="2" t="s">
        <v>1132</v>
      </c>
      <c r="B5559" s="6">
        <v>92524.049999999988</v>
      </c>
      <c r="C5559" s="7">
        <f t="shared" si="86"/>
        <v>92.524049999999988</v>
      </c>
    </row>
    <row r="5560" spans="1:3" x14ac:dyDescent="0.25">
      <c r="A5560" s="2" t="s">
        <v>1133</v>
      </c>
      <c r="B5560" s="6">
        <v>92540.7</v>
      </c>
      <c r="C5560" s="7">
        <f t="shared" si="86"/>
        <v>92.540700000000001</v>
      </c>
    </row>
    <row r="5561" spans="1:3" x14ac:dyDescent="0.25">
      <c r="A5561" s="2" t="s">
        <v>1134</v>
      </c>
      <c r="B5561" s="6">
        <v>92557.349999999991</v>
      </c>
      <c r="C5561" s="7">
        <f t="shared" si="86"/>
        <v>92.557349999999985</v>
      </c>
    </row>
    <row r="5562" spans="1:3" x14ac:dyDescent="0.25">
      <c r="A5562" s="2" t="s">
        <v>1135</v>
      </c>
      <c r="B5562" s="6">
        <v>92573.999999999985</v>
      </c>
      <c r="C5562" s="7">
        <f t="shared" si="86"/>
        <v>92.573999999999984</v>
      </c>
    </row>
    <row r="5563" spans="1:3" x14ac:dyDescent="0.25">
      <c r="A5563" s="2" t="s">
        <v>1136</v>
      </c>
      <c r="B5563" s="6">
        <v>92590.65</v>
      </c>
      <c r="C5563" s="7">
        <f t="shared" si="86"/>
        <v>92.590649999999997</v>
      </c>
    </row>
    <row r="5564" spans="1:3" x14ac:dyDescent="0.25">
      <c r="A5564" s="2" t="s">
        <v>1137</v>
      </c>
      <c r="B5564" s="6">
        <v>92607.299999999988</v>
      </c>
      <c r="C5564" s="7">
        <f t="shared" si="86"/>
        <v>92.607299999999995</v>
      </c>
    </row>
    <row r="5565" spans="1:3" x14ac:dyDescent="0.25">
      <c r="A5565" s="2" t="s">
        <v>1138</v>
      </c>
      <c r="B5565" s="6">
        <v>92623.95</v>
      </c>
      <c r="C5565" s="7">
        <f t="shared" si="86"/>
        <v>92.623949999999994</v>
      </c>
    </row>
    <row r="5566" spans="1:3" x14ac:dyDescent="0.25">
      <c r="A5566" s="2" t="s">
        <v>1139</v>
      </c>
      <c r="B5566" s="6">
        <v>92640.599999999991</v>
      </c>
      <c r="C5566" s="7">
        <f t="shared" si="86"/>
        <v>92.640599999999992</v>
      </c>
    </row>
    <row r="5567" spans="1:3" x14ac:dyDescent="0.25">
      <c r="A5567" s="2" t="s">
        <v>1140</v>
      </c>
      <c r="B5567" s="6">
        <v>92657.249999999985</v>
      </c>
      <c r="C5567" s="7">
        <f t="shared" si="86"/>
        <v>92.657249999999991</v>
      </c>
    </row>
    <row r="5568" spans="1:3" x14ac:dyDescent="0.25">
      <c r="A5568" s="2" t="s">
        <v>1141</v>
      </c>
      <c r="B5568" s="6">
        <v>92673.9</v>
      </c>
      <c r="C5568" s="7">
        <f t="shared" si="86"/>
        <v>92.673899999999989</v>
      </c>
    </row>
    <row r="5569" spans="1:3" x14ac:dyDescent="0.25">
      <c r="A5569" s="2" t="s">
        <v>1142</v>
      </c>
      <c r="B5569" s="6">
        <v>92690.549999999988</v>
      </c>
      <c r="C5569" s="7">
        <f t="shared" si="86"/>
        <v>92.690549999999988</v>
      </c>
    </row>
    <row r="5570" spans="1:3" x14ac:dyDescent="0.25">
      <c r="A5570" s="2" t="s">
        <v>1143</v>
      </c>
      <c r="B5570" s="6">
        <v>92707.199999999997</v>
      </c>
      <c r="C5570" s="7">
        <f t="shared" si="86"/>
        <v>92.7072</v>
      </c>
    </row>
    <row r="5571" spans="1:3" x14ac:dyDescent="0.25">
      <c r="A5571" s="2" t="s">
        <v>1144</v>
      </c>
      <c r="B5571" s="6">
        <v>92723.849999999991</v>
      </c>
      <c r="C5571" s="7">
        <f t="shared" ref="C5571:C5634" si="87">B5571/1000</f>
        <v>92.723849999999985</v>
      </c>
    </row>
    <row r="5572" spans="1:3" x14ac:dyDescent="0.25">
      <c r="A5572" s="2" t="s">
        <v>1145</v>
      </c>
      <c r="B5572" s="6">
        <v>92740.499999999985</v>
      </c>
      <c r="C5572" s="7">
        <f t="shared" si="87"/>
        <v>92.740499999999983</v>
      </c>
    </row>
    <row r="5573" spans="1:3" x14ac:dyDescent="0.25">
      <c r="A5573" s="2" t="s">
        <v>1146</v>
      </c>
      <c r="B5573" s="6">
        <v>92757.15</v>
      </c>
      <c r="C5573" s="7">
        <f t="shared" si="87"/>
        <v>92.757149999999996</v>
      </c>
    </row>
    <row r="5574" spans="1:3" x14ac:dyDescent="0.25">
      <c r="A5574" s="2" t="s">
        <v>1147</v>
      </c>
      <c r="B5574" s="6">
        <v>92773.799999999988</v>
      </c>
      <c r="C5574" s="7">
        <f t="shared" si="87"/>
        <v>92.773799999999994</v>
      </c>
    </row>
    <row r="5575" spans="1:3" x14ac:dyDescent="0.25">
      <c r="A5575" s="2" t="s">
        <v>1148</v>
      </c>
      <c r="B5575" s="6">
        <v>92790.45</v>
      </c>
      <c r="C5575" s="7">
        <f t="shared" si="87"/>
        <v>92.790449999999993</v>
      </c>
    </row>
    <row r="5576" spans="1:3" x14ac:dyDescent="0.25">
      <c r="A5576" s="2" t="s">
        <v>1149</v>
      </c>
      <c r="B5576" s="6">
        <v>92807.099999999991</v>
      </c>
      <c r="C5576" s="7">
        <f t="shared" si="87"/>
        <v>92.807099999999991</v>
      </c>
    </row>
    <row r="5577" spans="1:3" x14ac:dyDescent="0.25">
      <c r="A5577" s="2" t="s">
        <v>1150</v>
      </c>
      <c r="B5577" s="6">
        <v>92823.749999999985</v>
      </c>
      <c r="C5577" s="7">
        <f t="shared" si="87"/>
        <v>92.82374999999999</v>
      </c>
    </row>
    <row r="5578" spans="1:3" x14ac:dyDescent="0.25">
      <c r="A5578" s="2" t="s">
        <v>1151</v>
      </c>
      <c r="B5578" s="6">
        <v>92840.4</v>
      </c>
      <c r="C5578" s="7">
        <f t="shared" si="87"/>
        <v>92.840399999999988</v>
      </c>
    </row>
    <row r="5579" spans="1:3" x14ac:dyDescent="0.25">
      <c r="A5579" s="2" t="s">
        <v>1152</v>
      </c>
      <c r="B5579" s="6">
        <v>92857.049999999988</v>
      </c>
      <c r="C5579" s="7">
        <f t="shared" si="87"/>
        <v>92.857049999999987</v>
      </c>
    </row>
    <row r="5580" spans="1:3" x14ac:dyDescent="0.25">
      <c r="A5580" s="2" t="s">
        <v>1153</v>
      </c>
      <c r="B5580" s="6">
        <v>92873.7</v>
      </c>
      <c r="C5580" s="7">
        <f t="shared" si="87"/>
        <v>92.873699999999999</v>
      </c>
    </row>
    <row r="5581" spans="1:3" x14ac:dyDescent="0.25">
      <c r="A5581" s="2" t="s">
        <v>1154</v>
      </c>
      <c r="B5581" s="6">
        <v>92890.349999999991</v>
      </c>
      <c r="C5581" s="7">
        <f t="shared" si="87"/>
        <v>92.890349999999998</v>
      </c>
    </row>
    <row r="5582" spans="1:3" x14ac:dyDescent="0.25">
      <c r="A5582" s="2" t="s">
        <v>1155</v>
      </c>
      <c r="B5582" s="6">
        <v>92906.999999999985</v>
      </c>
      <c r="C5582" s="7">
        <f t="shared" si="87"/>
        <v>92.906999999999982</v>
      </c>
    </row>
    <row r="5583" spans="1:3" x14ac:dyDescent="0.25">
      <c r="A5583" s="2" t="s">
        <v>1156</v>
      </c>
      <c r="B5583" s="6">
        <v>92923.65</v>
      </c>
      <c r="C5583" s="7">
        <f t="shared" si="87"/>
        <v>92.923649999999995</v>
      </c>
    </row>
    <row r="5584" spans="1:3" x14ac:dyDescent="0.25">
      <c r="A5584" s="2" t="s">
        <v>1157</v>
      </c>
      <c r="B5584" s="6">
        <v>92940.299999999988</v>
      </c>
      <c r="C5584" s="7">
        <f t="shared" si="87"/>
        <v>92.940299999999993</v>
      </c>
    </row>
    <row r="5585" spans="1:3" x14ac:dyDescent="0.25">
      <c r="A5585" s="2" t="s">
        <v>1158</v>
      </c>
      <c r="B5585" s="6">
        <v>92956.95</v>
      </c>
      <c r="C5585" s="7">
        <f t="shared" si="87"/>
        <v>92.956949999999992</v>
      </c>
    </row>
    <row r="5586" spans="1:3" x14ac:dyDescent="0.25">
      <c r="A5586" s="2" t="s">
        <v>1159</v>
      </c>
      <c r="B5586" s="6">
        <v>92973.599999999991</v>
      </c>
      <c r="C5586" s="7">
        <f t="shared" si="87"/>
        <v>92.97359999999999</v>
      </c>
    </row>
    <row r="5587" spans="1:3" x14ac:dyDescent="0.25">
      <c r="A5587" s="2" t="s">
        <v>1160</v>
      </c>
      <c r="B5587" s="6">
        <v>92990.249999999985</v>
      </c>
      <c r="C5587" s="7">
        <f t="shared" si="87"/>
        <v>92.990249999999989</v>
      </c>
    </row>
    <row r="5588" spans="1:3" x14ac:dyDescent="0.25">
      <c r="A5588" s="2" t="s">
        <v>1161</v>
      </c>
      <c r="B5588" s="6">
        <v>93006.9</v>
      </c>
      <c r="C5588" s="7">
        <f t="shared" si="87"/>
        <v>93.006899999999987</v>
      </c>
    </row>
    <row r="5589" spans="1:3" x14ac:dyDescent="0.25">
      <c r="A5589" s="2" t="s">
        <v>1162</v>
      </c>
      <c r="B5589" s="6">
        <v>93023.549999999988</v>
      </c>
      <c r="C5589" s="7">
        <f t="shared" si="87"/>
        <v>93.023549999999986</v>
      </c>
    </row>
    <row r="5590" spans="1:3" x14ac:dyDescent="0.25">
      <c r="A5590" s="2" t="s">
        <v>1163</v>
      </c>
      <c r="B5590" s="6">
        <v>93040.2</v>
      </c>
      <c r="C5590" s="7">
        <f t="shared" si="87"/>
        <v>93.040199999999999</v>
      </c>
    </row>
    <row r="5591" spans="1:3" x14ac:dyDescent="0.25">
      <c r="A5591" s="2" t="s">
        <v>1164</v>
      </c>
      <c r="B5591" s="6">
        <v>93056.849999999991</v>
      </c>
      <c r="C5591" s="7">
        <f t="shared" si="87"/>
        <v>93.056849999999997</v>
      </c>
    </row>
    <row r="5592" spans="1:3" x14ac:dyDescent="0.25">
      <c r="A5592" s="2" t="s">
        <v>1165</v>
      </c>
      <c r="B5592" s="6">
        <v>93073.499999999985</v>
      </c>
      <c r="C5592" s="7">
        <f t="shared" si="87"/>
        <v>93.073499999999981</v>
      </c>
    </row>
    <row r="5593" spans="1:3" x14ac:dyDescent="0.25">
      <c r="A5593" s="2" t="s">
        <v>1166</v>
      </c>
      <c r="B5593" s="6">
        <v>93090.15</v>
      </c>
      <c r="C5593" s="7">
        <f t="shared" si="87"/>
        <v>93.090149999999994</v>
      </c>
    </row>
    <row r="5594" spans="1:3" x14ac:dyDescent="0.25">
      <c r="A5594" s="2" t="s">
        <v>1167</v>
      </c>
      <c r="B5594" s="6">
        <v>93106.799999999988</v>
      </c>
      <c r="C5594" s="7">
        <f t="shared" si="87"/>
        <v>93.106799999999993</v>
      </c>
    </row>
    <row r="5595" spans="1:3" x14ac:dyDescent="0.25">
      <c r="A5595" s="2" t="s">
        <v>1168</v>
      </c>
      <c r="B5595" s="6">
        <v>93123.45</v>
      </c>
      <c r="C5595" s="7">
        <f t="shared" si="87"/>
        <v>93.123449999999991</v>
      </c>
    </row>
    <row r="5596" spans="1:3" x14ac:dyDescent="0.25">
      <c r="A5596" s="2" t="s">
        <v>1169</v>
      </c>
      <c r="B5596" s="6">
        <v>93140.099999999991</v>
      </c>
      <c r="C5596" s="7">
        <f t="shared" si="87"/>
        <v>93.14009999999999</v>
      </c>
    </row>
    <row r="5597" spans="1:3" x14ac:dyDescent="0.25">
      <c r="A5597" s="2" t="s">
        <v>1170</v>
      </c>
      <c r="B5597" s="6">
        <v>93156.749999999985</v>
      </c>
      <c r="C5597" s="7">
        <f t="shared" si="87"/>
        <v>93.156749999999988</v>
      </c>
    </row>
    <row r="5598" spans="1:3" x14ac:dyDescent="0.25">
      <c r="A5598" s="2" t="s">
        <v>1171</v>
      </c>
      <c r="B5598" s="6">
        <v>93173.4</v>
      </c>
      <c r="C5598" s="7">
        <f t="shared" si="87"/>
        <v>93.173400000000001</v>
      </c>
    </row>
    <row r="5599" spans="1:3" x14ac:dyDescent="0.25">
      <c r="A5599" s="2" t="s">
        <v>1172</v>
      </c>
      <c r="B5599" s="6">
        <v>93190.049999999988</v>
      </c>
      <c r="C5599" s="7">
        <f t="shared" si="87"/>
        <v>93.190049999999985</v>
      </c>
    </row>
    <row r="5600" spans="1:3" x14ac:dyDescent="0.25">
      <c r="A5600" s="2" t="s">
        <v>1173</v>
      </c>
      <c r="B5600" s="6">
        <v>93206.7</v>
      </c>
      <c r="C5600" s="7">
        <f t="shared" si="87"/>
        <v>93.206699999999998</v>
      </c>
    </row>
    <row r="5601" spans="1:3" x14ac:dyDescent="0.25">
      <c r="A5601" s="2" t="s">
        <v>1174</v>
      </c>
      <c r="B5601" s="6">
        <v>93223.349999999991</v>
      </c>
      <c r="C5601" s="7">
        <f t="shared" si="87"/>
        <v>93.223349999999996</v>
      </c>
    </row>
    <row r="5602" spans="1:3" x14ac:dyDescent="0.25">
      <c r="A5602" s="2" t="s">
        <v>1175</v>
      </c>
      <c r="B5602" s="6">
        <v>93239.999999999985</v>
      </c>
      <c r="C5602" s="7">
        <f t="shared" si="87"/>
        <v>93.239999999999981</v>
      </c>
    </row>
    <row r="5603" spans="1:3" x14ac:dyDescent="0.25">
      <c r="A5603" s="2" t="s">
        <v>1176</v>
      </c>
      <c r="B5603" s="6">
        <v>93256.65</v>
      </c>
      <c r="C5603" s="7">
        <f t="shared" si="87"/>
        <v>93.256649999999993</v>
      </c>
    </row>
    <row r="5604" spans="1:3" x14ac:dyDescent="0.25">
      <c r="A5604" s="2" t="s">
        <v>1177</v>
      </c>
      <c r="B5604" s="6">
        <v>93273.299999999988</v>
      </c>
      <c r="C5604" s="7">
        <f t="shared" si="87"/>
        <v>93.273299999999992</v>
      </c>
    </row>
    <row r="5605" spans="1:3" x14ac:dyDescent="0.25">
      <c r="A5605" s="2" t="s">
        <v>1178</v>
      </c>
      <c r="B5605" s="6">
        <v>93289.95</v>
      </c>
      <c r="C5605" s="7">
        <f t="shared" si="87"/>
        <v>93.28994999999999</v>
      </c>
    </row>
    <row r="5606" spans="1:3" x14ac:dyDescent="0.25">
      <c r="A5606" s="2" t="s">
        <v>1179</v>
      </c>
      <c r="B5606" s="6">
        <v>93306.599999999991</v>
      </c>
      <c r="C5606" s="7">
        <f t="shared" si="87"/>
        <v>93.306599999999989</v>
      </c>
    </row>
    <row r="5607" spans="1:3" x14ac:dyDescent="0.25">
      <c r="A5607" s="2" t="s">
        <v>1180</v>
      </c>
      <c r="B5607" s="6">
        <v>93323.249999999985</v>
      </c>
      <c r="C5607" s="7">
        <f t="shared" si="87"/>
        <v>93.323249999999987</v>
      </c>
    </row>
    <row r="5608" spans="1:3" x14ac:dyDescent="0.25">
      <c r="A5608" s="2" t="s">
        <v>1181</v>
      </c>
      <c r="B5608" s="6">
        <v>93339.9</v>
      </c>
      <c r="C5608" s="7">
        <f t="shared" si="87"/>
        <v>93.3399</v>
      </c>
    </row>
    <row r="5609" spans="1:3" x14ac:dyDescent="0.25">
      <c r="A5609" s="2" t="s">
        <v>1182</v>
      </c>
      <c r="B5609" s="6">
        <v>93356.549999999988</v>
      </c>
      <c r="C5609" s="7">
        <f t="shared" si="87"/>
        <v>93.356549999999984</v>
      </c>
    </row>
    <row r="5610" spans="1:3" x14ac:dyDescent="0.25">
      <c r="A5610" s="2" t="s">
        <v>1183</v>
      </c>
      <c r="B5610" s="6">
        <v>93373.2</v>
      </c>
      <c r="C5610" s="7">
        <f t="shared" si="87"/>
        <v>93.373199999999997</v>
      </c>
    </row>
    <row r="5611" spans="1:3" x14ac:dyDescent="0.25">
      <c r="A5611" s="2" t="s">
        <v>1184</v>
      </c>
      <c r="B5611" s="6">
        <v>93389.849999999991</v>
      </c>
      <c r="C5611" s="7">
        <f t="shared" si="87"/>
        <v>93.389849999999996</v>
      </c>
    </row>
    <row r="5612" spans="1:3" x14ac:dyDescent="0.25">
      <c r="A5612" s="2" t="s">
        <v>1185</v>
      </c>
      <c r="B5612" s="6">
        <v>93406.499999999985</v>
      </c>
      <c r="C5612" s="7">
        <f t="shared" si="87"/>
        <v>93.40649999999998</v>
      </c>
    </row>
    <row r="5613" spans="1:3" x14ac:dyDescent="0.25">
      <c r="A5613" s="2" t="s">
        <v>1186</v>
      </c>
      <c r="B5613" s="6">
        <v>93423.15</v>
      </c>
      <c r="C5613" s="7">
        <f t="shared" si="87"/>
        <v>93.423149999999993</v>
      </c>
    </row>
    <row r="5614" spans="1:3" x14ac:dyDescent="0.25">
      <c r="A5614" s="2" t="s">
        <v>1187</v>
      </c>
      <c r="B5614" s="6">
        <v>93439.799999999988</v>
      </c>
      <c r="C5614" s="7">
        <f t="shared" si="87"/>
        <v>93.439799999999991</v>
      </c>
    </row>
    <row r="5615" spans="1:3" x14ac:dyDescent="0.25">
      <c r="A5615" s="2" t="s">
        <v>1188</v>
      </c>
      <c r="B5615" s="6">
        <v>93456.45</v>
      </c>
      <c r="C5615" s="7">
        <f t="shared" si="87"/>
        <v>93.456450000000004</v>
      </c>
    </row>
    <row r="5616" spans="1:3" x14ac:dyDescent="0.25">
      <c r="A5616" s="2" t="s">
        <v>1189</v>
      </c>
      <c r="B5616" s="6">
        <v>93473.099999999991</v>
      </c>
      <c r="C5616" s="7">
        <f t="shared" si="87"/>
        <v>93.473099999999988</v>
      </c>
    </row>
    <row r="5617" spans="1:3" x14ac:dyDescent="0.25">
      <c r="A5617" s="2" t="s">
        <v>1190</v>
      </c>
      <c r="B5617" s="6">
        <v>93489.749999999985</v>
      </c>
      <c r="C5617" s="7">
        <f t="shared" si="87"/>
        <v>93.489749999999987</v>
      </c>
    </row>
    <row r="5618" spans="1:3" x14ac:dyDescent="0.25">
      <c r="A5618" s="2" t="s">
        <v>1191</v>
      </c>
      <c r="B5618" s="6">
        <v>93506.4</v>
      </c>
      <c r="C5618" s="7">
        <f t="shared" si="87"/>
        <v>93.506399999999999</v>
      </c>
    </row>
    <row r="5619" spans="1:3" x14ac:dyDescent="0.25">
      <c r="A5619" s="2" t="s">
        <v>1192</v>
      </c>
      <c r="B5619" s="6">
        <v>93523.049999999988</v>
      </c>
      <c r="C5619" s="7">
        <f t="shared" si="87"/>
        <v>93.523049999999984</v>
      </c>
    </row>
    <row r="5620" spans="1:3" x14ac:dyDescent="0.25">
      <c r="A5620" s="2" t="s">
        <v>1193</v>
      </c>
      <c r="B5620" s="6">
        <v>93539.7</v>
      </c>
      <c r="C5620" s="7">
        <f t="shared" si="87"/>
        <v>93.539699999999996</v>
      </c>
    </row>
    <row r="5621" spans="1:3" x14ac:dyDescent="0.25">
      <c r="A5621" s="2" t="s">
        <v>1194</v>
      </c>
      <c r="B5621" s="6">
        <v>93556.349999999991</v>
      </c>
      <c r="C5621" s="7">
        <f t="shared" si="87"/>
        <v>93.556349999999995</v>
      </c>
    </row>
    <row r="5622" spans="1:3" x14ac:dyDescent="0.25">
      <c r="A5622" s="2" t="s">
        <v>1195</v>
      </c>
      <c r="B5622" s="6">
        <v>93572.999999999985</v>
      </c>
      <c r="C5622" s="7">
        <f t="shared" si="87"/>
        <v>93.572999999999979</v>
      </c>
    </row>
    <row r="5623" spans="1:3" x14ac:dyDescent="0.25">
      <c r="A5623" s="2" t="s">
        <v>1196</v>
      </c>
      <c r="B5623" s="6">
        <v>93589.65</v>
      </c>
      <c r="C5623" s="7">
        <f t="shared" si="87"/>
        <v>93.589649999999992</v>
      </c>
    </row>
    <row r="5624" spans="1:3" x14ac:dyDescent="0.25">
      <c r="A5624" s="2" t="s">
        <v>1197</v>
      </c>
      <c r="B5624" s="6">
        <v>93606.299999999988</v>
      </c>
      <c r="C5624" s="7">
        <f t="shared" si="87"/>
        <v>93.60629999999999</v>
      </c>
    </row>
    <row r="5625" spans="1:3" x14ac:dyDescent="0.25">
      <c r="A5625" s="2" t="s">
        <v>1198</v>
      </c>
      <c r="B5625" s="6">
        <v>93622.95</v>
      </c>
      <c r="C5625" s="7">
        <f t="shared" si="87"/>
        <v>93.622950000000003</v>
      </c>
    </row>
    <row r="5626" spans="1:3" x14ac:dyDescent="0.25">
      <c r="A5626" s="2" t="s">
        <v>1199</v>
      </c>
      <c r="B5626" s="6">
        <v>93639.599999999991</v>
      </c>
      <c r="C5626" s="7">
        <f t="shared" si="87"/>
        <v>93.639599999999987</v>
      </c>
    </row>
    <row r="5627" spans="1:3" x14ac:dyDescent="0.25">
      <c r="A5627" s="2" t="s">
        <v>1200</v>
      </c>
      <c r="B5627" s="6">
        <v>93656.249999999985</v>
      </c>
      <c r="C5627" s="7">
        <f t="shared" si="87"/>
        <v>93.656249999999986</v>
      </c>
    </row>
    <row r="5628" spans="1:3" x14ac:dyDescent="0.25">
      <c r="A5628" s="2" t="s">
        <v>1201</v>
      </c>
      <c r="B5628" s="6">
        <v>93672.9</v>
      </c>
      <c r="C5628" s="7">
        <f t="shared" si="87"/>
        <v>93.672899999999998</v>
      </c>
    </row>
    <row r="5629" spans="1:3" x14ac:dyDescent="0.25">
      <c r="A5629" s="2" t="s">
        <v>1202</v>
      </c>
      <c r="B5629" s="6">
        <v>93689.549999999988</v>
      </c>
      <c r="C5629" s="7">
        <f t="shared" si="87"/>
        <v>93.689549999999983</v>
      </c>
    </row>
    <row r="5630" spans="1:3" x14ac:dyDescent="0.25">
      <c r="A5630" s="2" t="s">
        <v>1203</v>
      </c>
      <c r="B5630" s="6">
        <v>93706.2</v>
      </c>
      <c r="C5630" s="7">
        <f t="shared" si="87"/>
        <v>93.706199999999995</v>
      </c>
    </row>
    <row r="5631" spans="1:3" x14ac:dyDescent="0.25">
      <c r="A5631" s="2" t="s">
        <v>1204</v>
      </c>
      <c r="B5631" s="6">
        <v>93722.849999999991</v>
      </c>
      <c r="C5631" s="7">
        <f t="shared" si="87"/>
        <v>93.722849999999994</v>
      </c>
    </row>
    <row r="5632" spans="1:3" x14ac:dyDescent="0.25">
      <c r="A5632" s="2" t="s">
        <v>1205</v>
      </c>
      <c r="B5632" s="6">
        <v>93739.499999999985</v>
      </c>
      <c r="C5632" s="7">
        <f t="shared" si="87"/>
        <v>93.739499999999992</v>
      </c>
    </row>
    <row r="5633" spans="1:3" x14ac:dyDescent="0.25">
      <c r="A5633" s="2" t="s">
        <v>1206</v>
      </c>
      <c r="B5633" s="6">
        <v>93756.15</v>
      </c>
      <c r="C5633" s="7">
        <f t="shared" si="87"/>
        <v>93.756149999999991</v>
      </c>
    </row>
    <row r="5634" spans="1:3" x14ac:dyDescent="0.25">
      <c r="A5634" s="2" t="s">
        <v>1207</v>
      </c>
      <c r="B5634" s="6">
        <v>93772.799999999988</v>
      </c>
      <c r="C5634" s="7">
        <f t="shared" si="87"/>
        <v>93.772799999999989</v>
      </c>
    </row>
    <row r="5635" spans="1:3" x14ac:dyDescent="0.25">
      <c r="A5635" s="2" t="s">
        <v>1208</v>
      </c>
      <c r="B5635" s="6">
        <v>93789.45</v>
      </c>
      <c r="C5635" s="7">
        <f t="shared" ref="C5635:C5698" si="88">B5635/1000</f>
        <v>93.789450000000002</v>
      </c>
    </row>
    <row r="5636" spans="1:3" x14ac:dyDescent="0.25">
      <c r="A5636" s="2" t="s">
        <v>1209</v>
      </c>
      <c r="B5636" s="6">
        <v>93806.099999999991</v>
      </c>
      <c r="C5636" s="7">
        <f t="shared" si="88"/>
        <v>93.806099999999986</v>
      </c>
    </row>
    <row r="5637" spans="1:3" x14ac:dyDescent="0.25">
      <c r="A5637" s="2" t="s">
        <v>1210</v>
      </c>
      <c r="B5637" s="6">
        <v>93822.749999999985</v>
      </c>
      <c r="C5637" s="7">
        <f t="shared" si="88"/>
        <v>93.822749999999985</v>
      </c>
    </row>
    <row r="5638" spans="1:3" x14ac:dyDescent="0.25">
      <c r="A5638" s="2" t="s">
        <v>1211</v>
      </c>
      <c r="B5638" s="6">
        <v>93839.4</v>
      </c>
      <c r="C5638" s="7">
        <f t="shared" si="88"/>
        <v>93.839399999999998</v>
      </c>
    </row>
    <row r="5639" spans="1:3" x14ac:dyDescent="0.25">
      <c r="A5639" s="2" t="s">
        <v>1212</v>
      </c>
      <c r="B5639" s="6">
        <v>93856.049999999988</v>
      </c>
      <c r="C5639" s="7">
        <f t="shared" si="88"/>
        <v>93.856049999999982</v>
      </c>
    </row>
    <row r="5640" spans="1:3" x14ac:dyDescent="0.25">
      <c r="A5640" s="2" t="s">
        <v>1213</v>
      </c>
      <c r="B5640" s="6">
        <v>93872.7</v>
      </c>
      <c r="C5640" s="7">
        <f t="shared" si="88"/>
        <v>93.872699999999995</v>
      </c>
    </row>
    <row r="5641" spans="1:3" x14ac:dyDescent="0.25">
      <c r="A5641" s="2" t="s">
        <v>1214</v>
      </c>
      <c r="B5641" s="6">
        <v>93889.349999999991</v>
      </c>
      <c r="C5641" s="7">
        <f t="shared" si="88"/>
        <v>93.889349999999993</v>
      </c>
    </row>
    <row r="5642" spans="1:3" x14ac:dyDescent="0.25">
      <c r="A5642" s="2" t="s">
        <v>1215</v>
      </c>
      <c r="B5642" s="6">
        <v>93905.999999999985</v>
      </c>
      <c r="C5642" s="7">
        <f t="shared" si="88"/>
        <v>93.905999999999992</v>
      </c>
    </row>
    <row r="5643" spans="1:3" x14ac:dyDescent="0.25">
      <c r="A5643" s="2" t="s">
        <v>1216</v>
      </c>
      <c r="B5643" s="6">
        <v>93922.65</v>
      </c>
      <c r="C5643" s="7">
        <f t="shared" si="88"/>
        <v>93.92264999999999</v>
      </c>
    </row>
    <row r="5644" spans="1:3" x14ac:dyDescent="0.25">
      <c r="A5644" s="2" t="s">
        <v>1217</v>
      </c>
      <c r="B5644" s="6">
        <v>93939.299999999988</v>
      </c>
      <c r="C5644" s="7">
        <f t="shared" si="88"/>
        <v>93.939299999999989</v>
      </c>
    </row>
    <row r="5645" spans="1:3" x14ac:dyDescent="0.25">
      <c r="A5645" s="2" t="s">
        <v>1218</v>
      </c>
      <c r="B5645" s="6">
        <v>93955.95</v>
      </c>
      <c r="C5645" s="7">
        <f t="shared" si="88"/>
        <v>93.955950000000001</v>
      </c>
    </row>
    <row r="5646" spans="1:3" x14ac:dyDescent="0.25">
      <c r="A5646" s="2" t="s">
        <v>1219</v>
      </c>
      <c r="B5646" s="6">
        <v>93972.599999999991</v>
      </c>
      <c r="C5646" s="7">
        <f t="shared" si="88"/>
        <v>93.972599999999986</v>
      </c>
    </row>
    <row r="5647" spans="1:3" x14ac:dyDescent="0.25">
      <c r="A5647" s="2" t="s">
        <v>1220</v>
      </c>
      <c r="B5647" s="6">
        <v>93989.249999999985</v>
      </c>
      <c r="C5647" s="7">
        <f t="shared" si="88"/>
        <v>93.989249999999984</v>
      </c>
    </row>
    <row r="5648" spans="1:3" x14ac:dyDescent="0.25">
      <c r="A5648" s="2" t="s">
        <v>1221</v>
      </c>
      <c r="B5648" s="6">
        <v>94005.9</v>
      </c>
      <c r="C5648" s="7">
        <f t="shared" si="88"/>
        <v>94.005899999999997</v>
      </c>
    </row>
    <row r="5649" spans="1:3" x14ac:dyDescent="0.25">
      <c r="A5649" s="2" t="s">
        <v>1222</v>
      </c>
      <c r="B5649" s="6">
        <v>94022.549999999988</v>
      </c>
      <c r="C5649" s="7">
        <f t="shared" si="88"/>
        <v>94.022549999999995</v>
      </c>
    </row>
    <row r="5650" spans="1:3" x14ac:dyDescent="0.25">
      <c r="A5650" s="2" t="s">
        <v>1223</v>
      </c>
      <c r="B5650" s="6">
        <v>94039.2</v>
      </c>
      <c r="C5650" s="7">
        <f t="shared" si="88"/>
        <v>94.039199999999994</v>
      </c>
    </row>
    <row r="5651" spans="1:3" x14ac:dyDescent="0.25">
      <c r="A5651" s="2" t="s">
        <v>1224</v>
      </c>
      <c r="B5651" s="6">
        <v>94055.849999999991</v>
      </c>
      <c r="C5651" s="7">
        <f t="shared" si="88"/>
        <v>94.055849999999992</v>
      </c>
    </row>
    <row r="5652" spans="1:3" x14ac:dyDescent="0.25">
      <c r="A5652" s="2" t="s">
        <v>1225</v>
      </c>
      <c r="B5652" s="6">
        <v>94072.499999999985</v>
      </c>
      <c r="C5652" s="7">
        <f t="shared" si="88"/>
        <v>94.072499999999991</v>
      </c>
    </row>
    <row r="5653" spans="1:3" x14ac:dyDescent="0.25">
      <c r="A5653" s="2" t="s">
        <v>1226</v>
      </c>
      <c r="B5653" s="6">
        <v>94089.15</v>
      </c>
      <c r="C5653" s="7">
        <f t="shared" si="88"/>
        <v>94.089149999999989</v>
      </c>
    </row>
    <row r="5654" spans="1:3" x14ac:dyDescent="0.25">
      <c r="A5654" s="2" t="s">
        <v>1227</v>
      </c>
      <c r="B5654" s="6">
        <v>94105.799999999988</v>
      </c>
      <c r="C5654" s="7">
        <f t="shared" si="88"/>
        <v>94.105799999999988</v>
      </c>
    </row>
    <row r="5655" spans="1:3" x14ac:dyDescent="0.25">
      <c r="A5655" s="2" t="s">
        <v>1228</v>
      </c>
      <c r="B5655" s="6">
        <v>94122.45</v>
      </c>
      <c r="C5655" s="7">
        <f t="shared" si="88"/>
        <v>94.122450000000001</v>
      </c>
    </row>
    <row r="5656" spans="1:3" x14ac:dyDescent="0.25">
      <c r="A5656" s="2" t="s">
        <v>1229</v>
      </c>
      <c r="B5656" s="6">
        <v>94139.099999999991</v>
      </c>
      <c r="C5656" s="7">
        <f t="shared" si="88"/>
        <v>94.139099999999985</v>
      </c>
    </row>
    <row r="5657" spans="1:3" x14ac:dyDescent="0.25">
      <c r="A5657" s="2" t="s">
        <v>1230</v>
      </c>
      <c r="B5657" s="6">
        <v>94155.749999999985</v>
      </c>
      <c r="C5657" s="7">
        <f t="shared" si="88"/>
        <v>94.155749999999983</v>
      </c>
    </row>
    <row r="5658" spans="1:3" x14ac:dyDescent="0.25">
      <c r="A5658" s="2" t="s">
        <v>1231</v>
      </c>
      <c r="B5658" s="6">
        <v>94172.4</v>
      </c>
      <c r="C5658" s="7">
        <f t="shared" si="88"/>
        <v>94.172399999999996</v>
      </c>
    </row>
    <row r="5659" spans="1:3" x14ac:dyDescent="0.25">
      <c r="A5659" s="2" t="s">
        <v>1232</v>
      </c>
      <c r="B5659" s="6">
        <v>94189.049999999988</v>
      </c>
      <c r="C5659" s="7">
        <f t="shared" si="88"/>
        <v>94.189049999999995</v>
      </c>
    </row>
    <row r="5660" spans="1:3" x14ac:dyDescent="0.25">
      <c r="A5660" s="2" t="s">
        <v>1233</v>
      </c>
      <c r="B5660" s="6">
        <v>94205.7</v>
      </c>
      <c r="C5660" s="7">
        <f t="shared" si="88"/>
        <v>94.205699999999993</v>
      </c>
    </row>
    <row r="5661" spans="1:3" x14ac:dyDescent="0.25">
      <c r="A5661" s="2" t="s">
        <v>1234</v>
      </c>
      <c r="B5661" s="6">
        <v>94222.349999999991</v>
      </c>
      <c r="C5661" s="7">
        <f t="shared" si="88"/>
        <v>94.222349999999992</v>
      </c>
    </row>
    <row r="5662" spans="1:3" x14ac:dyDescent="0.25">
      <c r="A5662" s="2" t="s">
        <v>1235</v>
      </c>
      <c r="B5662" s="6">
        <v>94238.999999999985</v>
      </c>
      <c r="C5662" s="7">
        <f t="shared" si="88"/>
        <v>94.23899999999999</v>
      </c>
    </row>
    <row r="5663" spans="1:3" x14ac:dyDescent="0.25">
      <c r="A5663" s="2" t="s">
        <v>1236</v>
      </c>
      <c r="B5663" s="6">
        <v>94255.65</v>
      </c>
      <c r="C5663" s="7">
        <f t="shared" si="88"/>
        <v>94.255649999999989</v>
      </c>
    </row>
    <row r="5664" spans="1:3" x14ac:dyDescent="0.25">
      <c r="A5664" s="2" t="s">
        <v>1237</v>
      </c>
      <c r="B5664" s="6">
        <v>94272.299999999988</v>
      </c>
      <c r="C5664" s="7">
        <f t="shared" si="88"/>
        <v>94.272299999999987</v>
      </c>
    </row>
    <row r="5665" spans="1:3" x14ac:dyDescent="0.25">
      <c r="A5665" s="2" t="s">
        <v>1238</v>
      </c>
      <c r="B5665" s="6">
        <v>94288.95</v>
      </c>
      <c r="C5665" s="7">
        <f t="shared" si="88"/>
        <v>94.28895</v>
      </c>
    </row>
    <row r="5666" spans="1:3" x14ac:dyDescent="0.25">
      <c r="A5666" s="2" t="s">
        <v>1239</v>
      </c>
      <c r="B5666" s="6">
        <v>94305.599999999991</v>
      </c>
      <c r="C5666" s="7">
        <f t="shared" si="88"/>
        <v>94.305599999999998</v>
      </c>
    </row>
    <row r="5667" spans="1:3" x14ac:dyDescent="0.25">
      <c r="A5667" s="2" t="s">
        <v>1240</v>
      </c>
      <c r="B5667" s="6">
        <v>94322.249999999985</v>
      </c>
      <c r="C5667" s="7">
        <f t="shared" si="88"/>
        <v>94.322249999999983</v>
      </c>
    </row>
    <row r="5668" spans="1:3" x14ac:dyDescent="0.25">
      <c r="A5668" s="2" t="s">
        <v>1241</v>
      </c>
      <c r="B5668" s="6">
        <v>94338.9</v>
      </c>
      <c r="C5668" s="7">
        <f t="shared" si="88"/>
        <v>94.338899999999995</v>
      </c>
    </row>
    <row r="5669" spans="1:3" x14ac:dyDescent="0.25">
      <c r="A5669" s="2" t="s">
        <v>1242</v>
      </c>
      <c r="B5669" s="6">
        <v>94355.549999999988</v>
      </c>
      <c r="C5669" s="7">
        <f t="shared" si="88"/>
        <v>94.355549999999994</v>
      </c>
    </row>
    <row r="5670" spans="1:3" x14ac:dyDescent="0.25">
      <c r="A5670" s="2" t="s">
        <v>1243</v>
      </c>
      <c r="B5670" s="6">
        <v>94372.2</v>
      </c>
      <c r="C5670" s="7">
        <f t="shared" si="88"/>
        <v>94.372199999999992</v>
      </c>
    </row>
    <row r="5671" spans="1:3" x14ac:dyDescent="0.25">
      <c r="A5671" s="2" t="s">
        <v>1244</v>
      </c>
      <c r="B5671" s="6">
        <v>94388.849999999991</v>
      </c>
      <c r="C5671" s="7">
        <f t="shared" si="88"/>
        <v>94.388849999999991</v>
      </c>
    </row>
    <row r="5672" spans="1:3" x14ac:dyDescent="0.25">
      <c r="A5672" s="2" t="s">
        <v>1245</v>
      </c>
      <c r="B5672" s="6">
        <v>94405.499999999985</v>
      </c>
      <c r="C5672" s="7">
        <f t="shared" si="88"/>
        <v>94.405499999999989</v>
      </c>
    </row>
    <row r="5673" spans="1:3" x14ac:dyDescent="0.25">
      <c r="A5673" s="2" t="s">
        <v>1246</v>
      </c>
      <c r="B5673" s="6">
        <v>94422.15</v>
      </c>
      <c r="C5673" s="7">
        <f t="shared" si="88"/>
        <v>94.422149999999988</v>
      </c>
    </row>
    <row r="5674" spans="1:3" x14ac:dyDescent="0.25">
      <c r="A5674" s="2" t="s">
        <v>1247</v>
      </c>
      <c r="B5674" s="6">
        <v>94438.799999999988</v>
      </c>
      <c r="C5674" s="7">
        <f t="shared" si="88"/>
        <v>94.438799999999986</v>
      </c>
    </row>
    <row r="5675" spans="1:3" x14ac:dyDescent="0.25">
      <c r="A5675" s="2" t="s">
        <v>1248</v>
      </c>
      <c r="B5675" s="6">
        <v>94455.45</v>
      </c>
      <c r="C5675" s="7">
        <f t="shared" si="88"/>
        <v>94.455449999999999</v>
      </c>
    </row>
    <row r="5676" spans="1:3" x14ac:dyDescent="0.25">
      <c r="A5676" s="2" t="s">
        <v>1249</v>
      </c>
      <c r="B5676" s="6">
        <v>94472.099999999991</v>
      </c>
      <c r="C5676" s="7">
        <f t="shared" si="88"/>
        <v>94.472099999999998</v>
      </c>
    </row>
    <row r="5677" spans="1:3" x14ac:dyDescent="0.25">
      <c r="A5677" s="2" t="s">
        <v>1250</v>
      </c>
      <c r="B5677" s="6">
        <v>94488.749999999985</v>
      </c>
      <c r="C5677" s="7">
        <f t="shared" si="88"/>
        <v>94.488749999999982</v>
      </c>
    </row>
    <row r="5678" spans="1:3" x14ac:dyDescent="0.25">
      <c r="A5678" s="2" t="s">
        <v>1251</v>
      </c>
      <c r="B5678" s="6">
        <v>94505.4</v>
      </c>
      <c r="C5678" s="7">
        <f t="shared" si="88"/>
        <v>94.505399999999995</v>
      </c>
    </row>
    <row r="5679" spans="1:3" x14ac:dyDescent="0.25">
      <c r="A5679" s="2" t="s">
        <v>1252</v>
      </c>
      <c r="B5679" s="6">
        <v>94522.049999999988</v>
      </c>
      <c r="C5679" s="7">
        <f t="shared" si="88"/>
        <v>94.522049999999993</v>
      </c>
    </row>
    <row r="5680" spans="1:3" x14ac:dyDescent="0.25">
      <c r="A5680" s="2" t="s">
        <v>1253</v>
      </c>
      <c r="B5680" s="6">
        <v>94538.7</v>
      </c>
      <c r="C5680" s="7">
        <f t="shared" si="88"/>
        <v>94.538699999999992</v>
      </c>
    </row>
    <row r="5681" spans="1:3" x14ac:dyDescent="0.25">
      <c r="A5681" s="2" t="s">
        <v>1254</v>
      </c>
      <c r="B5681" s="6">
        <v>94555.349999999991</v>
      </c>
      <c r="C5681" s="7">
        <f t="shared" si="88"/>
        <v>94.55534999999999</v>
      </c>
    </row>
    <row r="5682" spans="1:3" x14ac:dyDescent="0.25">
      <c r="A5682" s="2" t="s">
        <v>1255</v>
      </c>
      <c r="B5682" s="6">
        <v>94571.999999999985</v>
      </c>
      <c r="C5682" s="7">
        <f t="shared" si="88"/>
        <v>94.571999999999989</v>
      </c>
    </row>
    <row r="5683" spans="1:3" x14ac:dyDescent="0.25">
      <c r="A5683" s="2" t="s">
        <v>1256</v>
      </c>
      <c r="B5683" s="6">
        <v>94588.65</v>
      </c>
      <c r="C5683" s="7">
        <f t="shared" si="88"/>
        <v>94.588650000000001</v>
      </c>
    </row>
    <row r="5684" spans="1:3" x14ac:dyDescent="0.25">
      <c r="A5684" s="2" t="s">
        <v>1257</v>
      </c>
      <c r="B5684" s="6">
        <v>94605.299999999988</v>
      </c>
      <c r="C5684" s="7">
        <f t="shared" si="88"/>
        <v>94.605299999999986</v>
      </c>
    </row>
    <row r="5685" spans="1:3" x14ac:dyDescent="0.25">
      <c r="A5685" s="2" t="s">
        <v>1258</v>
      </c>
      <c r="B5685" s="6">
        <v>94621.95</v>
      </c>
      <c r="C5685" s="7">
        <f t="shared" si="88"/>
        <v>94.621949999999998</v>
      </c>
    </row>
    <row r="5686" spans="1:3" x14ac:dyDescent="0.25">
      <c r="A5686" s="2" t="s">
        <v>1259</v>
      </c>
      <c r="B5686" s="6">
        <v>94638.599999999991</v>
      </c>
      <c r="C5686" s="7">
        <f t="shared" si="88"/>
        <v>94.638599999999997</v>
      </c>
    </row>
    <row r="5687" spans="1:3" x14ac:dyDescent="0.25">
      <c r="A5687" s="2" t="s">
        <v>1260</v>
      </c>
      <c r="B5687" s="6">
        <v>94655.249999999985</v>
      </c>
      <c r="C5687" s="7">
        <f t="shared" si="88"/>
        <v>94.655249999999981</v>
      </c>
    </row>
    <row r="5688" spans="1:3" x14ac:dyDescent="0.25">
      <c r="A5688" s="2" t="s">
        <v>1261</v>
      </c>
      <c r="B5688" s="6">
        <v>94671.9</v>
      </c>
      <c r="C5688" s="7">
        <f t="shared" si="88"/>
        <v>94.671899999999994</v>
      </c>
    </row>
    <row r="5689" spans="1:3" x14ac:dyDescent="0.25">
      <c r="A5689" s="2" t="s">
        <v>1262</v>
      </c>
      <c r="B5689" s="6">
        <v>94688.549999999988</v>
      </c>
      <c r="C5689" s="7">
        <f t="shared" si="88"/>
        <v>94.688549999999992</v>
      </c>
    </row>
    <row r="5690" spans="1:3" x14ac:dyDescent="0.25">
      <c r="A5690" s="2" t="s">
        <v>1263</v>
      </c>
      <c r="B5690" s="6">
        <v>94705.2</v>
      </c>
      <c r="C5690" s="7">
        <f t="shared" si="88"/>
        <v>94.705199999999991</v>
      </c>
    </row>
    <row r="5691" spans="1:3" x14ac:dyDescent="0.25">
      <c r="A5691" s="2" t="s">
        <v>1264</v>
      </c>
      <c r="B5691" s="6">
        <v>94721.849999999991</v>
      </c>
      <c r="C5691" s="7">
        <f t="shared" si="88"/>
        <v>94.721849999999989</v>
      </c>
    </row>
    <row r="5692" spans="1:3" x14ac:dyDescent="0.25">
      <c r="A5692" s="2" t="s">
        <v>1265</v>
      </c>
      <c r="B5692" s="6">
        <v>94738.499999999985</v>
      </c>
      <c r="C5692" s="7">
        <f t="shared" si="88"/>
        <v>94.738499999999988</v>
      </c>
    </row>
    <row r="5693" spans="1:3" x14ac:dyDescent="0.25">
      <c r="A5693" s="2" t="s">
        <v>1266</v>
      </c>
      <c r="B5693" s="6">
        <v>94755.15</v>
      </c>
      <c r="C5693" s="7">
        <f t="shared" si="88"/>
        <v>94.75515</v>
      </c>
    </row>
    <row r="5694" spans="1:3" x14ac:dyDescent="0.25">
      <c r="A5694" s="2" t="s">
        <v>1267</v>
      </c>
      <c r="B5694" s="6">
        <v>94771.799999999988</v>
      </c>
      <c r="C5694" s="7">
        <f t="shared" si="88"/>
        <v>94.771799999999985</v>
      </c>
    </row>
    <row r="5695" spans="1:3" x14ac:dyDescent="0.25">
      <c r="A5695" s="2" t="s">
        <v>1268</v>
      </c>
      <c r="B5695" s="6">
        <v>94788.45</v>
      </c>
      <c r="C5695" s="7">
        <f t="shared" si="88"/>
        <v>94.788449999999997</v>
      </c>
    </row>
    <row r="5696" spans="1:3" x14ac:dyDescent="0.25">
      <c r="A5696" s="2" t="s">
        <v>1269</v>
      </c>
      <c r="B5696" s="6">
        <v>94805.099999999991</v>
      </c>
      <c r="C5696" s="7">
        <f t="shared" si="88"/>
        <v>94.805099999999996</v>
      </c>
    </row>
    <row r="5697" spans="1:3" x14ac:dyDescent="0.25">
      <c r="A5697" s="2" t="s">
        <v>1270</v>
      </c>
      <c r="B5697" s="6">
        <v>94821.749999999985</v>
      </c>
      <c r="C5697" s="7">
        <f t="shared" si="88"/>
        <v>94.82174999999998</v>
      </c>
    </row>
    <row r="5698" spans="1:3" x14ac:dyDescent="0.25">
      <c r="A5698" s="2" t="s">
        <v>1271</v>
      </c>
      <c r="B5698" s="6">
        <v>94838.399999999994</v>
      </c>
      <c r="C5698" s="7">
        <f t="shared" si="88"/>
        <v>94.838399999999993</v>
      </c>
    </row>
    <row r="5699" spans="1:3" x14ac:dyDescent="0.25">
      <c r="A5699" s="2" t="s">
        <v>1272</v>
      </c>
      <c r="B5699" s="6">
        <v>94855.049999999988</v>
      </c>
      <c r="C5699" s="7">
        <f t="shared" ref="C5699:C5762" si="89">B5699/1000</f>
        <v>94.855049999999991</v>
      </c>
    </row>
    <row r="5700" spans="1:3" x14ac:dyDescent="0.25">
      <c r="A5700" s="2" t="s">
        <v>1273</v>
      </c>
      <c r="B5700" s="6">
        <v>94871.7</v>
      </c>
      <c r="C5700" s="7">
        <f t="shared" si="89"/>
        <v>94.871700000000004</v>
      </c>
    </row>
    <row r="5701" spans="1:3" x14ac:dyDescent="0.25">
      <c r="A5701" s="2" t="s">
        <v>1274</v>
      </c>
      <c r="B5701" s="6">
        <v>94888.349999999991</v>
      </c>
      <c r="C5701" s="7">
        <f t="shared" si="89"/>
        <v>94.888349999999988</v>
      </c>
    </row>
    <row r="5702" spans="1:3" x14ac:dyDescent="0.25">
      <c r="A5702" s="2" t="s">
        <v>1275</v>
      </c>
      <c r="B5702" s="6">
        <v>94904.999999999985</v>
      </c>
      <c r="C5702" s="7">
        <f t="shared" si="89"/>
        <v>94.904999999999987</v>
      </c>
    </row>
    <row r="5703" spans="1:3" x14ac:dyDescent="0.25">
      <c r="A5703" s="2" t="s">
        <v>1276</v>
      </c>
      <c r="B5703" s="6">
        <v>94921.65</v>
      </c>
      <c r="C5703" s="7">
        <f t="shared" si="89"/>
        <v>94.92165</v>
      </c>
    </row>
    <row r="5704" spans="1:3" x14ac:dyDescent="0.25">
      <c r="A5704" s="2" t="s">
        <v>1277</v>
      </c>
      <c r="B5704" s="6">
        <v>94938.299999999988</v>
      </c>
      <c r="C5704" s="7">
        <f t="shared" si="89"/>
        <v>94.938299999999984</v>
      </c>
    </row>
    <row r="5705" spans="1:3" x14ac:dyDescent="0.25">
      <c r="A5705" s="2" t="s">
        <v>1278</v>
      </c>
      <c r="B5705" s="6">
        <v>94954.95</v>
      </c>
      <c r="C5705" s="7">
        <f t="shared" si="89"/>
        <v>94.954949999999997</v>
      </c>
    </row>
    <row r="5706" spans="1:3" x14ac:dyDescent="0.25">
      <c r="A5706" s="2" t="s">
        <v>1279</v>
      </c>
      <c r="B5706" s="6">
        <v>94971.599999999991</v>
      </c>
      <c r="C5706" s="7">
        <f t="shared" si="89"/>
        <v>94.971599999999995</v>
      </c>
    </row>
    <row r="5707" spans="1:3" x14ac:dyDescent="0.25">
      <c r="A5707" s="2" t="s">
        <v>1280</v>
      </c>
      <c r="B5707" s="6">
        <v>94988.249999999985</v>
      </c>
      <c r="C5707" s="7">
        <f t="shared" si="89"/>
        <v>94.988249999999979</v>
      </c>
    </row>
    <row r="5708" spans="1:3" x14ac:dyDescent="0.25">
      <c r="A5708" s="2" t="s">
        <v>1281</v>
      </c>
      <c r="B5708" s="6">
        <v>95004.9</v>
      </c>
      <c r="C5708" s="7">
        <f t="shared" si="89"/>
        <v>95.004899999999992</v>
      </c>
    </row>
    <row r="5709" spans="1:3" x14ac:dyDescent="0.25">
      <c r="A5709" s="2" t="s">
        <v>1282</v>
      </c>
      <c r="B5709" s="6">
        <v>95021.549999999988</v>
      </c>
      <c r="C5709" s="7">
        <f t="shared" si="89"/>
        <v>95.021549999999991</v>
      </c>
    </row>
    <row r="5710" spans="1:3" x14ac:dyDescent="0.25">
      <c r="A5710" s="2" t="s">
        <v>1283</v>
      </c>
      <c r="B5710" s="6">
        <v>95038.2</v>
      </c>
      <c r="C5710" s="7">
        <f t="shared" si="89"/>
        <v>95.038200000000003</v>
      </c>
    </row>
    <row r="5711" spans="1:3" x14ac:dyDescent="0.25">
      <c r="A5711" s="2" t="s">
        <v>1284</v>
      </c>
      <c r="B5711" s="6">
        <v>95054.849999999991</v>
      </c>
      <c r="C5711" s="7">
        <f t="shared" si="89"/>
        <v>95.054849999999988</v>
      </c>
    </row>
    <row r="5712" spans="1:3" x14ac:dyDescent="0.25">
      <c r="A5712" s="2" t="s">
        <v>1285</v>
      </c>
      <c r="B5712" s="6">
        <v>95071.499999999985</v>
      </c>
      <c r="C5712" s="7">
        <f t="shared" si="89"/>
        <v>95.071499999999986</v>
      </c>
    </row>
    <row r="5713" spans="1:3" x14ac:dyDescent="0.25">
      <c r="A5713" s="2" t="s">
        <v>1286</v>
      </c>
      <c r="B5713" s="6">
        <v>95088.15</v>
      </c>
      <c r="C5713" s="7">
        <f t="shared" si="89"/>
        <v>95.088149999999999</v>
      </c>
    </row>
    <row r="5714" spans="1:3" x14ac:dyDescent="0.25">
      <c r="A5714" s="2" t="s">
        <v>1287</v>
      </c>
      <c r="B5714" s="6">
        <v>95104.799999999988</v>
      </c>
      <c r="C5714" s="7">
        <f t="shared" si="89"/>
        <v>95.104799999999983</v>
      </c>
    </row>
    <row r="5715" spans="1:3" x14ac:dyDescent="0.25">
      <c r="A5715" s="2" t="s">
        <v>1288</v>
      </c>
      <c r="B5715" s="6">
        <v>95121.45</v>
      </c>
      <c r="C5715" s="7">
        <f t="shared" si="89"/>
        <v>95.121449999999996</v>
      </c>
    </row>
    <row r="5716" spans="1:3" x14ac:dyDescent="0.25">
      <c r="A5716" s="2" t="s">
        <v>1289</v>
      </c>
      <c r="B5716" s="6">
        <v>95138.099999999991</v>
      </c>
      <c r="C5716" s="7">
        <f t="shared" si="89"/>
        <v>95.138099999999994</v>
      </c>
    </row>
    <row r="5717" spans="1:3" x14ac:dyDescent="0.25">
      <c r="A5717" s="2" t="s">
        <v>1290</v>
      </c>
      <c r="B5717" s="6">
        <v>95154.749999999985</v>
      </c>
      <c r="C5717" s="7">
        <f t="shared" si="89"/>
        <v>95.154749999999979</v>
      </c>
    </row>
    <row r="5718" spans="1:3" x14ac:dyDescent="0.25">
      <c r="A5718" s="2" t="s">
        <v>1291</v>
      </c>
      <c r="B5718" s="6">
        <v>95171.4</v>
      </c>
      <c r="C5718" s="7">
        <f t="shared" si="89"/>
        <v>95.171399999999991</v>
      </c>
    </row>
    <row r="5719" spans="1:3" x14ac:dyDescent="0.25">
      <c r="A5719" s="2" t="s">
        <v>1292</v>
      </c>
      <c r="B5719" s="6">
        <v>95188.049999999988</v>
      </c>
      <c r="C5719" s="7">
        <f t="shared" si="89"/>
        <v>95.18804999999999</v>
      </c>
    </row>
    <row r="5720" spans="1:3" x14ac:dyDescent="0.25">
      <c r="A5720" s="2" t="s">
        <v>1293</v>
      </c>
      <c r="B5720" s="6">
        <v>95204.7</v>
      </c>
      <c r="C5720" s="7">
        <f t="shared" si="89"/>
        <v>95.204700000000003</v>
      </c>
    </row>
    <row r="5721" spans="1:3" x14ac:dyDescent="0.25">
      <c r="A5721" s="2" t="s">
        <v>1294</v>
      </c>
      <c r="B5721" s="6">
        <v>95221.349999999991</v>
      </c>
      <c r="C5721" s="7">
        <f t="shared" si="89"/>
        <v>95.221349999999987</v>
      </c>
    </row>
    <row r="5722" spans="1:3" x14ac:dyDescent="0.25">
      <c r="A5722" s="2" t="s">
        <v>1295</v>
      </c>
      <c r="B5722" s="6">
        <v>95237.999999999985</v>
      </c>
      <c r="C5722" s="7">
        <f t="shared" si="89"/>
        <v>95.237999999999985</v>
      </c>
    </row>
    <row r="5723" spans="1:3" x14ac:dyDescent="0.25">
      <c r="A5723" s="2" t="s">
        <v>1296</v>
      </c>
      <c r="B5723" s="6">
        <v>95254.65</v>
      </c>
      <c r="C5723" s="7">
        <f t="shared" si="89"/>
        <v>95.254649999999998</v>
      </c>
    </row>
    <row r="5724" spans="1:3" x14ac:dyDescent="0.25">
      <c r="A5724" s="2" t="s">
        <v>1297</v>
      </c>
      <c r="B5724" s="6">
        <v>95271.299999999988</v>
      </c>
      <c r="C5724" s="7">
        <f t="shared" si="89"/>
        <v>95.271299999999982</v>
      </c>
    </row>
    <row r="5725" spans="1:3" x14ac:dyDescent="0.25">
      <c r="A5725" s="2" t="s">
        <v>1298</v>
      </c>
      <c r="B5725" s="6">
        <v>95287.95</v>
      </c>
      <c r="C5725" s="7">
        <f t="shared" si="89"/>
        <v>95.287949999999995</v>
      </c>
    </row>
    <row r="5726" spans="1:3" x14ac:dyDescent="0.25">
      <c r="A5726" s="2" t="s">
        <v>1299</v>
      </c>
      <c r="B5726" s="6">
        <v>95304.599999999991</v>
      </c>
      <c r="C5726" s="7">
        <f t="shared" si="89"/>
        <v>95.304599999999994</v>
      </c>
    </row>
    <row r="5727" spans="1:3" x14ac:dyDescent="0.25">
      <c r="A5727" s="2" t="s">
        <v>1300</v>
      </c>
      <c r="B5727" s="6">
        <v>95321.249999999985</v>
      </c>
      <c r="C5727" s="7">
        <f t="shared" si="89"/>
        <v>95.321249999999992</v>
      </c>
    </row>
    <row r="5728" spans="1:3" x14ac:dyDescent="0.25">
      <c r="A5728" s="2" t="s">
        <v>1301</v>
      </c>
      <c r="B5728" s="6">
        <v>95337.9</v>
      </c>
      <c r="C5728" s="7">
        <f t="shared" si="89"/>
        <v>95.337899999999991</v>
      </c>
    </row>
    <row r="5729" spans="1:3" x14ac:dyDescent="0.25">
      <c r="A5729" s="2" t="s">
        <v>1302</v>
      </c>
      <c r="B5729" s="6">
        <v>95354.549999999988</v>
      </c>
      <c r="C5729" s="7">
        <f t="shared" si="89"/>
        <v>95.354549999999989</v>
      </c>
    </row>
    <row r="5730" spans="1:3" x14ac:dyDescent="0.25">
      <c r="A5730" s="2" t="s">
        <v>1303</v>
      </c>
      <c r="B5730" s="6">
        <v>95371.199999999997</v>
      </c>
      <c r="C5730" s="7">
        <f t="shared" si="89"/>
        <v>95.371200000000002</v>
      </c>
    </row>
    <row r="5731" spans="1:3" x14ac:dyDescent="0.25">
      <c r="A5731" s="2" t="s">
        <v>1304</v>
      </c>
      <c r="B5731" s="6">
        <v>95387.849999999991</v>
      </c>
      <c r="C5731" s="7">
        <f t="shared" si="89"/>
        <v>95.387849999999986</v>
      </c>
    </row>
    <row r="5732" spans="1:3" x14ac:dyDescent="0.25">
      <c r="A5732" s="2" t="s">
        <v>1305</v>
      </c>
      <c r="B5732" s="6">
        <v>95404.499999999985</v>
      </c>
      <c r="C5732" s="7">
        <f t="shared" si="89"/>
        <v>95.404499999999985</v>
      </c>
    </row>
    <row r="5733" spans="1:3" x14ac:dyDescent="0.25">
      <c r="A5733" s="2" t="s">
        <v>1306</v>
      </c>
      <c r="B5733" s="6">
        <v>95421.15</v>
      </c>
      <c r="C5733" s="7">
        <f t="shared" si="89"/>
        <v>95.421149999999997</v>
      </c>
    </row>
    <row r="5734" spans="1:3" x14ac:dyDescent="0.25">
      <c r="A5734" s="2" t="s">
        <v>1307</v>
      </c>
      <c r="B5734" s="6">
        <v>95437.799999999988</v>
      </c>
      <c r="C5734" s="7">
        <f t="shared" si="89"/>
        <v>95.437799999999982</v>
      </c>
    </row>
    <row r="5735" spans="1:3" x14ac:dyDescent="0.25">
      <c r="A5735" s="2" t="s">
        <v>1308</v>
      </c>
      <c r="B5735" s="6">
        <v>95454.45</v>
      </c>
      <c r="C5735" s="7">
        <f t="shared" si="89"/>
        <v>95.454449999999994</v>
      </c>
    </row>
    <row r="5736" spans="1:3" x14ac:dyDescent="0.25">
      <c r="A5736" s="2" t="s">
        <v>1309</v>
      </c>
      <c r="B5736" s="6">
        <v>95471.099999999991</v>
      </c>
      <c r="C5736" s="7">
        <f t="shared" si="89"/>
        <v>95.471099999999993</v>
      </c>
    </row>
    <row r="5737" spans="1:3" x14ac:dyDescent="0.25">
      <c r="A5737" s="2" t="s">
        <v>1310</v>
      </c>
      <c r="B5737" s="6">
        <v>95487.749999999985</v>
      </c>
      <c r="C5737" s="7">
        <f t="shared" si="89"/>
        <v>95.487749999999991</v>
      </c>
    </row>
    <row r="5738" spans="1:3" x14ac:dyDescent="0.25">
      <c r="A5738" s="2" t="s">
        <v>1311</v>
      </c>
      <c r="B5738" s="6">
        <v>95504.4</v>
      </c>
      <c r="C5738" s="7">
        <f t="shared" si="89"/>
        <v>95.50439999999999</v>
      </c>
    </row>
    <row r="5739" spans="1:3" x14ac:dyDescent="0.25">
      <c r="A5739" s="2" t="s">
        <v>1312</v>
      </c>
      <c r="B5739" s="6">
        <v>95521.049999999988</v>
      </c>
      <c r="C5739" s="7">
        <f t="shared" si="89"/>
        <v>95.521049999999988</v>
      </c>
    </row>
    <row r="5740" spans="1:3" x14ac:dyDescent="0.25">
      <c r="A5740" s="2" t="s">
        <v>1313</v>
      </c>
      <c r="B5740" s="6">
        <v>95537.7</v>
      </c>
      <c r="C5740" s="7">
        <f t="shared" si="89"/>
        <v>95.537700000000001</v>
      </c>
    </row>
    <row r="5741" spans="1:3" x14ac:dyDescent="0.25">
      <c r="A5741" s="2" t="s">
        <v>1314</v>
      </c>
      <c r="B5741" s="6">
        <v>95554.349999999991</v>
      </c>
      <c r="C5741" s="7">
        <f t="shared" si="89"/>
        <v>95.554349999999985</v>
      </c>
    </row>
    <row r="5742" spans="1:3" x14ac:dyDescent="0.25">
      <c r="A5742" s="2" t="s">
        <v>1315</v>
      </c>
      <c r="B5742" s="6">
        <v>95570.999999999985</v>
      </c>
      <c r="C5742" s="7">
        <f t="shared" si="89"/>
        <v>95.570999999999984</v>
      </c>
    </row>
    <row r="5743" spans="1:3" x14ac:dyDescent="0.25">
      <c r="A5743" s="2" t="s">
        <v>1316</v>
      </c>
      <c r="B5743" s="6">
        <v>95587.65</v>
      </c>
      <c r="C5743" s="7">
        <f t="shared" si="89"/>
        <v>95.587649999999996</v>
      </c>
    </row>
    <row r="5744" spans="1:3" x14ac:dyDescent="0.25">
      <c r="A5744" s="2" t="s">
        <v>1317</v>
      </c>
      <c r="B5744" s="6">
        <v>95604.299999999988</v>
      </c>
      <c r="C5744" s="7">
        <f t="shared" si="89"/>
        <v>95.604299999999995</v>
      </c>
    </row>
    <row r="5745" spans="1:3" x14ac:dyDescent="0.25">
      <c r="A5745" s="2" t="s">
        <v>1318</v>
      </c>
      <c r="B5745" s="6">
        <v>95620.95</v>
      </c>
      <c r="C5745" s="7">
        <f t="shared" si="89"/>
        <v>95.620949999999993</v>
      </c>
    </row>
    <row r="5746" spans="1:3" x14ac:dyDescent="0.25">
      <c r="A5746" s="2" t="s">
        <v>1319</v>
      </c>
      <c r="B5746" s="6">
        <v>95637.599999999991</v>
      </c>
      <c r="C5746" s="7">
        <f t="shared" si="89"/>
        <v>95.637599999999992</v>
      </c>
    </row>
    <row r="5747" spans="1:3" x14ac:dyDescent="0.25">
      <c r="A5747" s="2" t="s">
        <v>1320</v>
      </c>
      <c r="B5747" s="6">
        <v>95654.249999999985</v>
      </c>
      <c r="C5747" s="7">
        <f t="shared" si="89"/>
        <v>95.65424999999999</v>
      </c>
    </row>
    <row r="5748" spans="1:3" x14ac:dyDescent="0.25">
      <c r="A5748" s="2" t="s">
        <v>1321</v>
      </c>
      <c r="B5748" s="6">
        <v>95670.9</v>
      </c>
      <c r="C5748" s="7">
        <f t="shared" si="89"/>
        <v>95.670899999999989</v>
      </c>
    </row>
    <row r="5749" spans="1:3" x14ac:dyDescent="0.25">
      <c r="A5749" s="2" t="s">
        <v>1322</v>
      </c>
      <c r="B5749" s="6">
        <v>95687.549999999988</v>
      </c>
      <c r="C5749" s="7">
        <f t="shared" si="89"/>
        <v>95.687549999999987</v>
      </c>
    </row>
    <row r="5750" spans="1:3" x14ac:dyDescent="0.25">
      <c r="A5750" s="2" t="s">
        <v>1323</v>
      </c>
      <c r="B5750" s="6">
        <v>95704.2</v>
      </c>
      <c r="C5750" s="7">
        <f t="shared" si="89"/>
        <v>95.7042</v>
      </c>
    </row>
    <row r="5751" spans="1:3" x14ac:dyDescent="0.25">
      <c r="A5751" s="2" t="s">
        <v>1324</v>
      </c>
      <c r="B5751" s="6">
        <v>95720.849999999991</v>
      </c>
      <c r="C5751" s="7">
        <f t="shared" si="89"/>
        <v>95.720849999999984</v>
      </c>
    </row>
    <row r="5752" spans="1:3" x14ac:dyDescent="0.25">
      <c r="A5752" s="2" t="s">
        <v>1325</v>
      </c>
      <c r="B5752" s="6">
        <v>95737.499999999985</v>
      </c>
      <c r="C5752" s="7">
        <f t="shared" si="89"/>
        <v>95.737499999999983</v>
      </c>
    </row>
    <row r="5753" spans="1:3" x14ac:dyDescent="0.25">
      <c r="A5753" s="2" t="s">
        <v>1326</v>
      </c>
      <c r="B5753" s="6">
        <v>95754.15</v>
      </c>
      <c r="C5753" s="7">
        <f t="shared" si="89"/>
        <v>95.754149999999996</v>
      </c>
    </row>
    <row r="5754" spans="1:3" x14ac:dyDescent="0.25">
      <c r="A5754" s="2" t="s">
        <v>1327</v>
      </c>
      <c r="B5754" s="6">
        <v>95770.799999999988</v>
      </c>
      <c r="C5754" s="7">
        <f t="shared" si="89"/>
        <v>95.770799999999994</v>
      </c>
    </row>
    <row r="5755" spans="1:3" x14ac:dyDescent="0.25">
      <c r="A5755" s="2" t="s">
        <v>1328</v>
      </c>
      <c r="B5755" s="6">
        <v>95787.45</v>
      </c>
      <c r="C5755" s="7">
        <f t="shared" si="89"/>
        <v>95.787449999999993</v>
      </c>
    </row>
    <row r="5756" spans="1:3" x14ac:dyDescent="0.25">
      <c r="A5756" s="2" t="s">
        <v>1329</v>
      </c>
      <c r="B5756" s="6">
        <v>95804.099999999991</v>
      </c>
      <c r="C5756" s="7">
        <f t="shared" si="89"/>
        <v>95.804099999999991</v>
      </c>
    </row>
    <row r="5757" spans="1:3" x14ac:dyDescent="0.25">
      <c r="A5757" s="2" t="s">
        <v>1330</v>
      </c>
      <c r="B5757" s="6">
        <v>95820.749999999985</v>
      </c>
      <c r="C5757" s="7">
        <f t="shared" si="89"/>
        <v>95.82074999999999</v>
      </c>
    </row>
    <row r="5758" spans="1:3" x14ac:dyDescent="0.25">
      <c r="A5758" s="2" t="s">
        <v>1331</v>
      </c>
      <c r="B5758" s="6">
        <v>95837.4</v>
      </c>
      <c r="C5758" s="7">
        <f t="shared" si="89"/>
        <v>95.837399999999988</v>
      </c>
    </row>
    <row r="5759" spans="1:3" x14ac:dyDescent="0.25">
      <c r="A5759" s="2" t="s">
        <v>1332</v>
      </c>
      <c r="B5759" s="6">
        <v>95854.049999999988</v>
      </c>
      <c r="C5759" s="7">
        <f t="shared" si="89"/>
        <v>95.854049999999987</v>
      </c>
    </row>
    <row r="5760" spans="1:3" x14ac:dyDescent="0.25">
      <c r="A5760" s="2" t="s">
        <v>1333</v>
      </c>
      <c r="B5760" s="6">
        <v>95870.7</v>
      </c>
      <c r="C5760" s="7">
        <f t="shared" si="89"/>
        <v>95.870699999999999</v>
      </c>
    </row>
    <row r="5761" spans="1:3" x14ac:dyDescent="0.25">
      <c r="A5761" s="2" t="s">
        <v>1334</v>
      </c>
      <c r="B5761" s="6">
        <v>95887.349999999991</v>
      </c>
      <c r="C5761" s="7">
        <f t="shared" si="89"/>
        <v>95.887349999999998</v>
      </c>
    </row>
    <row r="5762" spans="1:3" x14ac:dyDescent="0.25">
      <c r="A5762" s="2" t="s">
        <v>1335</v>
      </c>
      <c r="B5762" s="6">
        <v>95903.999999999985</v>
      </c>
      <c r="C5762" s="7">
        <f t="shared" si="89"/>
        <v>95.903999999999982</v>
      </c>
    </row>
    <row r="5763" spans="1:3" x14ac:dyDescent="0.25">
      <c r="A5763" s="2" t="s">
        <v>1336</v>
      </c>
      <c r="B5763" s="6">
        <v>95920.65</v>
      </c>
      <c r="C5763" s="7">
        <f t="shared" ref="C5763:C5826" si="90">B5763/1000</f>
        <v>95.920649999999995</v>
      </c>
    </row>
    <row r="5764" spans="1:3" x14ac:dyDescent="0.25">
      <c r="A5764" s="2" t="s">
        <v>1337</v>
      </c>
      <c r="B5764" s="6">
        <v>95937.299999999988</v>
      </c>
      <c r="C5764" s="7">
        <f t="shared" si="90"/>
        <v>95.937299999999993</v>
      </c>
    </row>
    <row r="5765" spans="1:3" x14ac:dyDescent="0.25">
      <c r="A5765" s="2" t="s">
        <v>1338</v>
      </c>
      <c r="B5765" s="6">
        <v>95953.95</v>
      </c>
      <c r="C5765" s="7">
        <f t="shared" si="90"/>
        <v>95.953949999999992</v>
      </c>
    </row>
    <row r="5766" spans="1:3" x14ac:dyDescent="0.25">
      <c r="A5766" s="2" t="s">
        <v>1339</v>
      </c>
      <c r="B5766" s="6">
        <v>95970.599999999991</v>
      </c>
      <c r="C5766" s="7">
        <f t="shared" si="90"/>
        <v>95.97059999999999</v>
      </c>
    </row>
    <row r="5767" spans="1:3" x14ac:dyDescent="0.25">
      <c r="A5767" s="2" t="s">
        <v>1340</v>
      </c>
      <c r="B5767" s="6">
        <v>95987.249999999985</v>
      </c>
      <c r="C5767" s="7">
        <f t="shared" si="90"/>
        <v>95.987249999999989</v>
      </c>
    </row>
    <row r="5768" spans="1:3" x14ac:dyDescent="0.25">
      <c r="A5768" s="2" t="s">
        <v>1341</v>
      </c>
      <c r="B5768" s="6">
        <v>96003.9</v>
      </c>
      <c r="C5768" s="7">
        <f t="shared" si="90"/>
        <v>96.003899999999987</v>
      </c>
    </row>
    <row r="5769" spans="1:3" x14ac:dyDescent="0.25">
      <c r="A5769" s="2" t="s">
        <v>1342</v>
      </c>
      <c r="B5769" s="6">
        <v>96020.549999999988</v>
      </c>
      <c r="C5769" s="7">
        <f t="shared" si="90"/>
        <v>96.020549999999986</v>
      </c>
    </row>
    <row r="5770" spans="1:3" x14ac:dyDescent="0.25">
      <c r="A5770" s="2" t="s">
        <v>1343</v>
      </c>
      <c r="B5770" s="6">
        <v>96037.2</v>
      </c>
      <c r="C5770" s="7">
        <f t="shared" si="90"/>
        <v>96.037199999999999</v>
      </c>
    </row>
    <row r="5771" spans="1:3" x14ac:dyDescent="0.25">
      <c r="A5771" s="2" t="s">
        <v>1344</v>
      </c>
      <c r="B5771" s="6">
        <v>96053.849999999991</v>
      </c>
      <c r="C5771" s="7">
        <f t="shared" si="90"/>
        <v>96.053849999999997</v>
      </c>
    </row>
    <row r="5772" spans="1:3" x14ac:dyDescent="0.25">
      <c r="A5772" s="2" t="s">
        <v>1345</v>
      </c>
      <c r="B5772" s="6">
        <v>96070.499999999985</v>
      </c>
      <c r="C5772" s="7">
        <f t="shared" si="90"/>
        <v>96.070499999999981</v>
      </c>
    </row>
    <row r="5773" spans="1:3" x14ac:dyDescent="0.25">
      <c r="A5773" s="2" t="s">
        <v>1346</v>
      </c>
      <c r="B5773" s="6">
        <v>96087.15</v>
      </c>
      <c r="C5773" s="7">
        <f t="shared" si="90"/>
        <v>96.087149999999994</v>
      </c>
    </row>
    <row r="5774" spans="1:3" x14ac:dyDescent="0.25">
      <c r="A5774" s="2" t="s">
        <v>1347</v>
      </c>
      <c r="B5774" s="6">
        <v>96103.799999999988</v>
      </c>
      <c r="C5774" s="7">
        <f t="shared" si="90"/>
        <v>96.103799999999993</v>
      </c>
    </row>
    <row r="5775" spans="1:3" x14ac:dyDescent="0.25">
      <c r="A5775" s="2" t="s">
        <v>1348</v>
      </c>
      <c r="B5775" s="6">
        <v>96120.45</v>
      </c>
      <c r="C5775" s="7">
        <f t="shared" si="90"/>
        <v>96.120449999999991</v>
      </c>
    </row>
    <row r="5776" spans="1:3" x14ac:dyDescent="0.25">
      <c r="A5776" s="2" t="s">
        <v>1349</v>
      </c>
      <c r="B5776" s="6">
        <v>96137.099999999991</v>
      </c>
      <c r="C5776" s="7">
        <f t="shared" si="90"/>
        <v>96.13709999999999</v>
      </c>
    </row>
    <row r="5777" spans="1:3" x14ac:dyDescent="0.25">
      <c r="A5777" s="2" t="s">
        <v>1350</v>
      </c>
      <c r="B5777" s="6">
        <v>96153.749999999985</v>
      </c>
      <c r="C5777" s="7">
        <f t="shared" si="90"/>
        <v>96.153749999999988</v>
      </c>
    </row>
    <row r="5778" spans="1:3" x14ac:dyDescent="0.25">
      <c r="A5778" s="2" t="s">
        <v>1351</v>
      </c>
      <c r="B5778" s="6">
        <v>96170.4</v>
      </c>
      <c r="C5778" s="7">
        <f t="shared" si="90"/>
        <v>96.170400000000001</v>
      </c>
    </row>
    <row r="5779" spans="1:3" x14ac:dyDescent="0.25">
      <c r="A5779" s="2" t="s">
        <v>1352</v>
      </c>
      <c r="B5779" s="6">
        <v>96187.049999999988</v>
      </c>
      <c r="C5779" s="7">
        <f t="shared" si="90"/>
        <v>96.187049999999985</v>
      </c>
    </row>
    <row r="5780" spans="1:3" x14ac:dyDescent="0.25">
      <c r="A5780" s="2" t="s">
        <v>1353</v>
      </c>
      <c r="B5780" s="6">
        <v>96203.7</v>
      </c>
      <c r="C5780" s="7">
        <f t="shared" si="90"/>
        <v>96.203699999999998</v>
      </c>
    </row>
    <row r="5781" spans="1:3" x14ac:dyDescent="0.25">
      <c r="A5781" s="2" t="s">
        <v>1354</v>
      </c>
      <c r="B5781" s="6">
        <v>96220.349999999991</v>
      </c>
      <c r="C5781" s="7">
        <f t="shared" si="90"/>
        <v>96.220349999999996</v>
      </c>
    </row>
    <row r="5782" spans="1:3" x14ac:dyDescent="0.25">
      <c r="A5782" s="2" t="s">
        <v>1355</v>
      </c>
      <c r="B5782" s="6">
        <v>96236.999999999985</v>
      </c>
      <c r="C5782" s="7">
        <f t="shared" si="90"/>
        <v>96.236999999999981</v>
      </c>
    </row>
    <row r="5783" spans="1:3" x14ac:dyDescent="0.25">
      <c r="A5783" s="2" t="s">
        <v>1356</v>
      </c>
      <c r="B5783" s="6">
        <v>96253.65</v>
      </c>
      <c r="C5783" s="7">
        <f t="shared" si="90"/>
        <v>96.253649999999993</v>
      </c>
    </row>
    <row r="5784" spans="1:3" x14ac:dyDescent="0.25">
      <c r="A5784" s="2" t="s">
        <v>1357</v>
      </c>
      <c r="B5784" s="6">
        <v>96270.299999999988</v>
      </c>
      <c r="C5784" s="7">
        <f t="shared" si="90"/>
        <v>96.270299999999992</v>
      </c>
    </row>
    <row r="5785" spans="1:3" x14ac:dyDescent="0.25">
      <c r="A5785" s="2" t="s">
        <v>1358</v>
      </c>
      <c r="B5785" s="6">
        <v>96286.95</v>
      </c>
      <c r="C5785" s="7">
        <f t="shared" si="90"/>
        <v>96.28694999999999</v>
      </c>
    </row>
    <row r="5786" spans="1:3" x14ac:dyDescent="0.25">
      <c r="A5786" s="2" t="s">
        <v>1359</v>
      </c>
      <c r="B5786" s="6">
        <v>96303.599999999991</v>
      </c>
      <c r="C5786" s="7">
        <f t="shared" si="90"/>
        <v>96.303599999999989</v>
      </c>
    </row>
    <row r="5787" spans="1:3" x14ac:dyDescent="0.25">
      <c r="A5787" s="2" t="s">
        <v>1360</v>
      </c>
      <c r="B5787" s="6">
        <v>96320.249999999985</v>
      </c>
      <c r="C5787" s="7">
        <f t="shared" si="90"/>
        <v>96.320249999999987</v>
      </c>
    </row>
    <row r="5788" spans="1:3" x14ac:dyDescent="0.25">
      <c r="A5788" s="2" t="s">
        <v>1361</v>
      </c>
      <c r="B5788" s="6">
        <v>96336.9</v>
      </c>
      <c r="C5788" s="7">
        <f t="shared" si="90"/>
        <v>96.3369</v>
      </c>
    </row>
    <row r="5789" spans="1:3" x14ac:dyDescent="0.25">
      <c r="A5789" s="2" t="s">
        <v>1362</v>
      </c>
      <c r="B5789" s="6">
        <v>96353.549999999988</v>
      </c>
      <c r="C5789" s="7">
        <f t="shared" si="90"/>
        <v>96.353549999999984</v>
      </c>
    </row>
    <row r="5790" spans="1:3" x14ac:dyDescent="0.25">
      <c r="A5790" s="2" t="s">
        <v>1363</v>
      </c>
      <c r="B5790" s="6">
        <v>96370.2</v>
      </c>
      <c r="C5790" s="7">
        <f t="shared" si="90"/>
        <v>96.370199999999997</v>
      </c>
    </row>
    <row r="5791" spans="1:3" x14ac:dyDescent="0.25">
      <c r="A5791" s="2" t="s">
        <v>1364</v>
      </c>
      <c r="B5791" s="6">
        <v>96386.849999999991</v>
      </c>
      <c r="C5791" s="7">
        <f t="shared" si="90"/>
        <v>96.386849999999995</v>
      </c>
    </row>
    <row r="5792" spans="1:3" x14ac:dyDescent="0.25">
      <c r="A5792" s="2" t="s">
        <v>1365</v>
      </c>
      <c r="B5792" s="6">
        <v>96403.499999999985</v>
      </c>
      <c r="C5792" s="7">
        <f t="shared" si="90"/>
        <v>96.40349999999998</v>
      </c>
    </row>
    <row r="5793" spans="1:3" x14ac:dyDescent="0.25">
      <c r="A5793" s="2" t="s">
        <v>1366</v>
      </c>
      <c r="B5793" s="6">
        <v>96420.15</v>
      </c>
      <c r="C5793" s="7">
        <f t="shared" si="90"/>
        <v>96.420149999999992</v>
      </c>
    </row>
    <row r="5794" spans="1:3" x14ac:dyDescent="0.25">
      <c r="A5794" s="2" t="s">
        <v>1367</v>
      </c>
      <c r="B5794" s="6">
        <v>96436.799999999988</v>
      </c>
      <c r="C5794" s="7">
        <f t="shared" si="90"/>
        <v>96.436799999999991</v>
      </c>
    </row>
    <row r="5795" spans="1:3" x14ac:dyDescent="0.25">
      <c r="A5795" s="2" t="s">
        <v>1368</v>
      </c>
      <c r="B5795" s="6">
        <v>96453.45</v>
      </c>
      <c r="C5795" s="7">
        <f t="shared" si="90"/>
        <v>96.453450000000004</v>
      </c>
    </row>
    <row r="5796" spans="1:3" x14ac:dyDescent="0.25">
      <c r="A5796" s="2" t="s">
        <v>1369</v>
      </c>
      <c r="B5796" s="6">
        <v>96470.099999999991</v>
      </c>
      <c r="C5796" s="7">
        <f t="shared" si="90"/>
        <v>96.470099999999988</v>
      </c>
    </row>
    <row r="5797" spans="1:3" x14ac:dyDescent="0.25">
      <c r="A5797" s="2" t="s">
        <v>1370</v>
      </c>
      <c r="B5797" s="6">
        <v>96486.749999999985</v>
      </c>
      <c r="C5797" s="7">
        <f t="shared" si="90"/>
        <v>96.486749999999986</v>
      </c>
    </row>
    <row r="5798" spans="1:3" x14ac:dyDescent="0.25">
      <c r="A5798" s="2" t="s">
        <v>1371</v>
      </c>
      <c r="B5798" s="6">
        <v>96503.4</v>
      </c>
      <c r="C5798" s="7">
        <f t="shared" si="90"/>
        <v>96.503399999999999</v>
      </c>
    </row>
    <row r="5799" spans="1:3" x14ac:dyDescent="0.25">
      <c r="A5799" s="2" t="s">
        <v>1372</v>
      </c>
      <c r="B5799" s="6">
        <v>96520.049999999988</v>
      </c>
      <c r="C5799" s="7">
        <f t="shared" si="90"/>
        <v>96.520049999999983</v>
      </c>
    </row>
    <row r="5800" spans="1:3" x14ac:dyDescent="0.25">
      <c r="A5800" s="2" t="s">
        <v>1373</v>
      </c>
      <c r="B5800" s="6">
        <v>96536.7</v>
      </c>
      <c r="C5800" s="7">
        <f t="shared" si="90"/>
        <v>96.536699999999996</v>
      </c>
    </row>
    <row r="5801" spans="1:3" x14ac:dyDescent="0.25">
      <c r="A5801" s="2" t="s">
        <v>1374</v>
      </c>
      <c r="B5801" s="6">
        <v>96553.349999999991</v>
      </c>
      <c r="C5801" s="7">
        <f t="shared" si="90"/>
        <v>96.553349999999995</v>
      </c>
    </row>
    <row r="5802" spans="1:3" x14ac:dyDescent="0.25">
      <c r="A5802" s="2" t="s">
        <v>1375</v>
      </c>
      <c r="B5802" s="6">
        <v>96569.999999999985</v>
      </c>
      <c r="C5802" s="7">
        <f t="shared" si="90"/>
        <v>96.569999999999979</v>
      </c>
    </row>
    <row r="5803" spans="1:3" x14ac:dyDescent="0.25">
      <c r="A5803" s="2" t="s">
        <v>1376</v>
      </c>
      <c r="B5803" s="6">
        <v>96586.65</v>
      </c>
      <c r="C5803" s="7">
        <f t="shared" si="90"/>
        <v>96.586649999999992</v>
      </c>
    </row>
    <row r="5804" spans="1:3" x14ac:dyDescent="0.25">
      <c r="A5804" s="2" t="s">
        <v>1377</v>
      </c>
      <c r="B5804" s="6">
        <v>96603.299999999988</v>
      </c>
      <c r="C5804" s="7">
        <f t="shared" si="90"/>
        <v>96.60329999999999</v>
      </c>
    </row>
    <row r="5805" spans="1:3" x14ac:dyDescent="0.25">
      <c r="A5805" s="2" t="s">
        <v>1378</v>
      </c>
      <c r="B5805" s="6">
        <v>96619.95</v>
      </c>
      <c r="C5805" s="7">
        <f t="shared" si="90"/>
        <v>96.619950000000003</v>
      </c>
    </row>
    <row r="5806" spans="1:3" x14ac:dyDescent="0.25">
      <c r="A5806" s="2" t="s">
        <v>1379</v>
      </c>
      <c r="B5806" s="6">
        <v>96636.599999999991</v>
      </c>
      <c r="C5806" s="7">
        <f t="shared" si="90"/>
        <v>96.636599999999987</v>
      </c>
    </row>
    <row r="5807" spans="1:3" x14ac:dyDescent="0.25">
      <c r="A5807" s="2" t="s">
        <v>1380</v>
      </c>
      <c r="B5807" s="6">
        <v>96653.249999999985</v>
      </c>
      <c r="C5807" s="7">
        <f t="shared" si="90"/>
        <v>96.653249999999986</v>
      </c>
    </row>
    <row r="5808" spans="1:3" x14ac:dyDescent="0.25">
      <c r="A5808" s="2" t="s">
        <v>1381</v>
      </c>
      <c r="B5808" s="6">
        <v>96669.9</v>
      </c>
      <c r="C5808" s="7">
        <f t="shared" si="90"/>
        <v>96.669899999999998</v>
      </c>
    </row>
    <row r="5809" spans="1:3" x14ac:dyDescent="0.25">
      <c r="A5809" s="2" t="s">
        <v>1382</v>
      </c>
      <c r="B5809" s="6">
        <v>96686.549999999988</v>
      </c>
      <c r="C5809" s="7">
        <f t="shared" si="90"/>
        <v>96.686549999999983</v>
      </c>
    </row>
    <row r="5810" spans="1:3" x14ac:dyDescent="0.25">
      <c r="A5810" s="2" t="s">
        <v>1383</v>
      </c>
      <c r="B5810" s="6">
        <v>96703.2</v>
      </c>
      <c r="C5810" s="7">
        <f t="shared" si="90"/>
        <v>96.703199999999995</v>
      </c>
    </row>
    <row r="5811" spans="1:3" x14ac:dyDescent="0.25">
      <c r="A5811" s="2" t="s">
        <v>1384</v>
      </c>
      <c r="B5811" s="6">
        <v>96719.849999999991</v>
      </c>
      <c r="C5811" s="7">
        <f t="shared" si="90"/>
        <v>96.719849999999994</v>
      </c>
    </row>
    <row r="5812" spans="1:3" x14ac:dyDescent="0.25">
      <c r="A5812" s="2" t="s">
        <v>1385</v>
      </c>
      <c r="B5812" s="6">
        <v>96736.499999999985</v>
      </c>
      <c r="C5812" s="7">
        <f t="shared" si="90"/>
        <v>96.736499999999992</v>
      </c>
    </row>
    <row r="5813" spans="1:3" x14ac:dyDescent="0.25">
      <c r="A5813" s="2" t="s">
        <v>1386</v>
      </c>
      <c r="B5813" s="6">
        <v>96753.15</v>
      </c>
      <c r="C5813" s="7">
        <f t="shared" si="90"/>
        <v>96.753149999999991</v>
      </c>
    </row>
    <row r="5814" spans="1:3" x14ac:dyDescent="0.25">
      <c r="A5814" s="2" t="s">
        <v>1387</v>
      </c>
      <c r="B5814" s="6">
        <v>96769.799999999988</v>
      </c>
      <c r="C5814" s="7">
        <f t="shared" si="90"/>
        <v>96.769799999999989</v>
      </c>
    </row>
    <row r="5815" spans="1:3" x14ac:dyDescent="0.25">
      <c r="A5815" s="2" t="s">
        <v>1388</v>
      </c>
      <c r="B5815" s="6">
        <v>96786.45</v>
      </c>
      <c r="C5815" s="7">
        <f t="shared" si="90"/>
        <v>96.786450000000002</v>
      </c>
    </row>
    <row r="5816" spans="1:3" x14ac:dyDescent="0.25">
      <c r="A5816" s="2" t="s">
        <v>1389</v>
      </c>
      <c r="B5816" s="6">
        <v>96803.099999999991</v>
      </c>
      <c r="C5816" s="7">
        <f t="shared" si="90"/>
        <v>96.803099999999986</v>
      </c>
    </row>
    <row r="5817" spans="1:3" x14ac:dyDescent="0.25">
      <c r="A5817" s="2" t="s">
        <v>1390</v>
      </c>
      <c r="B5817" s="6">
        <v>96819.749999999985</v>
      </c>
      <c r="C5817" s="7">
        <f t="shared" si="90"/>
        <v>96.819749999999985</v>
      </c>
    </row>
    <row r="5818" spans="1:3" x14ac:dyDescent="0.25">
      <c r="A5818" s="2" t="s">
        <v>1391</v>
      </c>
      <c r="B5818" s="6">
        <v>96836.4</v>
      </c>
      <c r="C5818" s="7">
        <f t="shared" si="90"/>
        <v>96.836399999999998</v>
      </c>
    </row>
    <row r="5819" spans="1:3" x14ac:dyDescent="0.25">
      <c r="A5819" s="2" t="s">
        <v>1392</v>
      </c>
      <c r="B5819" s="6">
        <v>96853.049999999988</v>
      </c>
      <c r="C5819" s="7">
        <f t="shared" si="90"/>
        <v>96.853049999999982</v>
      </c>
    </row>
    <row r="5820" spans="1:3" x14ac:dyDescent="0.25">
      <c r="A5820" s="2" t="s">
        <v>1393</v>
      </c>
      <c r="B5820" s="6">
        <v>96869.7</v>
      </c>
      <c r="C5820" s="7">
        <f t="shared" si="90"/>
        <v>96.869699999999995</v>
      </c>
    </row>
    <row r="5821" spans="1:3" x14ac:dyDescent="0.25">
      <c r="A5821" s="2" t="s">
        <v>1394</v>
      </c>
      <c r="B5821" s="6">
        <v>96886.349999999991</v>
      </c>
      <c r="C5821" s="7">
        <f t="shared" si="90"/>
        <v>96.886349999999993</v>
      </c>
    </row>
    <row r="5822" spans="1:3" x14ac:dyDescent="0.25">
      <c r="A5822" s="2" t="s">
        <v>1395</v>
      </c>
      <c r="B5822" s="6">
        <v>96902.999999999985</v>
      </c>
      <c r="C5822" s="7">
        <f t="shared" si="90"/>
        <v>96.902999999999992</v>
      </c>
    </row>
    <row r="5823" spans="1:3" x14ac:dyDescent="0.25">
      <c r="A5823" s="2" t="s">
        <v>1396</v>
      </c>
      <c r="B5823" s="6">
        <v>96919.65</v>
      </c>
      <c r="C5823" s="7">
        <f t="shared" si="90"/>
        <v>96.91964999999999</v>
      </c>
    </row>
    <row r="5824" spans="1:3" x14ac:dyDescent="0.25">
      <c r="A5824" s="2" t="s">
        <v>1397</v>
      </c>
      <c r="B5824" s="6">
        <v>96936.299999999988</v>
      </c>
      <c r="C5824" s="7">
        <f t="shared" si="90"/>
        <v>96.936299999999989</v>
      </c>
    </row>
    <row r="5825" spans="1:3" x14ac:dyDescent="0.25">
      <c r="A5825" s="2" t="s">
        <v>1398</v>
      </c>
      <c r="B5825" s="6">
        <v>96952.95</v>
      </c>
      <c r="C5825" s="7">
        <f t="shared" si="90"/>
        <v>96.952950000000001</v>
      </c>
    </row>
    <row r="5826" spans="1:3" x14ac:dyDescent="0.25">
      <c r="A5826" s="2" t="s">
        <v>1399</v>
      </c>
      <c r="B5826" s="6">
        <v>96969.599999999991</v>
      </c>
      <c r="C5826" s="7">
        <f t="shared" si="90"/>
        <v>96.969599999999986</v>
      </c>
    </row>
    <row r="5827" spans="1:3" x14ac:dyDescent="0.25">
      <c r="A5827" s="2" t="s">
        <v>1400</v>
      </c>
      <c r="B5827" s="6">
        <v>96986.249999999985</v>
      </c>
      <c r="C5827" s="7">
        <f t="shared" ref="C5827:C5890" si="91">B5827/1000</f>
        <v>96.986249999999984</v>
      </c>
    </row>
    <row r="5828" spans="1:3" x14ac:dyDescent="0.25">
      <c r="A5828" s="2" t="s">
        <v>1401</v>
      </c>
      <c r="B5828" s="6">
        <v>97002.9</v>
      </c>
      <c r="C5828" s="7">
        <f t="shared" si="91"/>
        <v>97.002899999999997</v>
      </c>
    </row>
    <row r="5829" spans="1:3" x14ac:dyDescent="0.25">
      <c r="A5829" s="2" t="s">
        <v>1402</v>
      </c>
      <c r="B5829" s="6">
        <v>97019.549999999988</v>
      </c>
      <c r="C5829" s="7">
        <f t="shared" si="91"/>
        <v>97.019549999999995</v>
      </c>
    </row>
    <row r="5830" spans="1:3" x14ac:dyDescent="0.25">
      <c r="A5830" s="2" t="s">
        <v>1403</v>
      </c>
      <c r="B5830" s="6">
        <v>97036.2</v>
      </c>
      <c r="C5830" s="7">
        <f t="shared" si="91"/>
        <v>97.036199999999994</v>
      </c>
    </row>
    <row r="5831" spans="1:3" x14ac:dyDescent="0.25">
      <c r="A5831" s="2" t="s">
        <v>1404</v>
      </c>
      <c r="B5831" s="6">
        <v>97052.849999999991</v>
      </c>
      <c r="C5831" s="7">
        <f t="shared" si="91"/>
        <v>97.052849999999992</v>
      </c>
    </row>
    <row r="5832" spans="1:3" x14ac:dyDescent="0.25">
      <c r="A5832" s="2" t="s">
        <v>1405</v>
      </c>
      <c r="B5832" s="6">
        <v>97069.499999999985</v>
      </c>
      <c r="C5832" s="7">
        <f t="shared" si="91"/>
        <v>97.069499999999991</v>
      </c>
    </row>
    <row r="5833" spans="1:3" x14ac:dyDescent="0.25">
      <c r="A5833" s="2" t="s">
        <v>1406</v>
      </c>
      <c r="B5833" s="6">
        <v>97086.15</v>
      </c>
      <c r="C5833" s="7">
        <f t="shared" si="91"/>
        <v>97.086149999999989</v>
      </c>
    </row>
    <row r="5834" spans="1:3" x14ac:dyDescent="0.25">
      <c r="A5834" s="2" t="s">
        <v>1407</v>
      </c>
      <c r="B5834" s="6">
        <v>97102.799999999988</v>
      </c>
      <c r="C5834" s="7">
        <f t="shared" si="91"/>
        <v>97.102799999999988</v>
      </c>
    </row>
    <row r="5835" spans="1:3" x14ac:dyDescent="0.25">
      <c r="A5835" s="2" t="s">
        <v>1408</v>
      </c>
      <c r="B5835" s="6">
        <v>97119.45</v>
      </c>
      <c r="C5835" s="7">
        <f t="shared" si="91"/>
        <v>97.119450000000001</v>
      </c>
    </row>
    <row r="5836" spans="1:3" x14ac:dyDescent="0.25">
      <c r="A5836" s="2" t="s">
        <v>1409</v>
      </c>
      <c r="B5836" s="6">
        <v>97136.099999999991</v>
      </c>
      <c r="C5836" s="7">
        <f t="shared" si="91"/>
        <v>97.136099999999985</v>
      </c>
    </row>
    <row r="5837" spans="1:3" x14ac:dyDescent="0.25">
      <c r="A5837" s="2" t="s">
        <v>1410</v>
      </c>
      <c r="B5837" s="6">
        <v>97152.749999999985</v>
      </c>
      <c r="C5837" s="7">
        <f t="shared" si="91"/>
        <v>97.152749999999983</v>
      </c>
    </row>
    <row r="5838" spans="1:3" x14ac:dyDescent="0.25">
      <c r="A5838" s="2" t="s">
        <v>1411</v>
      </c>
      <c r="B5838" s="6">
        <v>97169.4</v>
      </c>
      <c r="C5838" s="7">
        <f t="shared" si="91"/>
        <v>97.169399999999996</v>
      </c>
    </row>
    <row r="5839" spans="1:3" x14ac:dyDescent="0.25">
      <c r="A5839" s="2" t="s">
        <v>1412</v>
      </c>
      <c r="B5839" s="6">
        <v>97186.049999999988</v>
      </c>
      <c r="C5839" s="7">
        <f t="shared" si="91"/>
        <v>97.186049999999994</v>
      </c>
    </row>
    <row r="5840" spans="1:3" x14ac:dyDescent="0.25">
      <c r="A5840" s="2" t="s">
        <v>1413</v>
      </c>
      <c r="B5840" s="6">
        <v>97202.7</v>
      </c>
      <c r="C5840" s="7">
        <f t="shared" si="91"/>
        <v>97.202699999999993</v>
      </c>
    </row>
    <row r="5841" spans="1:3" x14ac:dyDescent="0.25">
      <c r="A5841" s="2" t="s">
        <v>1414</v>
      </c>
      <c r="B5841" s="6">
        <v>97219.349999999991</v>
      </c>
      <c r="C5841" s="7">
        <f t="shared" si="91"/>
        <v>97.219349999999991</v>
      </c>
    </row>
    <row r="5842" spans="1:3" x14ac:dyDescent="0.25">
      <c r="A5842" s="2" t="s">
        <v>1415</v>
      </c>
      <c r="B5842" s="6">
        <v>97235.999999999985</v>
      </c>
      <c r="C5842" s="7">
        <f t="shared" si="91"/>
        <v>97.23599999999999</v>
      </c>
    </row>
    <row r="5843" spans="1:3" x14ac:dyDescent="0.25">
      <c r="A5843" s="2" t="s">
        <v>1416</v>
      </c>
      <c r="B5843" s="6">
        <v>97252.65</v>
      </c>
      <c r="C5843" s="7">
        <f t="shared" si="91"/>
        <v>97.252649999999988</v>
      </c>
    </row>
    <row r="5844" spans="1:3" x14ac:dyDescent="0.25">
      <c r="A5844" s="2" t="s">
        <v>1417</v>
      </c>
      <c r="B5844" s="6">
        <v>97269.299999999988</v>
      </c>
      <c r="C5844" s="7">
        <f t="shared" si="91"/>
        <v>97.269299999999987</v>
      </c>
    </row>
    <row r="5845" spans="1:3" x14ac:dyDescent="0.25">
      <c r="A5845" s="2" t="s">
        <v>1418</v>
      </c>
      <c r="B5845" s="6">
        <v>97285.95</v>
      </c>
      <c r="C5845" s="7">
        <f t="shared" si="91"/>
        <v>97.28595</v>
      </c>
    </row>
    <row r="5846" spans="1:3" x14ac:dyDescent="0.25">
      <c r="A5846" s="2" t="s">
        <v>1419</v>
      </c>
      <c r="B5846" s="6">
        <v>97302.599999999991</v>
      </c>
      <c r="C5846" s="7">
        <f t="shared" si="91"/>
        <v>97.302599999999998</v>
      </c>
    </row>
    <row r="5847" spans="1:3" x14ac:dyDescent="0.25">
      <c r="A5847" s="2" t="s">
        <v>1420</v>
      </c>
      <c r="B5847" s="6">
        <v>97319.249999999985</v>
      </c>
      <c r="C5847" s="7">
        <f t="shared" si="91"/>
        <v>97.319249999999982</v>
      </c>
    </row>
    <row r="5848" spans="1:3" x14ac:dyDescent="0.25">
      <c r="A5848" s="2" t="s">
        <v>1421</v>
      </c>
      <c r="B5848" s="6">
        <v>97335.9</v>
      </c>
      <c r="C5848" s="7">
        <f t="shared" si="91"/>
        <v>97.335899999999995</v>
      </c>
    </row>
    <row r="5849" spans="1:3" x14ac:dyDescent="0.25">
      <c r="A5849" s="2" t="s">
        <v>1422</v>
      </c>
      <c r="B5849" s="6">
        <v>97352.549999999988</v>
      </c>
      <c r="C5849" s="7">
        <f t="shared" si="91"/>
        <v>97.352549999999994</v>
      </c>
    </row>
    <row r="5850" spans="1:3" x14ac:dyDescent="0.25">
      <c r="A5850" s="2" t="s">
        <v>1423</v>
      </c>
      <c r="B5850" s="6">
        <v>97369.2</v>
      </c>
      <c r="C5850" s="7">
        <f t="shared" si="91"/>
        <v>97.369199999999992</v>
      </c>
    </row>
    <row r="5851" spans="1:3" x14ac:dyDescent="0.25">
      <c r="A5851" s="2" t="s">
        <v>1424</v>
      </c>
      <c r="B5851" s="6">
        <v>97385.849999999991</v>
      </c>
      <c r="C5851" s="7">
        <f t="shared" si="91"/>
        <v>97.385849999999991</v>
      </c>
    </row>
    <row r="5852" spans="1:3" x14ac:dyDescent="0.25">
      <c r="A5852" s="2" t="s">
        <v>1425</v>
      </c>
      <c r="B5852" s="6">
        <v>97402.499999999985</v>
      </c>
      <c r="C5852" s="7">
        <f t="shared" si="91"/>
        <v>97.402499999999989</v>
      </c>
    </row>
    <row r="5853" spans="1:3" x14ac:dyDescent="0.25">
      <c r="A5853" s="2" t="s">
        <v>1426</v>
      </c>
      <c r="B5853" s="6">
        <v>97419.15</v>
      </c>
      <c r="C5853" s="7">
        <f t="shared" si="91"/>
        <v>97.419149999999988</v>
      </c>
    </row>
    <row r="5854" spans="1:3" x14ac:dyDescent="0.25">
      <c r="A5854" s="2" t="s">
        <v>1427</v>
      </c>
      <c r="B5854" s="6">
        <v>97435.799999999988</v>
      </c>
      <c r="C5854" s="7">
        <f t="shared" si="91"/>
        <v>97.435799999999986</v>
      </c>
    </row>
    <row r="5855" spans="1:3" x14ac:dyDescent="0.25">
      <c r="A5855" s="2" t="s">
        <v>1428</v>
      </c>
      <c r="B5855" s="6">
        <v>97452.45</v>
      </c>
      <c r="C5855" s="7">
        <f t="shared" si="91"/>
        <v>97.452449999999999</v>
      </c>
    </row>
    <row r="5856" spans="1:3" x14ac:dyDescent="0.25">
      <c r="A5856" s="2" t="s">
        <v>1429</v>
      </c>
      <c r="B5856" s="6">
        <v>97469.099999999991</v>
      </c>
      <c r="C5856" s="7">
        <f t="shared" si="91"/>
        <v>97.469099999999997</v>
      </c>
    </row>
    <row r="5857" spans="1:3" x14ac:dyDescent="0.25">
      <c r="A5857" s="2" t="s">
        <v>1430</v>
      </c>
      <c r="B5857" s="6">
        <v>97485.749999999985</v>
      </c>
      <c r="C5857" s="7">
        <f t="shared" si="91"/>
        <v>97.485749999999982</v>
      </c>
    </row>
    <row r="5858" spans="1:3" x14ac:dyDescent="0.25">
      <c r="A5858" s="2" t="s">
        <v>1431</v>
      </c>
      <c r="B5858" s="6">
        <v>97502.399999999994</v>
      </c>
      <c r="C5858" s="7">
        <f t="shared" si="91"/>
        <v>97.502399999999994</v>
      </c>
    </row>
    <row r="5859" spans="1:3" x14ac:dyDescent="0.25">
      <c r="A5859" s="2" t="s">
        <v>1432</v>
      </c>
      <c r="B5859" s="6">
        <v>97519.049999999988</v>
      </c>
      <c r="C5859" s="7">
        <f t="shared" si="91"/>
        <v>97.519049999999993</v>
      </c>
    </row>
    <row r="5860" spans="1:3" x14ac:dyDescent="0.25">
      <c r="A5860" s="2" t="s">
        <v>1433</v>
      </c>
      <c r="B5860" s="6">
        <v>97535.7</v>
      </c>
      <c r="C5860" s="7">
        <f t="shared" si="91"/>
        <v>97.535699999999991</v>
      </c>
    </row>
    <row r="5861" spans="1:3" x14ac:dyDescent="0.25">
      <c r="A5861" s="2" t="s">
        <v>1434</v>
      </c>
      <c r="B5861" s="6">
        <v>97552.349999999991</v>
      </c>
      <c r="C5861" s="7">
        <f t="shared" si="91"/>
        <v>97.55234999999999</v>
      </c>
    </row>
    <row r="5862" spans="1:3" x14ac:dyDescent="0.25">
      <c r="A5862" s="2" t="s">
        <v>1435</v>
      </c>
      <c r="B5862" s="6">
        <v>97568.999999999985</v>
      </c>
      <c r="C5862" s="7">
        <f t="shared" si="91"/>
        <v>97.568999999999988</v>
      </c>
    </row>
    <row r="5863" spans="1:3" x14ac:dyDescent="0.25">
      <c r="A5863" s="2" t="s">
        <v>1436</v>
      </c>
      <c r="B5863" s="6">
        <v>97585.65</v>
      </c>
      <c r="C5863" s="7">
        <f t="shared" si="91"/>
        <v>97.585650000000001</v>
      </c>
    </row>
    <row r="5864" spans="1:3" x14ac:dyDescent="0.25">
      <c r="A5864" s="2" t="s">
        <v>1437</v>
      </c>
      <c r="B5864" s="6">
        <v>97602.299999999988</v>
      </c>
      <c r="C5864" s="7">
        <f t="shared" si="91"/>
        <v>97.602299999999985</v>
      </c>
    </row>
    <row r="5865" spans="1:3" x14ac:dyDescent="0.25">
      <c r="A5865" s="2" t="s">
        <v>1438</v>
      </c>
      <c r="B5865" s="6">
        <v>97618.95</v>
      </c>
      <c r="C5865" s="7">
        <f t="shared" si="91"/>
        <v>97.618949999999998</v>
      </c>
    </row>
    <row r="5866" spans="1:3" x14ac:dyDescent="0.25">
      <c r="A5866" s="2" t="s">
        <v>1439</v>
      </c>
      <c r="B5866" s="6">
        <v>97635.599999999991</v>
      </c>
      <c r="C5866" s="7">
        <f t="shared" si="91"/>
        <v>97.635599999999997</v>
      </c>
    </row>
    <row r="5867" spans="1:3" x14ac:dyDescent="0.25">
      <c r="A5867" s="2" t="s">
        <v>1440</v>
      </c>
      <c r="B5867" s="6">
        <v>97652.249999999985</v>
      </c>
      <c r="C5867" s="7">
        <f t="shared" si="91"/>
        <v>97.652249999999981</v>
      </c>
    </row>
    <row r="5868" spans="1:3" x14ac:dyDescent="0.25">
      <c r="A5868" s="2" t="s">
        <v>1441</v>
      </c>
      <c r="B5868" s="6">
        <v>97668.9</v>
      </c>
      <c r="C5868" s="7">
        <f t="shared" si="91"/>
        <v>97.668899999999994</v>
      </c>
    </row>
    <row r="5869" spans="1:3" x14ac:dyDescent="0.25">
      <c r="A5869" s="2" t="s">
        <v>1442</v>
      </c>
      <c r="B5869" s="6">
        <v>97685.549999999988</v>
      </c>
      <c r="C5869" s="7">
        <f t="shared" si="91"/>
        <v>97.685549999999992</v>
      </c>
    </row>
    <row r="5870" spans="1:3" x14ac:dyDescent="0.25">
      <c r="A5870" s="2" t="s">
        <v>1443</v>
      </c>
      <c r="B5870" s="6">
        <v>97702.2</v>
      </c>
      <c r="C5870" s="7">
        <f t="shared" si="91"/>
        <v>97.702199999999991</v>
      </c>
    </row>
    <row r="5871" spans="1:3" x14ac:dyDescent="0.25">
      <c r="A5871" s="2" t="s">
        <v>1444</v>
      </c>
      <c r="B5871" s="6">
        <v>97718.849999999991</v>
      </c>
      <c r="C5871" s="7">
        <f t="shared" si="91"/>
        <v>97.718849999999989</v>
      </c>
    </row>
    <row r="5872" spans="1:3" x14ac:dyDescent="0.25">
      <c r="A5872" s="2" t="s">
        <v>1445</v>
      </c>
      <c r="B5872" s="6">
        <v>97735.499999999985</v>
      </c>
      <c r="C5872" s="7">
        <f t="shared" si="91"/>
        <v>97.735499999999988</v>
      </c>
    </row>
    <row r="5873" spans="1:3" x14ac:dyDescent="0.25">
      <c r="A5873" s="2" t="s">
        <v>1446</v>
      </c>
      <c r="B5873" s="6">
        <v>97752.15</v>
      </c>
      <c r="C5873" s="7">
        <f t="shared" si="91"/>
        <v>97.75215</v>
      </c>
    </row>
    <row r="5874" spans="1:3" x14ac:dyDescent="0.25">
      <c r="A5874" s="2" t="s">
        <v>1447</v>
      </c>
      <c r="B5874" s="6">
        <v>97768.799999999988</v>
      </c>
      <c r="C5874" s="7">
        <f t="shared" si="91"/>
        <v>97.768799999999985</v>
      </c>
    </row>
    <row r="5875" spans="1:3" x14ac:dyDescent="0.25">
      <c r="A5875" s="2" t="s">
        <v>1448</v>
      </c>
      <c r="B5875" s="6">
        <v>97785.45</v>
      </c>
      <c r="C5875" s="7">
        <f t="shared" si="91"/>
        <v>97.785449999999997</v>
      </c>
    </row>
    <row r="5876" spans="1:3" x14ac:dyDescent="0.25">
      <c r="A5876" s="2" t="s">
        <v>1449</v>
      </c>
      <c r="B5876" s="6">
        <v>97802.099999999991</v>
      </c>
      <c r="C5876" s="7">
        <f t="shared" si="91"/>
        <v>97.802099999999996</v>
      </c>
    </row>
    <row r="5877" spans="1:3" x14ac:dyDescent="0.25">
      <c r="A5877" s="2" t="s">
        <v>1450</v>
      </c>
      <c r="B5877" s="6">
        <v>97818.749999999985</v>
      </c>
      <c r="C5877" s="7">
        <f t="shared" si="91"/>
        <v>97.81874999999998</v>
      </c>
    </row>
    <row r="5878" spans="1:3" x14ac:dyDescent="0.25">
      <c r="A5878" s="2" t="s">
        <v>1451</v>
      </c>
      <c r="B5878" s="6">
        <v>97835.4</v>
      </c>
      <c r="C5878" s="7">
        <f t="shared" si="91"/>
        <v>97.835399999999993</v>
      </c>
    </row>
    <row r="5879" spans="1:3" x14ac:dyDescent="0.25">
      <c r="A5879" s="2" t="s">
        <v>1452</v>
      </c>
      <c r="B5879" s="6">
        <v>97852.049999999988</v>
      </c>
      <c r="C5879" s="7">
        <f t="shared" si="91"/>
        <v>97.852049999999991</v>
      </c>
    </row>
    <row r="5880" spans="1:3" x14ac:dyDescent="0.25">
      <c r="A5880" s="2" t="s">
        <v>1453</v>
      </c>
      <c r="B5880" s="6">
        <v>97868.7</v>
      </c>
      <c r="C5880" s="7">
        <f t="shared" si="91"/>
        <v>97.868700000000004</v>
      </c>
    </row>
    <row r="5881" spans="1:3" x14ac:dyDescent="0.25">
      <c r="A5881" s="2" t="s">
        <v>1454</v>
      </c>
      <c r="B5881" s="6">
        <v>97885.349999999991</v>
      </c>
      <c r="C5881" s="7">
        <f t="shared" si="91"/>
        <v>97.885349999999988</v>
      </c>
    </row>
    <row r="5882" spans="1:3" x14ac:dyDescent="0.25">
      <c r="A5882" s="2" t="s">
        <v>1455</v>
      </c>
      <c r="B5882" s="6">
        <v>97901.999999999985</v>
      </c>
      <c r="C5882" s="7">
        <f t="shared" si="91"/>
        <v>97.901999999999987</v>
      </c>
    </row>
    <row r="5883" spans="1:3" x14ac:dyDescent="0.25">
      <c r="A5883" s="2" t="s">
        <v>1456</v>
      </c>
      <c r="B5883" s="6">
        <v>97918.65</v>
      </c>
      <c r="C5883" s="7">
        <f t="shared" si="91"/>
        <v>97.91865</v>
      </c>
    </row>
    <row r="5884" spans="1:3" x14ac:dyDescent="0.25">
      <c r="A5884" s="2" t="s">
        <v>1457</v>
      </c>
      <c r="B5884" s="6">
        <v>97935.299999999988</v>
      </c>
      <c r="C5884" s="7">
        <f t="shared" si="91"/>
        <v>97.935299999999984</v>
      </c>
    </row>
    <row r="5885" spans="1:3" x14ac:dyDescent="0.25">
      <c r="A5885" s="2" t="s">
        <v>1458</v>
      </c>
      <c r="B5885" s="6">
        <v>97951.95</v>
      </c>
      <c r="C5885" s="7">
        <f t="shared" si="91"/>
        <v>97.951949999999997</v>
      </c>
    </row>
    <row r="5886" spans="1:3" x14ac:dyDescent="0.25">
      <c r="A5886" s="2" t="s">
        <v>1459</v>
      </c>
      <c r="B5886" s="6">
        <v>97968.599999999991</v>
      </c>
      <c r="C5886" s="7">
        <f t="shared" si="91"/>
        <v>97.968599999999995</v>
      </c>
    </row>
    <row r="5887" spans="1:3" x14ac:dyDescent="0.25">
      <c r="A5887" s="2" t="s">
        <v>1460</v>
      </c>
      <c r="B5887" s="6">
        <v>97985.249999999985</v>
      </c>
      <c r="C5887" s="7">
        <f t="shared" si="91"/>
        <v>97.985249999999979</v>
      </c>
    </row>
    <row r="5888" spans="1:3" x14ac:dyDescent="0.25">
      <c r="A5888" s="2" t="s">
        <v>1461</v>
      </c>
      <c r="B5888" s="6">
        <v>98001.9</v>
      </c>
      <c r="C5888" s="7">
        <f t="shared" si="91"/>
        <v>98.001899999999992</v>
      </c>
    </row>
    <row r="5889" spans="1:3" x14ac:dyDescent="0.25">
      <c r="A5889" s="2" t="s">
        <v>1462</v>
      </c>
      <c r="B5889" s="6">
        <v>98018.549999999988</v>
      </c>
      <c r="C5889" s="7">
        <f t="shared" si="91"/>
        <v>98.018549999999991</v>
      </c>
    </row>
    <row r="5890" spans="1:3" x14ac:dyDescent="0.25">
      <c r="A5890" s="2" t="s">
        <v>1463</v>
      </c>
      <c r="B5890" s="6">
        <v>98035.199999999997</v>
      </c>
      <c r="C5890" s="7">
        <f t="shared" si="91"/>
        <v>98.035200000000003</v>
      </c>
    </row>
    <row r="5891" spans="1:3" x14ac:dyDescent="0.25">
      <c r="A5891" s="2" t="s">
        <v>1464</v>
      </c>
      <c r="B5891" s="6">
        <v>98051.849999999991</v>
      </c>
      <c r="C5891" s="7">
        <f t="shared" ref="C5891:C5954" si="92">B5891/1000</f>
        <v>98.051849999999988</v>
      </c>
    </row>
    <row r="5892" spans="1:3" x14ac:dyDescent="0.25">
      <c r="A5892" s="2" t="s">
        <v>1465</v>
      </c>
      <c r="B5892" s="6">
        <v>98068.499999999985</v>
      </c>
      <c r="C5892" s="7">
        <f t="shared" si="92"/>
        <v>98.068499999999986</v>
      </c>
    </row>
    <row r="5893" spans="1:3" x14ac:dyDescent="0.25">
      <c r="A5893" s="2" t="s">
        <v>1466</v>
      </c>
      <c r="B5893" s="6">
        <v>98085.15</v>
      </c>
      <c r="C5893" s="7">
        <f t="shared" si="92"/>
        <v>98.085149999999999</v>
      </c>
    </row>
    <row r="5894" spans="1:3" x14ac:dyDescent="0.25">
      <c r="A5894" s="2" t="s">
        <v>1467</v>
      </c>
      <c r="B5894" s="6">
        <v>98101.799999999988</v>
      </c>
      <c r="C5894" s="7">
        <f t="shared" si="92"/>
        <v>98.101799999999983</v>
      </c>
    </row>
    <row r="5895" spans="1:3" x14ac:dyDescent="0.25">
      <c r="A5895" s="2" t="s">
        <v>1468</v>
      </c>
      <c r="B5895" s="6">
        <v>98118.45</v>
      </c>
      <c r="C5895" s="7">
        <f t="shared" si="92"/>
        <v>98.118449999999996</v>
      </c>
    </row>
    <row r="5896" spans="1:3" x14ac:dyDescent="0.25">
      <c r="A5896" s="2" t="s">
        <v>1469</v>
      </c>
      <c r="B5896" s="6">
        <v>98135.099999999991</v>
      </c>
      <c r="C5896" s="7">
        <f t="shared" si="92"/>
        <v>98.135099999999994</v>
      </c>
    </row>
    <row r="5897" spans="1:3" x14ac:dyDescent="0.25">
      <c r="A5897" s="2" t="s">
        <v>1470</v>
      </c>
      <c r="B5897" s="6">
        <v>98151.749999999985</v>
      </c>
      <c r="C5897" s="7">
        <f t="shared" si="92"/>
        <v>98.151749999999979</v>
      </c>
    </row>
    <row r="5898" spans="1:3" x14ac:dyDescent="0.25">
      <c r="A5898" s="2" t="s">
        <v>1471</v>
      </c>
      <c r="B5898" s="6">
        <v>98168.4</v>
      </c>
      <c r="C5898" s="7">
        <f t="shared" si="92"/>
        <v>98.168399999999991</v>
      </c>
    </row>
    <row r="5899" spans="1:3" x14ac:dyDescent="0.25">
      <c r="A5899" s="2" t="s">
        <v>1472</v>
      </c>
      <c r="B5899" s="6">
        <v>98185.049999999988</v>
      </c>
      <c r="C5899" s="7">
        <f t="shared" si="92"/>
        <v>98.18504999999999</v>
      </c>
    </row>
    <row r="5900" spans="1:3" x14ac:dyDescent="0.25">
      <c r="A5900" s="2" t="s">
        <v>1473</v>
      </c>
      <c r="B5900" s="6">
        <v>98201.7</v>
      </c>
      <c r="C5900" s="7">
        <f t="shared" si="92"/>
        <v>98.201700000000002</v>
      </c>
    </row>
    <row r="5901" spans="1:3" x14ac:dyDescent="0.25">
      <c r="A5901" s="2" t="s">
        <v>1474</v>
      </c>
      <c r="B5901" s="6">
        <v>98218.349999999991</v>
      </c>
      <c r="C5901" s="7">
        <f t="shared" si="92"/>
        <v>98.218349999999987</v>
      </c>
    </row>
    <row r="5902" spans="1:3" x14ac:dyDescent="0.25">
      <c r="A5902" s="2" t="s">
        <v>1475</v>
      </c>
      <c r="B5902" s="6">
        <v>98234.999999999985</v>
      </c>
      <c r="C5902" s="7">
        <f t="shared" si="92"/>
        <v>98.234999999999985</v>
      </c>
    </row>
    <row r="5903" spans="1:3" x14ac:dyDescent="0.25">
      <c r="A5903" s="2" t="s">
        <v>1476</v>
      </c>
      <c r="B5903" s="6">
        <v>98251.65</v>
      </c>
      <c r="C5903" s="7">
        <f t="shared" si="92"/>
        <v>98.251649999999998</v>
      </c>
    </row>
    <row r="5904" spans="1:3" x14ac:dyDescent="0.25">
      <c r="A5904" s="2" t="s">
        <v>1477</v>
      </c>
      <c r="B5904" s="6">
        <v>98268.299999999988</v>
      </c>
      <c r="C5904" s="7">
        <f t="shared" si="92"/>
        <v>98.268299999999982</v>
      </c>
    </row>
    <row r="5905" spans="1:3" x14ac:dyDescent="0.25">
      <c r="A5905" s="2" t="s">
        <v>1478</v>
      </c>
      <c r="B5905" s="6">
        <v>98284.95</v>
      </c>
      <c r="C5905" s="7">
        <f t="shared" si="92"/>
        <v>98.284949999999995</v>
      </c>
    </row>
    <row r="5906" spans="1:3" x14ac:dyDescent="0.25">
      <c r="A5906" s="2" t="s">
        <v>1479</v>
      </c>
      <c r="B5906" s="6">
        <v>98301.599999999991</v>
      </c>
      <c r="C5906" s="7">
        <f t="shared" si="92"/>
        <v>98.301599999999993</v>
      </c>
    </row>
    <row r="5907" spans="1:3" x14ac:dyDescent="0.25">
      <c r="A5907" s="2" t="s">
        <v>1480</v>
      </c>
      <c r="B5907" s="6">
        <v>98318.249999999985</v>
      </c>
      <c r="C5907" s="7">
        <f t="shared" si="92"/>
        <v>98.318249999999992</v>
      </c>
    </row>
    <row r="5908" spans="1:3" x14ac:dyDescent="0.25">
      <c r="A5908" s="2" t="s">
        <v>1481</v>
      </c>
      <c r="B5908" s="6">
        <v>98334.9</v>
      </c>
      <c r="C5908" s="7">
        <f t="shared" si="92"/>
        <v>98.33489999999999</v>
      </c>
    </row>
    <row r="5909" spans="1:3" x14ac:dyDescent="0.25">
      <c r="A5909" s="2" t="s">
        <v>1482</v>
      </c>
      <c r="B5909" s="6">
        <v>98351.549999999988</v>
      </c>
      <c r="C5909" s="7">
        <f t="shared" si="92"/>
        <v>98.351549999999989</v>
      </c>
    </row>
    <row r="5910" spans="1:3" x14ac:dyDescent="0.25">
      <c r="A5910" s="2" t="s">
        <v>1483</v>
      </c>
      <c r="B5910" s="6">
        <v>98368.2</v>
      </c>
      <c r="C5910" s="7">
        <f t="shared" si="92"/>
        <v>98.368200000000002</v>
      </c>
    </row>
    <row r="5911" spans="1:3" x14ac:dyDescent="0.25">
      <c r="A5911" s="2" t="s">
        <v>1484</v>
      </c>
      <c r="B5911" s="6">
        <v>98384.849999999991</v>
      </c>
      <c r="C5911" s="7">
        <f t="shared" si="92"/>
        <v>98.384849999999986</v>
      </c>
    </row>
    <row r="5912" spans="1:3" x14ac:dyDescent="0.25">
      <c r="A5912" s="2" t="s">
        <v>1485</v>
      </c>
      <c r="B5912" s="6">
        <v>98401.499999999985</v>
      </c>
      <c r="C5912" s="7">
        <f t="shared" si="92"/>
        <v>98.401499999999984</v>
      </c>
    </row>
    <row r="5913" spans="1:3" x14ac:dyDescent="0.25">
      <c r="A5913" s="2" t="s">
        <v>1486</v>
      </c>
      <c r="B5913" s="6">
        <v>98418.15</v>
      </c>
      <c r="C5913" s="7">
        <f t="shared" si="92"/>
        <v>98.418149999999997</v>
      </c>
    </row>
    <row r="5914" spans="1:3" x14ac:dyDescent="0.25">
      <c r="A5914" s="2" t="s">
        <v>1487</v>
      </c>
      <c r="B5914" s="6">
        <v>98434.799999999988</v>
      </c>
      <c r="C5914" s="7">
        <f t="shared" si="92"/>
        <v>98.434799999999981</v>
      </c>
    </row>
    <row r="5915" spans="1:3" x14ac:dyDescent="0.25">
      <c r="A5915" s="2" t="s">
        <v>1488</v>
      </c>
      <c r="B5915" s="6">
        <v>98451.45</v>
      </c>
      <c r="C5915" s="7">
        <f t="shared" si="92"/>
        <v>98.451449999999994</v>
      </c>
    </row>
    <row r="5916" spans="1:3" x14ac:dyDescent="0.25">
      <c r="A5916" s="2" t="s">
        <v>1489</v>
      </c>
      <c r="B5916" s="6">
        <v>98468.099999999991</v>
      </c>
      <c r="C5916" s="7">
        <f t="shared" si="92"/>
        <v>98.468099999999993</v>
      </c>
    </row>
    <row r="5917" spans="1:3" x14ac:dyDescent="0.25">
      <c r="A5917" s="2" t="s">
        <v>1490</v>
      </c>
      <c r="B5917" s="6">
        <v>98484.749999999985</v>
      </c>
      <c r="C5917" s="7">
        <f t="shared" si="92"/>
        <v>98.484749999999991</v>
      </c>
    </row>
    <row r="5918" spans="1:3" x14ac:dyDescent="0.25">
      <c r="A5918" s="2" t="s">
        <v>1491</v>
      </c>
      <c r="B5918" s="6">
        <v>98501.4</v>
      </c>
      <c r="C5918" s="7">
        <f t="shared" si="92"/>
        <v>98.50139999999999</v>
      </c>
    </row>
    <row r="5919" spans="1:3" x14ac:dyDescent="0.25">
      <c r="A5919" s="2" t="s">
        <v>1492</v>
      </c>
      <c r="B5919" s="6">
        <v>98518.049999999988</v>
      </c>
      <c r="C5919" s="7">
        <f t="shared" si="92"/>
        <v>98.518049999999988</v>
      </c>
    </row>
    <row r="5920" spans="1:3" x14ac:dyDescent="0.25">
      <c r="A5920" s="2" t="s">
        <v>1493</v>
      </c>
      <c r="B5920" s="6">
        <v>98534.7</v>
      </c>
      <c r="C5920" s="7">
        <f t="shared" si="92"/>
        <v>98.534700000000001</v>
      </c>
    </row>
    <row r="5921" spans="1:3" x14ac:dyDescent="0.25">
      <c r="A5921" s="2" t="s">
        <v>1494</v>
      </c>
      <c r="B5921" s="6">
        <v>98551.349999999991</v>
      </c>
      <c r="C5921" s="7">
        <f t="shared" si="92"/>
        <v>98.551349999999985</v>
      </c>
    </row>
    <row r="5922" spans="1:3" x14ac:dyDescent="0.25">
      <c r="A5922" s="2" t="s">
        <v>1495</v>
      </c>
      <c r="B5922" s="6">
        <v>98567.999999999985</v>
      </c>
      <c r="C5922" s="7">
        <f t="shared" si="92"/>
        <v>98.567999999999984</v>
      </c>
    </row>
    <row r="5923" spans="1:3" x14ac:dyDescent="0.25">
      <c r="A5923" s="2" t="s">
        <v>1496</v>
      </c>
      <c r="B5923" s="6">
        <v>98584.65</v>
      </c>
      <c r="C5923" s="7">
        <f t="shared" si="92"/>
        <v>98.584649999999996</v>
      </c>
    </row>
    <row r="5924" spans="1:3" x14ac:dyDescent="0.25">
      <c r="A5924" s="2" t="s">
        <v>1497</v>
      </c>
      <c r="B5924" s="6">
        <v>98601.299999999988</v>
      </c>
      <c r="C5924" s="7">
        <f t="shared" si="92"/>
        <v>98.601299999999995</v>
      </c>
    </row>
    <row r="5925" spans="1:3" x14ac:dyDescent="0.25">
      <c r="A5925" s="2" t="s">
        <v>1498</v>
      </c>
      <c r="B5925" s="6">
        <v>98617.95</v>
      </c>
      <c r="C5925" s="7">
        <f t="shared" si="92"/>
        <v>98.617949999999993</v>
      </c>
    </row>
    <row r="5926" spans="1:3" x14ac:dyDescent="0.25">
      <c r="A5926" s="2" t="s">
        <v>1499</v>
      </c>
      <c r="B5926" s="6">
        <v>98634.599999999991</v>
      </c>
      <c r="C5926" s="7">
        <f t="shared" si="92"/>
        <v>98.634599999999992</v>
      </c>
    </row>
    <row r="5927" spans="1:3" x14ac:dyDescent="0.25">
      <c r="A5927" s="2" t="s">
        <v>1500</v>
      </c>
      <c r="B5927" s="6">
        <v>98651.249999999985</v>
      </c>
      <c r="C5927" s="7">
        <f t="shared" si="92"/>
        <v>98.65124999999999</v>
      </c>
    </row>
    <row r="5928" spans="1:3" x14ac:dyDescent="0.25">
      <c r="A5928" s="2" t="s">
        <v>1501</v>
      </c>
      <c r="B5928" s="6">
        <v>98667.9</v>
      </c>
      <c r="C5928" s="7">
        <f t="shared" si="92"/>
        <v>98.667899999999989</v>
      </c>
    </row>
    <row r="5929" spans="1:3" x14ac:dyDescent="0.25">
      <c r="A5929" s="2" t="s">
        <v>1502</v>
      </c>
      <c r="B5929" s="6">
        <v>98684.549999999988</v>
      </c>
      <c r="C5929" s="7">
        <f t="shared" si="92"/>
        <v>98.684549999999987</v>
      </c>
    </row>
    <row r="5930" spans="1:3" x14ac:dyDescent="0.25">
      <c r="A5930" s="2" t="s">
        <v>1503</v>
      </c>
      <c r="B5930" s="6">
        <v>98701.2</v>
      </c>
      <c r="C5930" s="7">
        <f t="shared" si="92"/>
        <v>98.7012</v>
      </c>
    </row>
    <row r="5931" spans="1:3" x14ac:dyDescent="0.25">
      <c r="A5931" s="2" t="s">
        <v>1504</v>
      </c>
      <c r="B5931" s="6">
        <v>98717.849999999991</v>
      </c>
      <c r="C5931" s="7">
        <f t="shared" si="92"/>
        <v>98.717849999999984</v>
      </c>
    </row>
    <row r="5932" spans="1:3" x14ac:dyDescent="0.25">
      <c r="A5932" s="2" t="s">
        <v>1505</v>
      </c>
      <c r="B5932" s="6">
        <v>98734.499999999985</v>
      </c>
      <c r="C5932" s="7">
        <f t="shared" si="92"/>
        <v>98.734499999999983</v>
      </c>
    </row>
    <row r="5933" spans="1:3" x14ac:dyDescent="0.25">
      <c r="A5933" s="2" t="s">
        <v>1506</v>
      </c>
      <c r="B5933" s="6">
        <v>98751.15</v>
      </c>
      <c r="C5933" s="7">
        <f t="shared" si="92"/>
        <v>98.751149999999996</v>
      </c>
    </row>
    <row r="5934" spans="1:3" x14ac:dyDescent="0.25">
      <c r="A5934" s="2" t="s">
        <v>1507</v>
      </c>
      <c r="B5934" s="6">
        <v>98767.799999999988</v>
      </c>
      <c r="C5934" s="7">
        <f t="shared" si="92"/>
        <v>98.767799999999994</v>
      </c>
    </row>
    <row r="5935" spans="1:3" x14ac:dyDescent="0.25">
      <c r="A5935" s="2" t="s">
        <v>1508</v>
      </c>
      <c r="B5935" s="6">
        <v>98784.45</v>
      </c>
      <c r="C5935" s="7">
        <f t="shared" si="92"/>
        <v>98.784449999999993</v>
      </c>
    </row>
    <row r="5936" spans="1:3" x14ac:dyDescent="0.25">
      <c r="A5936" s="2" t="s">
        <v>1509</v>
      </c>
      <c r="B5936" s="6">
        <v>98801.099999999991</v>
      </c>
      <c r="C5936" s="7">
        <f t="shared" si="92"/>
        <v>98.801099999999991</v>
      </c>
    </row>
    <row r="5937" spans="1:3" x14ac:dyDescent="0.25">
      <c r="A5937" s="2" t="s">
        <v>1510</v>
      </c>
      <c r="B5937" s="6">
        <v>98817.749999999985</v>
      </c>
      <c r="C5937" s="7">
        <f t="shared" si="92"/>
        <v>98.81774999999999</v>
      </c>
    </row>
    <row r="5938" spans="1:3" x14ac:dyDescent="0.25">
      <c r="A5938" s="2" t="s">
        <v>1511</v>
      </c>
      <c r="B5938" s="6">
        <v>98834.4</v>
      </c>
      <c r="C5938" s="7">
        <f t="shared" si="92"/>
        <v>98.834399999999988</v>
      </c>
    </row>
    <row r="5939" spans="1:3" x14ac:dyDescent="0.25">
      <c r="A5939" s="2" t="s">
        <v>1512</v>
      </c>
      <c r="B5939" s="6">
        <v>98851.049999999988</v>
      </c>
      <c r="C5939" s="7">
        <f t="shared" si="92"/>
        <v>98.851049999999987</v>
      </c>
    </row>
    <row r="5940" spans="1:3" x14ac:dyDescent="0.25">
      <c r="A5940" s="2" t="s">
        <v>1513</v>
      </c>
      <c r="B5940" s="6">
        <v>98867.7</v>
      </c>
      <c r="C5940" s="7">
        <f t="shared" si="92"/>
        <v>98.867699999999999</v>
      </c>
    </row>
    <row r="5941" spans="1:3" x14ac:dyDescent="0.25">
      <c r="A5941" s="2" t="s">
        <v>1514</v>
      </c>
      <c r="B5941" s="6">
        <v>98884.349999999991</v>
      </c>
      <c r="C5941" s="7">
        <f t="shared" si="92"/>
        <v>98.884349999999998</v>
      </c>
    </row>
    <row r="5942" spans="1:3" x14ac:dyDescent="0.25">
      <c r="A5942" s="2" t="s">
        <v>1515</v>
      </c>
      <c r="B5942" s="6">
        <v>98900.999999999985</v>
      </c>
      <c r="C5942" s="7">
        <f t="shared" si="92"/>
        <v>98.900999999999982</v>
      </c>
    </row>
    <row r="5943" spans="1:3" x14ac:dyDescent="0.25">
      <c r="A5943" s="2" t="s">
        <v>1516</v>
      </c>
      <c r="B5943" s="6">
        <v>98917.65</v>
      </c>
      <c r="C5943" s="7">
        <f t="shared" si="92"/>
        <v>98.917649999999995</v>
      </c>
    </row>
    <row r="5944" spans="1:3" x14ac:dyDescent="0.25">
      <c r="A5944" s="2" t="s">
        <v>1517</v>
      </c>
      <c r="B5944" s="6">
        <v>98934.299999999988</v>
      </c>
      <c r="C5944" s="7">
        <f t="shared" si="92"/>
        <v>98.934299999999993</v>
      </c>
    </row>
    <row r="5945" spans="1:3" x14ac:dyDescent="0.25">
      <c r="A5945" s="2" t="s">
        <v>1518</v>
      </c>
      <c r="B5945" s="6">
        <v>98950.95</v>
      </c>
      <c r="C5945" s="7">
        <f t="shared" si="92"/>
        <v>98.950949999999992</v>
      </c>
    </row>
    <row r="5946" spans="1:3" x14ac:dyDescent="0.25">
      <c r="A5946" s="2" t="s">
        <v>1519</v>
      </c>
      <c r="B5946" s="6">
        <v>98967.599999999991</v>
      </c>
      <c r="C5946" s="7">
        <f t="shared" si="92"/>
        <v>98.96759999999999</v>
      </c>
    </row>
    <row r="5947" spans="1:3" x14ac:dyDescent="0.25">
      <c r="A5947" s="2" t="s">
        <v>1520</v>
      </c>
      <c r="B5947" s="6">
        <v>98984.249999999985</v>
      </c>
      <c r="C5947" s="7">
        <f t="shared" si="92"/>
        <v>98.984249999999989</v>
      </c>
    </row>
    <row r="5948" spans="1:3" x14ac:dyDescent="0.25">
      <c r="A5948" s="2" t="s">
        <v>1521</v>
      </c>
      <c r="B5948" s="6">
        <v>99000.9</v>
      </c>
      <c r="C5948" s="7">
        <f t="shared" si="92"/>
        <v>99.000899999999987</v>
      </c>
    </row>
    <row r="5949" spans="1:3" x14ac:dyDescent="0.25">
      <c r="A5949" s="2" t="s">
        <v>1522</v>
      </c>
      <c r="B5949" s="6">
        <v>99017.549999999988</v>
      </c>
      <c r="C5949" s="7">
        <f t="shared" si="92"/>
        <v>99.017549999999986</v>
      </c>
    </row>
    <row r="5950" spans="1:3" x14ac:dyDescent="0.25">
      <c r="A5950" s="2" t="s">
        <v>1523</v>
      </c>
      <c r="B5950" s="6">
        <v>99034.2</v>
      </c>
      <c r="C5950" s="7">
        <f t="shared" si="92"/>
        <v>99.034199999999998</v>
      </c>
    </row>
    <row r="5951" spans="1:3" x14ac:dyDescent="0.25">
      <c r="A5951" s="2" t="s">
        <v>1524</v>
      </c>
      <c r="B5951" s="6">
        <v>99050.849999999991</v>
      </c>
      <c r="C5951" s="7">
        <f t="shared" si="92"/>
        <v>99.050849999999997</v>
      </c>
    </row>
    <row r="5952" spans="1:3" x14ac:dyDescent="0.25">
      <c r="A5952" s="2" t="s">
        <v>1525</v>
      </c>
      <c r="B5952" s="6">
        <v>99067.499999999985</v>
      </c>
      <c r="C5952" s="7">
        <f t="shared" si="92"/>
        <v>99.067499999999981</v>
      </c>
    </row>
    <row r="5953" spans="1:3" x14ac:dyDescent="0.25">
      <c r="A5953" s="2" t="s">
        <v>1526</v>
      </c>
      <c r="B5953" s="6">
        <v>99084.15</v>
      </c>
      <c r="C5953" s="7">
        <f t="shared" si="92"/>
        <v>99.084149999999994</v>
      </c>
    </row>
    <row r="5954" spans="1:3" x14ac:dyDescent="0.25">
      <c r="A5954" s="2" t="s">
        <v>1527</v>
      </c>
      <c r="B5954" s="6">
        <v>99100.799999999988</v>
      </c>
      <c r="C5954" s="7">
        <f t="shared" si="92"/>
        <v>99.100799999999992</v>
      </c>
    </row>
    <row r="5955" spans="1:3" x14ac:dyDescent="0.25">
      <c r="A5955" s="2" t="s">
        <v>1528</v>
      </c>
      <c r="B5955" s="6">
        <v>99117.45</v>
      </c>
      <c r="C5955" s="7">
        <f t="shared" ref="C5955:C6018" si="93">B5955/1000</f>
        <v>99.117449999999991</v>
      </c>
    </row>
    <row r="5956" spans="1:3" x14ac:dyDescent="0.25">
      <c r="A5956" s="2" t="s">
        <v>1529</v>
      </c>
      <c r="B5956" s="6">
        <v>99134.099999999991</v>
      </c>
      <c r="C5956" s="7">
        <f t="shared" si="93"/>
        <v>99.134099999999989</v>
      </c>
    </row>
    <row r="5957" spans="1:3" x14ac:dyDescent="0.25">
      <c r="A5957" s="2" t="s">
        <v>1530</v>
      </c>
      <c r="B5957" s="6">
        <v>99150.749999999985</v>
      </c>
      <c r="C5957" s="7">
        <f t="shared" si="93"/>
        <v>99.150749999999988</v>
      </c>
    </row>
    <row r="5958" spans="1:3" x14ac:dyDescent="0.25">
      <c r="A5958" s="2" t="s">
        <v>1531</v>
      </c>
      <c r="B5958" s="6">
        <v>99167.4</v>
      </c>
      <c r="C5958" s="7">
        <f t="shared" si="93"/>
        <v>99.167400000000001</v>
      </c>
    </row>
    <row r="5959" spans="1:3" x14ac:dyDescent="0.25">
      <c r="A5959" s="2" t="s">
        <v>1532</v>
      </c>
      <c r="B5959" s="6">
        <v>99184.049999999988</v>
      </c>
      <c r="C5959" s="7">
        <f t="shared" si="93"/>
        <v>99.184049999999985</v>
      </c>
    </row>
    <row r="5960" spans="1:3" x14ac:dyDescent="0.25">
      <c r="A5960" s="2" t="s">
        <v>1533</v>
      </c>
      <c r="B5960" s="6">
        <v>99200.7</v>
      </c>
      <c r="C5960" s="7">
        <f t="shared" si="93"/>
        <v>99.200699999999998</v>
      </c>
    </row>
    <row r="5961" spans="1:3" x14ac:dyDescent="0.25">
      <c r="A5961" s="2" t="s">
        <v>1534</v>
      </c>
      <c r="B5961" s="6">
        <v>99217.349999999991</v>
      </c>
      <c r="C5961" s="7">
        <f t="shared" si="93"/>
        <v>99.217349999999996</v>
      </c>
    </row>
    <row r="5962" spans="1:3" x14ac:dyDescent="0.25">
      <c r="A5962" s="2" t="s">
        <v>1535</v>
      </c>
      <c r="B5962" s="6">
        <v>99233.999999999985</v>
      </c>
      <c r="C5962" s="7">
        <f t="shared" si="93"/>
        <v>99.23399999999998</v>
      </c>
    </row>
    <row r="5963" spans="1:3" x14ac:dyDescent="0.25">
      <c r="A5963" s="2" t="s">
        <v>1536</v>
      </c>
      <c r="B5963" s="6">
        <v>99250.65</v>
      </c>
      <c r="C5963" s="7">
        <f t="shared" si="93"/>
        <v>99.250649999999993</v>
      </c>
    </row>
    <row r="5964" spans="1:3" x14ac:dyDescent="0.25">
      <c r="A5964" s="2" t="s">
        <v>1537</v>
      </c>
      <c r="B5964" s="6">
        <v>99267.299999999988</v>
      </c>
      <c r="C5964" s="7">
        <f t="shared" si="93"/>
        <v>99.267299999999992</v>
      </c>
    </row>
    <row r="5965" spans="1:3" x14ac:dyDescent="0.25">
      <c r="A5965" s="2" t="s">
        <v>1538</v>
      </c>
      <c r="B5965" s="6">
        <v>99283.95</v>
      </c>
      <c r="C5965" s="7">
        <f t="shared" si="93"/>
        <v>99.28394999999999</v>
      </c>
    </row>
    <row r="5966" spans="1:3" x14ac:dyDescent="0.25">
      <c r="A5966" s="2" t="s">
        <v>1539</v>
      </c>
      <c r="B5966" s="6">
        <v>99300.599999999991</v>
      </c>
      <c r="C5966" s="7">
        <f t="shared" si="93"/>
        <v>99.300599999999989</v>
      </c>
    </row>
    <row r="5967" spans="1:3" x14ac:dyDescent="0.25">
      <c r="A5967" s="2" t="s">
        <v>1540</v>
      </c>
      <c r="B5967" s="6">
        <v>99317.249999999985</v>
      </c>
      <c r="C5967" s="7">
        <f t="shared" si="93"/>
        <v>99.317249999999987</v>
      </c>
    </row>
    <row r="5968" spans="1:3" x14ac:dyDescent="0.25">
      <c r="A5968" s="2" t="s">
        <v>1541</v>
      </c>
      <c r="B5968" s="6">
        <v>99333.9</v>
      </c>
      <c r="C5968" s="7">
        <f t="shared" si="93"/>
        <v>99.3339</v>
      </c>
    </row>
    <row r="5969" spans="1:3" x14ac:dyDescent="0.25">
      <c r="A5969" s="2" t="s">
        <v>1542</v>
      </c>
      <c r="B5969" s="6">
        <v>99350.549999999988</v>
      </c>
      <c r="C5969" s="7">
        <f t="shared" si="93"/>
        <v>99.350549999999984</v>
      </c>
    </row>
    <row r="5970" spans="1:3" x14ac:dyDescent="0.25">
      <c r="A5970" s="2" t="s">
        <v>1543</v>
      </c>
      <c r="B5970" s="6">
        <v>99367.2</v>
      </c>
      <c r="C5970" s="7">
        <f t="shared" si="93"/>
        <v>99.367199999999997</v>
      </c>
    </row>
    <row r="5971" spans="1:3" x14ac:dyDescent="0.25">
      <c r="A5971" s="2" t="s">
        <v>1544</v>
      </c>
      <c r="B5971" s="6">
        <v>99383.849999999991</v>
      </c>
      <c r="C5971" s="7">
        <f t="shared" si="93"/>
        <v>99.383849999999995</v>
      </c>
    </row>
    <row r="5972" spans="1:3" x14ac:dyDescent="0.25">
      <c r="A5972" s="2" t="s">
        <v>1545</v>
      </c>
      <c r="B5972" s="6">
        <v>99400.499999999985</v>
      </c>
      <c r="C5972" s="7">
        <f t="shared" si="93"/>
        <v>99.40049999999998</v>
      </c>
    </row>
    <row r="5973" spans="1:3" x14ac:dyDescent="0.25">
      <c r="A5973" s="2" t="s">
        <v>1546</v>
      </c>
      <c r="B5973" s="6">
        <v>99417.15</v>
      </c>
      <c r="C5973" s="7">
        <f t="shared" si="93"/>
        <v>99.417149999999992</v>
      </c>
    </row>
    <row r="5974" spans="1:3" x14ac:dyDescent="0.25">
      <c r="A5974" s="2" t="s">
        <v>1547</v>
      </c>
      <c r="B5974" s="6">
        <v>99433.799999999988</v>
      </c>
      <c r="C5974" s="7">
        <f t="shared" si="93"/>
        <v>99.433799999999991</v>
      </c>
    </row>
    <row r="5975" spans="1:3" x14ac:dyDescent="0.25">
      <c r="A5975" s="2" t="s">
        <v>1548</v>
      </c>
      <c r="B5975" s="6">
        <v>99450.45</v>
      </c>
      <c r="C5975" s="7">
        <f t="shared" si="93"/>
        <v>99.450450000000004</v>
      </c>
    </row>
    <row r="5976" spans="1:3" x14ac:dyDescent="0.25">
      <c r="A5976" s="2" t="s">
        <v>1549</v>
      </c>
      <c r="B5976" s="6">
        <v>99467.099999999991</v>
      </c>
      <c r="C5976" s="7">
        <f t="shared" si="93"/>
        <v>99.467099999999988</v>
      </c>
    </row>
    <row r="5977" spans="1:3" x14ac:dyDescent="0.25">
      <c r="A5977" s="2" t="s">
        <v>1550</v>
      </c>
      <c r="B5977" s="6">
        <v>99483.749999999985</v>
      </c>
      <c r="C5977" s="7">
        <f t="shared" si="93"/>
        <v>99.483749999999986</v>
      </c>
    </row>
    <row r="5978" spans="1:3" x14ac:dyDescent="0.25">
      <c r="A5978" s="2" t="s">
        <v>1551</v>
      </c>
      <c r="B5978" s="6">
        <v>99500.4</v>
      </c>
      <c r="C5978" s="7">
        <f t="shared" si="93"/>
        <v>99.500399999999999</v>
      </c>
    </row>
    <row r="5979" spans="1:3" x14ac:dyDescent="0.25">
      <c r="A5979" s="2" t="s">
        <v>1552</v>
      </c>
      <c r="B5979" s="6">
        <v>99517.049999999988</v>
      </c>
      <c r="C5979" s="7">
        <f t="shared" si="93"/>
        <v>99.517049999999983</v>
      </c>
    </row>
    <row r="5980" spans="1:3" x14ac:dyDescent="0.25">
      <c r="A5980" s="2" t="s">
        <v>1553</v>
      </c>
      <c r="B5980" s="6">
        <v>99533.7</v>
      </c>
      <c r="C5980" s="7">
        <f t="shared" si="93"/>
        <v>99.533699999999996</v>
      </c>
    </row>
    <row r="5981" spans="1:3" x14ac:dyDescent="0.25">
      <c r="A5981" s="2" t="s">
        <v>1554</v>
      </c>
      <c r="B5981" s="6">
        <v>99550.349999999991</v>
      </c>
      <c r="C5981" s="7">
        <f t="shared" si="93"/>
        <v>99.550349999999995</v>
      </c>
    </row>
    <row r="5982" spans="1:3" x14ac:dyDescent="0.25">
      <c r="A5982" s="2" t="s">
        <v>1555</v>
      </c>
      <c r="B5982" s="6">
        <v>99566.999999999985</v>
      </c>
      <c r="C5982" s="7">
        <f t="shared" si="93"/>
        <v>99.566999999999979</v>
      </c>
    </row>
    <row r="5983" spans="1:3" x14ac:dyDescent="0.25">
      <c r="A5983" s="2" t="s">
        <v>1556</v>
      </c>
      <c r="B5983" s="6">
        <v>99583.65</v>
      </c>
      <c r="C5983" s="7">
        <f t="shared" si="93"/>
        <v>99.583649999999992</v>
      </c>
    </row>
    <row r="5984" spans="1:3" x14ac:dyDescent="0.25">
      <c r="A5984" s="2" t="s">
        <v>1557</v>
      </c>
      <c r="B5984" s="6">
        <v>99600.299999999988</v>
      </c>
      <c r="C5984" s="7">
        <f t="shared" si="93"/>
        <v>99.60029999999999</v>
      </c>
    </row>
    <row r="5985" spans="1:3" x14ac:dyDescent="0.25">
      <c r="A5985" s="2" t="s">
        <v>1558</v>
      </c>
      <c r="B5985" s="6">
        <v>99616.95</v>
      </c>
      <c r="C5985" s="7">
        <f t="shared" si="93"/>
        <v>99.616950000000003</v>
      </c>
    </row>
    <row r="5986" spans="1:3" x14ac:dyDescent="0.25">
      <c r="A5986" s="2" t="s">
        <v>1559</v>
      </c>
      <c r="B5986" s="6">
        <v>99633.599999999991</v>
      </c>
      <c r="C5986" s="7">
        <f t="shared" si="93"/>
        <v>99.633599999999987</v>
      </c>
    </row>
    <row r="5987" spans="1:3" x14ac:dyDescent="0.25">
      <c r="A5987" s="2" t="s">
        <v>1560</v>
      </c>
      <c r="B5987" s="6">
        <v>99650.249999999985</v>
      </c>
      <c r="C5987" s="7">
        <f t="shared" si="93"/>
        <v>99.650249999999986</v>
      </c>
    </row>
    <row r="5988" spans="1:3" x14ac:dyDescent="0.25">
      <c r="A5988" s="2" t="s">
        <v>1561</v>
      </c>
      <c r="B5988" s="6">
        <v>99666.9</v>
      </c>
      <c r="C5988" s="7">
        <f t="shared" si="93"/>
        <v>99.666899999999998</v>
      </c>
    </row>
    <row r="5989" spans="1:3" x14ac:dyDescent="0.25">
      <c r="A5989" s="2" t="s">
        <v>1562</v>
      </c>
      <c r="B5989" s="6">
        <v>99683.549999999988</v>
      </c>
      <c r="C5989" s="7">
        <f t="shared" si="93"/>
        <v>99.683549999999983</v>
      </c>
    </row>
    <row r="5990" spans="1:3" x14ac:dyDescent="0.25">
      <c r="A5990" s="2" t="s">
        <v>1563</v>
      </c>
      <c r="B5990" s="6">
        <v>99700.2</v>
      </c>
      <c r="C5990" s="7">
        <f t="shared" si="93"/>
        <v>99.700199999999995</v>
      </c>
    </row>
    <row r="5991" spans="1:3" x14ac:dyDescent="0.25">
      <c r="A5991" s="2" t="s">
        <v>1564</v>
      </c>
      <c r="B5991" s="6">
        <v>99716.849999999991</v>
      </c>
      <c r="C5991" s="7">
        <f t="shared" si="93"/>
        <v>99.716849999999994</v>
      </c>
    </row>
    <row r="5992" spans="1:3" x14ac:dyDescent="0.25">
      <c r="A5992" s="2" t="s">
        <v>1565</v>
      </c>
      <c r="B5992" s="6">
        <v>99733.499999999985</v>
      </c>
      <c r="C5992" s="7">
        <f t="shared" si="93"/>
        <v>99.733499999999992</v>
      </c>
    </row>
    <row r="5993" spans="1:3" x14ac:dyDescent="0.25">
      <c r="A5993" s="2" t="s">
        <v>1566</v>
      </c>
      <c r="B5993" s="6">
        <v>99750.15</v>
      </c>
      <c r="C5993" s="7">
        <f t="shared" si="93"/>
        <v>99.750149999999991</v>
      </c>
    </row>
    <row r="5994" spans="1:3" x14ac:dyDescent="0.25">
      <c r="A5994" s="2" t="s">
        <v>1567</v>
      </c>
      <c r="B5994" s="6">
        <v>99766.799999999988</v>
      </c>
      <c r="C5994" s="7">
        <f t="shared" si="93"/>
        <v>99.766799999999989</v>
      </c>
    </row>
    <row r="5995" spans="1:3" x14ac:dyDescent="0.25">
      <c r="A5995" s="2" t="s">
        <v>1568</v>
      </c>
      <c r="B5995" s="6">
        <v>99783.45</v>
      </c>
      <c r="C5995" s="7">
        <f t="shared" si="93"/>
        <v>99.783450000000002</v>
      </c>
    </row>
    <row r="5996" spans="1:3" x14ac:dyDescent="0.25">
      <c r="A5996" s="2" t="s">
        <v>1569</v>
      </c>
      <c r="B5996" s="6">
        <v>99800.099999999991</v>
      </c>
      <c r="C5996" s="7">
        <f t="shared" si="93"/>
        <v>99.800099999999986</v>
      </c>
    </row>
    <row r="5997" spans="1:3" x14ac:dyDescent="0.25">
      <c r="A5997" s="2" t="s">
        <v>1570</v>
      </c>
      <c r="B5997" s="6">
        <v>99816.749999999985</v>
      </c>
      <c r="C5997" s="7">
        <f t="shared" si="93"/>
        <v>99.816749999999985</v>
      </c>
    </row>
    <row r="5998" spans="1:3" x14ac:dyDescent="0.25">
      <c r="A5998" s="2" t="s">
        <v>1571</v>
      </c>
      <c r="B5998" s="6">
        <v>99833.4</v>
      </c>
      <c r="C5998" s="7">
        <f t="shared" si="93"/>
        <v>99.833399999999997</v>
      </c>
    </row>
    <row r="5999" spans="1:3" x14ac:dyDescent="0.25">
      <c r="A5999" s="2" t="s">
        <v>1572</v>
      </c>
      <c r="B5999" s="6">
        <v>99850.049999999988</v>
      </c>
      <c r="C5999" s="7">
        <f t="shared" si="93"/>
        <v>99.850049999999982</v>
      </c>
    </row>
    <row r="6000" spans="1:3" x14ac:dyDescent="0.25">
      <c r="A6000" s="2" t="s">
        <v>1573</v>
      </c>
      <c r="B6000" s="6">
        <v>99866.7</v>
      </c>
      <c r="C6000" s="7">
        <f t="shared" si="93"/>
        <v>99.866699999999994</v>
      </c>
    </row>
    <row r="6001" spans="1:3" x14ac:dyDescent="0.25">
      <c r="A6001" s="2" t="s">
        <v>1574</v>
      </c>
      <c r="B6001" s="6">
        <v>99883.349999999991</v>
      </c>
      <c r="C6001" s="7">
        <f t="shared" si="93"/>
        <v>99.883349999999993</v>
      </c>
    </row>
    <row r="6002" spans="1:3" x14ac:dyDescent="0.25">
      <c r="A6002" s="2" t="s">
        <v>1575</v>
      </c>
      <c r="B6002" s="6">
        <v>99899.999999999985</v>
      </c>
      <c r="C6002" s="7">
        <f t="shared" si="93"/>
        <v>99.899999999999991</v>
      </c>
    </row>
    <row r="6003" spans="1:3" x14ac:dyDescent="0.25">
      <c r="A6003" s="2" t="s">
        <v>1576</v>
      </c>
      <c r="B6003" s="6">
        <v>99916.65</v>
      </c>
      <c r="C6003" s="7">
        <f t="shared" si="93"/>
        <v>99.91664999999999</v>
      </c>
    </row>
    <row r="6004" spans="1:3" x14ac:dyDescent="0.25">
      <c r="A6004" s="2" t="s">
        <v>1577</v>
      </c>
      <c r="B6004" s="6">
        <v>99933.299999999988</v>
      </c>
      <c r="C6004" s="7">
        <f t="shared" si="93"/>
        <v>99.933299999999988</v>
      </c>
    </row>
    <row r="6005" spans="1:3" x14ac:dyDescent="0.25">
      <c r="A6005" s="2" t="s">
        <v>1578</v>
      </c>
      <c r="B6005" s="6">
        <v>99949.95</v>
      </c>
      <c r="C6005" s="7">
        <f t="shared" si="93"/>
        <v>99.949950000000001</v>
      </c>
    </row>
    <row r="6006" spans="1:3" x14ac:dyDescent="0.25">
      <c r="A6006" s="2" t="s">
        <v>1579</v>
      </c>
      <c r="B6006" s="6">
        <v>99966.599999999991</v>
      </c>
      <c r="C6006" s="7">
        <f t="shared" si="93"/>
        <v>99.966599999999985</v>
      </c>
    </row>
    <row r="6007" spans="1:3" x14ac:dyDescent="0.25">
      <c r="A6007" s="2" t="s">
        <v>1580</v>
      </c>
      <c r="B6007" s="6">
        <v>99983.249999999985</v>
      </c>
      <c r="C6007" s="7">
        <f t="shared" si="93"/>
        <v>99.983249999999984</v>
      </c>
    </row>
    <row r="6008" spans="1:3" x14ac:dyDescent="0.25">
      <c r="A6008" s="2" t="s">
        <v>1581</v>
      </c>
      <c r="B6008" s="6">
        <v>99999.9</v>
      </c>
      <c r="C6008" s="7">
        <f t="shared" si="93"/>
        <v>99.999899999999997</v>
      </c>
    </row>
    <row r="6009" spans="1:3" x14ac:dyDescent="0.25">
      <c r="A6009" s="2" t="s">
        <v>1582</v>
      </c>
      <c r="B6009" s="6">
        <v>100016.54999999999</v>
      </c>
      <c r="C6009" s="7">
        <f t="shared" si="93"/>
        <v>100.01655</v>
      </c>
    </row>
    <row r="6010" spans="1:3" x14ac:dyDescent="0.25">
      <c r="A6010" s="2" t="s">
        <v>1583</v>
      </c>
      <c r="B6010" s="6">
        <v>100033.2</v>
      </c>
      <c r="C6010" s="7">
        <f t="shared" si="93"/>
        <v>100.03319999999999</v>
      </c>
    </row>
    <row r="6011" spans="1:3" x14ac:dyDescent="0.25">
      <c r="A6011" s="2" t="s">
        <v>1584</v>
      </c>
      <c r="B6011" s="6">
        <v>100049.84999999999</v>
      </c>
      <c r="C6011" s="7">
        <f t="shared" si="93"/>
        <v>100.04984999999999</v>
      </c>
    </row>
    <row r="6012" spans="1:3" x14ac:dyDescent="0.25">
      <c r="A6012" s="2" t="s">
        <v>1585</v>
      </c>
      <c r="B6012" s="6">
        <v>100066.49999999999</v>
      </c>
      <c r="C6012" s="7">
        <f t="shared" si="93"/>
        <v>100.06649999999999</v>
      </c>
    </row>
    <row r="6013" spans="1:3" x14ac:dyDescent="0.25">
      <c r="A6013" s="2" t="s">
        <v>1586</v>
      </c>
      <c r="B6013" s="6">
        <v>100083.15</v>
      </c>
      <c r="C6013" s="7">
        <f t="shared" si="93"/>
        <v>100.08314999999999</v>
      </c>
    </row>
    <row r="6014" spans="1:3" x14ac:dyDescent="0.25">
      <c r="A6014" s="2" t="s">
        <v>1587</v>
      </c>
      <c r="B6014" s="6">
        <v>100099.79999999999</v>
      </c>
      <c r="C6014" s="7">
        <f t="shared" si="93"/>
        <v>100.09979999999999</v>
      </c>
    </row>
    <row r="6015" spans="1:3" x14ac:dyDescent="0.25">
      <c r="A6015" s="2" t="s">
        <v>1588</v>
      </c>
      <c r="B6015" s="6">
        <v>100116.45</v>
      </c>
      <c r="C6015" s="7">
        <f t="shared" si="93"/>
        <v>100.11645</v>
      </c>
    </row>
    <row r="6016" spans="1:3" x14ac:dyDescent="0.25">
      <c r="A6016" s="2" t="s">
        <v>1589</v>
      </c>
      <c r="B6016" s="6">
        <v>100133.09999999999</v>
      </c>
      <c r="C6016" s="7">
        <f t="shared" si="93"/>
        <v>100.13309999999998</v>
      </c>
    </row>
    <row r="6017" spans="1:3" x14ac:dyDescent="0.25">
      <c r="A6017" s="2" t="s">
        <v>1590</v>
      </c>
      <c r="B6017" s="6">
        <v>100149.74999999999</v>
      </c>
      <c r="C6017" s="7">
        <f t="shared" si="93"/>
        <v>100.14974999999998</v>
      </c>
    </row>
    <row r="6018" spans="1:3" x14ac:dyDescent="0.25">
      <c r="A6018" s="2" t="s">
        <v>1591</v>
      </c>
      <c r="B6018" s="6">
        <v>100166.39999999999</v>
      </c>
      <c r="C6018" s="7">
        <f t="shared" si="93"/>
        <v>100.1664</v>
      </c>
    </row>
    <row r="6019" spans="1:3" x14ac:dyDescent="0.25">
      <c r="A6019" s="2" t="s">
        <v>1592</v>
      </c>
      <c r="B6019" s="6">
        <v>100183.04999999999</v>
      </c>
      <c r="C6019" s="7">
        <f t="shared" ref="C6019:C6082" si="94">B6019/1000</f>
        <v>100.18304999999999</v>
      </c>
    </row>
    <row r="6020" spans="1:3" x14ac:dyDescent="0.25">
      <c r="A6020" s="2" t="s">
        <v>1593</v>
      </c>
      <c r="B6020" s="6">
        <v>100199.7</v>
      </c>
      <c r="C6020" s="7">
        <f t="shared" si="94"/>
        <v>100.19969999999999</v>
      </c>
    </row>
    <row r="6021" spans="1:3" x14ac:dyDescent="0.25">
      <c r="A6021" s="2" t="s">
        <v>1594</v>
      </c>
      <c r="B6021" s="6">
        <v>100216.34999999999</v>
      </c>
      <c r="C6021" s="7">
        <f t="shared" si="94"/>
        <v>100.21634999999999</v>
      </c>
    </row>
    <row r="6022" spans="1:3" x14ac:dyDescent="0.25">
      <c r="A6022" s="2" t="s">
        <v>1595</v>
      </c>
      <c r="B6022" s="6">
        <v>100232.99999999999</v>
      </c>
      <c r="C6022" s="7">
        <f t="shared" si="94"/>
        <v>100.23299999999999</v>
      </c>
    </row>
    <row r="6023" spans="1:3" x14ac:dyDescent="0.25">
      <c r="A6023" s="2" t="s">
        <v>1596</v>
      </c>
      <c r="B6023" s="6">
        <v>100249.65</v>
      </c>
      <c r="C6023" s="7">
        <f t="shared" si="94"/>
        <v>100.24964999999999</v>
      </c>
    </row>
    <row r="6024" spans="1:3" x14ac:dyDescent="0.25">
      <c r="A6024" s="2" t="s">
        <v>1597</v>
      </c>
      <c r="B6024" s="6">
        <v>100266.29999999999</v>
      </c>
      <c r="C6024" s="7">
        <f t="shared" si="94"/>
        <v>100.26629999999999</v>
      </c>
    </row>
    <row r="6025" spans="1:3" x14ac:dyDescent="0.25">
      <c r="A6025" s="2" t="s">
        <v>1598</v>
      </c>
      <c r="B6025" s="6">
        <v>100282.95</v>
      </c>
      <c r="C6025" s="7">
        <f t="shared" si="94"/>
        <v>100.28295</v>
      </c>
    </row>
    <row r="6026" spans="1:3" x14ac:dyDescent="0.25">
      <c r="A6026" s="2" t="s">
        <v>1599</v>
      </c>
      <c r="B6026" s="6">
        <v>100299.59999999999</v>
      </c>
      <c r="C6026" s="7">
        <f t="shared" si="94"/>
        <v>100.2996</v>
      </c>
    </row>
    <row r="6027" spans="1:3" x14ac:dyDescent="0.25">
      <c r="A6027" s="2" t="s">
        <v>1600</v>
      </c>
      <c r="B6027" s="6">
        <v>100316.24999999999</v>
      </c>
      <c r="C6027" s="7">
        <f t="shared" si="94"/>
        <v>100.31624999999998</v>
      </c>
    </row>
    <row r="6028" spans="1:3" x14ac:dyDescent="0.25">
      <c r="A6028" s="2" t="s">
        <v>1601</v>
      </c>
      <c r="B6028" s="6">
        <v>100332.9</v>
      </c>
      <c r="C6028" s="7">
        <f t="shared" si="94"/>
        <v>100.3329</v>
      </c>
    </row>
    <row r="6029" spans="1:3" x14ac:dyDescent="0.25">
      <c r="A6029" s="2" t="s">
        <v>1602</v>
      </c>
      <c r="B6029" s="6">
        <v>100349.54999999999</v>
      </c>
      <c r="C6029" s="7">
        <f t="shared" si="94"/>
        <v>100.34954999999999</v>
      </c>
    </row>
    <row r="6030" spans="1:3" x14ac:dyDescent="0.25">
      <c r="A6030" s="2" t="s">
        <v>1603</v>
      </c>
      <c r="B6030" s="6">
        <v>100366.2</v>
      </c>
      <c r="C6030" s="7">
        <f t="shared" si="94"/>
        <v>100.36619999999999</v>
      </c>
    </row>
    <row r="6031" spans="1:3" x14ac:dyDescent="0.25">
      <c r="A6031" s="2" t="s">
        <v>1604</v>
      </c>
      <c r="B6031" s="6">
        <v>100382.84999999999</v>
      </c>
      <c r="C6031" s="7">
        <f t="shared" si="94"/>
        <v>100.38284999999999</v>
      </c>
    </row>
    <row r="6032" spans="1:3" x14ac:dyDescent="0.25">
      <c r="A6032" s="2" t="s">
        <v>1605</v>
      </c>
      <c r="B6032" s="6">
        <v>100399.49999999999</v>
      </c>
      <c r="C6032" s="7">
        <f t="shared" si="94"/>
        <v>100.39949999999999</v>
      </c>
    </row>
    <row r="6033" spans="1:3" x14ac:dyDescent="0.25">
      <c r="A6033" s="2" t="s">
        <v>1606</v>
      </c>
      <c r="B6033" s="6">
        <v>100416.15</v>
      </c>
      <c r="C6033" s="7">
        <f t="shared" si="94"/>
        <v>100.41614999999999</v>
      </c>
    </row>
    <row r="6034" spans="1:3" x14ac:dyDescent="0.25">
      <c r="A6034" s="2" t="s">
        <v>1607</v>
      </c>
      <c r="B6034" s="6">
        <v>100432.79999999999</v>
      </c>
      <c r="C6034" s="7">
        <f t="shared" si="94"/>
        <v>100.43279999999999</v>
      </c>
    </row>
    <row r="6035" spans="1:3" x14ac:dyDescent="0.25">
      <c r="A6035" s="2" t="s">
        <v>1608</v>
      </c>
      <c r="B6035" s="6">
        <v>100449.45</v>
      </c>
      <c r="C6035" s="7">
        <f t="shared" si="94"/>
        <v>100.44945</v>
      </c>
    </row>
    <row r="6036" spans="1:3" x14ac:dyDescent="0.25">
      <c r="A6036" s="2" t="s">
        <v>1609</v>
      </c>
      <c r="B6036" s="6">
        <v>100466.09999999999</v>
      </c>
      <c r="C6036" s="7">
        <f t="shared" si="94"/>
        <v>100.4661</v>
      </c>
    </row>
    <row r="6037" spans="1:3" x14ac:dyDescent="0.25">
      <c r="A6037" s="2" t="s">
        <v>1610</v>
      </c>
      <c r="B6037" s="6">
        <v>100482.74999999999</v>
      </c>
      <c r="C6037" s="7">
        <f t="shared" si="94"/>
        <v>100.48274999999998</v>
      </c>
    </row>
    <row r="6038" spans="1:3" x14ac:dyDescent="0.25">
      <c r="A6038" s="2" t="s">
        <v>1611</v>
      </c>
      <c r="B6038" s="6">
        <v>100499.4</v>
      </c>
      <c r="C6038" s="7">
        <f t="shared" si="94"/>
        <v>100.49939999999999</v>
      </c>
    </row>
    <row r="6039" spans="1:3" x14ac:dyDescent="0.25">
      <c r="A6039" s="2" t="s">
        <v>1612</v>
      </c>
      <c r="B6039" s="6">
        <v>100516.04999999999</v>
      </c>
      <c r="C6039" s="7">
        <f t="shared" si="94"/>
        <v>100.51604999999999</v>
      </c>
    </row>
    <row r="6040" spans="1:3" x14ac:dyDescent="0.25">
      <c r="A6040" s="2" t="s">
        <v>1613</v>
      </c>
      <c r="B6040" s="6">
        <v>100532.7</v>
      </c>
      <c r="C6040" s="7">
        <f t="shared" si="94"/>
        <v>100.53269999999999</v>
      </c>
    </row>
    <row r="6041" spans="1:3" x14ac:dyDescent="0.25">
      <c r="A6041" s="2" t="s">
        <v>1614</v>
      </c>
      <c r="B6041" s="6">
        <v>100549.34999999999</v>
      </c>
      <c r="C6041" s="7">
        <f t="shared" si="94"/>
        <v>100.54934999999999</v>
      </c>
    </row>
    <row r="6042" spans="1:3" x14ac:dyDescent="0.25">
      <c r="A6042" s="2" t="s">
        <v>1615</v>
      </c>
      <c r="B6042" s="6">
        <v>100565.99999999999</v>
      </c>
      <c r="C6042" s="7">
        <f t="shared" si="94"/>
        <v>100.56599999999999</v>
      </c>
    </row>
    <row r="6043" spans="1:3" x14ac:dyDescent="0.25">
      <c r="A6043" s="2" t="s">
        <v>1616</v>
      </c>
      <c r="B6043" s="6">
        <v>100582.65</v>
      </c>
      <c r="C6043" s="7">
        <f t="shared" si="94"/>
        <v>100.58265</v>
      </c>
    </row>
    <row r="6044" spans="1:3" x14ac:dyDescent="0.25">
      <c r="A6044" s="2" t="s">
        <v>1617</v>
      </c>
      <c r="B6044" s="6">
        <v>100599.29999999999</v>
      </c>
      <c r="C6044" s="7">
        <f t="shared" si="94"/>
        <v>100.59929999999999</v>
      </c>
    </row>
    <row r="6045" spans="1:3" x14ac:dyDescent="0.25">
      <c r="A6045" s="2" t="s">
        <v>1618</v>
      </c>
      <c r="B6045" s="6">
        <v>100615.95</v>
      </c>
      <c r="C6045" s="7">
        <f t="shared" si="94"/>
        <v>100.61595</v>
      </c>
    </row>
    <row r="6046" spans="1:3" x14ac:dyDescent="0.25">
      <c r="A6046" s="2" t="s">
        <v>1619</v>
      </c>
      <c r="B6046" s="6">
        <v>100632.59999999999</v>
      </c>
      <c r="C6046" s="7">
        <f t="shared" si="94"/>
        <v>100.6326</v>
      </c>
    </row>
    <row r="6047" spans="1:3" x14ac:dyDescent="0.25">
      <c r="A6047" s="2" t="s">
        <v>1620</v>
      </c>
      <c r="B6047" s="6">
        <v>100649.24999999999</v>
      </c>
      <c r="C6047" s="7">
        <f t="shared" si="94"/>
        <v>100.64924999999998</v>
      </c>
    </row>
    <row r="6048" spans="1:3" x14ac:dyDescent="0.25">
      <c r="A6048" s="2" t="s">
        <v>1621</v>
      </c>
      <c r="B6048" s="6">
        <v>100665.9</v>
      </c>
      <c r="C6048" s="7">
        <f t="shared" si="94"/>
        <v>100.66589999999999</v>
      </c>
    </row>
    <row r="6049" spans="1:3" x14ac:dyDescent="0.25">
      <c r="A6049" s="2" t="s">
        <v>1622</v>
      </c>
      <c r="B6049" s="6">
        <v>100682.54999999999</v>
      </c>
      <c r="C6049" s="7">
        <f t="shared" si="94"/>
        <v>100.68254999999999</v>
      </c>
    </row>
    <row r="6050" spans="1:3" x14ac:dyDescent="0.25">
      <c r="A6050" s="2" t="s">
        <v>1623</v>
      </c>
      <c r="B6050" s="6">
        <v>100699.2</v>
      </c>
      <c r="C6050" s="7">
        <f t="shared" si="94"/>
        <v>100.69919999999999</v>
      </c>
    </row>
    <row r="6051" spans="1:3" x14ac:dyDescent="0.25">
      <c r="A6051" s="2" t="s">
        <v>1624</v>
      </c>
      <c r="B6051" s="6">
        <v>100715.84999999999</v>
      </c>
      <c r="C6051" s="7">
        <f t="shared" si="94"/>
        <v>100.71584999999999</v>
      </c>
    </row>
    <row r="6052" spans="1:3" x14ac:dyDescent="0.25">
      <c r="A6052" s="2" t="s">
        <v>1625</v>
      </c>
      <c r="B6052" s="6">
        <v>100732.49999999999</v>
      </c>
      <c r="C6052" s="7">
        <f t="shared" si="94"/>
        <v>100.73249999999999</v>
      </c>
    </row>
    <row r="6053" spans="1:3" x14ac:dyDescent="0.25">
      <c r="A6053" s="2" t="s">
        <v>1626</v>
      </c>
      <c r="B6053" s="6">
        <v>100749.15</v>
      </c>
      <c r="C6053" s="7">
        <f t="shared" si="94"/>
        <v>100.74915</v>
      </c>
    </row>
    <row r="6054" spans="1:3" x14ac:dyDescent="0.25">
      <c r="A6054" s="2" t="s">
        <v>1627</v>
      </c>
      <c r="B6054" s="6">
        <v>100765.79999999999</v>
      </c>
      <c r="C6054" s="7">
        <f t="shared" si="94"/>
        <v>100.76579999999998</v>
      </c>
    </row>
    <row r="6055" spans="1:3" x14ac:dyDescent="0.25">
      <c r="A6055" s="2" t="s">
        <v>1628</v>
      </c>
      <c r="B6055" s="6">
        <v>100782.45</v>
      </c>
      <c r="C6055" s="7">
        <f t="shared" si="94"/>
        <v>100.78245</v>
      </c>
    </row>
    <row r="6056" spans="1:3" x14ac:dyDescent="0.25">
      <c r="A6056" s="2" t="s">
        <v>1629</v>
      </c>
      <c r="B6056" s="6">
        <v>100799.09999999999</v>
      </c>
      <c r="C6056" s="7">
        <f t="shared" si="94"/>
        <v>100.7991</v>
      </c>
    </row>
    <row r="6057" spans="1:3" x14ac:dyDescent="0.25">
      <c r="A6057" s="2" t="s">
        <v>1630</v>
      </c>
      <c r="B6057" s="6">
        <v>100815.74999999999</v>
      </c>
      <c r="C6057" s="7">
        <f t="shared" si="94"/>
        <v>100.81574999999998</v>
      </c>
    </row>
    <row r="6058" spans="1:3" x14ac:dyDescent="0.25">
      <c r="A6058" s="2" t="s">
        <v>1631</v>
      </c>
      <c r="B6058" s="6">
        <v>100832.4</v>
      </c>
      <c r="C6058" s="7">
        <f t="shared" si="94"/>
        <v>100.83239999999999</v>
      </c>
    </row>
    <row r="6059" spans="1:3" x14ac:dyDescent="0.25">
      <c r="A6059" s="2" t="s">
        <v>1632</v>
      </c>
      <c r="B6059" s="6">
        <v>100849.04999999999</v>
      </c>
      <c r="C6059" s="7">
        <f t="shared" si="94"/>
        <v>100.84904999999999</v>
      </c>
    </row>
    <row r="6060" spans="1:3" x14ac:dyDescent="0.25">
      <c r="A6060" s="2" t="s">
        <v>1633</v>
      </c>
      <c r="B6060" s="6">
        <v>100865.7</v>
      </c>
      <c r="C6060" s="7">
        <f t="shared" si="94"/>
        <v>100.8657</v>
      </c>
    </row>
    <row r="6061" spans="1:3" x14ac:dyDescent="0.25">
      <c r="A6061" s="2" t="s">
        <v>1634</v>
      </c>
      <c r="B6061" s="6">
        <v>100882.34999999999</v>
      </c>
      <c r="C6061" s="7">
        <f t="shared" si="94"/>
        <v>100.88234999999999</v>
      </c>
    </row>
    <row r="6062" spans="1:3" x14ac:dyDescent="0.25">
      <c r="A6062" s="2" t="s">
        <v>1635</v>
      </c>
      <c r="B6062" s="6">
        <v>100898.99999999999</v>
      </c>
      <c r="C6062" s="7">
        <f t="shared" si="94"/>
        <v>100.89899999999999</v>
      </c>
    </row>
    <row r="6063" spans="1:3" x14ac:dyDescent="0.25">
      <c r="A6063" s="2" t="s">
        <v>1636</v>
      </c>
      <c r="B6063" s="6">
        <v>100915.65</v>
      </c>
      <c r="C6063" s="7">
        <f t="shared" si="94"/>
        <v>100.91565</v>
      </c>
    </row>
    <row r="6064" spans="1:3" x14ac:dyDescent="0.25">
      <c r="A6064" s="2" t="s">
        <v>1637</v>
      </c>
      <c r="B6064" s="6">
        <v>100932.29999999999</v>
      </c>
      <c r="C6064" s="7">
        <f t="shared" si="94"/>
        <v>100.93229999999998</v>
      </c>
    </row>
    <row r="6065" spans="1:3" x14ac:dyDescent="0.25">
      <c r="A6065" s="2" t="s">
        <v>1638</v>
      </c>
      <c r="B6065" s="6">
        <v>100948.95</v>
      </c>
      <c r="C6065" s="7">
        <f t="shared" si="94"/>
        <v>100.94895</v>
      </c>
    </row>
    <row r="6066" spans="1:3" x14ac:dyDescent="0.25">
      <c r="A6066" s="2" t="s">
        <v>1639</v>
      </c>
      <c r="B6066" s="6">
        <v>100965.59999999999</v>
      </c>
      <c r="C6066" s="7">
        <f t="shared" si="94"/>
        <v>100.96559999999999</v>
      </c>
    </row>
    <row r="6067" spans="1:3" x14ac:dyDescent="0.25">
      <c r="A6067" s="2" t="s">
        <v>1640</v>
      </c>
      <c r="B6067" s="6">
        <v>100982.24999999999</v>
      </c>
      <c r="C6067" s="7">
        <f t="shared" si="94"/>
        <v>100.98224999999998</v>
      </c>
    </row>
    <row r="6068" spans="1:3" x14ac:dyDescent="0.25">
      <c r="A6068" s="2" t="s">
        <v>1641</v>
      </c>
      <c r="B6068" s="6">
        <v>100998.9</v>
      </c>
      <c r="C6068" s="7">
        <f t="shared" si="94"/>
        <v>100.99889999999999</v>
      </c>
    </row>
    <row r="6069" spans="1:3" x14ac:dyDescent="0.25">
      <c r="A6069" s="2" t="s">
        <v>1642</v>
      </c>
      <c r="B6069" s="6">
        <v>101015.54999999999</v>
      </c>
      <c r="C6069" s="7">
        <f t="shared" si="94"/>
        <v>101.01554999999999</v>
      </c>
    </row>
    <row r="6070" spans="1:3" x14ac:dyDescent="0.25">
      <c r="A6070" s="2" t="s">
        <v>1643</v>
      </c>
      <c r="B6070" s="6">
        <v>101032.2</v>
      </c>
      <c r="C6070" s="7">
        <f t="shared" si="94"/>
        <v>101.0322</v>
      </c>
    </row>
    <row r="6071" spans="1:3" x14ac:dyDescent="0.25">
      <c r="A6071" s="2" t="s">
        <v>1644</v>
      </c>
      <c r="B6071" s="6">
        <v>101048.84999999999</v>
      </c>
      <c r="C6071" s="7">
        <f t="shared" si="94"/>
        <v>101.04884999999999</v>
      </c>
    </row>
    <row r="6072" spans="1:3" x14ac:dyDescent="0.25">
      <c r="A6072" s="2" t="s">
        <v>1645</v>
      </c>
      <c r="B6072" s="6">
        <v>101065.49999999999</v>
      </c>
      <c r="C6072" s="7">
        <f t="shared" si="94"/>
        <v>101.06549999999999</v>
      </c>
    </row>
    <row r="6073" spans="1:3" x14ac:dyDescent="0.25">
      <c r="A6073" s="2" t="s">
        <v>1646</v>
      </c>
      <c r="B6073" s="6">
        <v>101082.15</v>
      </c>
      <c r="C6073" s="7">
        <f t="shared" si="94"/>
        <v>101.08215</v>
      </c>
    </row>
    <row r="6074" spans="1:3" x14ac:dyDescent="0.25">
      <c r="A6074" s="2" t="s">
        <v>1647</v>
      </c>
      <c r="B6074" s="6">
        <v>101098.79999999999</v>
      </c>
      <c r="C6074" s="7">
        <f t="shared" si="94"/>
        <v>101.09879999999998</v>
      </c>
    </row>
    <row r="6075" spans="1:3" x14ac:dyDescent="0.25">
      <c r="A6075" s="2" t="s">
        <v>1648</v>
      </c>
      <c r="B6075" s="6">
        <v>101115.45</v>
      </c>
      <c r="C6075" s="7">
        <f t="shared" si="94"/>
        <v>101.11545</v>
      </c>
    </row>
    <row r="6076" spans="1:3" x14ac:dyDescent="0.25">
      <c r="A6076" s="2" t="s">
        <v>1649</v>
      </c>
      <c r="B6076" s="6">
        <v>101132.09999999999</v>
      </c>
      <c r="C6076" s="7">
        <f t="shared" si="94"/>
        <v>101.13209999999999</v>
      </c>
    </row>
    <row r="6077" spans="1:3" x14ac:dyDescent="0.25">
      <c r="A6077" s="2" t="s">
        <v>1650</v>
      </c>
      <c r="B6077" s="6">
        <v>101148.74999999999</v>
      </c>
      <c r="C6077" s="7">
        <f t="shared" si="94"/>
        <v>101.14874999999998</v>
      </c>
    </row>
    <row r="6078" spans="1:3" x14ac:dyDescent="0.25">
      <c r="A6078" s="2" t="s">
        <v>1651</v>
      </c>
      <c r="B6078" s="6">
        <v>101165.4</v>
      </c>
      <c r="C6078" s="7">
        <f t="shared" si="94"/>
        <v>101.16539999999999</v>
      </c>
    </row>
    <row r="6079" spans="1:3" x14ac:dyDescent="0.25">
      <c r="A6079" s="2" t="s">
        <v>1652</v>
      </c>
      <c r="B6079" s="6">
        <v>101182.04999999999</v>
      </c>
      <c r="C6079" s="7">
        <f t="shared" si="94"/>
        <v>101.18204999999999</v>
      </c>
    </row>
    <row r="6080" spans="1:3" x14ac:dyDescent="0.25">
      <c r="A6080" s="2" t="s">
        <v>1653</v>
      </c>
      <c r="B6080" s="6">
        <v>101198.7</v>
      </c>
      <c r="C6080" s="7">
        <f t="shared" si="94"/>
        <v>101.1987</v>
      </c>
    </row>
    <row r="6081" spans="1:3" x14ac:dyDescent="0.25">
      <c r="A6081" s="2" t="s">
        <v>1654</v>
      </c>
      <c r="B6081" s="6">
        <v>101215.34999999999</v>
      </c>
      <c r="C6081" s="7">
        <f t="shared" si="94"/>
        <v>101.21534999999999</v>
      </c>
    </row>
    <row r="6082" spans="1:3" x14ac:dyDescent="0.25">
      <c r="A6082" s="2" t="s">
        <v>1655</v>
      </c>
      <c r="B6082" s="6">
        <v>101231.99999999999</v>
      </c>
      <c r="C6082" s="7">
        <f t="shared" si="94"/>
        <v>101.23199999999999</v>
      </c>
    </row>
    <row r="6083" spans="1:3" x14ac:dyDescent="0.25">
      <c r="A6083" s="2" t="s">
        <v>1656</v>
      </c>
      <c r="B6083" s="6">
        <v>101248.65</v>
      </c>
      <c r="C6083" s="7">
        <f t="shared" ref="C6083:C6146" si="95">B6083/1000</f>
        <v>101.24865</v>
      </c>
    </row>
    <row r="6084" spans="1:3" x14ac:dyDescent="0.25">
      <c r="A6084" s="2" t="s">
        <v>1657</v>
      </c>
      <c r="B6084" s="6">
        <v>101265.29999999999</v>
      </c>
      <c r="C6084" s="7">
        <f t="shared" si="95"/>
        <v>101.26529999999998</v>
      </c>
    </row>
    <row r="6085" spans="1:3" x14ac:dyDescent="0.25">
      <c r="A6085" s="2" t="s">
        <v>1658</v>
      </c>
      <c r="B6085" s="6">
        <v>101281.95</v>
      </c>
      <c r="C6085" s="7">
        <f t="shared" si="95"/>
        <v>101.28194999999999</v>
      </c>
    </row>
    <row r="6086" spans="1:3" x14ac:dyDescent="0.25">
      <c r="A6086" s="2" t="s">
        <v>1659</v>
      </c>
      <c r="B6086" s="6">
        <v>101298.59999999999</v>
      </c>
      <c r="C6086" s="7">
        <f t="shared" si="95"/>
        <v>101.29859999999999</v>
      </c>
    </row>
    <row r="6087" spans="1:3" x14ac:dyDescent="0.25">
      <c r="A6087" s="2" t="s">
        <v>1660</v>
      </c>
      <c r="B6087" s="6">
        <v>101315.24999999999</v>
      </c>
      <c r="C6087" s="7">
        <f t="shared" si="95"/>
        <v>101.31524999999999</v>
      </c>
    </row>
    <row r="6088" spans="1:3" x14ac:dyDescent="0.25">
      <c r="A6088" s="2" t="s">
        <v>1661</v>
      </c>
      <c r="B6088" s="6">
        <v>101331.9</v>
      </c>
      <c r="C6088" s="7">
        <f t="shared" si="95"/>
        <v>101.33189999999999</v>
      </c>
    </row>
    <row r="6089" spans="1:3" x14ac:dyDescent="0.25">
      <c r="A6089" s="2" t="s">
        <v>1662</v>
      </c>
      <c r="B6089" s="6">
        <v>101348.54999999999</v>
      </c>
      <c r="C6089" s="7">
        <f t="shared" si="95"/>
        <v>101.34854999999999</v>
      </c>
    </row>
    <row r="6090" spans="1:3" x14ac:dyDescent="0.25">
      <c r="A6090" s="2" t="s">
        <v>1663</v>
      </c>
      <c r="B6090" s="6">
        <v>101365.2</v>
      </c>
      <c r="C6090" s="7">
        <f t="shared" si="95"/>
        <v>101.3652</v>
      </c>
    </row>
    <row r="6091" spans="1:3" x14ac:dyDescent="0.25">
      <c r="A6091" s="2" t="s">
        <v>1664</v>
      </c>
      <c r="B6091" s="6">
        <v>101381.84999999999</v>
      </c>
      <c r="C6091" s="7">
        <f t="shared" si="95"/>
        <v>101.38184999999999</v>
      </c>
    </row>
    <row r="6092" spans="1:3" x14ac:dyDescent="0.25">
      <c r="A6092" s="2" t="s">
        <v>1665</v>
      </c>
      <c r="B6092" s="6">
        <v>101398.49999999999</v>
      </c>
      <c r="C6092" s="7">
        <f t="shared" si="95"/>
        <v>101.39849999999998</v>
      </c>
    </row>
    <row r="6093" spans="1:3" x14ac:dyDescent="0.25">
      <c r="A6093" s="2" t="s">
        <v>1666</v>
      </c>
      <c r="B6093" s="6">
        <v>101415.15</v>
      </c>
      <c r="C6093" s="7">
        <f t="shared" si="95"/>
        <v>101.41515</v>
      </c>
    </row>
    <row r="6094" spans="1:3" x14ac:dyDescent="0.25">
      <c r="A6094" s="2" t="s">
        <v>1667</v>
      </c>
      <c r="B6094" s="6">
        <v>101431.79999999999</v>
      </c>
      <c r="C6094" s="7">
        <f t="shared" si="95"/>
        <v>101.43179999999998</v>
      </c>
    </row>
    <row r="6095" spans="1:3" x14ac:dyDescent="0.25">
      <c r="A6095" s="2" t="s">
        <v>1668</v>
      </c>
      <c r="B6095" s="6">
        <v>101448.45</v>
      </c>
      <c r="C6095" s="7">
        <f t="shared" si="95"/>
        <v>101.44844999999999</v>
      </c>
    </row>
    <row r="6096" spans="1:3" x14ac:dyDescent="0.25">
      <c r="A6096" s="2" t="s">
        <v>1669</v>
      </c>
      <c r="B6096" s="6">
        <v>101465.09999999999</v>
      </c>
      <c r="C6096" s="7">
        <f t="shared" si="95"/>
        <v>101.46509999999999</v>
      </c>
    </row>
    <row r="6097" spans="1:3" x14ac:dyDescent="0.25">
      <c r="A6097" s="2" t="s">
        <v>1670</v>
      </c>
      <c r="B6097" s="6">
        <v>101481.74999999999</v>
      </c>
      <c r="C6097" s="7">
        <f t="shared" si="95"/>
        <v>101.48174999999999</v>
      </c>
    </row>
    <row r="6098" spans="1:3" x14ac:dyDescent="0.25">
      <c r="A6098" s="2" t="s">
        <v>1671</v>
      </c>
      <c r="B6098" s="6">
        <v>101498.4</v>
      </c>
      <c r="C6098" s="7">
        <f t="shared" si="95"/>
        <v>101.49839999999999</v>
      </c>
    </row>
    <row r="6099" spans="1:3" x14ac:dyDescent="0.25">
      <c r="A6099" s="2" t="s">
        <v>1672</v>
      </c>
      <c r="B6099" s="6">
        <v>101515.04999999999</v>
      </c>
      <c r="C6099" s="7">
        <f t="shared" si="95"/>
        <v>101.51504999999999</v>
      </c>
    </row>
    <row r="6100" spans="1:3" x14ac:dyDescent="0.25">
      <c r="A6100" s="2" t="s">
        <v>1673</v>
      </c>
      <c r="B6100" s="6">
        <v>101531.7</v>
      </c>
      <c r="C6100" s="7">
        <f t="shared" si="95"/>
        <v>101.5317</v>
      </c>
    </row>
    <row r="6101" spans="1:3" x14ac:dyDescent="0.25">
      <c r="A6101" s="2" t="s">
        <v>1674</v>
      </c>
      <c r="B6101" s="6">
        <v>101548.34999999999</v>
      </c>
      <c r="C6101" s="7">
        <f t="shared" si="95"/>
        <v>101.54834999999999</v>
      </c>
    </row>
    <row r="6102" spans="1:3" x14ac:dyDescent="0.25">
      <c r="A6102" s="2" t="s">
        <v>1675</v>
      </c>
      <c r="B6102" s="6">
        <v>101564.99999999999</v>
      </c>
      <c r="C6102" s="7">
        <f t="shared" si="95"/>
        <v>101.56499999999998</v>
      </c>
    </row>
    <row r="6103" spans="1:3" x14ac:dyDescent="0.25">
      <c r="A6103" s="2" t="s">
        <v>1676</v>
      </c>
      <c r="B6103" s="6">
        <v>101581.65</v>
      </c>
      <c r="C6103" s="7">
        <f t="shared" si="95"/>
        <v>101.58165</v>
      </c>
    </row>
    <row r="6104" spans="1:3" x14ac:dyDescent="0.25">
      <c r="A6104" s="2" t="s">
        <v>1677</v>
      </c>
      <c r="B6104" s="6">
        <v>101598.29999999999</v>
      </c>
      <c r="C6104" s="7">
        <f t="shared" si="95"/>
        <v>101.59829999999999</v>
      </c>
    </row>
    <row r="6105" spans="1:3" x14ac:dyDescent="0.25">
      <c r="A6105" s="2" t="s">
        <v>1678</v>
      </c>
      <c r="B6105" s="6">
        <v>101614.95</v>
      </c>
      <c r="C6105" s="7">
        <f t="shared" si="95"/>
        <v>101.61494999999999</v>
      </c>
    </row>
    <row r="6106" spans="1:3" x14ac:dyDescent="0.25">
      <c r="A6106" s="2" t="s">
        <v>1679</v>
      </c>
      <c r="B6106" s="6">
        <v>101631.59999999999</v>
      </c>
      <c r="C6106" s="7">
        <f t="shared" si="95"/>
        <v>101.63159999999999</v>
      </c>
    </row>
    <row r="6107" spans="1:3" x14ac:dyDescent="0.25">
      <c r="A6107" s="2" t="s">
        <v>1680</v>
      </c>
      <c r="B6107" s="6">
        <v>101648.24999999999</v>
      </c>
      <c r="C6107" s="7">
        <f t="shared" si="95"/>
        <v>101.64824999999999</v>
      </c>
    </row>
    <row r="6108" spans="1:3" x14ac:dyDescent="0.25">
      <c r="A6108" s="2" t="s">
        <v>1681</v>
      </c>
      <c r="B6108" s="6">
        <v>101664.9</v>
      </c>
      <c r="C6108" s="7">
        <f t="shared" si="95"/>
        <v>101.66489999999999</v>
      </c>
    </row>
    <row r="6109" spans="1:3" x14ac:dyDescent="0.25">
      <c r="A6109" s="2" t="s">
        <v>1682</v>
      </c>
      <c r="B6109" s="6">
        <v>101681.54999999999</v>
      </c>
      <c r="C6109" s="7">
        <f t="shared" si="95"/>
        <v>101.68154999999999</v>
      </c>
    </row>
    <row r="6110" spans="1:3" x14ac:dyDescent="0.25">
      <c r="A6110" s="2" t="s">
        <v>1683</v>
      </c>
      <c r="B6110" s="6">
        <v>101698.2</v>
      </c>
      <c r="C6110" s="7">
        <f t="shared" si="95"/>
        <v>101.6982</v>
      </c>
    </row>
    <row r="6111" spans="1:3" x14ac:dyDescent="0.25">
      <c r="A6111" s="2" t="s">
        <v>1684</v>
      </c>
      <c r="B6111" s="6">
        <v>101714.84999999999</v>
      </c>
      <c r="C6111" s="7">
        <f t="shared" si="95"/>
        <v>101.71484999999998</v>
      </c>
    </row>
    <row r="6112" spans="1:3" x14ac:dyDescent="0.25">
      <c r="A6112" s="2" t="s">
        <v>1685</v>
      </c>
      <c r="B6112" s="6">
        <v>101731.49999999999</v>
      </c>
      <c r="C6112" s="7">
        <f t="shared" si="95"/>
        <v>101.73149999999998</v>
      </c>
    </row>
    <row r="6113" spans="1:3" x14ac:dyDescent="0.25">
      <c r="A6113" s="2" t="s">
        <v>1686</v>
      </c>
      <c r="B6113" s="6">
        <v>101748.15</v>
      </c>
      <c r="C6113" s="7">
        <f t="shared" si="95"/>
        <v>101.74815</v>
      </c>
    </row>
    <row r="6114" spans="1:3" x14ac:dyDescent="0.25">
      <c r="A6114" s="2" t="s">
        <v>1687</v>
      </c>
      <c r="B6114" s="6">
        <v>101764.79999999999</v>
      </c>
      <c r="C6114" s="7">
        <f t="shared" si="95"/>
        <v>101.76479999999999</v>
      </c>
    </row>
    <row r="6115" spans="1:3" x14ac:dyDescent="0.25">
      <c r="A6115" s="2" t="s">
        <v>1688</v>
      </c>
      <c r="B6115" s="6">
        <v>101781.45</v>
      </c>
      <c r="C6115" s="7">
        <f t="shared" si="95"/>
        <v>101.78144999999999</v>
      </c>
    </row>
    <row r="6116" spans="1:3" x14ac:dyDescent="0.25">
      <c r="A6116" s="2" t="s">
        <v>1689</v>
      </c>
      <c r="B6116" s="6">
        <v>101798.09999999999</v>
      </c>
      <c r="C6116" s="7">
        <f t="shared" si="95"/>
        <v>101.79809999999999</v>
      </c>
    </row>
    <row r="6117" spans="1:3" x14ac:dyDescent="0.25">
      <c r="A6117" s="2" t="s">
        <v>1690</v>
      </c>
      <c r="B6117" s="6">
        <v>101814.74999999999</v>
      </c>
      <c r="C6117" s="7">
        <f t="shared" si="95"/>
        <v>101.81474999999999</v>
      </c>
    </row>
    <row r="6118" spans="1:3" x14ac:dyDescent="0.25">
      <c r="A6118" s="2" t="s">
        <v>1691</v>
      </c>
      <c r="B6118" s="6">
        <v>101831.4</v>
      </c>
      <c r="C6118" s="7">
        <f t="shared" si="95"/>
        <v>101.83139999999999</v>
      </c>
    </row>
    <row r="6119" spans="1:3" x14ac:dyDescent="0.25">
      <c r="A6119" s="2" t="s">
        <v>1692</v>
      </c>
      <c r="B6119" s="6">
        <v>101848.04999999999</v>
      </c>
      <c r="C6119" s="7">
        <f t="shared" si="95"/>
        <v>101.84804999999999</v>
      </c>
    </row>
    <row r="6120" spans="1:3" x14ac:dyDescent="0.25">
      <c r="A6120" s="2" t="s">
        <v>1693</v>
      </c>
      <c r="B6120" s="6">
        <v>101864.7</v>
      </c>
      <c r="C6120" s="7">
        <f t="shared" si="95"/>
        <v>101.8647</v>
      </c>
    </row>
    <row r="6121" spans="1:3" x14ac:dyDescent="0.25">
      <c r="A6121" s="2" t="s">
        <v>1694</v>
      </c>
      <c r="B6121" s="6">
        <v>101881.34999999999</v>
      </c>
      <c r="C6121" s="7">
        <f t="shared" si="95"/>
        <v>101.88135</v>
      </c>
    </row>
    <row r="6122" spans="1:3" x14ac:dyDescent="0.25">
      <c r="A6122" s="2" t="s">
        <v>1695</v>
      </c>
      <c r="B6122" s="6">
        <v>101897.99999999999</v>
      </c>
      <c r="C6122" s="7">
        <f t="shared" si="95"/>
        <v>101.89799999999998</v>
      </c>
    </row>
    <row r="6123" spans="1:3" x14ac:dyDescent="0.25">
      <c r="A6123" s="2" t="s">
        <v>1696</v>
      </c>
      <c r="B6123" s="6">
        <v>101914.65</v>
      </c>
      <c r="C6123" s="7">
        <f t="shared" si="95"/>
        <v>101.91464999999999</v>
      </c>
    </row>
    <row r="6124" spans="1:3" x14ac:dyDescent="0.25">
      <c r="A6124" s="2" t="s">
        <v>1697</v>
      </c>
      <c r="B6124" s="6">
        <v>101931.29999999999</v>
      </c>
      <c r="C6124" s="7">
        <f t="shared" si="95"/>
        <v>101.93129999999999</v>
      </c>
    </row>
    <row r="6125" spans="1:3" x14ac:dyDescent="0.25">
      <c r="A6125" s="2" t="s">
        <v>1698</v>
      </c>
      <c r="B6125" s="6">
        <v>101947.95</v>
      </c>
      <c r="C6125" s="7">
        <f t="shared" si="95"/>
        <v>101.94794999999999</v>
      </c>
    </row>
    <row r="6126" spans="1:3" x14ac:dyDescent="0.25">
      <c r="A6126" s="2" t="s">
        <v>1699</v>
      </c>
      <c r="B6126" s="6">
        <v>101964.59999999999</v>
      </c>
      <c r="C6126" s="7">
        <f t="shared" si="95"/>
        <v>101.96459999999999</v>
      </c>
    </row>
    <row r="6127" spans="1:3" x14ac:dyDescent="0.25">
      <c r="A6127" s="2" t="s">
        <v>1700</v>
      </c>
      <c r="B6127" s="6">
        <v>101981.24999999999</v>
      </c>
      <c r="C6127" s="7">
        <f t="shared" si="95"/>
        <v>101.98124999999999</v>
      </c>
    </row>
    <row r="6128" spans="1:3" x14ac:dyDescent="0.25">
      <c r="A6128" s="2" t="s">
        <v>1701</v>
      </c>
      <c r="B6128" s="6">
        <v>101997.9</v>
      </c>
      <c r="C6128" s="7">
        <f t="shared" si="95"/>
        <v>101.99789999999999</v>
      </c>
    </row>
    <row r="6129" spans="1:3" x14ac:dyDescent="0.25">
      <c r="A6129" s="2" t="s">
        <v>1702</v>
      </c>
      <c r="B6129" s="6">
        <v>102014.54999999999</v>
      </c>
      <c r="C6129" s="7">
        <f t="shared" si="95"/>
        <v>102.01454999999999</v>
      </c>
    </row>
    <row r="6130" spans="1:3" x14ac:dyDescent="0.25">
      <c r="A6130" s="2" t="s">
        <v>1703</v>
      </c>
      <c r="B6130" s="6">
        <v>102031.2</v>
      </c>
      <c r="C6130" s="7">
        <f t="shared" si="95"/>
        <v>102.0312</v>
      </c>
    </row>
    <row r="6131" spans="1:3" x14ac:dyDescent="0.25">
      <c r="A6131" s="2" t="s">
        <v>1704</v>
      </c>
      <c r="B6131" s="6">
        <v>102047.84999999999</v>
      </c>
      <c r="C6131" s="7">
        <f t="shared" si="95"/>
        <v>102.04785</v>
      </c>
    </row>
    <row r="6132" spans="1:3" x14ac:dyDescent="0.25">
      <c r="A6132" s="2" t="s">
        <v>1705</v>
      </c>
      <c r="B6132" s="6">
        <v>102064.49999999999</v>
      </c>
      <c r="C6132" s="7">
        <f t="shared" si="95"/>
        <v>102.06449999999998</v>
      </c>
    </row>
    <row r="6133" spans="1:3" x14ac:dyDescent="0.25">
      <c r="A6133" s="2" t="s">
        <v>1706</v>
      </c>
      <c r="B6133" s="6">
        <v>102081.15</v>
      </c>
      <c r="C6133" s="7">
        <f t="shared" si="95"/>
        <v>102.08114999999999</v>
      </c>
    </row>
    <row r="6134" spans="1:3" x14ac:dyDescent="0.25">
      <c r="A6134" s="2" t="s">
        <v>1707</v>
      </c>
      <c r="B6134" s="6">
        <v>102097.79999999999</v>
      </c>
      <c r="C6134" s="7">
        <f t="shared" si="95"/>
        <v>102.09779999999999</v>
      </c>
    </row>
    <row r="6135" spans="1:3" x14ac:dyDescent="0.25">
      <c r="A6135" s="2" t="s">
        <v>1708</v>
      </c>
      <c r="B6135" s="6">
        <v>102114.45</v>
      </c>
      <c r="C6135" s="7">
        <f t="shared" si="95"/>
        <v>102.11444999999999</v>
      </c>
    </row>
    <row r="6136" spans="1:3" x14ac:dyDescent="0.25">
      <c r="A6136" s="2" t="s">
        <v>1709</v>
      </c>
      <c r="B6136" s="6">
        <v>102131.09999999999</v>
      </c>
      <c r="C6136" s="7">
        <f t="shared" si="95"/>
        <v>102.13109999999999</v>
      </c>
    </row>
    <row r="6137" spans="1:3" x14ac:dyDescent="0.25">
      <c r="A6137" s="2" t="s">
        <v>1710</v>
      </c>
      <c r="B6137" s="6">
        <v>102147.74999999999</v>
      </c>
      <c r="C6137" s="7">
        <f t="shared" si="95"/>
        <v>102.14774999999999</v>
      </c>
    </row>
    <row r="6138" spans="1:3" x14ac:dyDescent="0.25">
      <c r="A6138" s="2" t="s">
        <v>1711</v>
      </c>
      <c r="B6138" s="6">
        <v>102164.4</v>
      </c>
      <c r="C6138" s="7">
        <f t="shared" si="95"/>
        <v>102.1644</v>
      </c>
    </row>
    <row r="6139" spans="1:3" x14ac:dyDescent="0.25">
      <c r="A6139" s="2" t="s">
        <v>1712</v>
      </c>
      <c r="B6139" s="6">
        <v>102181.04999999999</v>
      </c>
      <c r="C6139" s="7">
        <f t="shared" si="95"/>
        <v>102.18104999999998</v>
      </c>
    </row>
    <row r="6140" spans="1:3" x14ac:dyDescent="0.25">
      <c r="A6140" s="2" t="s">
        <v>1713</v>
      </c>
      <c r="B6140" s="6">
        <v>102197.7</v>
      </c>
      <c r="C6140" s="7">
        <f t="shared" si="95"/>
        <v>102.1977</v>
      </c>
    </row>
    <row r="6141" spans="1:3" x14ac:dyDescent="0.25">
      <c r="A6141" s="2" t="s">
        <v>1714</v>
      </c>
      <c r="B6141" s="6">
        <v>102214.34999999999</v>
      </c>
      <c r="C6141" s="7">
        <f t="shared" si="95"/>
        <v>102.21435</v>
      </c>
    </row>
    <row r="6142" spans="1:3" x14ac:dyDescent="0.25">
      <c r="A6142" s="2" t="s">
        <v>1715</v>
      </c>
      <c r="B6142" s="6">
        <v>102230.99999999999</v>
      </c>
      <c r="C6142" s="7">
        <f t="shared" si="95"/>
        <v>102.23099999999998</v>
      </c>
    </row>
    <row r="6143" spans="1:3" x14ac:dyDescent="0.25">
      <c r="A6143" s="2" t="s">
        <v>1716</v>
      </c>
      <c r="B6143" s="6">
        <v>102247.65</v>
      </c>
      <c r="C6143" s="7">
        <f t="shared" si="95"/>
        <v>102.24764999999999</v>
      </c>
    </row>
    <row r="6144" spans="1:3" x14ac:dyDescent="0.25">
      <c r="A6144" s="2" t="s">
        <v>1717</v>
      </c>
      <c r="B6144" s="6">
        <v>102264.29999999999</v>
      </c>
      <c r="C6144" s="7">
        <f t="shared" si="95"/>
        <v>102.26429999999999</v>
      </c>
    </row>
    <row r="6145" spans="1:3" x14ac:dyDescent="0.25">
      <c r="A6145" s="2" t="s">
        <v>1718</v>
      </c>
      <c r="B6145" s="6">
        <v>102280.95</v>
      </c>
      <c r="C6145" s="7">
        <f t="shared" si="95"/>
        <v>102.28094999999999</v>
      </c>
    </row>
    <row r="6146" spans="1:3" x14ac:dyDescent="0.25">
      <c r="A6146" s="2" t="s">
        <v>1719</v>
      </c>
      <c r="B6146" s="6">
        <v>102297.59999999999</v>
      </c>
      <c r="C6146" s="7">
        <f t="shared" si="95"/>
        <v>102.29759999999999</v>
      </c>
    </row>
    <row r="6147" spans="1:3" x14ac:dyDescent="0.25">
      <c r="A6147" s="2" t="s">
        <v>1720</v>
      </c>
      <c r="B6147" s="6">
        <v>102314.24999999999</v>
      </c>
      <c r="C6147" s="7">
        <f t="shared" ref="C6147:C6210" si="96">B6147/1000</f>
        <v>102.31424999999999</v>
      </c>
    </row>
    <row r="6148" spans="1:3" x14ac:dyDescent="0.25">
      <c r="A6148" s="2" t="s">
        <v>1721</v>
      </c>
      <c r="B6148" s="6">
        <v>102330.9</v>
      </c>
      <c r="C6148" s="7">
        <f t="shared" si="96"/>
        <v>102.3309</v>
      </c>
    </row>
    <row r="6149" spans="1:3" x14ac:dyDescent="0.25">
      <c r="A6149" s="2" t="s">
        <v>1722</v>
      </c>
      <c r="B6149" s="6">
        <v>102347.54999999999</v>
      </c>
      <c r="C6149" s="7">
        <f t="shared" si="96"/>
        <v>102.34754999999998</v>
      </c>
    </row>
    <row r="6150" spans="1:3" x14ac:dyDescent="0.25">
      <c r="A6150" s="2" t="s">
        <v>1723</v>
      </c>
      <c r="B6150" s="6">
        <v>102364.2</v>
      </c>
      <c r="C6150" s="7">
        <f t="shared" si="96"/>
        <v>102.3642</v>
      </c>
    </row>
    <row r="6151" spans="1:3" x14ac:dyDescent="0.25">
      <c r="A6151" s="2" t="s">
        <v>1724</v>
      </c>
      <c r="B6151" s="6">
        <v>102380.84999999999</v>
      </c>
      <c r="C6151" s="7">
        <f t="shared" si="96"/>
        <v>102.38085</v>
      </c>
    </row>
    <row r="6152" spans="1:3" x14ac:dyDescent="0.25">
      <c r="A6152" s="2" t="s">
        <v>1725</v>
      </c>
      <c r="B6152" s="6">
        <v>102397.49999999999</v>
      </c>
      <c r="C6152" s="7">
        <f t="shared" si="96"/>
        <v>102.39749999999998</v>
      </c>
    </row>
    <row r="6153" spans="1:3" x14ac:dyDescent="0.25">
      <c r="A6153" s="2" t="s">
        <v>1726</v>
      </c>
      <c r="B6153" s="6">
        <v>102414.15</v>
      </c>
      <c r="C6153" s="7">
        <f t="shared" si="96"/>
        <v>102.41414999999999</v>
      </c>
    </row>
    <row r="6154" spans="1:3" x14ac:dyDescent="0.25">
      <c r="A6154" s="2" t="s">
        <v>1727</v>
      </c>
      <c r="B6154" s="6">
        <v>102430.79999999999</v>
      </c>
      <c r="C6154" s="7">
        <f t="shared" si="96"/>
        <v>102.43079999999999</v>
      </c>
    </row>
    <row r="6155" spans="1:3" x14ac:dyDescent="0.25">
      <c r="A6155" s="2" t="s">
        <v>1728</v>
      </c>
      <c r="B6155" s="6">
        <v>102447.45</v>
      </c>
      <c r="C6155" s="7">
        <f t="shared" si="96"/>
        <v>102.44745</v>
      </c>
    </row>
    <row r="6156" spans="1:3" x14ac:dyDescent="0.25">
      <c r="A6156" s="2" t="s">
        <v>1729</v>
      </c>
      <c r="B6156" s="6">
        <v>102464.09999999999</v>
      </c>
      <c r="C6156" s="7">
        <f t="shared" si="96"/>
        <v>102.46409999999999</v>
      </c>
    </row>
    <row r="6157" spans="1:3" x14ac:dyDescent="0.25">
      <c r="A6157" s="2" t="s">
        <v>1730</v>
      </c>
      <c r="B6157" s="6">
        <v>102480.74999999999</v>
      </c>
      <c r="C6157" s="7">
        <f t="shared" si="96"/>
        <v>102.48074999999999</v>
      </c>
    </row>
    <row r="6158" spans="1:3" x14ac:dyDescent="0.25">
      <c r="A6158" s="2" t="s">
        <v>1731</v>
      </c>
      <c r="B6158" s="6">
        <v>102497.4</v>
      </c>
      <c r="C6158" s="7">
        <f t="shared" si="96"/>
        <v>102.4974</v>
      </c>
    </row>
    <row r="6159" spans="1:3" x14ac:dyDescent="0.25">
      <c r="A6159" s="2" t="s">
        <v>1732</v>
      </c>
      <c r="B6159" s="6">
        <v>102514.04999999999</v>
      </c>
      <c r="C6159" s="7">
        <f t="shared" si="96"/>
        <v>102.51404999999998</v>
      </c>
    </row>
    <row r="6160" spans="1:3" x14ac:dyDescent="0.25">
      <c r="A6160" s="2" t="s">
        <v>1733</v>
      </c>
      <c r="B6160" s="6">
        <v>102530.7</v>
      </c>
      <c r="C6160" s="7">
        <f t="shared" si="96"/>
        <v>102.5307</v>
      </c>
    </row>
    <row r="6161" spans="1:3" x14ac:dyDescent="0.25">
      <c r="A6161" s="2" t="s">
        <v>1734</v>
      </c>
      <c r="B6161" s="6">
        <v>102547.34999999999</v>
      </c>
      <c r="C6161" s="7">
        <f t="shared" si="96"/>
        <v>102.54734999999999</v>
      </c>
    </row>
    <row r="6162" spans="1:3" x14ac:dyDescent="0.25">
      <c r="A6162" s="2" t="s">
        <v>1735</v>
      </c>
      <c r="B6162" s="6">
        <v>102563.99999999999</v>
      </c>
      <c r="C6162" s="7">
        <f t="shared" si="96"/>
        <v>102.56399999999998</v>
      </c>
    </row>
    <row r="6163" spans="1:3" x14ac:dyDescent="0.25">
      <c r="A6163" s="2" t="s">
        <v>1736</v>
      </c>
      <c r="B6163" s="6">
        <v>102580.65</v>
      </c>
      <c r="C6163" s="7">
        <f t="shared" si="96"/>
        <v>102.58064999999999</v>
      </c>
    </row>
    <row r="6164" spans="1:3" x14ac:dyDescent="0.25">
      <c r="A6164" s="2" t="s">
        <v>1737</v>
      </c>
      <c r="B6164" s="6">
        <v>102597.29999999999</v>
      </c>
      <c r="C6164" s="7">
        <f t="shared" si="96"/>
        <v>102.59729999999999</v>
      </c>
    </row>
    <row r="6165" spans="1:3" x14ac:dyDescent="0.25">
      <c r="A6165" s="2" t="s">
        <v>1738</v>
      </c>
      <c r="B6165" s="6">
        <v>102613.95</v>
      </c>
      <c r="C6165" s="7">
        <f t="shared" si="96"/>
        <v>102.61395</v>
      </c>
    </row>
    <row r="6166" spans="1:3" x14ac:dyDescent="0.25">
      <c r="A6166" s="2" t="s">
        <v>1739</v>
      </c>
      <c r="B6166" s="6">
        <v>102630.59999999999</v>
      </c>
      <c r="C6166" s="7">
        <f t="shared" si="96"/>
        <v>102.63059999999999</v>
      </c>
    </row>
    <row r="6167" spans="1:3" x14ac:dyDescent="0.25">
      <c r="A6167" s="2" t="s">
        <v>1740</v>
      </c>
      <c r="B6167" s="6">
        <v>102647.24999999999</v>
      </c>
      <c r="C6167" s="7">
        <f t="shared" si="96"/>
        <v>102.64724999999999</v>
      </c>
    </row>
    <row r="6168" spans="1:3" x14ac:dyDescent="0.25">
      <c r="A6168" s="2" t="s">
        <v>1741</v>
      </c>
      <c r="B6168" s="6">
        <v>102663.9</v>
      </c>
      <c r="C6168" s="7">
        <f t="shared" si="96"/>
        <v>102.6639</v>
      </c>
    </row>
    <row r="6169" spans="1:3" x14ac:dyDescent="0.25">
      <c r="A6169" s="2" t="s">
        <v>1742</v>
      </c>
      <c r="B6169" s="6">
        <v>102680.54999999999</v>
      </c>
      <c r="C6169" s="7">
        <f t="shared" si="96"/>
        <v>102.68054999999998</v>
      </c>
    </row>
    <row r="6170" spans="1:3" x14ac:dyDescent="0.25">
      <c r="A6170" s="2" t="s">
        <v>1743</v>
      </c>
      <c r="B6170" s="6">
        <v>102697.2</v>
      </c>
      <c r="C6170" s="7">
        <f t="shared" si="96"/>
        <v>102.6972</v>
      </c>
    </row>
    <row r="6171" spans="1:3" x14ac:dyDescent="0.25">
      <c r="A6171" s="2" t="s">
        <v>1744</v>
      </c>
      <c r="B6171" s="6">
        <v>102713.84999999999</v>
      </c>
      <c r="C6171" s="7">
        <f t="shared" si="96"/>
        <v>102.71384999999999</v>
      </c>
    </row>
    <row r="6172" spans="1:3" x14ac:dyDescent="0.25">
      <c r="A6172" s="2" t="s">
        <v>1745</v>
      </c>
      <c r="B6172" s="6">
        <v>102730.49999999999</v>
      </c>
      <c r="C6172" s="7">
        <f t="shared" si="96"/>
        <v>102.73049999999999</v>
      </c>
    </row>
    <row r="6173" spans="1:3" x14ac:dyDescent="0.25">
      <c r="A6173" s="2" t="s">
        <v>1746</v>
      </c>
      <c r="B6173" s="6">
        <v>102747.15</v>
      </c>
      <c r="C6173" s="7">
        <f t="shared" si="96"/>
        <v>102.74714999999999</v>
      </c>
    </row>
    <row r="6174" spans="1:3" x14ac:dyDescent="0.25">
      <c r="A6174" s="2" t="s">
        <v>1747</v>
      </c>
      <c r="B6174" s="6">
        <v>102763.79999999999</v>
      </c>
      <c r="C6174" s="7">
        <f t="shared" si="96"/>
        <v>102.76379999999999</v>
      </c>
    </row>
    <row r="6175" spans="1:3" x14ac:dyDescent="0.25">
      <c r="A6175" s="2" t="s">
        <v>1748</v>
      </c>
      <c r="B6175" s="6">
        <v>102780.45</v>
      </c>
      <c r="C6175" s="7">
        <f t="shared" si="96"/>
        <v>102.78045</v>
      </c>
    </row>
    <row r="6176" spans="1:3" x14ac:dyDescent="0.25">
      <c r="A6176" s="2" t="s">
        <v>1749</v>
      </c>
      <c r="B6176" s="6">
        <v>102797.09999999999</v>
      </c>
      <c r="C6176" s="7">
        <f t="shared" si="96"/>
        <v>102.79709999999999</v>
      </c>
    </row>
    <row r="6177" spans="1:3" x14ac:dyDescent="0.25">
      <c r="A6177" s="2" t="s">
        <v>1750</v>
      </c>
      <c r="B6177" s="6">
        <v>102813.74999999999</v>
      </c>
      <c r="C6177" s="7">
        <f t="shared" si="96"/>
        <v>102.81374999999998</v>
      </c>
    </row>
    <row r="6178" spans="1:3" x14ac:dyDescent="0.25">
      <c r="A6178" s="2" t="s">
        <v>1751</v>
      </c>
      <c r="B6178" s="6">
        <v>102830.39999999999</v>
      </c>
      <c r="C6178" s="7">
        <f t="shared" si="96"/>
        <v>102.8304</v>
      </c>
    </row>
    <row r="6179" spans="1:3" x14ac:dyDescent="0.25">
      <c r="A6179" s="2" t="s">
        <v>1752</v>
      </c>
      <c r="B6179" s="6">
        <v>102847.04999999999</v>
      </c>
      <c r="C6179" s="7">
        <f t="shared" si="96"/>
        <v>102.84704999999998</v>
      </c>
    </row>
    <row r="6180" spans="1:3" x14ac:dyDescent="0.25">
      <c r="A6180" s="2" t="s">
        <v>1753</v>
      </c>
      <c r="B6180" s="6">
        <v>102863.7</v>
      </c>
      <c r="C6180" s="7">
        <f t="shared" si="96"/>
        <v>102.86369999999999</v>
      </c>
    </row>
    <row r="6181" spans="1:3" x14ac:dyDescent="0.25">
      <c r="A6181" s="2" t="s">
        <v>1754</v>
      </c>
      <c r="B6181" s="6">
        <v>102880.34999999999</v>
      </c>
      <c r="C6181" s="7">
        <f t="shared" si="96"/>
        <v>102.88034999999999</v>
      </c>
    </row>
    <row r="6182" spans="1:3" x14ac:dyDescent="0.25">
      <c r="A6182" s="2" t="s">
        <v>1755</v>
      </c>
      <c r="B6182" s="6">
        <v>102896.99999999999</v>
      </c>
      <c r="C6182" s="7">
        <f t="shared" si="96"/>
        <v>102.89699999999999</v>
      </c>
    </row>
    <row r="6183" spans="1:3" x14ac:dyDescent="0.25">
      <c r="A6183" s="2" t="s">
        <v>1756</v>
      </c>
      <c r="B6183" s="6">
        <v>102913.65</v>
      </c>
      <c r="C6183" s="7">
        <f t="shared" si="96"/>
        <v>102.91364999999999</v>
      </c>
    </row>
    <row r="6184" spans="1:3" x14ac:dyDescent="0.25">
      <c r="A6184" s="2" t="s">
        <v>1757</v>
      </c>
      <c r="B6184" s="6">
        <v>102930.29999999999</v>
      </c>
      <c r="C6184" s="7">
        <f t="shared" si="96"/>
        <v>102.93029999999999</v>
      </c>
    </row>
    <row r="6185" spans="1:3" x14ac:dyDescent="0.25">
      <c r="A6185" s="2" t="s">
        <v>1758</v>
      </c>
      <c r="B6185" s="6">
        <v>102946.95</v>
      </c>
      <c r="C6185" s="7">
        <f t="shared" si="96"/>
        <v>102.94695</v>
      </c>
    </row>
    <row r="6186" spans="1:3" x14ac:dyDescent="0.25">
      <c r="A6186" s="2" t="s">
        <v>1759</v>
      </c>
      <c r="B6186" s="6">
        <v>102963.59999999999</v>
      </c>
      <c r="C6186" s="7">
        <f t="shared" si="96"/>
        <v>102.96359999999999</v>
      </c>
    </row>
    <row r="6187" spans="1:3" x14ac:dyDescent="0.25">
      <c r="A6187" s="2" t="s">
        <v>1760</v>
      </c>
      <c r="B6187" s="6">
        <v>102980.24999999999</v>
      </c>
      <c r="C6187" s="7">
        <f t="shared" si="96"/>
        <v>102.98024999999998</v>
      </c>
    </row>
    <row r="6188" spans="1:3" x14ac:dyDescent="0.25">
      <c r="A6188" s="2" t="s">
        <v>1761</v>
      </c>
      <c r="B6188" s="6">
        <v>102996.9</v>
      </c>
      <c r="C6188" s="7">
        <f t="shared" si="96"/>
        <v>102.9969</v>
      </c>
    </row>
    <row r="6189" spans="1:3" x14ac:dyDescent="0.25">
      <c r="A6189" s="2" t="s">
        <v>1762</v>
      </c>
      <c r="B6189" s="6">
        <v>103013.54999999999</v>
      </c>
      <c r="C6189" s="7">
        <f t="shared" si="96"/>
        <v>103.01355</v>
      </c>
    </row>
    <row r="6190" spans="1:3" x14ac:dyDescent="0.25">
      <c r="A6190" s="2" t="s">
        <v>1763</v>
      </c>
      <c r="B6190" s="6">
        <v>103030.2</v>
      </c>
      <c r="C6190" s="7">
        <f t="shared" si="96"/>
        <v>103.03019999999999</v>
      </c>
    </row>
    <row r="6191" spans="1:3" x14ac:dyDescent="0.25">
      <c r="A6191" s="2" t="s">
        <v>1764</v>
      </c>
      <c r="B6191" s="6">
        <v>103046.84999999999</v>
      </c>
      <c r="C6191" s="7">
        <f t="shared" si="96"/>
        <v>103.04684999999999</v>
      </c>
    </row>
    <row r="6192" spans="1:3" x14ac:dyDescent="0.25">
      <c r="A6192" s="2" t="s">
        <v>1765</v>
      </c>
      <c r="B6192" s="6">
        <v>103063.49999999999</v>
      </c>
      <c r="C6192" s="7">
        <f t="shared" si="96"/>
        <v>103.06349999999999</v>
      </c>
    </row>
    <row r="6193" spans="1:3" x14ac:dyDescent="0.25">
      <c r="A6193" s="2" t="s">
        <v>1766</v>
      </c>
      <c r="B6193" s="6">
        <v>103080.15</v>
      </c>
      <c r="C6193" s="7">
        <f t="shared" si="96"/>
        <v>103.08014999999999</v>
      </c>
    </row>
    <row r="6194" spans="1:3" x14ac:dyDescent="0.25">
      <c r="A6194" s="2" t="s">
        <v>1767</v>
      </c>
      <c r="B6194" s="6">
        <v>103096.79999999999</v>
      </c>
      <c r="C6194" s="7">
        <f t="shared" si="96"/>
        <v>103.09679999999999</v>
      </c>
    </row>
    <row r="6195" spans="1:3" x14ac:dyDescent="0.25">
      <c r="A6195" s="2" t="s">
        <v>1768</v>
      </c>
      <c r="B6195" s="6">
        <v>103113.45</v>
      </c>
      <c r="C6195" s="7">
        <f t="shared" si="96"/>
        <v>103.11345</v>
      </c>
    </row>
    <row r="6196" spans="1:3" x14ac:dyDescent="0.25">
      <c r="A6196" s="2" t="s">
        <v>1769</v>
      </c>
      <c r="B6196" s="6">
        <v>103130.09999999999</v>
      </c>
      <c r="C6196" s="7">
        <f t="shared" si="96"/>
        <v>103.13009999999998</v>
      </c>
    </row>
    <row r="6197" spans="1:3" x14ac:dyDescent="0.25">
      <c r="A6197" s="2" t="s">
        <v>1770</v>
      </c>
      <c r="B6197" s="6">
        <v>103146.74999999999</v>
      </c>
      <c r="C6197" s="7">
        <f t="shared" si="96"/>
        <v>103.14674999999998</v>
      </c>
    </row>
    <row r="6198" spans="1:3" x14ac:dyDescent="0.25">
      <c r="A6198" s="2" t="s">
        <v>1771</v>
      </c>
      <c r="B6198" s="6">
        <v>103163.4</v>
      </c>
      <c r="C6198" s="7">
        <f t="shared" si="96"/>
        <v>103.1634</v>
      </c>
    </row>
    <row r="6199" spans="1:3" x14ac:dyDescent="0.25">
      <c r="A6199" s="2" t="s">
        <v>1772</v>
      </c>
      <c r="B6199" s="6">
        <v>103180.04999999999</v>
      </c>
      <c r="C6199" s="7">
        <f t="shared" si="96"/>
        <v>103.18004999999999</v>
      </c>
    </row>
    <row r="6200" spans="1:3" x14ac:dyDescent="0.25">
      <c r="A6200" s="2" t="s">
        <v>1773</v>
      </c>
      <c r="B6200" s="6">
        <v>103196.7</v>
      </c>
      <c r="C6200" s="7">
        <f t="shared" si="96"/>
        <v>103.19669999999999</v>
      </c>
    </row>
    <row r="6201" spans="1:3" x14ac:dyDescent="0.25">
      <c r="A6201" s="2" t="s">
        <v>1774</v>
      </c>
      <c r="B6201" s="6">
        <v>103213.34999999999</v>
      </c>
      <c r="C6201" s="7">
        <f t="shared" si="96"/>
        <v>103.21334999999999</v>
      </c>
    </row>
    <row r="6202" spans="1:3" x14ac:dyDescent="0.25">
      <c r="A6202" s="2" t="s">
        <v>1775</v>
      </c>
      <c r="B6202" s="6">
        <v>103229.99999999999</v>
      </c>
      <c r="C6202" s="7">
        <f t="shared" si="96"/>
        <v>103.22999999999999</v>
      </c>
    </row>
    <row r="6203" spans="1:3" x14ac:dyDescent="0.25">
      <c r="A6203" s="2" t="s">
        <v>1776</v>
      </c>
      <c r="B6203" s="6">
        <v>103246.65</v>
      </c>
      <c r="C6203" s="7">
        <f t="shared" si="96"/>
        <v>103.24664999999999</v>
      </c>
    </row>
    <row r="6204" spans="1:3" x14ac:dyDescent="0.25">
      <c r="A6204" s="2" t="s">
        <v>1777</v>
      </c>
      <c r="B6204" s="6">
        <v>103263.29999999999</v>
      </c>
      <c r="C6204" s="7">
        <f t="shared" si="96"/>
        <v>103.26329999999999</v>
      </c>
    </row>
    <row r="6205" spans="1:3" x14ac:dyDescent="0.25">
      <c r="A6205" s="2" t="s">
        <v>1778</v>
      </c>
      <c r="B6205" s="6">
        <v>103279.95</v>
      </c>
      <c r="C6205" s="7">
        <f t="shared" si="96"/>
        <v>103.27995</v>
      </c>
    </row>
    <row r="6206" spans="1:3" x14ac:dyDescent="0.25">
      <c r="A6206" s="2" t="s">
        <v>1779</v>
      </c>
      <c r="B6206" s="6">
        <v>103296.59999999999</v>
      </c>
      <c r="C6206" s="7">
        <f t="shared" si="96"/>
        <v>103.2966</v>
      </c>
    </row>
    <row r="6207" spans="1:3" x14ac:dyDescent="0.25">
      <c r="A6207" s="2" t="s">
        <v>1780</v>
      </c>
      <c r="B6207" s="6">
        <v>103313.24999999999</v>
      </c>
      <c r="C6207" s="7">
        <f t="shared" si="96"/>
        <v>103.31324999999998</v>
      </c>
    </row>
    <row r="6208" spans="1:3" x14ac:dyDescent="0.25">
      <c r="A6208" s="2" t="s">
        <v>1781</v>
      </c>
      <c r="B6208" s="6">
        <v>103329.9</v>
      </c>
      <c r="C6208" s="7">
        <f t="shared" si="96"/>
        <v>103.32989999999999</v>
      </c>
    </row>
    <row r="6209" spans="1:3" x14ac:dyDescent="0.25">
      <c r="A6209" s="2" t="s">
        <v>1782</v>
      </c>
      <c r="B6209" s="6">
        <v>103346.54999999999</v>
      </c>
      <c r="C6209" s="7">
        <f t="shared" si="96"/>
        <v>103.34654999999999</v>
      </c>
    </row>
    <row r="6210" spans="1:3" x14ac:dyDescent="0.25">
      <c r="A6210" s="2" t="s">
        <v>1783</v>
      </c>
      <c r="B6210" s="6">
        <v>103363.2</v>
      </c>
      <c r="C6210" s="7">
        <f t="shared" si="96"/>
        <v>103.36319999999999</v>
      </c>
    </row>
    <row r="6211" spans="1:3" x14ac:dyDescent="0.25">
      <c r="A6211" s="2" t="s">
        <v>1784</v>
      </c>
      <c r="B6211" s="6">
        <v>103379.84999999999</v>
      </c>
      <c r="C6211" s="7">
        <f t="shared" ref="C6211:C6274" si="97">B6211/1000</f>
        <v>103.37984999999999</v>
      </c>
    </row>
    <row r="6212" spans="1:3" x14ac:dyDescent="0.25">
      <c r="A6212" s="2" t="s">
        <v>1785</v>
      </c>
      <c r="B6212" s="6">
        <v>103396.49999999999</v>
      </c>
      <c r="C6212" s="7">
        <f t="shared" si="97"/>
        <v>103.39649999999999</v>
      </c>
    </row>
    <row r="6213" spans="1:3" x14ac:dyDescent="0.25">
      <c r="A6213" s="2" t="s">
        <v>1786</v>
      </c>
      <c r="B6213" s="6">
        <v>103413.15</v>
      </c>
      <c r="C6213" s="7">
        <f t="shared" si="97"/>
        <v>103.41314999999999</v>
      </c>
    </row>
    <row r="6214" spans="1:3" x14ac:dyDescent="0.25">
      <c r="A6214" s="2" t="s">
        <v>1787</v>
      </c>
      <c r="B6214" s="6">
        <v>103429.79999999999</v>
      </c>
      <c r="C6214" s="7">
        <f t="shared" si="97"/>
        <v>103.42979999999999</v>
      </c>
    </row>
    <row r="6215" spans="1:3" x14ac:dyDescent="0.25">
      <c r="A6215" s="2" t="s">
        <v>1788</v>
      </c>
      <c r="B6215" s="6">
        <v>103446.45</v>
      </c>
      <c r="C6215" s="7">
        <f t="shared" si="97"/>
        <v>103.44645</v>
      </c>
    </row>
    <row r="6216" spans="1:3" x14ac:dyDescent="0.25">
      <c r="A6216" s="2" t="s">
        <v>1789</v>
      </c>
      <c r="B6216" s="6">
        <v>103463.09999999999</v>
      </c>
      <c r="C6216" s="7">
        <f t="shared" si="97"/>
        <v>103.4631</v>
      </c>
    </row>
    <row r="6217" spans="1:3" x14ac:dyDescent="0.25">
      <c r="A6217" s="2" t="s">
        <v>1790</v>
      </c>
      <c r="B6217" s="6">
        <v>103479.74999999999</v>
      </c>
      <c r="C6217" s="7">
        <f t="shared" si="97"/>
        <v>103.47974999999998</v>
      </c>
    </row>
    <row r="6218" spans="1:3" x14ac:dyDescent="0.25">
      <c r="A6218" s="2" t="s">
        <v>1791</v>
      </c>
      <c r="B6218" s="6">
        <v>103496.4</v>
      </c>
      <c r="C6218" s="7">
        <f t="shared" si="97"/>
        <v>103.49639999999999</v>
      </c>
    </row>
    <row r="6219" spans="1:3" x14ac:dyDescent="0.25">
      <c r="A6219" s="2" t="s">
        <v>1792</v>
      </c>
      <c r="B6219" s="6">
        <v>103513.04999999999</v>
      </c>
      <c r="C6219" s="7">
        <f t="shared" si="97"/>
        <v>103.51304999999999</v>
      </c>
    </row>
    <row r="6220" spans="1:3" x14ac:dyDescent="0.25">
      <c r="A6220" s="2" t="s">
        <v>1793</v>
      </c>
      <c r="B6220" s="6">
        <v>103529.7</v>
      </c>
      <c r="C6220" s="7">
        <f t="shared" si="97"/>
        <v>103.52969999999999</v>
      </c>
    </row>
    <row r="6221" spans="1:3" x14ac:dyDescent="0.25">
      <c r="A6221" s="2" t="s">
        <v>1794</v>
      </c>
      <c r="B6221" s="6">
        <v>103546.34999999999</v>
      </c>
      <c r="C6221" s="7">
        <f t="shared" si="97"/>
        <v>103.54634999999999</v>
      </c>
    </row>
    <row r="6222" spans="1:3" x14ac:dyDescent="0.25">
      <c r="A6222" s="2" t="s">
        <v>1795</v>
      </c>
      <c r="B6222" s="6">
        <v>103562.99999999999</v>
      </c>
      <c r="C6222" s="7">
        <f t="shared" si="97"/>
        <v>103.56299999999999</v>
      </c>
    </row>
    <row r="6223" spans="1:3" x14ac:dyDescent="0.25">
      <c r="A6223" s="2" t="s">
        <v>1796</v>
      </c>
      <c r="B6223" s="6">
        <v>103579.65</v>
      </c>
      <c r="C6223" s="7">
        <f t="shared" si="97"/>
        <v>103.57965</v>
      </c>
    </row>
    <row r="6224" spans="1:3" x14ac:dyDescent="0.25">
      <c r="A6224" s="2" t="s">
        <v>1797</v>
      </c>
      <c r="B6224" s="6">
        <v>103596.29999999999</v>
      </c>
      <c r="C6224" s="7">
        <f t="shared" si="97"/>
        <v>103.59629999999999</v>
      </c>
    </row>
    <row r="6225" spans="1:3" x14ac:dyDescent="0.25">
      <c r="A6225" s="2" t="s">
        <v>1798</v>
      </c>
      <c r="B6225" s="6">
        <v>103612.95</v>
      </c>
      <c r="C6225" s="7">
        <f t="shared" si="97"/>
        <v>103.61295</v>
      </c>
    </row>
    <row r="6226" spans="1:3" x14ac:dyDescent="0.25">
      <c r="A6226" s="2" t="s">
        <v>1799</v>
      </c>
      <c r="B6226" s="6">
        <v>103629.59999999999</v>
      </c>
      <c r="C6226" s="7">
        <f t="shared" si="97"/>
        <v>103.6296</v>
      </c>
    </row>
    <row r="6227" spans="1:3" x14ac:dyDescent="0.25">
      <c r="A6227" s="2" t="s">
        <v>1800</v>
      </c>
      <c r="B6227" s="6">
        <v>103646.24999999999</v>
      </c>
      <c r="C6227" s="7">
        <f t="shared" si="97"/>
        <v>103.64624999999998</v>
      </c>
    </row>
    <row r="6228" spans="1:3" x14ac:dyDescent="0.25">
      <c r="A6228" s="2" t="s">
        <v>1801</v>
      </c>
      <c r="B6228" s="6">
        <v>103662.9</v>
      </c>
      <c r="C6228" s="7">
        <f t="shared" si="97"/>
        <v>103.66289999999999</v>
      </c>
    </row>
    <row r="6229" spans="1:3" x14ac:dyDescent="0.25">
      <c r="A6229" s="2" t="s">
        <v>1802</v>
      </c>
      <c r="B6229" s="6">
        <v>103679.54999999999</v>
      </c>
      <c r="C6229" s="7">
        <f t="shared" si="97"/>
        <v>103.67954999999999</v>
      </c>
    </row>
    <row r="6230" spans="1:3" x14ac:dyDescent="0.25">
      <c r="A6230" s="2" t="s">
        <v>1803</v>
      </c>
      <c r="B6230" s="6">
        <v>103696.2</v>
      </c>
      <c r="C6230" s="7">
        <f t="shared" si="97"/>
        <v>103.69619999999999</v>
      </c>
    </row>
    <row r="6231" spans="1:3" x14ac:dyDescent="0.25">
      <c r="A6231" s="2" t="s">
        <v>1804</v>
      </c>
      <c r="B6231" s="6">
        <v>103712.84999999999</v>
      </c>
      <c r="C6231" s="7">
        <f t="shared" si="97"/>
        <v>103.71284999999999</v>
      </c>
    </row>
    <row r="6232" spans="1:3" x14ac:dyDescent="0.25">
      <c r="A6232" s="2" t="s">
        <v>1805</v>
      </c>
      <c r="B6232" s="6">
        <v>103729.49999999999</v>
      </c>
      <c r="C6232" s="7">
        <f t="shared" si="97"/>
        <v>103.72949999999999</v>
      </c>
    </row>
    <row r="6233" spans="1:3" x14ac:dyDescent="0.25">
      <c r="A6233" s="2" t="s">
        <v>1806</v>
      </c>
      <c r="B6233" s="6">
        <v>103746.15</v>
      </c>
      <c r="C6233" s="7">
        <f t="shared" si="97"/>
        <v>103.74615</v>
      </c>
    </row>
    <row r="6234" spans="1:3" x14ac:dyDescent="0.25">
      <c r="A6234" s="2" t="s">
        <v>1807</v>
      </c>
      <c r="B6234" s="6">
        <v>103762.79999999999</v>
      </c>
      <c r="C6234" s="7">
        <f t="shared" si="97"/>
        <v>103.76279999999998</v>
      </c>
    </row>
    <row r="6235" spans="1:3" x14ac:dyDescent="0.25">
      <c r="A6235" s="2" t="s">
        <v>1808</v>
      </c>
      <c r="B6235" s="6">
        <v>103779.45</v>
      </c>
      <c r="C6235" s="7">
        <f t="shared" si="97"/>
        <v>103.77945</v>
      </c>
    </row>
    <row r="6236" spans="1:3" x14ac:dyDescent="0.25">
      <c r="A6236" s="2" t="s">
        <v>1809</v>
      </c>
      <c r="B6236" s="6">
        <v>103796.09999999999</v>
      </c>
      <c r="C6236" s="7">
        <f t="shared" si="97"/>
        <v>103.7961</v>
      </c>
    </row>
    <row r="6237" spans="1:3" x14ac:dyDescent="0.25">
      <c r="A6237" s="2" t="s">
        <v>1810</v>
      </c>
      <c r="B6237" s="6">
        <v>103812.74999999999</v>
      </c>
      <c r="C6237" s="7">
        <f t="shared" si="97"/>
        <v>103.81274999999998</v>
      </c>
    </row>
    <row r="6238" spans="1:3" x14ac:dyDescent="0.25">
      <c r="A6238" s="2" t="s">
        <v>1811</v>
      </c>
      <c r="B6238" s="6">
        <v>103829.4</v>
      </c>
      <c r="C6238" s="7">
        <f t="shared" si="97"/>
        <v>103.82939999999999</v>
      </c>
    </row>
    <row r="6239" spans="1:3" x14ac:dyDescent="0.25">
      <c r="A6239" s="2" t="s">
        <v>1812</v>
      </c>
      <c r="B6239" s="6">
        <v>103846.04999999999</v>
      </c>
      <c r="C6239" s="7">
        <f t="shared" si="97"/>
        <v>103.84604999999999</v>
      </c>
    </row>
    <row r="6240" spans="1:3" x14ac:dyDescent="0.25">
      <c r="A6240" s="2" t="s">
        <v>1813</v>
      </c>
      <c r="B6240" s="6">
        <v>103862.7</v>
      </c>
      <c r="C6240" s="7">
        <f t="shared" si="97"/>
        <v>103.8627</v>
      </c>
    </row>
    <row r="6241" spans="1:3" x14ac:dyDescent="0.25">
      <c r="A6241" s="2" t="s">
        <v>1814</v>
      </c>
      <c r="B6241" s="6">
        <v>103879.34999999999</v>
      </c>
      <c r="C6241" s="7">
        <f t="shared" si="97"/>
        <v>103.87934999999999</v>
      </c>
    </row>
    <row r="6242" spans="1:3" x14ac:dyDescent="0.25">
      <c r="A6242" s="2" t="s">
        <v>1815</v>
      </c>
      <c r="B6242" s="6">
        <v>103895.99999999999</v>
      </c>
      <c r="C6242" s="7">
        <f t="shared" si="97"/>
        <v>103.89599999999999</v>
      </c>
    </row>
    <row r="6243" spans="1:3" x14ac:dyDescent="0.25">
      <c r="A6243" s="2" t="s">
        <v>1816</v>
      </c>
      <c r="B6243" s="6">
        <v>103912.65</v>
      </c>
      <c r="C6243" s="7">
        <f t="shared" si="97"/>
        <v>103.91265</v>
      </c>
    </row>
    <row r="6244" spans="1:3" x14ac:dyDescent="0.25">
      <c r="A6244" s="2" t="s">
        <v>1817</v>
      </c>
      <c r="B6244" s="6">
        <v>103929.29999999999</v>
      </c>
      <c r="C6244" s="7">
        <f t="shared" si="97"/>
        <v>103.92929999999998</v>
      </c>
    </row>
    <row r="6245" spans="1:3" x14ac:dyDescent="0.25">
      <c r="A6245" s="2" t="s">
        <v>1818</v>
      </c>
      <c r="B6245" s="6">
        <v>103945.95</v>
      </c>
      <c r="C6245" s="7">
        <f t="shared" si="97"/>
        <v>103.94595</v>
      </c>
    </row>
    <row r="6246" spans="1:3" x14ac:dyDescent="0.25">
      <c r="A6246" s="2" t="s">
        <v>1819</v>
      </c>
      <c r="B6246" s="6">
        <v>103962.59999999999</v>
      </c>
      <c r="C6246" s="7">
        <f t="shared" si="97"/>
        <v>103.96259999999999</v>
      </c>
    </row>
    <row r="6247" spans="1:3" x14ac:dyDescent="0.25">
      <c r="A6247" s="2" t="s">
        <v>1820</v>
      </c>
      <c r="B6247" s="6">
        <v>103979.24999999999</v>
      </c>
      <c r="C6247" s="7">
        <f t="shared" si="97"/>
        <v>103.97924999999998</v>
      </c>
    </row>
    <row r="6248" spans="1:3" x14ac:dyDescent="0.25">
      <c r="A6248" s="2" t="s">
        <v>1821</v>
      </c>
      <c r="B6248" s="6">
        <v>103995.9</v>
      </c>
      <c r="C6248" s="7">
        <f t="shared" si="97"/>
        <v>103.99589999999999</v>
      </c>
    </row>
    <row r="6249" spans="1:3" x14ac:dyDescent="0.25">
      <c r="A6249" s="2" t="s">
        <v>1822</v>
      </c>
      <c r="B6249" s="6">
        <v>104012.54999999999</v>
      </c>
      <c r="C6249" s="7">
        <f t="shared" si="97"/>
        <v>104.01254999999999</v>
      </c>
    </row>
    <row r="6250" spans="1:3" x14ac:dyDescent="0.25">
      <c r="A6250" s="2" t="s">
        <v>1823</v>
      </c>
      <c r="B6250" s="6">
        <v>104029.2</v>
      </c>
      <c r="C6250" s="7">
        <f t="shared" si="97"/>
        <v>104.0292</v>
      </c>
    </row>
    <row r="6251" spans="1:3" x14ac:dyDescent="0.25">
      <c r="A6251" s="2" t="s">
        <v>1824</v>
      </c>
      <c r="B6251" s="6">
        <v>104045.84999999999</v>
      </c>
      <c r="C6251" s="7">
        <f t="shared" si="97"/>
        <v>104.04584999999999</v>
      </c>
    </row>
    <row r="6252" spans="1:3" x14ac:dyDescent="0.25">
      <c r="A6252" s="2" t="s">
        <v>1825</v>
      </c>
      <c r="B6252" s="6">
        <v>104062.49999999999</v>
      </c>
      <c r="C6252" s="7">
        <f t="shared" si="97"/>
        <v>104.06249999999999</v>
      </c>
    </row>
    <row r="6253" spans="1:3" x14ac:dyDescent="0.25">
      <c r="A6253" s="2" t="s">
        <v>1826</v>
      </c>
      <c r="B6253" s="6">
        <v>104079.15</v>
      </c>
      <c r="C6253" s="7">
        <f t="shared" si="97"/>
        <v>104.07915</v>
      </c>
    </row>
    <row r="6254" spans="1:3" x14ac:dyDescent="0.25">
      <c r="A6254" s="2" t="s">
        <v>1827</v>
      </c>
      <c r="B6254" s="6">
        <v>104095.79999999999</v>
      </c>
      <c r="C6254" s="7">
        <f t="shared" si="97"/>
        <v>104.09579999999998</v>
      </c>
    </row>
    <row r="6255" spans="1:3" x14ac:dyDescent="0.25">
      <c r="A6255" s="2" t="s">
        <v>1828</v>
      </c>
      <c r="B6255" s="6">
        <v>104112.45</v>
      </c>
      <c r="C6255" s="7">
        <f t="shared" si="97"/>
        <v>104.11245</v>
      </c>
    </row>
    <row r="6256" spans="1:3" x14ac:dyDescent="0.25">
      <c r="A6256" s="2" t="s">
        <v>1829</v>
      </c>
      <c r="B6256" s="6">
        <v>104129.09999999999</v>
      </c>
      <c r="C6256" s="7">
        <f t="shared" si="97"/>
        <v>104.12909999999999</v>
      </c>
    </row>
    <row r="6257" spans="1:3" x14ac:dyDescent="0.25">
      <c r="A6257" s="2" t="s">
        <v>1830</v>
      </c>
      <c r="B6257" s="6">
        <v>104145.74999999999</v>
      </c>
      <c r="C6257" s="7">
        <f t="shared" si="97"/>
        <v>104.14574999999999</v>
      </c>
    </row>
    <row r="6258" spans="1:3" x14ac:dyDescent="0.25">
      <c r="A6258" s="2" t="s">
        <v>1831</v>
      </c>
      <c r="B6258" s="6">
        <v>104162.4</v>
      </c>
      <c r="C6258" s="7">
        <f t="shared" si="97"/>
        <v>104.16239999999999</v>
      </c>
    </row>
    <row r="6259" spans="1:3" x14ac:dyDescent="0.25">
      <c r="A6259" s="2" t="s">
        <v>1832</v>
      </c>
      <c r="B6259" s="6">
        <v>104179.04999999999</v>
      </c>
      <c r="C6259" s="7">
        <f t="shared" si="97"/>
        <v>104.17904999999999</v>
      </c>
    </row>
    <row r="6260" spans="1:3" x14ac:dyDescent="0.25">
      <c r="A6260" s="2" t="s">
        <v>1833</v>
      </c>
      <c r="B6260" s="6">
        <v>104195.7</v>
      </c>
      <c r="C6260" s="7">
        <f t="shared" si="97"/>
        <v>104.1957</v>
      </c>
    </row>
    <row r="6261" spans="1:3" x14ac:dyDescent="0.25">
      <c r="A6261" s="2" t="s">
        <v>1834</v>
      </c>
      <c r="B6261" s="6">
        <v>104212.34999999999</v>
      </c>
      <c r="C6261" s="7">
        <f t="shared" si="97"/>
        <v>104.21234999999999</v>
      </c>
    </row>
    <row r="6262" spans="1:3" x14ac:dyDescent="0.25">
      <c r="A6262" s="2" t="s">
        <v>1835</v>
      </c>
      <c r="B6262" s="6">
        <v>104228.99999999999</v>
      </c>
      <c r="C6262" s="7">
        <f t="shared" si="97"/>
        <v>104.22899999999998</v>
      </c>
    </row>
    <row r="6263" spans="1:3" x14ac:dyDescent="0.25">
      <c r="A6263" s="2" t="s">
        <v>1836</v>
      </c>
      <c r="B6263" s="6">
        <v>104245.65</v>
      </c>
      <c r="C6263" s="7">
        <f t="shared" si="97"/>
        <v>104.24565</v>
      </c>
    </row>
    <row r="6264" spans="1:3" x14ac:dyDescent="0.25">
      <c r="A6264" s="2" t="s">
        <v>1837</v>
      </c>
      <c r="B6264" s="6">
        <v>104262.29999999999</v>
      </c>
      <c r="C6264" s="7">
        <f t="shared" si="97"/>
        <v>104.26229999999998</v>
      </c>
    </row>
    <row r="6265" spans="1:3" x14ac:dyDescent="0.25">
      <c r="A6265" s="2" t="s">
        <v>1838</v>
      </c>
      <c r="B6265" s="6">
        <v>104278.95</v>
      </c>
      <c r="C6265" s="7">
        <f t="shared" si="97"/>
        <v>104.27894999999999</v>
      </c>
    </row>
    <row r="6266" spans="1:3" x14ac:dyDescent="0.25">
      <c r="A6266" s="2" t="s">
        <v>1839</v>
      </c>
      <c r="B6266" s="6">
        <v>104295.59999999999</v>
      </c>
      <c r="C6266" s="7">
        <f t="shared" si="97"/>
        <v>104.29559999999999</v>
      </c>
    </row>
    <row r="6267" spans="1:3" x14ac:dyDescent="0.25">
      <c r="A6267" s="2" t="s">
        <v>1840</v>
      </c>
      <c r="B6267" s="6">
        <v>104312.24999999999</v>
      </c>
      <c r="C6267" s="7">
        <f t="shared" si="97"/>
        <v>104.31224999999999</v>
      </c>
    </row>
    <row r="6268" spans="1:3" x14ac:dyDescent="0.25">
      <c r="A6268" s="2" t="s">
        <v>1841</v>
      </c>
      <c r="B6268" s="6">
        <v>104328.9</v>
      </c>
      <c r="C6268" s="7">
        <f t="shared" si="97"/>
        <v>104.32889999999999</v>
      </c>
    </row>
    <row r="6269" spans="1:3" x14ac:dyDescent="0.25">
      <c r="A6269" s="2" t="s">
        <v>1842</v>
      </c>
      <c r="B6269" s="6">
        <v>104345.54999999999</v>
      </c>
      <c r="C6269" s="7">
        <f t="shared" si="97"/>
        <v>104.34554999999999</v>
      </c>
    </row>
    <row r="6270" spans="1:3" x14ac:dyDescent="0.25">
      <c r="A6270" s="2" t="s">
        <v>1843</v>
      </c>
      <c r="B6270" s="6">
        <v>104362.2</v>
      </c>
      <c r="C6270" s="7">
        <f t="shared" si="97"/>
        <v>104.3622</v>
      </c>
    </row>
    <row r="6271" spans="1:3" x14ac:dyDescent="0.25">
      <c r="A6271" s="2" t="s">
        <v>1844</v>
      </c>
      <c r="B6271" s="6">
        <v>104378.84999999999</v>
      </c>
      <c r="C6271" s="7">
        <f t="shared" si="97"/>
        <v>104.37884999999999</v>
      </c>
    </row>
    <row r="6272" spans="1:3" x14ac:dyDescent="0.25">
      <c r="A6272" s="2" t="s">
        <v>1845</v>
      </c>
      <c r="B6272" s="6">
        <v>104395.49999999999</v>
      </c>
      <c r="C6272" s="7">
        <f t="shared" si="97"/>
        <v>104.39549999999998</v>
      </c>
    </row>
    <row r="6273" spans="1:3" x14ac:dyDescent="0.25">
      <c r="A6273" s="2" t="s">
        <v>1846</v>
      </c>
      <c r="B6273" s="6">
        <v>104412.15</v>
      </c>
      <c r="C6273" s="7">
        <f t="shared" si="97"/>
        <v>104.41215</v>
      </c>
    </row>
    <row r="6274" spans="1:3" x14ac:dyDescent="0.25">
      <c r="A6274" s="2" t="s">
        <v>1847</v>
      </c>
      <c r="B6274" s="6">
        <v>104428.79999999999</v>
      </c>
      <c r="C6274" s="7">
        <f t="shared" si="97"/>
        <v>104.4288</v>
      </c>
    </row>
    <row r="6275" spans="1:3" x14ac:dyDescent="0.25">
      <c r="A6275" s="2" t="s">
        <v>1848</v>
      </c>
      <c r="B6275" s="6">
        <v>104445.45</v>
      </c>
      <c r="C6275" s="7">
        <f t="shared" ref="C6275:C6338" si="98">B6275/1000</f>
        <v>104.44544999999999</v>
      </c>
    </row>
    <row r="6276" spans="1:3" x14ac:dyDescent="0.25">
      <c r="A6276" s="2" t="s">
        <v>1849</v>
      </c>
      <c r="B6276" s="6">
        <v>104462.09999999999</v>
      </c>
      <c r="C6276" s="7">
        <f t="shared" si="98"/>
        <v>104.46209999999999</v>
      </c>
    </row>
    <row r="6277" spans="1:3" x14ac:dyDescent="0.25">
      <c r="A6277" s="2" t="s">
        <v>1850</v>
      </c>
      <c r="B6277" s="6">
        <v>104478.74999999999</v>
      </c>
      <c r="C6277" s="7">
        <f t="shared" si="98"/>
        <v>104.47874999999999</v>
      </c>
    </row>
    <row r="6278" spans="1:3" x14ac:dyDescent="0.25">
      <c r="A6278" s="2" t="s">
        <v>1851</v>
      </c>
      <c r="B6278" s="6">
        <v>104495.4</v>
      </c>
      <c r="C6278" s="7">
        <f t="shared" si="98"/>
        <v>104.49539999999999</v>
      </c>
    </row>
    <row r="6279" spans="1:3" x14ac:dyDescent="0.25">
      <c r="A6279" s="2" t="s">
        <v>1852</v>
      </c>
      <c r="B6279" s="6">
        <v>104512.04999999999</v>
      </c>
      <c r="C6279" s="7">
        <f t="shared" si="98"/>
        <v>104.51204999999999</v>
      </c>
    </row>
    <row r="6280" spans="1:3" x14ac:dyDescent="0.25">
      <c r="A6280" s="2" t="s">
        <v>1853</v>
      </c>
      <c r="B6280" s="6">
        <v>104528.7</v>
      </c>
      <c r="C6280" s="7">
        <f t="shared" si="98"/>
        <v>104.5287</v>
      </c>
    </row>
    <row r="6281" spans="1:3" x14ac:dyDescent="0.25">
      <c r="A6281" s="2" t="s">
        <v>1854</v>
      </c>
      <c r="B6281" s="6">
        <v>104545.34999999999</v>
      </c>
      <c r="C6281" s="7">
        <f t="shared" si="98"/>
        <v>104.54534999999998</v>
      </c>
    </row>
    <row r="6282" spans="1:3" x14ac:dyDescent="0.25">
      <c r="A6282" s="2" t="s">
        <v>1855</v>
      </c>
      <c r="B6282" s="6">
        <v>104561.99999999999</v>
      </c>
      <c r="C6282" s="7">
        <f t="shared" si="98"/>
        <v>104.56199999999998</v>
      </c>
    </row>
    <row r="6283" spans="1:3" x14ac:dyDescent="0.25">
      <c r="A6283" s="2" t="s">
        <v>1856</v>
      </c>
      <c r="B6283" s="6">
        <v>104578.65</v>
      </c>
      <c r="C6283" s="7">
        <f t="shared" si="98"/>
        <v>104.57865</v>
      </c>
    </row>
    <row r="6284" spans="1:3" x14ac:dyDescent="0.25">
      <c r="A6284" s="2" t="s">
        <v>1857</v>
      </c>
      <c r="B6284" s="6">
        <v>104595.29999999999</v>
      </c>
      <c r="C6284" s="7">
        <f t="shared" si="98"/>
        <v>104.59529999999999</v>
      </c>
    </row>
    <row r="6285" spans="1:3" x14ac:dyDescent="0.25">
      <c r="A6285" s="2" t="s">
        <v>1858</v>
      </c>
      <c r="B6285" s="6">
        <v>104611.95</v>
      </c>
      <c r="C6285" s="7">
        <f t="shared" si="98"/>
        <v>104.61194999999999</v>
      </c>
    </row>
    <row r="6286" spans="1:3" x14ac:dyDescent="0.25">
      <c r="A6286" s="2" t="s">
        <v>1859</v>
      </c>
      <c r="B6286" s="6">
        <v>104628.59999999999</v>
      </c>
      <c r="C6286" s="7">
        <f t="shared" si="98"/>
        <v>104.62859999999999</v>
      </c>
    </row>
    <row r="6287" spans="1:3" x14ac:dyDescent="0.25">
      <c r="A6287" s="2" t="s">
        <v>1860</v>
      </c>
      <c r="B6287" s="6">
        <v>104645.24999999999</v>
      </c>
      <c r="C6287" s="7">
        <f t="shared" si="98"/>
        <v>104.64524999999999</v>
      </c>
    </row>
    <row r="6288" spans="1:3" x14ac:dyDescent="0.25">
      <c r="A6288" s="2" t="s">
        <v>1861</v>
      </c>
      <c r="B6288" s="6">
        <v>104661.9</v>
      </c>
      <c r="C6288" s="7">
        <f t="shared" si="98"/>
        <v>104.66189999999999</v>
      </c>
    </row>
    <row r="6289" spans="1:3" x14ac:dyDescent="0.25">
      <c r="A6289" s="2" t="s">
        <v>1862</v>
      </c>
      <c r="B6289" s="6">
        <v>104678.54999999999</v>
      </c>
      <c r="C6289" s="7">
        <f t="shared" si="98"/>
        <v>104.67854999999999</v>
      </c>
    </row>
    <row r="6290" spans="1:3" x14ac:dyDescent="0.25">
      <c r="A6290" s="2" t="s">
        <v>1863</v>
      </c>
      <c r="B6290" s="6">
        <v>104695.2</v>
      </c>
      <c r="C6290" s="7">
        <f t="shared" si="98"/>
        <v>104.6952</v>
      </c>
    </row>
    <row r="6291" spans="1:3" x14ac:dyDescent="0.25">
      <c r="A6291" s="2" t="s">
        <v>1864</v>
      </c>
      <c r="B6291" s="6">
        <v>104711.84999999999</v>
      </c>
      <c r="C6291" s="7">
        <f t="shared" si="98"/>
        <v>104.71185</v>
      </c>
    </row>
    <row r="6292" spans="1:3" x14ac:dyDescent="0.25">
      <c r="A6292" s="2" t="s">
        <v>1865</v>
      </c>
      <c r="B6292" s="6">
        <v>104728.49999999999</v>
      </c>
      <c r="C6292" s="7">
        <f t="shared" si="98"/>
        <v>104.72849999999998</v>
      </c>
    </row>
    <row r="6293" spans="1:3" x14ac:dyDescent="0.25">
      <c r="A6293" s="2" t="s">
        <v>1866</v>
      </c>
      <c r="B6293" s="6">
        <v>104745.15</v>
      </c>
      <c r="C6293" s="7">
        <f t="shared" si="98"/>
        <v>104.74515</v>
      </c>
    </row>
    <row r="6294" spans="1:3" x14ac:dyDescent="0.25">
      <c r="A6294" s="2" t="s">
        <v>1867</v>
      </c>
      <c r="B6294" s="6">
        <v>104761.79999999999</v>
      </c>
      <c r="C6294" s="7">
        <f t="shared" si="98"/>
        <v>104.76179999999999</v>
      </c>
    </row>
    <row r="6295" spans="1:3" x14ac:dyDescent="0.25">
      <c r="A6295" s="2" t="s">
        <v>1868</v>
      </c>
      <c r="B6295" s="6">
        <v>104778.45</v>
      </c>
      <c r="C6295" s="7">
        <f t="shared" si="98"/>
        <v>104.77844999999999</v>
      </c>
    </row>
    <row r="6296" spans="1:3" x14ac:dyDescent="0.25">
      <c r="A6296" s="2" t="s">
        <v>1869</v>
      </c>
      <c r="B6296" s="6">
        <v>104795.09999999999</v>
      </c>
      <c r="C6296" s="7">
        <f t="shared" si="98"/>
        <v>104.79509999999999</v>
      </c>
    </row>
    <row r="6297" spans="1:3" x14ac:dyDescent="0.25">
      <c r="A6297" s="2" t="s">
        <v>1870</v>
      </c>
      <c r="B6297" s="6">
        <v>104811.74999999999</v>
      </c>
      <c r="C6297" s="7">
        <f t="shared" si="98"/>
        <v>104.81174999999999</v>
      </c>
    </row>
    <row r="6298" spans="1:3" x14ac:dyDescent="0.25">
      <c r="A6298" s="2" t="s">
        <v>1871</v>
      </c>
      <c r="B6298" s="6">
        <v>104828.4</v>
      </c>
      <c r="C6298" s="7">
        <f t="shared" si="98"/>
        <v>104.82839999999999</v>
      </c>
    </row>
    <row r="6299" spans="1:3" x14ac:dyDescent="0.25">
      <c r="A6299" s="2" t="s">
        <v>1872</v>
      </c>
      <c r="B6299" s="6">
        <v>104845.04999999999</v>
      </c>
      <c r="C6299" s="7">
        <f t="shared" si="98"/>
        <v>104.84504999999999</v>
      </c>
    </row>
    <row r="6300" spans="1:3" x14ac:dyDescent="0.25">
      <c r="A6300" s="2" t="s">
        <v>1873</v>
      </c>
      <c r="B6300" s="6">
        <v>104861.7</v>
      </c>
      <c r="C6300" s="7">
        <f t="shared" si="98"/>
        <v>104.8617</v>
      </c>
    </row>
    <row r="6301" spans="1:3" x14ac:dyDescent="0.25">
      <c r="A6301" s="2" t="s">
        <v>1874</v>
      </c>
      <c r="B6301" s="6">
        <v>104878.34999999999</v>
      </c>
      <c r="C6301" s="7">
        <f t="shared" si="98"/>
        <v>104.87835</v>
      </c>
    </row>
    <row r="6302" spans="1:3" x14ac:dyDescent="0.25">
      <c r="A6302" s="2" t="s">
        <v>1875</v>
      </c>
      <c r="B6302" s="6">
        <v>104894.99999999999</v>
      </c>
      <c r="C6302" s="7">
        <f t="shared" si="98"/>
        <v>104.89499999999998</v>
      </c>
    </row>
    <row r="6303" spans="1:3" x14ac:dyDescent="0.25">
      <c r="A6303" s="2" t="s">
        <v>1876</v>
      </c>
      <c r="B6303" s="6">
        <v>104911.65</v>
      </c>
      <c r="C6303" s="7">
        <f t="shared" si="98"/>
        <v>104.91164999999999</v>
      </c>
    </row>
    <row r="6304" spans="1:3" x14ac:dyDescent="0.25">
      <c r="A6304" s="2" t="s">
        <v>1877</v>
      </c>
      <c r="B6304" s="6">
        <v>104928.29999999999</v>
      </c>
      <c r="C6304" s="7">
        <f t="shared" si="98"/>
        <v>104.92829999999999</v>
      </c>
    </row>
    <row r="6305" spans="1:3" x14ac:dyDescent="0.25">
      <c r="A6305" s="2" t="s">
        <v>1878</v>
      </c>
      <c r="B6305" s="6">
        <v>104944.95</v>
      </c>
      <c r="C6305" s="7">
        <f t="shared" si="98"/>
        <v>104.94494999999999</v>
      </c>
    </row>
    <row r="6306" spans="1:3" x14ac:dyDescent="0.25">
      <c r="A6306" s="2" t="s">
        <v>1879</v>
      </c>
      <c r="B6306" s="6">
        <v>104961.59999999999</v>
      </c>
      <c r="C6306" s="7">
        <f t="shared" si="98"/>
        <v>104.96159999999999</v>
      </c>
    </row>
    <row r="6307" spans="1:3" x14ac:dyDescent="0.25">
      <c r="A6307" s="2" t="s">
        <v>1880</v>
      </c>
      <c r="B6307" s="6">
        <v>104978.24999999999</v>
      </c>
      <c r="C6307" s="7">
        <f t="shared" si="98"/>
        <v>104.97824999999999</v>
      </c>
    </row>
    <row r="6308" spans="1:3" x14ac:dyDescent="0.25">
      <c r="A6308" s="2" t="s">
        <v>1881</v>
      </c>
      <c r="B6308" s="6">
        <v>104994.9</v>
      </c>
      <c r="C6308" s="7">
        <f t="shared" si="98"/>
        <v>104.9949</v>
      </c>
    </row>
    <row r="6309" spans="1:3" x14ac:dyDescent="0.25">
      <c r="A6309" s="2" t="s">
        <v>1882</v>
      </c>
      <c r="B6309" s="6">
        <v>105011.54999999999</v>
      </c>
      <c r="C6309" s="7">
        <f t="shared" si="98"/>
        <v>105.01154999999999</v>
      </c>
    </row>
    <row r="6310" spans="1:3" x14ac:dyDescent="0.25">
      <c r="A6310" s="2" t="s">
        <v>1883</v>
      </c>
      <c r="B6310" s="6">
        <v>105028.2</v>
      </c>
      <c r="C6310" s="7">
        <f t="shared" si="98"/>
        <v>105.0282</v>
      </c>
    </row>
    <row r="6311" spans="1:3" x14ac:dyDescent="0.25">
      <c r="A6311" s="2" t="s">
        <v>1884</v>
      </c>
      <c r="B6311" s="6">
        <v>105044.84999999999</v>
      </c>
      <c r="C6311" s="7">
        <f t="shared" si="98"/>
        <v>105.04485</v>
      </c>
    </row>
    <row r="6312" spans="1:3" x14ac:dyDescent="0.25">
      <c r="A6312" s="2" t="s">
        <v>1885</v>
      </c>
      <c r="B6312" s="6">
        <v>105061.49999999999</v>
      </c>
      <c r="C6312" s="7">
        <f t="shared" si="98"/>
        <v>105.06149999999998</v>
      </c>
    </row>
    <row r="6313" spans="1:3" x14ac:dyDescent="0.25">
      <c r="A6313" s="2" t="s">
        <v>1886</v>
      </c>
      <c r="B6313" s="6">
        <v>105078.15</v>
      </c>
      <c r="C6313" s="7">
        <f t="shared" si="98"/>
        <v>105.07814999999999</v>
      </c>
    </row>
    <row r="6314" spans="1:3" x14ac:dyDescent="0.25">
      <c r="A6314" s="2" t="s">
        <v>1887</v>
      </c>
      <c r="B6314" s="6">
        <v>105094.79999999999</v>
      </c>
      <c r="C6314" s="7">
        <f t="shared" si="98"/>
        <v>105.09479999999999</v>
      </c>
    </row>
    <row r="6315" spans="1:3" x14ac:dyDescent="0.25">
      <c r="A6315" s="2" t="s">
        <v>1888</v>
      </c>
      <c r="B6315" s="6">
        <v>105111.45</v>
      </c>
      <c r="C6315" s="7">
        <f t="shared" si="98"/>
        <v>105.11144999999999</v>
      </c>
    </row>
    <row r="6316" spans="1:3" x14ac:dyDescent="0.25">
      <c r="A6316" s="2" t="s">
        <v>1889</v>
      </c>
      <c r="B6316" s="6">
        <v>105128.09999999999</v>
      </c>
      <c r="C6316" s="7">
        <f t="shared" si="98"/>
        <v>105.12809999999999</v>
      </c>
    </row>
    <row r="6317" spans="1:3" x14ac:dyDescent="0.25">
      <c r="A6317" s="2" t="s">
        <v>1890</v>
      </c>
      <c r="B6317" s="6">
        <v>105144.74999999999</v>
      </c>
      <c r="C6317" s="7">
        <f t="shared" si="98"/>
        <v>105.14474999999999</v>
      </c>
    </row>
    <row r="6318" spans="1:3" x14ac:dyDescent="0.25">
      <c r="A6318" s="2" t="s">
        <v>1891</v>
      </c>
      <c r="B6318" s="6">
        <v>105161.4</v>
      </c>
      <c r="C6318" s="7">
        <f t="shared" si="98"/>
        <v>105.1614</v>
      </c>
    </row>
    <row r="6319" spans="1:3" x14ac:dyDescent="0.25">
      <c r="A6319" s="2" t="s">
        <v>1892</v>
      </c>
      <c r="B6319" s="6">
        <v>105178.04999999999</v>
      </c>
      <c r="C6319" s="7">
        <f t="shared" si="98"/>
        <v>105.17804999999998</v>
      </c>
    </row>
    <row r="6320" spans="1:3" x14ac:dyDescent="0.25">
      <c r="A6320" s="2" t="s">
        <v>1893</v>
      </c>
      <c r="B6320" s="6">
        <v>105194.7</v>
      </c>
      <c r="C6320" s="7">
        <f t="shared" si="98"/>
        <v>105.1947</v>
      </c>
    </row>
    <row r="6321" spans="1:3" x14ac:dyDescent="0.25">
      <c r="A6321" s="2" t="s">
        <v>1894</v>
      </c>
      <c r="B6321" s="6">
        <v>105211.34999999999</v>
      </c>
      <c r="C6321" s="7">
        <f t="shared" si="98"/>
        <v>105.21135</v>
      </c>
    </row>
    <row r="6322" spans="1:3" x14ac:dyDescent="0.25">
      <c r="A6322" s="2" t="s">
        <v>1895</v>
      </c>
      <c r="B6322" s="6">
        <v>105227.99999999999</v>
      </c>
      <c r="C6322" s="7">
        <f t="shared" si="98"/>
        <v>105.22799999999998</v>
      </c>
    </row>
    <row r="6323" spans="1:3" x14ac:dyDescent="0.25">
      <c r="A6323" s="2" t="s">
        <v>1896</v>
      </c>
      <c r="B6323" s="6">
        <v>105244.65</v>
      </c>
      <c r="C6323" s="7">
        <f t="shared" si="98"/>
        <v>105.24464999999999</v>
      </c>
    </row>
    <row r="6324" spans="1:3" x14ac:dyDescent="0.25">
      <c r="A6324" s="2" t="s">
        <v>1897</v>
      </c>
      <c r="B6324" s="6">
        <v>105261.29999999999</v>
      </c>
      <c r="C6324" s="7">
        <f t="shared" si="98"/>
        <v>105.26129999999999</v>
      </c>
    </row>
    <row r="6325" spans="1:3" x14ac:dyDescent="0.25">
      <c r="A6325" s="2" t="s">
        <v>1898</v>
      </c>
      <c r="B6325" s="6">
        <v>105277.95</v>
      </c>
      <c r="C6325" s="7">
        <f t="shared" si="98"/>
        <v>105.27795</v>
      </c>
    </row>
    <row r="6326" spans="1:3" x14ac:dyDescent="0.25">
      <c r="A6326" s="2" t="s">
        <v>1899</v>
      </c>
      <c r="B6326" s="6">
        <v>105294.59999999999</v>
      </c>
      <c r="C6326" s="7">
        <f t="shared" si="98"/>
        <v>105.29459999999999</v>
      </c>
    </row>
    <row r="6327" spans="1:3" x14ac:dyDescent="0.25">
      <c r="A6327" s="2" t="s">
        <v>1900</v>
      </c>
      <c r="B6327" s="6">
        <v>105311.24999999999</v>
      </c>
      <c r="C6327" s="7">
        <f t="shared" si="98"/>
        <v>105.31124999999999</v>
      </c>
    </row>
    <row r="6328" spans="1:3" x14ac:dyDescent="0.25">
      <c r="A6328" s="2" t="s">
        <v>1901</v>
      </c>
      <c r="B6328" s="6">
        <v>105327.9</v>
      </c>
      <c r="C6328" s="7">
        <f t="shared" si="98"/>
        <v>105.3279</v>
      </c>
    </row>
    <row r="6329" spans="1:3" x14ac:dyDescent="0.25">
      <c r="A6329" s="2" t="s">
        <v>1902</v>
      </c>
      <c r="B6329" s="6">
        <v>105344.54999999999</v>
      </c>
      <c r="C6329" s="7">
        <f t="shared" si="98"/>
        <v>105.34454999999998</v>
      </c>
    </row>
    <row r="6330" spans="1:3" x14ac:dyDescent="0.25">
      <c r="A6330" s="2" t="s">
        <v>1903</v>
      </c>
      <c r="B6330" s="6">
        <v>105361.2</v>
      </c>
      <c r="C6330" s="7">
        <f t="shared" si="98"/>
        <v>105.3612</v>
      </c>
    </row>
    <row r="6331" spans="1:3" x14ac:dyDescent="0.25">
      <c r="A6331" s="2" t="s">
        <v>1904</v>
      </c>
      <c r="B6331" s="6">
        <v>105377.84999999999</v>
      </c>
      <c r="C6331" s="7">
        <f t="shared" si="98"/>
        <v>105.37785</v>
      </c>
    </row>
    <row r="6332" spans="1:3" x14ac:dyDescent="0.25">
      <c r="A6332" s="2" t="s">
        <v>1905</v>
      </c>
      <c r="B6332" s="6">
        <v>105394.49999999999</v>
      </c>
      <c r="C6332" s="7">
        <f t="shared" si="98"/>
        <v>105.39449999999998</v>
      </c>
    </row>
    <row r="6333" spans="1:3" x14ac:dyDescent="0.25">
      <c r="A6333" s="2" t="s">
        <v>1906</v>
      </c>
      <c r="B6333" s="6">
        <v>105411.15</v>
      </c>
      <c r="C6333" s="7">
        <f t="shared" si="98"/>
        <v>105.41114999999999</v>
      </c>
    </row>
    <row r="6334" spans="1:3" x14ac:dyDescent="0.25">
      <c r="A6334" s="2" t="s">
        <v>1907</v>
      </c>
      <c r="B6334" s="6">
        <v>105427.79999999999</v>
      </c>
      <c r="C6334" s="7">
        <f t="shared" si="98"/>
        <v>105.42779999999999</v>
      </c>
    </row>
    <row r="6335" spans="1:3" x14ac:dyDescent="0.25">
      <c r="A6335" s="2" t="s">
        <v>1908</v>
      </c>
      <c r="B6335" s="6">
        <v>105444.45</v>
      </c>
      <c r="C6335" s="7">
        <f t="shared" si="98"/>
        <v>105.44445</v>
      </c>
    </row>
    <row r="6336" spans="1:3" x14ac:dyDescent="0.25">
      <c r="A6336" s="2" t="s">
        <v>1909</v>
      </c>
      <c r="B6336" s="6">
        <v>105461.09999999999</v>
      </c>
      <c r="C6336" s="7">
        <f t="shared" si="98"/>
        <v>105.46109999999999</v>
      </c>
    </row>
    <row r="6337" spans="1:3" x14ac:dyDescent="0.25">
      <c r="A6337" s="2" t="s">
        <v>1910</v>
      </c>
      <c r="B6337" s="6">
        <v>105477.74999999999</v>
      </c>
      <c r="C6337" s="7">
        <f t="shared" si="98"/>
        <v>105.47774999999999</v>
      </c>
    </row>
    <row r="6338" spans="1:3" x14ac:dyDescent="0.25">
      <c r="A6338" s="2" t="s">
        <v>1911</v>
      </c>
      <c r="B6338" s="6">
        <v>105494.39999999999</v>
      </c>
      <c r="C6338" s="7">
        <f t="shared" si="98"/>
        <v>105.4944</v>
      </c>
    </row>
    <row r="6339" spans="1:3" x14ac:dyDescent="0.25">
      <c r="A6339" s="2" t="s">
        <v>1912</v>
      </c>
      <c r="B6339" s="6">
        <v>105511.04999999999</v>
      </c>
      <c r="C6339" s="7">
        <f t="shared" ref="C6339:C6402" si="99">B6339/1000</f>
        <v>105.51104999999998</v>
      </c>
    </row>
    <row r="6340" spans="1:3" x14ac:dyDescent="0.25">
      <c r="A6340" s="2" t="s">
        <v>1913</v>
      </c>
      <c r="B6340" s="6">
        <v>105527.7</v>
      </c>
      <c r="C6340" s="7">
        <f t="shared" si="99"/>
        <v>105.5277</v>
      </c>
    </row>
    <row r="6341" spans="1:3" x14ac:dyDescent="0.25">
      <c r="A6341" s="2" t="s">
        <v>1914</v>
      </c>
      <c r="B6341" s="6">
        <v>105544.34999999999</v>
      </c>
      <c r="C6341" s="7">
        <f t="shared" si="99"/>
        <v>105.54434999999999</v>
      </c>
    </row>
    <row r="6342" spans="1:3" x14ac:dyDescent="0.25">
      <c r="A6342" s="2" t="s">
        <v>1915</v>
      </c>
      <c r="B6342" s="6">
        <v>105560.99999999999</v>
      </c>
      <c r="C6342" s="7">
        <f t="shared" si="99"/>
        <v>105.56099999999998</v>
      </c>
    </row>
    <row r="6343" spans="1:3" x14ac:dyDescent="0.25">
      <c r="A6343" s="2" t="s">
        <v>1916</v>
      </c>
      <c r="B6343" s="6">
        <v>105577.65</v>
      </c>
      <c r="C6343" s="7">
        <f t="shared" si="99"/>
        <v>105.57764999999999</v>
      </c>
    </row>
    <row r="6344" spans="1:3" x14ac:dyDescent="0.25">
      <c r="A6344" s="2" t="s">
        <v>1917</v>
      </c>
      <c r="B6344" s="6">
        <v>105594.29999999999</v>
      </c>
      <c r="C6344" s="7">
        <f t="shared" si="99"/>
        <v>105.59429999999999</v>
      </c>
    </row>
    <row r="6345" spans="1:3" x14ac:dyDescent="0.25">
      <c r="A6345" s="2" t="s">
        <v>1918</v>
      </c>
      <c r="B6345" s="6">
        <v>105610.95</v>
      </c>
      <c r="C6345" s="7">
        <f t="shared" si="99"/>
        <v>105.61095</v>
      </c>
    </row>
    <row r="6346" spans="1:3" x14ac:dyDescent="0.25">
      <c r="A6346" s="2" t="s">
        <v>1919</v>
      </c>
      <c r="B6346" s="6">
        <v>105627.59999999999</v>
      </c>
      <c r="C6346" s="7">
        <f t="shared" si="99"/>
        <v>105.62759999999999</v>
      </c>
    </row>
    <row r="6347" spans="1:3" x14ac:dyDescent="0.25">
      <c r="A6347" s="2" t="s">
        <v>1920</v>
      </c>
      <c r="B6347" s="6">
        <v>105644.24999999999</v>
      </c>
      <c r="C6347" s="7">
        <f t="shared" si="99"/>
        <v>105.64424999999999</v>
      </c>
    </row>
    <row r="6348" spans="1:3" x14ac:dyDescent="0.25">
      <c r="A6348" s="2" t="s">
        <v>1921</v>
      </c>
      <c r="B6348" s="6">
        <v>105660.9</v>
      </c>
      <c r="C6348" s="7">
        <f t="shared" si="99"/>
        <v>105.6609</v>
      </c>
    </row>
    <row r="6349" spans="1:3" x14ac:dyDescent="0.25">
      <c r="A6349" s="2" t="s">
        <v>1922</v>
      </c>
      <c r="B6349" s="6">
        <v>105677.54999999999</v>
      </c>
      <c r="C6349" s="7">
        <f t="shared" si="99"/>
        <v>105.67754999999998</v>
      </c>
    </row>
    <row r="6350" spans="1:3" x14ac:dyDescent="0.25">
      <c r="A6350" s="2" t="s">
        <v>1923</v>
      </c>
      <c r="B6350" s="6">
        <v>105694.2</v>
      </c>
      <c r="C6350" s="7">
        <f t="shared" si="99"/>
        <v>105.6942</v>
      </c>
    </row>
    <row r="6351" spans="1:3" x14ac:dyDescent="0.25">
      <c r="A6351" s="2" t="s">
        <v>1924</v>
      </c>
      <c r="B6351" s="6">
        <v>105710.84999999999</v>
      </c>
      <c r="C6351" s="7">
        <f t="shared" si="99"/>
        <v>105.71084999999999</v>
      </c>
    </row>
    <row r="6352" spans="1:3" x14ac:dyDescent="0.25">
      <c r="A6352" s="2" t="s">
        <v>1925</v>
      </c>
      <c r="B6352" s="6">
        <v>105727.49999999999</v>
      </c>
      <c r="C6352" s="7">
        <f t="shared" si="99"/>
        <v>105.72749999999999</v>
      </c>
    </row>
    <row r="6353" spans="1:3" x14ac:dyDescent="0.25">
      <c r="A6353" s="2" t="s">
        <v>1926</v>
      </c>
      <c r="B6353" s="6">
        <v>105744.15</v>
      </c>
      <c r="C6353" s="7">
        <f t="shared" si="99"/>
        <v>105.74414999999999</v>
      </c>
    </row>
    <row r="6354" spans="1:3" x14ac:dyDescent="0.25">
      <c r="A6354" s="2" t="s">
        <v>1927</v>
      </c>
      <c r="B6354" s="6">
        <v>105760.79999999999</v>
      </c>
      <c r="C6354" s="7">
        <f t="shared" si="99"/>
        <v>105.76079999999999</v>
      </c>
    </row>
    <row r="6355" spans="1:3" x14ac:dyDescent="0.25">
      <c r="A6355" s="2" t="s">
        <v>1928</v>
      </c>
      <c r="B6355" s="6">
        <v>105777.45</v>
      </c>
      <c r="C6355" s="7">
        <f t="shared" si="99"/>
        <v>105.77745</v>
      </c>
    </row>
    <row r="6356" spans="1:3" x14ac:dyDescent="0.25">
      <c r="A6356" s="2" t="s">
        <v>1929</v>
      </c>
      <c r="B6356" s="6">
        <v>105794.09999999999</v>
      </c>
      <c r="C6356" s="7">
        <f t="shared" si="99"/>
        <v>105.79409999999999</v>
      </c>
    </row>
    <row r="6357" spans="1:3" x14ac:dyDescent="0.25">
      <c r="A6357" s="2" t="s">
        <v>1930</v>
      </c>
      <c r="B6357" s="6">
        <v>105810.74999999999</v>
      </c>
      <c r="C6357" s="7">
        <f t="shared" si="99"/>
        <v>105.81074999999998</v>
      </c>
    </row>
    <row r="6358" spans="1:3" x14ac:dyDescent="0.25">
      <c r="A6358" s="2" t="s">
        <v>1931</v>
      </c>
      <c r="B6358" s="6">
        <v>105827.4</v>
      </c>
      <c r="C6358" s="7">
        <f t="shared" si="99"/>
        <v>105.8274</v>
      </c>
    </row>
    <row r="6359" spans="1:3" x14ac:dyDescent="0.25">
      <c r="A6359" s="2" t="s">
        <v>1932</v>
      </c>
      <c r="B6359" s="6">
        <v>105844.04999999999</v>
      </c>
      <c r="C6359" s="7">
        <f t="shared" si="99"/>
        <v>105.84404999999998</v>
      </c>
    </row>
    <row r="6360" spans="1:3" x14ac:dyDescent="0.25">
      <c r="A6360" s="2" t="s">
        <v>1933</v>
      </c>
      <c r="B6360" s="6">
        <v>105860.7</v>
      </c>
      <c r="C6360" s="7">
        <f t="shared" si="99"/>
        <v>105.86069999999999</v>
      </c>
    </row>
    <row r="6361" spans="1:3" x14ac:dyDescent="0.25">
      <c r="A6361" s="2" t="s">
        <v>1934</v>
      </c>
      <c r="B6361" s="6">
        <v>105877.34999999999</v>
      </c>
      <c r="C6361" s="7">
        <f t="shared" si="99"/>
        <v>105.87734999999999</v>
      </c>
    </row>
    <row r="6362" spans="1:3" x14ac:dyDescent="0.25">
      <c r="A6362" s="2" t="s">
        <v>1935</v>
      </c>
      <c r="B6362" s="6">
        <v>105893.99999999999</v>
      </c>
      <c r="C6362" s="7">
        <f t="shared" si="99"/>
        <v>105.89399999999999</v>
      </c>
    </row>
    <row r="6363" spans="1:3" x14ac:dyDescent="0.25">
      <c r="A6363" s="2" t="s">
        <v>1936</v>
      </c>
      <c r="B6363" s="6">
        <v>105910.65</v>
      </c>
      <c r="C6363" s="7">
        <f t="shared" si="99"/>
        <v>105.91064999999999</v>
      </c>
    </row>
    <row r="6364" spans="1:3" x14ac:dyDescent="0.25">
      <c r="A6364" s="2" t="s">
        <v>1937</v>
      </c>
      <c r="B6364" s="6">
        <v>105927.29999999999</v>
      </c>
      <c r="C6364" s="7">
        <f t="shared" si="99"/>
        <v>105.92729999999999</v>
      </c>
    </row>
    <row r="6365" spans="1:3" x14ac:dyDescent="0.25">
      <c r="A6365" s="2" t="s">
        <v>1938</v>
      </c>
      <c r="B6365" s="6">
        <v>105943.95</v>
      </c>
      <c r="C6365" s="7">
        <f t="shared" si="99"/>
        <v>105.94395</v>
      </c>
    </row>
    <row r="6366" spans="1:3" x14ac:dyDescent="0.25">
      <c r="A6366" s="2" t="s">
        <v>1939</v>
      </c>
      <c r="B6366" s="6">
        <v>105960.59999999999</v>
      </c>
      <c r="C6366" s="7">
        <f t="shared" si="99"/>
        <v>105.96059999999999</v>
      </c>
    </row>
    <row r="6367" spans="1:3" x14ac:dyDescent="0.25">
      <c r="A6367" s="2" t="s">
        <v>1940</v>
      </c>
      <c r="B6367" s="6">
        <v>105977.24999999999</v>
      </c>
      <c r="C6367" s="7">
        <f t="shared" si="99"/>
        <v>105.97724999999998</v>
      </c>
    </row>
    <row r="6368" spans="1:3" x14ac:dyDescent="0.25">
      <c r="A6368" s="2" t="s">
        <v>1941</v>
      </c>
      <c r="B6368" s="6">
        <v>105993.9</v>
      </c>
      <c r="C6368" s="7">
        <f t="shared" si="99"/>
        <v>105.9939</v>
      </c>
    </row>
    <row r="6369" spans="1:3" x14ac:dyDescent="0.25">
      <c r="A6369" s="2" t="s">
        <v>1942</v>
      </c>
      <c r="B6369" s="6">
        <v>106010.54999999999</v>
      </c>
      <c r="C6369" s="7">
        <f t="shared" si="99"/>
        <v>106.01054999999999</v>
      </c>
    </row>
    <row r="6370" spans="1:3" x14ac:dyDescent="0.25">
      <c r="A6370" s="2" t="s">
        <v>1943</v>
      </c>
      <c r="B6370" s="6">
        <v>106027.2</v>
      </c>
      <c r="C6370" s="7">
        <f t="shared" si="99"/>
        <v>106.02719999999999</v>
      </c>
    </row>
    <row r="6371" spans="1:3" x14ac:dyDescent="0.25">
      <c r="A6371" s="2" t="s">
        <v>1944</v>
      </c>
      <c r="B6371" s="6">
        <v>106043.84999999999</v>
      </c>
      <c r="C6371" s="7">
        <f t="shared" si="99"/>
        <v>106.04384999999999</v>
      </c>
    </row>
    <row r="6372" spans="1:3" x14ac:dyDescent="0.25">
      <c r="A6372" s="2" t="s">
        <v>1945</v>
      </c>
      <c r="B6372" s="6">
        <v>106060.49999999999</v>
      </c>
      <c r="C6372" s="7">
        <f t="shared" si="99"/>
        <v>106.06049999999999</v>
      </c>
    </row>
    <row r="6373" spans="1:3" x14ac:dyDescent="0.25">
      <c r="A6373" s="2" t="s">
        <v>1946</v>
      </c>
      <c r="B6373" s="6">
        <v>106077.15</v>
      </c>
      <c r="C6373" s="7">
        <f t="shared" si="99"/>
        <v>106.07714999999999</v>
      </c>
    </row>
    <row r="6374" spans="1:3" x14ac:dyDescent="0.25">
      <c r="A6374" s="2" t="s">
        <v>1947</v>
      </c>
      <c r="B6374" s="6">
        <v>106093.79999999999</v>
      </c>
      <c r="C6374" s="7">
        <f t="shared" si="99"/>
        <v>106.09379999999999</v>
      </c>
    </row>
    <row r="6375" spans="1:3" x14ac:dyDescent="0.25">
      <c r="A6375" s="2" t="s">
        <v>1948</v>
      </c>
      <c r="B6375" s="6">
        <v>106110.45</v>
      </c>
      <c r="C6375" s="7">
        <f t="shared" si="99"/>
        <v>106.11045</v>
      </c>
    </row>
    <row r="6376" spans="1:3" x14ac:dyDescent="0.25">
      <c r="A6376" s="2" t="s">
        <v>1949</v>
      </c>
      <c r="B6376" s="6">
        <v>106127.09999999999</v>
      </c>
      <c r="C6376" s="7">
        <f t="shared" si="99"/>
        <v>106.12709999999998</v>
      </c>
    </row>
    <row r="6377" spans="1:3" x14ac:dyDescent="0.25">
      <c r="A6377" s="2" t="s">
        <v>1950</v>
      </c>
      <c r="B6377" s="6">
        <v>106143.74999999999</v>
      </c>
      <c r="C6377" s="7">
        <f t="shared" si="99"/>
        <v>106.14374999999998</v>
      </c>
    </row>
    <row r="6378" spans="1:3" x14ac:dyDescent="0.25">
      <c r="A6378" s="2" t="s">
        <v>1951</v>
      </c>
      <c r="B6378" s="6">
        <v>106160.4</v>
      </c>
      <c r="C6378" s="7">
        <f t="shared" si="99"/>
        <v>106.1604</v>
      </c>
    </row>
    <row r="6379" spans="1:3" x14ac:dyDescent="0.25">
      <c r="A6379" s="2" t="s">
        <v>1952</v>
      </c>
      <c r="B6379" s="6">
        <v>106177.04999999999</v>
      </c>
      <c r="C6379" s="7">
        <f t="shared" si="99"/>
        <v>106.17704999999999</v>
      </c>
    </row>
    <row r="6380" spans="1:3" x14ac:dyDescent="0.25">
      <c r="A6380" s="2" t="s">
        <v>1953</v>
      </c>
      <c r="B6380" s="6">
        <v>106193.7</v>
      </c>
      <c r="C6380" s="7">
        <f t="shared" si="99"/>
        <v>106.19369999999999</v>
      </c>
    </row>
    <row r="6381" spans="1:3" x14ac:dyDescent="0.25">
      <c r="A6381" s="2" t="s">
        <v>1954</v>
      </c>
      <c r="B6381" s="6">
        <v>106210.34999999999</v>
      </c>
      <c r="C6381" s="7">
        <f t="shared" si="99"/>
        <v>106.21034999999999</v>
      </c>
    </row>
    <row r="6382" spans="1:3" x14ac:dyDescent="0.25">
      <c r="A6382" s="2" t="s">
        <v>1955</v>
      </c>
      <c r="B6382" s="6">
        <v>106226.99999999999</v>
      </c>
      <c r="C6382" s="7">
        <f t="shared" si="99"/>
        <v>106.22699999999999</v>
      </c>
    </row>
    <row r="6383" spans="1:3" x14ac:dyDescent="0.25">
      <c r="A6383" s="2" t="s">
        <v>1956</v>
      </c>
      <c r="B6383" s="6">
        <v>106243.65</v>
      </c>
      <c r="C6383" s="7">
        <f t="shared" si="99"/>
        <v>106.24364999999999</v>
      </c>
    </row>
    <row r="6384" spans="1:3" x14ac:dyDescent="0.25">
      <c r="A6384" s="2" t="s">
        <v>1957</v>
      </c>
      <c r="B6384" s="6">
        <v>106260.29999999999</v>
      </c>
      <c r="C6384" s="7">
        <f t="shared" si="99"/>
        <v>106.26029999999999</v>
      </c>
    </row>
    <row r="6385" spans="1:3" x14ac:dyDescent="0.25">
      <c r="A6385" s="2" t="s">
        <v>1958</v>
      </c>
      <c r="B6385" s="6">
        <v>106276.95</v>
      </c>
      <c r="C6385" s="7">
        <f t="shared" si="99"/>
        <v>106.27695</v>
      </c>
    </row>
    <row r="6386" spans="1:3" x14ac:dyDescent="0.25">
      <c r="A6386" s="2" t="s">
        <v>1959</v>
      </c>
      <c r="B6386" s="6">
        <v>106293.59999999999</v>
      </c>
      <c r="C6386" s="7">
        <f t="shared" si="99"/>
        <v>106.2936</v>
      </c>
    </row>
    <row r="6387" spans="1:3" x14ac:dyDescent="0.25">
      <c r="A6387" s="2" t="s">
        <v>1960</v>
      </c>
      <c r="B6387" s="6">
        <v>106310.24999999999</v>
      </c>
      <c r="C6387" s="7">
        <f t="shared" si="99"/>
        <v>106.31024999999998</v>
      </c>
    </row>
    <row r="6388" spans="1:3" x14ac:dyDescent="0.25">
      <c r="A6388" s="2" t="s">
        <v>1961</v>
      </c>
      <c r="B6388" s="6">
        <v>106326.9</v>
      </c>
      <c r="C6388" s="7">
        <f t="shared" si="99"/>
        <v>106.32689999999999</v>
      </c>
    </row>
    <row r="6389" spans="1:3" x14ac:dyDescent="0.25">
      <c r="A6389" s="2" t="s">
        <v>1962</v>
      </c>
      <c r="B6389" s="6">
        <v>106343.54999999999</v>
      </c>
      <c r="C6389" s="7">
        <f t="shared" si="99"/>
        <v>106.34354999999999</v>
      </c>
    </row>
    <row r="6390" spans="1:3" x14ac:dyDescent="0.25">
      <c r="A6390" s="2" t="s">
        <v>1963</v>
      </c>
      <c r="B6390" s="6">
        <v>106360.2</v>
      </c>
      <c r="C6390" s="7">
        <f t="shared" si="99"/>
        <v>106.36019999999999</v>
      </c>
    </row>
    <row r="6391" spans="1:3" x14ac:dyDescent="0.25">
      <c r="A6391" s="2" t="s">
        <v>1964</v>
      </c>
      <c r="B6391" s="6">
        <v>106376.84999999999</v>
      </c>
      <c r="C6391" s="7">
        <f t="shared" si="99"/>
        <v>106.37684999999999</v>
      </c>
    </row>
    <row r="6392" spans="1:3" x14ac:dyDescent="0.25">
      <c r="A6392" s="2" t="s">
        <v>1965</v>
      </c>
      <c r="B6392" s="6">
        <v>106393.49999999999</v>
      </c>
      <c r="C6392" s="7">
        <f t="shared" si="99"/>
        <v>106.39349999999999</v>
      </c>
    </row>
    <row r="6393" spans="1:3" x14ac:dyDescent="0.25">
      <c r="A6393" s="2" t="s">
        <v>1966</v>
      </c>
      <c r="B6393" s="6">
        <v>106410.15</v>
      </c>
      <c r="C6393" s="7">
        <f t="shared" si="99"/>
        <v>106.41014999999999</v>
      </c>
    </row>
    <row r="6394" spans="1:3" x14ac:dyDescent="0.25">
      <c r="A6394" s="2" t="s">
        <v>1967</v>
      </c>
      <c r="B6394" s="6">
        <v>106426.79999999999</v>
      </c>
      <c r="C6394" s="7">
        <f t="shared" si="99"/>
        <v>106.42679999999999</v>
      </c>
    </row>
    <row r="6395" spans="1:3" x14ac:dyDescent="0.25">
      <c r="A6395" s="2" t="s">
        <v>1968</v>
      </c>
      <c r="B6395" s="6">
        <v>106443.45</v>
      </c>
      <c r="C6395" s="7">
        <f t="shared" si="99"/>
        <v>106.44345</v>
      </c>
    </row>
    <row r="6396" spans="1:3" x14ac:dyDescent="0.25">
      <c r="A6396" s="2" t="s">
        <v>1969</v>
      </c>
      <c r="B6396" s="6">
        <v>106460.09999999999</v>
      </c>
      <c r="C6396" s="7">
        <f t="shared" si="99"/>
        <v>106.4601</v>
      </c>
    </row>
    <row r="6397" spans="1:3" x14ac:dyDescent="0.25">
      <c r="A6397" s="2" t="s">
        <v>1970</v>
      </c>
      <c r="B6397" s="6">
        <v>106476.74999999999</v>
      </c>
      <c r="C6397" s="7">
        <f t="shared" si="99"/>
        <v>106.47674999999998</v>
      </c>
    </row>
    <row r="6398" spans="1:3" x14ac:dyDescent="0.25">
      <c r="A6398" s="2" t="s">
        <v>1971</v>
      </c>
      <c r="B6398" s="6">
        <v>106493.4</v>
      </c>
      <c r="C6398" s="7">
        <f t="shared" si="99"/>
        <v>106.49339999999999</v>
      </c>
    </row>
    <row r="6399" spans="1:3" x14ac:dyDescent="0.25">
      <c r="A6399" s="2" t="s">
        <v>1972</v>
      </c>
      <c r="B6399" s="6">
        <v>106510.04999999999</v>
      </c>
      <c r="C6399" s="7">
        <f t="shared" si="99"/>
        <v>106.51004999999999</v>
      </c>
    </row>
    <row r="6400" spans="1:3" x14ac:dyDescent="0.25">
      <c r="A6400" s="2" t="s">
        <v>1973</v>
      </c>
      <c r="B6400" s="6">
        <v>106526.7</v>
      </c>
      <c r="C6400" s="7">
        <f t="shared" si="99"/>
        <v>106.52669999999999</v>
      </c>
    </row>
    <row r="6401" spans="1:3" x14ac:dyDescent="0.25">
      <c r="A6401" s="2" t="s">
        <v>1974</v>
      </c>
      <c r="B6401" s="6">
        <v>106543.34999999999</v>
      </c>
      <c r="C6401" s="7">
        <f t="shared" si="99"/>
        <v>106.54334999999999</v>
      </c>
    </row>
    <row r="6402" spans="1:3" x14ac:dyDescent="0.25">
      <c r="A6402" s="2" t="s">
        <v>1975</v>
      </c>
      <c r="B6402" s="6">
        <v>106559.99999999999</v>
      </c>
      <c r="C6402" s="7">
        <f t="shared" si="99"/>
        <v>106.55999999999999</v>
      </c>
    </row>
    <row r="6403" spans="1:3" x14ac:dyDescent="0.25">
      <c r="A6403" s="2" t="s">
        <v>1976</v>
      </c>
      <c r="B6403" s="6">
        <v>106576.65</v>
      </c>
      <c r="C6403" s="7">
        <f t="shared" ref="C6403:C6466" si="100">B6403/1000</f>
        <v>106.57665</v>
      </c>
    </row>
    <row r="6404" spans="1:3" x14ac:dyDescent="0.25">
      <c r="A6404" s="2" t="s">
        <v>1977</v>
      </c>
      <c r="B6404" s="6">
        <v>106593.29999999999</v>
      </c>
      <c r="C6404" s="7">
        <f t="shared" si="100"/>
        <v>106.59329999999999</v>
      </c>
    </row>
    <row r="6405" spans="1:3" x14ac:dyDescent="0.25">
      <c r="A6405" s="2" t="s">
        <v>1978</v>
      </c>
      <c r="B6405" s="6">
        <v>106609.95</v>
      </c>
      <c r="C6405" s="7">
        <f t="shared" si="100"/>
        <v>106.60995</v>
      </c>
    </row>
    <row r="6406" spans="1:3" x14ac:dyDescent="0.25">
      <c r="A6406" s="2" t="s">
        <v>1979</v>
      </c>
      <c r="B6406" s="6">
        <v>106626.59999999999</v>
      </c>
      <c r="C6406" s="7">
        <f t="shared" si="100"/>
        <v>106.6266</v>
      </c>
    </row>
    <row r="6407" spans="1:3" x14ac:dyDescent="0.25">
      <c r="A6407" s="2" t="s">
        <v>1980</v>
      </c>
      <c r="B6407" s="6">
        <v>106643.24999999999</v>
      </c>
      <c r="C6407" s="7">
        <f t="shared" si="100"/>
        <v>106.64324999999998</v>
      </c>
    </row>
    <row r="6408" spans="1:3" x14ac:dyDescent="0.25">
      <c r="A6408" s="2" t="s">
        <v>1981</v>
      </c>
      <c r="B6408" s="6">
        <v>106659.9</v>
      </c>
      <c r="C6408" s="7">
        <f t="shared" si="100"/>
        <v>106.65989999999999</v>
      </c>
    </row>
    <row r="6409" spans="1:3" x14ac:dyDescent="0.25">
      <c r="A6409" s="2" t="s">
        <v>1982</v>
      </c>
      <c r="B6409" s="6">
        <v>106676.54999999999</v>
      </c>
      <c r="C6409" s="7">
        <f t="shared" si="100"/>
        <v>106.67654999999999</v>
      </c>
    </row>
    <row r="6410" spans="1:3" x14ac:dyDescent="0.25">
      <c r="A6410" s="2" t="s">
        <v>1983</v>
      </c>
      <c r="B6410" s="6">
        <v>106693.2</v>
      </c>
      <c r="C6410" s="7">
        <f t="shared" si="100"/>
        <v>106.69319999999999</v>
      </c>
    </row>
    <row r="6411" spans="1:3" x14ac:dyDescent="0.25">
      <c r="A6411" s="2" t="s">
        <v>1984</v>
      </c>
      <c r="B6411" s="6">
        <v>106709.84999999999</v>
      </c>
      <c r="C6411" s="7">
        <f t="shared" si="100"/>
        <v>106.70984999999999</v>
      </c>
    </row>
    <row r="6412" spans="1:3" x14ac:dyDescent="0.25">
      <c r="A6412" s="2" t="s">
        <v>1985</v>
      </c>
      <c r="B6412" s="6">
        <v>106726.49999999999</v>
      </c>
      <c r="C6412" s="7">
        <f t="shared" si="100"/>
        <v>106.72649999999999</v>
      </c>
    </row>
    <row r="6413" spans="1:3" x14ac:dyDescent="0.25">
      <c r="A6413" s="2" t="s">
        <v>1986</v>
      </c>
      <c r="B6413" s="6">
        <v>106743.15</v>
      </c>
      <c r="C6413" s="7">
        <f t="shared" si="100"/>
        <v>106.74315</v>
      </c>
    </row>
    <row r="6414" spans="1:3" x14ac:dyDescent="0.25">
      <c r="A6414" s="2" t="s">
        <v>1987</v>
      </c>
      <c r="B6414" s="6">
        <v>106759.79999999999</v>
      </c>
      <c r="C6414" s="7">
        <f t="shared" si="100"/>
        <v>106.75979999999998</v>
      </c>
    </row>
    <row r="6415" spans="1:3" x14ac:dyDescent="0.25">
      <c r="A6415" s="2" t="s">
        <v>1988</v>
      </c>
      <c r="B6415" s="6">
        <v>106776.45</v>
      </c>
      <c r="C6415" s="7">
        <f t="shared" si="100"/>
        <v>106.77645</v>
      </c>
    </row>
    <row r="6416" spans="1:3" x14ac:dyDescent="0.25">
      <c r="A6416" s="2" t="s">
        <v>1989</v>
      </c>
      <c r="B6416" s="6">
        <v>106793.09999999999</v>
      </c>
      <c r="C6416" s="7">
        <f t="shared" si="100"/>
        <v>106.7931</v>
      </c>
    </row>
    <row r="6417" spans="1:3" x14ac:dyDescent="0.25">
      <c r="A6417" s="2" t="s">
        <v>1990</v>
      </c>
      <c r="B6417" s="6">
        <v>106809.74999999999</v>
      </c>
      <c r="C6417" s="7">
        <f t="shared" si="100"/>
        <v>106.80974999999998</v>
      </c>
    </row>
    <row r="6418" spans="1:3" x14ac:dyDescent="0.25">
      <c r="A6418" s="2" t="s">
        <v>1991</v>
      </c>
      <c r="B6418" s="6">
        <v>106826.4</v>
      </c>
      <c r="C6418" s="7">
        <f t="shared" si="100"/>
        <v>106.82639999999999</v>
      </c>
    </row>
    <row r="6419" spans="1:3" x14ac:dyDescent="0.25">
      <c r="A6419" s="2" t="s">
        <v>1992</v>
      </c>
      <c r="B6419" s="6">
        <v>106843.04999999999</v>
      </c>
      <c r="C6419" s="7">
        <f t="shared" si="100"/>
        <v>106.84304999999999</v>
      </c>
    </row>
    <row r="6420" spans="1:3" x14ac:dyDescent="0.25">
      <c r="A6420" s="2" t="s">
        <v>1993</v>
      </c>
      <c r="B6420" s="6">
        <v>106859.7</v>
      </c>
      <c r="C6420" s="7">
        <f t="shared" si="100"/>
        <v>106.8597</v>
      </c>
    </row>
    <row r="6421" spans="1:3" x14ac:dyDescent="0.25">
      <c r="A6421" s="2" t="s">
        <v>1994</v>
      </c>
      <c r="B6421" s="6">
        <v>106876.34999999999</v>
      </c>
      <c r="C6421" s="7">
        <f t="shared" si="100"/>
        <v>106.87634999999999</v>
      </c>
    </row>
    <row r="6422" spans="1:3" x14ac:dyDescent="0.25">
      <c r="A6422" s="2" t="s">
        <v>1995</v>
      </c>
      <c r="B6422" s="6">
        <v>106892.99999999999</v>
      </c>
      <c r="C6422" s="7">
        <f t="shared" si="100"/>
        <v>106.89299999999999</v>
      </c>
    </row>
    <row r="6423" spans="1:3" x14ac:dyDescent="0.25">
      <c r="A6423" s="2" t="s">
        <v>1996</v>
      </c>
      <c r="B6423" s="6">
        <v>106909.65</v>
      </c>
      <c r="C6423" s="7">
        <f t="shared" si="100"/>
        <v>106.90965</v>
      </c>
    </row>
    <row r="6424" spans="1:3" x14ac:dyDescent="0.25">
      <c r="A6424" s="2" t="s">
        <v>1997</v>
      </c>
      <c r="B6424" s="6">
        <v>106926.29999999999</v>
      </c>
      <c r="C6424" s="7">
        <f t="shared" si="100"/>
        <v>106.92629999999998</v>
      </c>
    </row>
    <row r="6425" spans="1:3" x14ac:dyDescent="0.25">
      <c r="A6425" s="2" t="s">
        <v>1998</v>
      </c>
      <c r="B6425" s="6">
        <v>106942.95</v>
      </c>
      <c r="C6425" s="7">
        <f t="shared" si="100"/>
        <v>106.94295</v>
      </c>
    </row>
    <row r="6426" spans="1:3" x14ac:dyDescent="0.25">
      <c r="A6426" s="2" t="s">
        <v>1999</v>
      </c>
      <c r="B6426" s="6">
        <v>106959.59999999999</v>
      </c>
      <c r="C6426" s="7">
        <f t="shared" si="100"/>
        <v>106.95959999999999</v>
      </c>
    </row>
    <row r="6427" spans="1:3" x14ac:dyDescent="0.25">
      <c r="A6427" s="2" t="s">
        <v>2000</v>
      </c>
      <c r="B6427" s="6">
        <v>106976.24999999999</v>
      </c>
      <c r="C6427" s="7">
        <f t="shared" si="100"/>
        <v>106.97624999999998</v>
      </c>
    </row>
    <row r="6428" spans="1:3" x14ac:dyDescent="0.25">
      <c r="A6428" s="2" t="s">
        <v>2001</v>
      </c>
      <c r="B6428" s="6">
        <v>106992.9</v>
      </c>
      <c r="C6428" s="7">
        <f t="shared" si="100"/>
        <v>106.99289999999999</v>
      </c>
    </row>
    <row r="6429" spans="1:3" x14ac:dyDescent="0.25">
      <c r="A6429" s="2" t="s">
        <v>2002</v>
      </c>
      <c r="B6429" s="6">
        <v>107009.54999999999</v>
      </c>
      <c r="C6429" s="7">
        <f t="shared" si="100"/>
        <v>107.00954999999999</v>
      </c>
    </row>
    <row r="6430" spans="1:3" x14ac:dyDescent="0.25">
      <c r="A6430" s="2" t="s">
        <v>2003</v>
      </c>
      <c r="B6430" s="6">
        <v>107026.2</v>
      </c>
      <c r="C6430" s="7">
        <f t="shared" si="100"/>
        <v>107.0262</v>
      </c>
    </row>
    <row r="6431" spans="1:3" x14ac:dyDescent="0.25">
      <c r="A6431" s="2" t="s">
        <v>2004</v>
      </c>
      <c r="B6431" s="6">
        <v>107042.84999999999</v>
      </c>
      <c r="C6431" s="7">
        <f t="shared" si="100"/>
        <v>107.04284999999999</v>
      </c>
    </row>
    <row r="6432" spans="1:3" x14ac:dyDescent="0.25">
      <c r="A6432" s="2" t="s">
        <v>2005</v>
      </c>
      <c r="B6432" s="6">
        <v>107059.49999999999</v>
      </c>
      <c r="C6432" s="7">
        <f t="shared" si="100"/>
        <v>107.05949999999999</v>
      </c>
    </row>
    <row r="6433" spans="1:3" x14ac:dyDescent="0.25">
      <c r="A6433" s="2" t="s">
        <v>2006</v>
      </c>
      <c r="B6433" s="6">
        <v>107076.15</v>
      </c>
      <c r="C6433" s="7">
        <f t="shared" si="100"/>
        <v>107.07615</v>
      </c>
    </row>
    <row r="6434" spans="1:3" x14ac:dyDescent="0.25">
      <c r="A6434" s="2" t="s">
        <v>2007</v>
      </c>
      <c r="B6434" s="6">
        <v>107092.79999999999</v>
      </c>
      <c r="C6434" s="7">
        <f t="shared" si="100"/>
        <v>107.09279999999998</v>
      </c>
    </row>
    <row r="6435" spans="1:3" x14ac:dyDescent="0.25">
      <c r="A6435" s="2" t="s">
        <v>2008</v>
      </c>
      <c r="B6435" s="6">
        <v>107109.45</v>
      </c>
      <c r="C6435" s="7">
        <f t="shared" si="100"/>
        <v>107.10945</v>
      </c>
    </row>
    <row r="6436" spans="1:3" x14ac:dyDescent="0.25">
      <c r="A6436" s="2" t="s">
        <v>2009</v>
      </c>
      <c r="B6436" s="6">
        <v>107126.09999999999</v>
      </c>
      <c r="C6436" s="7">
        <f t="shared" si="100"/>
        <v>107.12609999999999</v>
      </c>
    </row>
    <row r="6437" spans="1:3" x14ac:dyDescent="0.25">
      <c r="A6437" s="2" t="s">
        <v>2010</v>
      </c>
      <c r="B6437" s="6">
        <v>107142.74999999999</v>
      </c>
      <c r="C6437" s="7">
        <f t="shared" si="100"/>
        <v>107.14274999999999</v>
      </c>
    </row>
    <row r="6438" spans="1:3" x14ac:dyDescent="0.25">
      <c r="A6438" s="2" t="s">
        <v>2011</v>
      </c>
      <c r="B6438" s="6">
        <v>107159.4</v>
      </c>
      <c r="C6438" s="7">
        <f t="shared" si="100"/>
        <v>107.15939999999999</v>
      </c>
    </row>
    <row r="6439" spans="1:3" x14ac:dyDescent="0.25">
      <c r="A6439" s="2" t="s">
        <v>2012</v>
      </c>
      <c r="B6439" s="6">
        <v>107176.04999999999</v>
      </c>
      <c r="C6439" s="7">
        <f t="shared" si="100"/>
        <v>107.17604999999999</v>
      </c>
    </row>
    <row r="6440" spans="1:3" x14ac:dyDescent="0.25">
      <c r="A6440" s="2" t="s">
        <v>2013</v>
      </c>
      <c r="B6440" s="6">
        <v>107192.7</v>
      </c>
      <c r="C6440" s="7">
        <f t="shared" si="100"/>
        <v>107.1927</v>
      </c>
    </row>
    <row r="6441" spans="1:3" x14ac:dyDescent="0.25">
      <c r="A6441" s="2" t="s">
        <v>2014</v>
      </c>
      <c r="B6441" s="6">
        <v>107209.34999999999</v>
      </c>
      <c r="C6441" s="7">
        <f t="shared" si="100"/>
        <v>107.20934999999999</v>
      </c>
    </row>
    <row r="6442" spans="1:3" x14ac:dyDescent="0.25">
      <c r="A6442" s="2" t="s">
        <v>2015</v>
      </c>
      <c r="B6442" s="6">
        <v>107225.99999999999</v>
      </c>
      <c r="C6442" s="7">
        <f t="shared" si="100"/>
        <v>107.22599999999998</v>
      </c>
    </row>
    <row r="6443" spans="1:3" x14ac:dyDescent="0.25">
      <c r="A6443" s="2" t="s">
        <v>2016</v>
      </c>
      <c r="B6443" s="6">
        <v>107242.65</v>
      </c>
      <c r="C6443" s="7">
        <f t="shared" si="100"/>
        <v>107.24265</v>
      </c>
    </row>
    <row r="6444" spans="1:3" x14ac:dyDescent="0.25">
      <c r="A6444" s="2" t="s">
        <v>2017</v>
      </c>
      <c r="B6444" s="6">
        <v>107259.29999999999</v>
      </c>
      <c r="C6444" s="7">
        <f t="shared" si="100"/>
        <v>107.25929999999998</v>
      </c>
    </row>
    <row r="6445" spans="1:3" x14ac:dyDescent="0.25">
      <c r="A6445" s="2" t="s">
        <v>2018</v>
      </c>
      <c r="B6445" s="6">
        <v>107275.95</v>
      </c>
      <c r="C6445" s="7">
        <f t="shared" si="100"/>
        <v>107.27594999999999</v>
      </c>
    </row>
    <row r="6446" spans="1:3" x14ac:dyDescent="0.25">
      <c r="A6446" s="2" t="s">
        <v>2019</v>
      </c>
      <c r="B6446" s="6">
        <v>107292.59999999999</v>
      </c>
      <c r="C6446" s="7">
        <f t="shared" si="100"/>
        <v>107.29259999999999</v>
      </c>
    </row>
    <row r="6447" spans="1:3" x14ac:dyDescent="0.25">
      <c r="A6447" s="2" t="s">
        <v>2020</v>
      </c>
      <c r="B6447" s="6">
        <v>107309.24999999999</v>
      </c>
      <c r="C6447" s="7">
        <f t="shared" si="100"/>
        <v>107.30924999999999</v>
      </c>
    </row>
    <row r="6448" spans="1:3" x14ac:dyDescent="0.25">
      <c r="A6448" s="2" t="s">
        <v>2021</v>
      </c>
      <c r="B6448" s="6">
        <v>107325.9</v>
      </c>
      <c r="C6448" s="7">
        <f t="shared" si="100"/>
        <v>107.32589999999999</v>
      </c>
    </row>
    <row r="6449" spans="1:3" x14ac:dyDescent="0.25">
      <c r="A6449" s="2" t="s">
        <v>2022</v>
      </c>
      <c r="B6449" s="6">
        <v>107342.54999999999</v>
      </c>
      <c r="C6449" s="7">
        <f t="shared" si="100"/>
        <v>107.34254999999999</v>
      </c>
    </row>
    <row r="6450" spans="1:3" x14ac:dyDescent="0.25">
      <c r="A6450" s="2" t="s">
        <v>2023</v>
      </c>
      <c r="B6450" s="6">
        <v>107359.2</v>
      </c>
      <c r="C6450" s="7">
        <f t="shared" si="100"/>
        <v>107.3592</v>
      </c>
    </row>
    <row r="6451" spans="1:3" x14ac:dyDescent="0.25">
      <c r="A6451" s="2" t="s">
        <v>2024</v>
      </c>
      <c r="B6451" s="6">
        <v>107375.84999999999</v>
      </c>
      <c r="C6451" s="7">
        <f t="shared" si="100"/>
        <v>107.37584999999999</v>
      </c>
    </row>
    <row r="6452" spans="1:3" x14ac:dyDescent="0.25">
      <c r="A6452" s="2" t="s">
        <v>2025</v>
      </c>
      <c r="B6452" s="6">
        <v>107392.49999999999</v>
      </c>
      <c r="C6452" s="7">
        <f t="shared" si="100"/>
        <v>107.39249999999998</v>
      </c>
    </row>
    <row r="6453" spans="1:3" x14ac:dyDescent="0.25">
      <c r="A6453" s="2" t="s">
        <v>2026</v>
      </c>
      <c r="B6453" s="6">
        <v>107409.15</v>
      </c>
      <c r="C6453" s="7">
        <f t="shared" si="100"/>
        <v>107.40915</v>
      </c>
    </row>
    <row r="6454" spans="1:3" x14ac:dyDescent="0.25">
      <c r="A6454" s="2" t="s">
        <v>2027</v>
      </c>
      <c r="B6454" s="6">
        <v>107425.79999999999</v>
      </c>
      <c r="C6454" s="7">
        <f t="shared" si="100"/>
        <v>107.4258</v>
      </c>
    </row>
    <row r="6455" spans="1:3" x14ac:dyDescent="0.25">
      <c r="A6455" s="2" t="s">
        <v>2028</v>
      </c>
      <c r="B6455" s="6">
        <v>107442.45</v>
      </c>
      <c r="C6455" s="7">
        <f t="shared" si="100"/>
        <v>107.44244999999999</v>
      </c>
    </row>
    <row r="6456" spans="1:3" x14ac:dyDescent="0.25">
      <c r="A6456" s="2" t="s">
        <v>2029</v>
      </c>
      <c r="B6456" s="6">
        <v>107459.09999999999</v>
      </c>
      <c r="C6456" s="7">
        <f t="shared" si="100"/>
        <v>107.45909999999999</v>
      </c>
    </row>
    <row r="6457" spans="1:3" x14ac:dyDescent="0.25">
      <c r="A6457" s="2" t="s">
        <v>2030</v>
      </c>
      <c r="B6457" s="6">
        <v>107475.74999999999</v>
      </c>
      <c r="C6457" s="7">
        <f t="shared" si="100"/>
        <v>107.47574999999999</v>
      </c>
    </row>
    <row r="6458" spans="1:3" x14ac:dyDescent="0.25">
      <c r="A6458" s="2" t="s">
        <v>2031</v>
      </c>
      <c r="B6458" s="6">
        <v>107492.4</v>
      </c>
      <c r="C6458" s="7">
        <f t="shared" si="100"/>
        <v>107.49239999999999</v>
      </c>
    </row>
    <row r="6459" spans="1:3" x14ac:dyDescent="0.25">
      <c r="A6459" s="2" t="s">
        <v>2032</v>
      </c>
      <c r="B6459" s="6">
        <v>107509.04999999999</v>
      </c>
      <c r="C6459" s="7">
        <f t="shared" si="100"/>
        <v>107.50904999999999</v>
      </c>
    </row>
    <row r="6460" spans="1:3" x14ac:dyDescent="0.25">
      <c r="A6460" s="2" t="s">
        <v>2033</v>
      </c>
      <c r="B6460" s="6">
        <v>107525.7</v>
      </c>
      <c r="C6460" s="7">
        <f t="shared" si="100"/>
        <v>107.5257</v>
      </c>
    </row>
    <row r="6461" spans="1:3" x14ac:dyDescent="0.25">
      <c r="A6461" s="2" t="s">
        <v>2034</v>
      </c>
      <c r="B6461" s="6">
        <v>107542.34999999999</v>
      </c>
      <c r="C6461" s="7">
        <f t="shared" si="100"/>
        <v>107.54234999999998</v>
      </c>
    </row>
    <row r="6462" spans="1:3" x14ac:dyDescent="0.25">
      <c r="A6462" s="2" t="s">
        <v>2035</v>
      </c>
      <c r="B6462" s="6">
        <v>107558.99999999999</v>
      </c>
      <c r="C6462" s="7">
        <f t="shared" si="100"/>
        <v>107.55899999999998</v>
      </c>
    </row>
    <row r="6463" spans="1:3" x14ac:dyDescent="0.25">
      <c r="A6463" s="2" t="s">
        <v>2036</v>
      </c>
      <c r="B6463" s="6">
        <v>107575.65</v>
      </c>
      <c r="C6463" s="7">
        <f t="shared" si="100"/>
        <v>107.57565</v>
      </c>
    </row>
    <row r="6464" spans="1:3" x14ac:dyDescent="0.25">
      <c r="A6464" s="2" t="s">
        <v>2037</v>
      </c>
      <c r="B6464" s="6">
        <v>107592.29999999999</v>
      </c>
      <c r="C6464" s="7">
        <f t="shared" si="100"/>
        <v>107.59229999999999</v>
      </c>
    </row>
    <row r="6465" spans="1:3" x14ac:dyDescent="0.25">
      <c r="A6465" s="2" t="s">
        <v>2038</v>
      </c>
      <c r="B6465" s="6">
        <v>107608.95</v>
      </c>
      <c r="C6465" s="7">
        <f t="shared" si="100"/>
        <v>107.60894999999999</v>
      </c>
    </row>
    <row r="6466" spans="1:3" x14ac:dyDescent="0.25">
      <c r="A6466" s="2" t="s">
        <v>2039</v>
      </c>
      <c r="B6466" s="6">
        <v>107625.59999999999</v>
      </c>
      <c r="C6466" s="7">
        <f t="shared" si="100"/>
        <v>107.62559999999999</v>
      </c>
    </row>
    <row r="6467" spans="1:3" x14ac:dyDescent="0.25">
      <c r="A6467" s="2" t="s">
        <v>2040</v>
      </c>
      <c r="B6467" s="6">
        <v>107642.24999999999</v>
      </c>
      <c r="C6467" s="7">
        <f t="shared" ref="C6467:C6530" si="101">B6467/1000</f>
        <v>107.64224999999999</v>
      </c>
    </row>
    <row r="6468" spans="1:3" x14ac:dyDescent="0.25">
      <c r="A6468" s="2" t="s">
        <v>2041</v>
      </c>
      <c r="B6468" s="6">
        <v>107658.9</v>
      </c>
      <c r="C6468" s="7">
        <f t="shared" si="101"/>
        <v>107.65889999999999</v>
      </c>
    </row>
    <row r="6469" spans="1:3" x14ac:dyDescent="0.25">
      <c r="A6469" s="2" t="s">
        <v>2042</v>
      </c>
      <c r="B6469" s="6">
        <v>107675.54999999999</v>
      </c>
      <c r="C6469" s="7">
        <f t="shared" si="101"/>
        <v>107.67554999999999</v>
      </c>
    </row>
    <row r="6470" spans="1:3" x14ac:dyDescent="0.25">
      <c r="A6470" s="2" t="s">
        <v>2043</v>
      </c>
      <c r="B6470" s="6">
        <v>107692.2</v>
      </c>
      <c r="C6470" s="7">
        <f t="shared" si="101"/>
        <v>107.6922</v>
      </c>
    </row>
    <row r="6471" spans="1:3" x14ac:dyDescent="0.25">
      <c r="A6471" s="2" t="s">
        <v>2044</v>
      </c>
      <c r="B6471" s="6">
        <v>107708.84999999999</v>
      </c>
      <c r="C6471" s="7">
        <f t="shared" si="101"/>
        <v>107.70885</v>
      </c>
    </row>
    <row r="6472" spans="1:3" x14ac:dyDescent="0.25">
      <c r="A6472" s="2" t="s">
        <v>2045</v>
      </c>
      <c r="B6472" s="6">
        <v>107725.49999999999</v>
      </c>
      <c r="C6472" s="7">
        <f t="shared" si="101"/>
        <v>107.72549999999998</v>
      </c>
    </row>
    <row r="6473" spans="1:3" x14ac:dyDescent="0.25">
      <c r="A6473" s="2" t="s">
        <v>2046</v>
      </c>
      <c r="B6473" s="6">
        <v>107742.15</v>
      </c>
      <c r="C6473" s="7">
        <f t="shared" si="101"/>
        <v>107.74215</v>
      </c>
    </row>
    <row r="6474" spans="1:3" x14ac:dyDescent="0.25">
      <c r="A6474" s="2" t="s">
        <v>2047</v>
      </c>
      <c r="B6474" s="6">
        <v>107758.79999999999</v>
      </c>
      <c r="C6474" s="7">
        <f t="shared" si="101"/>
        <v>107.75879999999999</v>
      </c>
    </row>
    <row r="6475" spans="1:3" x14ac:dyDescent="0.25">
      <c r="A6475" s="2" t="s">
        <v>2048</v>
      </c>
      <c r="B6475" s="6">
        <v>107775.45</v>
      </c>
      <c r="C6475" s="7">
        <f t="shared" si="101"/>
        <v>107.77544999999999</v>
      </c>
    </row>
    <row r="6476" spans="1:3" x14ac:dyDescent="0.25">
      <c r="A6476" s="2" t="s">
        <v>2049</v>
      </c>
      <c r="B6476" s="6">
        <v>107792.09999999999</v>
      </c>
      <c r="C6476" s="7">
        <f t="shared" si="101"/>
        <v>107.79209999999999</v>
      </c>
    </row>
    <row r="6477" spans="1:3" x14ac:dyDescent="0.25">
      <c r="A6477" s="2" t="s">
        <v>2050</v>
      </c>
      <c r="B6477" s="6">
        <v>107808.74999999999</v>
      </c>
      <c r="C6477" s="7">
        <f t="shared" si="101"/>
        <v>107.80874999999999</v>
      </c>
    </row>
    <row r="6478" spans="1:3" x14ac:dyDescent="0.25">
      <c r="A6478" s="2" t="s">
        <v>2051</v>
      </c>
      <c r="B6478" s="6">
        <v>107825.4</v>
      </c>
      <c r="C6478" s="7">
        <f t="shared" si="101"/>
        <v>107.82539999999999</v>
      </c>
    </row>
    <row r="6479" spans="1:3" x14ac:dyDescent="0.25">
      <c r="A6479" s="2" t="s">
        <v>2052</v>
      </c>
      <c r="B6479" s="6">
        <v>107842.04999999999</v>
      </c>
      <c r="C6479" s="7">
        <f t="shared" si="101"/>
        <v>107.84204999999999</v>
      </c>
    </row>
    <row r="6480" spans="1:3" x14ac:dyDescent="0.25">
      <c r="A6480" s="2" t="s">
        <v>2053</v>
      </c>
      <c r="B6480" s="6">
        <v>107858.7</v>
      </c>
      <c r="C6480" s="7">
        <f t="shared" si="101"/>
        <v>107.8587</v>
      </c>
    </row>
    <row r="6481" spans="1:3" x14ac:dyDescent="0.25">
      <c r="A6481" s="2" t="s">
        <v>2054</v>
      </c>
      <c r="B6481" s="6">
        <v>107875.34999999999</v>
      </c>
      <c r="C6481" s="7">
        <f t="shared" si="101"/>
        <v>107.87535</v>
      </c>
    </row>
    <row r="6482" spans="1:3" x14ac:dyDescent="0.25">
      <c r="A6482" s="2" t="s">
        <v>2055</v>
      </c>
      <c r="B6482" s="6">
        <v>107891.99999999999</v>
      </c>
      <c r="C6482" s="7">
        <f t="shared" si="101"/>
        <v>107.89199999999998</v>
      </c>
    </row>
    <row r="6483" spans="1:3" x14ac:dyDescent="0.25">
      <c r="A6483" s="2" t="s">
        <v>2056</v>
      </c>
      <c r="B6483" s="6">
        <v>107908.65</v>
      </c>
      <c r="C6483" s="7">
        <f t="shared" si="101"/>
        <v>107.90864999999999</v>
      </c>
    </row>
    <row r="6484" spans="1:3" x14ac:dyDescent="0.25">
      <c r="A6484" s="2" t="s">
        <v>2057</v>
      </c>
      <c r="B6484" s="6">
        <v>107925.29999999999</v>
      </c>
      <c r="C6484" s="7">
        <f t="shared" si="101"/>
        <v>107.92529999999999</v>
      </c>
    </row>
    <row r="6485" spans="1:3" x14ac:dyDescent="0.25">
      <c r="A6485" s="2" t="s">
        <v>2058</v>
      </c>
      <c r="B6485" s="6">
        <v>107941.95</v>
      </c>
      <c r="C6485" s="7">
        <f t="shared" si="101"/>
        <v>107.94194999999999</v>
      </c>
    </row>
    <row r="6486" spans="1:3" x14ac:dyDescent="0.25">
      <c r="A6486" s="2" t="s">
        <v>2059</v>
      </c>
      <c r="B6486" s="6">
        <v>107958.59999999999</v>
      </c>
      <c r="C6486" s="7">
        <f t="shared" si="101"/>
        <v>107.95859999999999</v>
      </c>
    </row>
    <row r="6487" spans="1:3" x14ac:dyDescent="0.25">
      <c r="A6487" s="2" t="s">
        <v>2060</v>
      </c>
      <c r="B6487" s="6">
        <v>107975.24999999999</v>
      </c>
      <c r="C6487" s="7">
        <f t="shared" si="101"/>
        <v>107.97524999999999</v>
      </c>
    </row>
    <row r="6488" spans="1:3" x14ac:dyDescent="0.25">
      <c r="A6488" s="2" t="s">
        <v>2061</v>
      </c>
      <c r="B6488" s="6">
        <v>107991.9</v>
      </c>
      <c r="C6488" s="7">
        <f t="shared" si="101"/>
        <v>107.9919</v>
      </c>
    </row>
    <row r="6489" spans="1:3" x14ac:dyDescent="0.25">
      <c r="A6489" s="2" t="s">
        <v>2062</v>
      </c>
      <c r="B6489" s="6">
        <v>108008.54999999999</v>
      </c>
      <c r="C6489" s="7">
        <f t="shared" si="101"/>
        <v>108.00854999999999</v>
      </c>
    </row>
    <row r="6490" spans="1:3" x14ac:dyDescent="0.25">
      <c r="A6490" s="2" t="s">
        <v>2063</v>
      </c>
      <c r="B6490" s="6">
        <v>108025.2</v>
      </c>
      <c r="C6490" s="7">
        <f t="shared" si="101"/>
        <v>108.0252</v>
      </c>
    </row>
    <row r="6491" spans="1:3" x14ac:dyDescent="0.25">
      <c r="A6491" s="2" t="s">
        <v>2064</v>
      </c>
      <c r="B6491" s="6">
        <v>108041.84999999999</v>
      </c>
      <c r="C6491" s="7">
        <f t="shared" si="101"/>
        <v>108.04185</v>
      </c>
    </row>
    <row r="6492" spans="1:3" x14ac:dyDescent="0.25">
      <c r="A6492" s="2" t="s">
        <v>2065</v>
      </c>
      <c r="B6492" s="6">
        <v>108058.49999999999</v>
      </c>
      <c r="C6492" s="7">
        <f t="shared" si="101"/>
        <v>108.05849999999998</v>
      </c>
    </row>
    <row r="6493" spans="1:3" x14ac:dyDescent="0.25">
      <c r="A6493" s="2" t="s">
        <v>2066</v>
      </c>
      <c r="B6493" s="6">
        <v>108075.15</v>
      </c>
      <c r="C6493" s="7">
        <f t="shared" si="101"/>
        <v>108.07514999999999</v>
      </c>
    </row>
    <row r="6494" spans="1:3" x14ac:dyDescent="0.25">
      <c r="A6494" s="2" t="s">
        <v>2067</v>
      </c>
      <c r="B6494" s="6">
        <v>108091.79999999999</v>
      </c>
      <c r="C6494" s="7">
        <f t="shared" si="101"/>
        <v>108.09179999999999</v>
      </c>
    </row>
    <row r="6495" spans="1:3" x14ac:dyDescent="0.25">
      <c r="A6495" s="2" t="s">
        <v>2068</v>
      </c>
      <c r="B6495" s="6">
        <v>108108.45</v>
      </c>
      <c r="C6495" s="7">
        <f t="shared" si="101"/>
        <v>108.10844999999999</v>
      </c>
    </row>
    <row r="6496" spans="1:3" x14ac:dyDescent="0.25">
      <c r="A6496" s="2" t="s">
        <v>2069</v>
      </c>
      <c r="B6496" s="6">
        <v>108125.09999999999</v>
      </c>
      <c r="C6496" s="7">
        <f t="shared" si="101"/>
        <v>108.12509999999999</v>
      </c>
    </row>
    <row r="6497" spans="1:3" x14ac:dyDescent="0.25">
      <c r="A6497" s="2" t="s">
        <v>2070</v>
      </c>
      <c r="B6497" s="6">
        <v>108141.74999999999</v>
      </c>
      <c r="C6497" s="7">
        <f t="shared" si="101"/>
        <v>108.14174999999999</v>
      </c>
    </row>
    <row r="6498" spans="1:3" x14ac:dyDescent="0.25">
      <c r="A6498" s="2" t="s">
        <v>2071</v>
      </c>
      <c r="B6498" s="6">
        <v>108158.39999999999</v>
      </c>
      <c r="C6498" s="7">
        <f t="shared" si="101"/>
        <v>108.1584</v>
      </c>
    </row>
    <row r="6499" spans="1:3" x14ac:dyDescent="0.25">
      <c r="A6499" s="2" t="s">
        <v>2072</v>
      </c>
      <c r="B6499" s="6">
        <v>108175.04999999999</v>
      </c>
      <c r="C6499" s="7">
        <f t="shared" si="101"/>
        <v>108.17504999999998</v>
      </c>
    </row>
    <row r="6500" spans="1:3" x14ac:dyDescent="0.25">
      <c r="A6500" s="2" t="s">
        <v>2073</v>
      </c>
      <c r="B6500" s="6">
        <v>108191.7</v>
      </c>
      <c r="C6500" s="7">
        <f t="shared" si="101"/>
        <v>108.1917</v>
      </c>
    </row>
    <row r="6501" spans="1:3" x14ac:dyDescent="0.25">
      <c r="A6501" s="2" t="s">
        <v>2074</v>
      </c>
      <c r="B6501" s="6">
        <v>108208.34999999999</v>
      </c>
      <c r="C6501" s="7">
        <f t="shared" si="101"/>
        <v>108.20835</v>
      </c>
    </row>
    <row r="6502" spans="1:3" x14ac:dyDescent="0.25">
      <c r="A6502" s="2" t="s">
        <v>2075</v>
      </c>
      <c r="B6502" s="6">
        <v>108224.99999999999</v>
      </c>
      <c r="C6502" s="7">
        <f t="shared" si="101"/>
        <v>108.22499999999998</v>
      </c>
    </row>
    <row r="6503" spans="1:3" x14ac:dyDescent="0.25">
      <c r="A6503" s="2" t="s">
        <v>2076</v>
      </c>
      <c r="B6503" s="6">
        <v>108241.65</v>
      </c>
      <c r="C6503" s="7">
        <f t="shared" si="101"/>
        <v>108.24164999999999</v>
      </c>
    </row>
    <row r="6504" spans="1:3" x14ac:dyDescent="0.25">
      <c r="A6504" s="2" t="s">
        <v>2077</v>
      </c>
      <c r="B6504" s="6">
        <v>108258.29999999999</v>
      </c>
      <c r="C6504" s="7">
        <f t="shared" si="101"/>
        <v>108.25829999999999</v>
      </c>
    </row>
    <row r="6505" spans="1:3" x14ac:dyDescent="0.25">
      <c r="A6505" s="2" t="s">
        <v>2078</v>
      </c>
      <c r="B6505" s="6">
        <v>108274.95</v>
      </c>
      <c r="C6505" s="7">
        <f t="shared" si="101"/>
        <v>108.27495</v>
      </c>
    </row>
    <row r="6506" spans="1:3" x14ac:dyDescent="0.25">
      <c r="A6506" s="2" t="s">
        <v>2079</v>
      </c>
      <c r="B6506" s="6">
        <v>108291.59999999999</v>
      </c>
      <c r="C6506" s="7">
        <f t="shared" si="101"/>
        <v>108.29159999999999</v>
      </c>
    </row>
    <row r="6507" spans="1:3" x14ac:dyDescent="0.25">
      <c r="A6507" s="2" t="s">
        <v>2080</v>
      </c>
      <c r="B6507" s="6">
        <v>108308.24999999999</v>
      </c>
      <c r="C6507" s="7">
        <f t="shared" si="101"/>
        <v>108.30824999999999</v>
      </c>
    </row>
    <row r="6508" spans="1:3" x14ac:dyDescent="0.25">
      <c r="A6508" s="2" t="s">
        <v>2081</v>
      </c>
      <c r="B6508" s="6">
        <v>108324.9</v>
      </c>
      <c r="C6508" s="7">
        <f t="shared" si="101"/>
        <v>108.3249</v>
      </c>
    </row>
    <row r="6509" spans="1:3" x14ac:dyDescent="0.25">
      <c r="A6509" s="2" t="s">
        <v>2082</v>
      </c>
      <c r="B6509" s="6">
        <v>108341.54999999999</v>
      </c>
      <c r="C6509" s="7">
        <f t="shared" si="101"/>
        <v>108.34154999999998</v>
      </c>
    </row>
    <row r="6510" spans="1:3" x14ac:dyDescent="0.25">
      <c r="A6510" s="2" t="s">
        <v>2083</v>
      </c>
      <c r="B6510" s="6">
        <v>108358.2</v>
      </c>
      <c r="C6510" s="7">
        <f t="shared" si="101"/>
        <v>108.3582</v>
      </c>
    </row>
    <row r="6511" spans="1:3" x14ac:dyDescent="0.25">
      <c r="A6511" s="2" t="s">
        <v>2084</v>
      </c>
      <c r="B6511" s="6">
        <v>108374.84999999999</v>
      </c>
      <c r="C6511" s="7">
        <f t="shared" si="101"/>
        <v>108.37485</v>
      </c>
    </row>
    <row r="6512" spans="1:3" x14ac:dyDescent="0.25">
      <c r="A6512" s="2" t="s">
        <v>2085</v>
      </c>
      <c r="B6512" s="6">
        <v>108391.49999999999</v>
      </c>
      <c r="C6512" s="7">
        <f t="shared" si="101"/>
        <v>108.39149999999998</v>
      </c>
    </row>
    <row r="6513" spans="1:3" x14ac:dyDescent="0.25">
      <c r="A6513" s="2" t="s">
        <v>2086</v>
      </c>
      <c r="B6513" s="6">
        <v>108408.15</v>
      </c>
      <c r="C6513" s="7">
        <f t="shared" si="101"/>
        <v>108.40814999999999</v>
      </c>
    </row>
    <row r="6514" spans="1:3" x14ac:dyDescent="0.25">
      <c r="A6514" s="2" t="s">
        <v>2087</v>
      </c>
      <c r="B6514" s="6">
        <v>108424.79999999999</v>
      </c>
      <c r="C6514" s="7">
        <f t="shared" si="101"/>
        <v>108.42479999999999</v>
      </c>
    </row>
    <row r="6515" spans="1:3" x14ac:dyDescent="0.25">
      <c r="A6515" s="2" t="s">
        <v>2088</v>
      </c>
      <c r="B6515" s="6">
        <v>108441.45</v>
      </c>
      <c r="C6515" s="7">
        <f t="shared" si="101"/>
        <v>108.44145</v>
      </c>
    </row>
    <row r="6516" spans="1:3" x14ac:dyDescent="0.25">
      <c r="A6516" s="2" t="s">
        <v>2089</v>
      </c>
      <c r="B6516" s="6">
        <v>108458.09999999999</v>
      </c>
      <c r="C6516" s="7">
        <f t="shared" si="101"/>
        <v>108.45809999999999</v>
      </c>
    </row>
    <row r="6517" spans="1:3" x14ac:dyDescent="0.25">
      <c r="A6517" s="2" t="s">
        <v>2090</v>
      </c>
      <c r="B6517" s="6">
        <v>108474.74999999999</v>
      </c>
      <c r="C6517" s="7">
        <f t="shared" si="101"/>
        <v>108.47474999999999</v>
      </c>
    </row>
    <row r="6518" spans="1:3" x14ac:dyDescent="0.25">
      <c r="A6518" s="2" t="s">
        <v>2091</v>
      </c>
      <c r="B6518" s="6">
        <v>108491.4</v>
      </c>
      <c r="C6518" s="7">
        <f t="shared" si="101"/>
        <v>108.4914</v>
      </c>
    </row>
    <row r="6519" spans="1:3" x14ac:dyDescent="0.25">
      <c r="A6519" s="2" t="s">
        <v>2092</v>
      </c>
      <c r="B6519" s="6">
        <v>108508.04999999999</v>
      </c>
      <c r="C6519" s="7">
        <f t="shared" si="101"/>
        <v>108.50804999999998</v>
      </c>
    </row>
    <row r="6520" spans="1:3" x14ac:dyDescent="0.25">
      <c r="A6520" s="2" t="s">
        <v>2093</v>
      </c>
      <c r="B6520" s="6">
        <v>108524.7</v>
      </c>
      <c r="C6520" s="7">
        <f t="shared" si="101"/>
        <v>108.5247</v>
      </c>
    </row>
    <row r="6521" spans="1:3" x14ac:dyDescent="0.25">
      <c r="A6521" s="2" t="s">
        <v>2094</v>
      </c>
      <c r="B6521" s="6">
        <v>108541.34999999999</v>
      </c>
      <c r="C6521" s="7">
        <f t="shared" si="101"/>
        <v>108.54134999999999</v>
      </c>
    </row>
    <row r="6522" spans="1:3" x14ac:dyDescent="0.25">
      <c r="A6522" s="2" t="s">
        <v>2095</v>
      </c>
      <c r="B6522" s="6">
        <v>108557.99999999999</v>
      </c>
      <c r="C6522" s="7">
        <f t="shared" si="101"/>
        <v>108.55799999999998</v>
      </c>
    </row>
    <row r="6523" spans="1:3" x14ac:dyDescent="0.25">
      <c r="A6523" s="2" t="s">
        <v>2096</v>
      </c>
      <c r="B6523" s="6">
        <v>108574.65</v>
      </c>
      <c r="C6523" s="7">
        <f t="shared" si="101"/>
        <v>108.57464999999999</v>
      </c>
    </row>
    <row r="6524" spans="1:3" x14ac:dyDescent="0.25">
      <c r="A6524" s="2" t="s">
        <v>2097</v>
      </c>
      <c r="B6524" s="6">
        <v>108591.29999999999</v>
      </c>
      <c r="C6524" s="7">
        <f t="shared" si="101"/>
        <v>108.59129999999999</v>
      </c>
    </row>
    <row r="6525" spans="1:3" x14ac:dyDescent="0.25">
      <c r="A6525" s="2" t="s">
        <v>2098</v>
      </c>
      <c r="B6525" s="6">
        <v>108607.95</v>
      </c>
      <c r="C6525" s="7">
        <f t="shared" si="101"/>
        <v>108.60795</v>
      </c>
    </row>
    <row r="6526" spans="1:3" x14ac:dyDescent="0.25">
      <c r="A6526" s="2" t="s">
        <v>2099</v>
      </c>
      <c r="B6526" s="6">
        <v>108624.59999999999</v>
      </c>
      <c r="C6526" s="7">
        <f t="shared" si="101"/>
        <v>108.62459999999999</v>
      </c>
    </row>
    <row r="6527" spans="1:3" x14ac:dyDescent="0.25">
      <c r="A6527" s="2" t="s">
        <v>2100</v>
      </c>
      <c r="B6527" s="6">
        <v>108641.24999999999</v>
      </c>
      <c r="C6527" s="7">
        <f t="shared" si="101"/>
        <v>108.64124999999999</v>
      </c>
    </row>
    <row r="6528" spans="1:3" x14ac:dyDescent="0.25">
      <c r="A6528" s="2" t="s">
        <v>2101</v>
      </c>
      <c r="B6528" s="6">
        <v>108657.9</v>
      </c>
      <c r="C6528" s="7">
        <f t="shared" si="101"/>
        <v>108.6579</v>
      </c>
    </row>
    <row r="6529" spans="1:3" x14ac:dyDescent="0.25">
      <c r="A6529" s="2" t="s">
        <v>2102</v>
      </c>
      <c r="B6529" s="6">
        <v>108674.54999999999</v>
      </c>
      <c r="C6529" s="7">
        <f t="shared" si="101"/>
        <v>108.67454999999998</v>
      </c>
    </row>
    <row r="6530" spans="1:3" x14ac:dyDescent="0.25">
      <c r="A6530" s="2" t="s">
        <v>2103</v>
      </c>
      <c r="B6530" s="6">
        <v>108691.2</v>
      </c>
      <c r="C6530" s="7">
        <f t="shared" si="101"/>
        <v>108.69119999999999</v>
      </c>
    </row>
    <row r="6531" spans="1:3" x14ac:dyDescent="0.25">
      <c r="A6531" s="2" t="s">
        <v>2104</v>
      </c>
      <c r="B6531" s="6">
        <v>108707.84999999999</v>
      </c>
      <c r="C6531" s="7">
        <f t="shared" ref="C6531:C6594" si="102">B6531/1000</f>
        <v>108.70784999999999</v>
      </c>
    </row>
    <row r="6532" spans="1:3" x14ac:dyDescent="0.25">
      <c r="A6532" s="2" t="s">
        <v>2105</v>
      </c>
      <c r="B6532" s="6">
        <v>108724.49999999999</v>
      </c>
      <c r="C6532" s="7">
        <f t="shared" si="102"/>
        <v>108.72449999999999</v>
      </c>
    </row>
    <row r="6533" spans="1:3" x14ac:dyDescent="0.25">
      <c r="A6533" s="2" t="s">
        <v>2106</v>
      </c>
      <c r="B6533" s="6">
        <v>108741.15</v>
      </c>
      <c r="C6533" s="7">
        <f t="shared" si="102"/>
        <v>108.74114999999999</v>
      </c>
    </row>
    <row r="6534" spans="1:3" x14ac:dyDescent="0.25">
      <c r="A6534" s="2" t="s">
        <v>2107</v>
      </c>
      <c r="B6534" s="6">
        <v>108757.79999999999</v>
      </c>
      <c r="C6534" s="7">
        <f t="shared" si="102"/>
        <v>108.75779999999999</v>
      </c>
    </row>
    <row r="6535" spans="1:3" x14ac:dyDescent="0.25">
      <c r="A6535" s="2" t="s">
        <v>2108</v>
      </c>
      <c r="B6535" s="6">
        <v>108774.45</v>
      </c>
      <c r="C6535" s="7">
        <f t="shared" si="102"/>
        <v>108.77445</v>
      </c>
    </row>
    <row r="6536" spans="1:3" x14ac:dyDescent="0.25">
      <c r="A6536" s="2" t="s">
        <v>2109</v>
      </c>
      <c r="B6536" s="6">
        <v>108791.09999999999</v>
      </c>
      <c r="C6536" s="7">
        <f t="shared" si="102"/>
        <v>108.79109999999999</v>
      </c>
    </row>
    <row r="6537" spans="1:3" x14ac:dyDescent="0.25">
      <c r="A6537" s="2" t="s">
        <v>2110</v>
      </c>
      <c r="B6537" s="6">
        <v>108807.74999999999</v>
      </c>
      <c r="C6537" s="7">
        <f t="shared" si="102"/>
        <v>108.80774999999998</v>
      </c>
    </row>
    <row r="6538" spans="1:3" x14ac:dyDescent="0.25">
      <c r="A6538" s="2" t="s">
        <v>2111</v>
      </c>
      <c r="B6538" s="6">
        <v>108824.4</v>
      </c>
      <c r="C6538" s="7">
        <f t="shared" si="102"/>
        <v>108.8244</v>
      </c>
    </row>
    <row r="6539" spans="1:3" x14ac:dyDescent="0.25">
      <c r="A6539" s="2" t="s">
        <v>2112</v>
      </c>
      <c r="B6539" s="6">
        <v>108841.04999999999</v>
      </c>
      <c r="C6539" s="7">
        <f t="shared" si="102"/>
        <v>108.84104999999998</v>
      </c>
    </row>
    <row r="6540" spans="1:3" x14ac:dyDescent="0.25">
      <c r="A6540" s="2" t="s">
        <v>2113</v>
      </c>
      <c r="B6540" s="6">
        <v>108857.7</v>
      </c>
      <c r="C6540" s="7">
        <f t="shared" si="102"/>
        <v>108.85769999999999</v>
      </c>
    </row>
    <row r="6541" spans="1:3" x14ac:dyDescent="0.25">
      <c r="A6541" s="2" t="s">
        <v>2114</v>
      </c>
      <c r="B6541" s="6">
        <v>108874.34999999999</v>
      </c>
      <c r="C6541" s="7">
        <f t="shared" si="102"/>
        <v>108.87434999999999</v>
      </c>
    </row>
    <row r="6542" spans="1:3" x14ac:dyDescent="0.25">
      <c r="A6542" s="2" t="s">
        <v>2115</v>
      </c>
      <c r="B6542" s="6">
        <v>108890.99999999999</v>
      </c>
      <c r="C6542" s="7">
        <f t="shared" si="102"/>
        <v>108.89099999999999</v>
      </c>
    </row>
    <row r="6543" spans="1:3" x14ac:dyDescent="0.25">
      <c r="A6543" s="2" t="s">
        <v>2116</v>
      </c>
      <c r="B6543" s="6">
        <v>108907.65</v>
      </c>
      <c r="C6543" s="7">
        <f t="shared" si="102"/>
        <v>108.90764999999999</v>
      </c>
    </row>
    <row r="6544" spans="1:3" x14ac:dyDescent="0.25">
      <c r="A6544" s="2" t="s">
        <v>2117</v>
      </c>
      <c r="B6544" s="6">
        <v>108924.29999999999</v>
      </c>
      <c r="C6544" s="7">
        <f t="shared" si="102"/>
        <v>108.92429999999999</v>
      </c>
    </row>
    <row r="6545" spans="1:3" x14ac:dyDescent="0.25">
      <c r="A6545" s="2" t="s">
        <v>2118</v>
      </c>
      <c r="B6545" s="6">
        <v>108940.95</v>
      </c>
      <c r="C6545" s="7">
        <f t="shared" si="102"/>
        <v>108.94095</v>
      </c>
    </row>
    <row r="6546" spans="1:3" x14ac:dyDescent="0.25">
      <c r="A6546" s="2" t="s">
        <v>2119</v>
      </c>
      <c r="B6546" s="6">
        <v>108957.59999999999</v>
      </c>
      <c r="C6546" s="7">
        <f t="shared" si="102"/>
        <v>108.95759999999999</v>
      </c>
    </row>
    <row r="6547" spans="1:3" x14ac:dyDescent="0.25">
      <c r="A6547" s="2" t="s">
        <v>2120</v>
      </c>
      <c r="B6547" s="6">
        <v>108974.24999999999</v>
      </c>
      <c r="C6547" s="7">
        <f t="shared" si="102"/>
        <v>108.97424999999998</v>
      </c>
    </row>
    <row r="6548" spans="1:3" x14ac:dyDescent="0.25">
      <c r="A6548" s="2" t="s">
        <v>2121</v>
      </c>
      <c r="B6548" s="6">
        <v>108990.9</v>
      </c>
      <c r="C6548" s="7">
        <f t="shared" si="102"/>
        <v>108.9909</v>
      </c>
    </row>
    <row r="6549" spans="1:3" x14ac:dyDescent="0.25">
      <c r="A6549" s="2" t="s">
        <v>2122</v>
      </c>
      <c r="B6549" s="6">
        <v>109007.54999999999</v>
      </c>
      <c r="C6549" s="7">
        <f t="shared" si="102"/>
        <v>109.00754999999999</v>
      </c>
    </row>
    <row r="6550" spans="1:3" x14ac:dyDescent="0.25">
      <c r="A6550" s="2" t="s">
        <v>2123</v>
      </c>
      <c r="B6550" s="6">
        <v>109024.2</v>
      </c>
      <c r="C6550" s="7">
        <f t="shared" si="102"/>
        <v>109.02419999999999</v>
      </c>
    </row>
    <row r="6551" spans="1:3" x14ac:dyDescent="0.25">
      <c r="A6551" s="2" t="s">
        <v>2124</v>
      </c>
      <c r="B6551" s="6">
        <v>109040.84999999999</v>
      </c>
      <c r="C6551" s="7">
        <f t="shared" si="102"/>
        <v>109.04084999999999</v>
      </c>
    </row>
    <row r="6552" spans="1:3" x14ac:dyDescent="0.25">
      <c r="A6552" s="2" t="s">
        <v>2125</v>
      </c>
      <c r="B6552" s="6">
        <v>109057.49999999999</v>
      </c>
      <c r="C6552" s="7">
        <f t="shared" si="102"/>
        <v>109.05749999999999</v>
      </c>
    </row>
    <row r="6553" spans="1:3" x14ac:dyDescent="0.25">
      <c r="A6553" s="2" t="s">
        <v>2126</v>
      </c>
      <c r="B6553" s="6">
        <v>109074.15</v>
      </c>
      <c r="C6553" s="7">
        <f t="shared" si="102"/>
        <v>109.07414999999999</v>
      </c>
    </row>
    <row r="6554" spans="1:3" x14ac:dyDescent="0.25">
      <c r="A6554" s="2" t="s">
        <v>2127</v>
      </c>
      <c r="B6554" s="6">
        <v>109090.79999999999</v>
      </c>
      <c r="C6554" s="7">
        <f t="shared" si="102"/>
        <v>109.09079999999999</v>
      </c>
    </row>
    <row r="6555" spans="1:3" x14ac:dyDescent="0.25">
      <c r="A6555" s="2" t="s">
        <v>2128</v>
      </c>
      <c r="B6555" s="6">
        <v>109107.45</v>
      </c>
      <c r="C6555" s="7">
        <f t="shared" si="102"/>
        <v>109.10745</v>
      </c>
    </row>
    <row r="6556" spans="1:3" x14ac:dyDescent="0.25">
      <c r="A6556" s="2" t="s">
        <v>2129</v>
      </c>
      <c r="B6556" s="6">
        <v>109124.09999999999</v>
      </c>
      <c r="C6556" s="7">
        <f t="shared" si="102"/>
        <v>109.12409999999998</v>
      </c>
    </row>
    <row r="6557" spans="1:3" x14ac:dyDescent="0.25">
      <c r="A6557" s="2" t="s">
        <v>2130</v>
      </c>
      <c r="B6557" s="6">
        <v>109140.74999999999</v>
      </c>
      <c r="C6557" s="7">
        <f t="shared" si="102"/>
        <v>109.14074999999998</v>
      </c>
    </row>
    <row r="6558" spans="1:3" x14ac:dyDescent="0.25">
      <c r="A6558" s="2" t="s">
        <v>2131</v>
      </c>
      <c r="B6558" s="6">
        <v>109157.4</v>
      </c>
      <c r="C6558" s="7">
        <f t="shared" si="102"/>
        <v>109.1574</v>
      </c>
    </row>
    <row r="6559" spans="1:3" x14ac:dyDescent="0.25">
      <c r="A6559" s="2" t="s">
        <v>2132</v>
      </c>
      <c r="B6559" s="6">
        <v>109174.04999999999</v>
      </c>
      <c r="C6559" s="7">
        <f t="shared" si="102"/>
        <v>109.17404999999999</v>
      </c>
    </row>
    <row r="6560" spans="1:3" x14ac:dyDescent="0.25">
      <c r="A6560" s="2" t="s">
        <v>2133</v>
      </c>
      <c r="B6560" s="6">
        <v>109190.7</v>
      </c>
      <c r="C6560" s="7">
        <f t="shared" si="102"/>
        <v>109.19069999999999</v>
      </c>
    </row>
    <row r="6561" spans="1:3" x14ac:dyDescent="0.25">
      <c r="A6561" s="2" t="s">
        <v>2134</v>
      </c>
      <c r="B6561" s="6">
        <v>109207.34999999999</v>
      </c>
      <c r="C6561" s="7">
        <f t="shared" si="102"/>
        <v>109.20734999999999</v>
      </c>
    </row>
    <row r="6562" spans="1:3" x14ac:dyDescent="0.25">
      <c r="A6562" s="2" t="s">
        <v>2135</v>
      </c>
      <c r="B6562" s="6">
        <v>109223.99999999999</v>
      </c>
      <c r="C6562" s="7">
        <f t="shared" si="102"/>
        <v>109.22399999999999</v>
      </c>
    </row>
    <row r="6563" spans="1:3" x14ac:dyDescent="0.25">
      <c r="A6563" s="2" t="s">
        <v>2136</v>
      </c>
      <c r="B6563" s="6">
        <v>109240.65</v>
      </c>
      <c r="C6563" s="7">
        <f t="shared" si="102"/>
        <v>109.24064999999999</v>
      </c>
    </row>
    <row r="6564" spans="1:3" x14ac:dyDescent="0.25">
      <c r="A6564" s="2" t="s">
        <v>2137</v>
      </c>
      <c r="B6564" s="6">
        <v>109257.29999999999</v>
      </c>
      <c r="C6564" s="7">
        <f t="shared" si="102"/>
        <v>109.25729999999999</v>
      </c>
    </row>
    <row r="6565" spans="1:3" x14ac:dyDescent="0.25">
      <c r="A6565" s="2" t="s">
        <v>2138</v>
      </c>
      <c r="B6565" s="6">
        <v>109273.95</v>
      </c>
      <c r="C6565" s="7">
        <f t="shared" si="102"/>
        <v>109.27395</v>
      </c>
    </row>
    <row r="6566" spans="1:3" x14ac:dyDescent="0.25">
      <c r="A6566" s="2" t="s">
        <v>2139</v>
      </c>
      <c r="B6566" s="6">
        <v>109290.59999999999</v>
      </c>
      <c r="C6566" s="7">
        <f t="shared" si="102"/>
        <v>109.2906</v>
      </c>
    </row>
    <row r="6567" spans="1:3" x14ac:dyDescent="0.25">
      <c r="A6567" s="2" t="s">
        <v>2140</v>
      </c>
      <c r="B6567" s="6">
        <v>109307.24999999999</v>
      </c>
      <c r="C6567" s="7">
        <f t="shared" si="102"/>
        <v>109.30724999999998</v>
      </c>
    </row>
    <row r="6568" spans="1:3" x14ac:dyDescent="0.25">
      <c r="A6568" s="2" t="s">
        <v>2141</v>
      </c>
      <c r="B6568" s="6">
        <v>109323.9</v>
      </c>
      <c r="C6568" s="7">
        <f t="shared" si="102"/>
        <v>109.32389999999999</v>
      </c>
    </row>
    <row r="6569" spans="1:3" x14ac:dyDescent="0.25">
      <c r="A6569" s="2" t="s">
        <v>2142</v>
      </c>
      <c r="B6569" s="6">
        <v>109340.54999999999</v>
      </c>
      <c r="C6569" s="7">
        <f t="shared" si="102"/>
        <v>109.34054999999999</v>
      </c>
    </row>
    <row r="6570" spans="1:3" x14ac:dyDescent="0.25">
      <c r="A6570" s="2" t="s">
        <v>2143</v>
      </c>
      <c r="B6570" s="6">
        <v>109357.2</v>
      </c>
      <c r="C6570" s="7">
        <f t="shared" si="102"/>
        <v>109.35719999999999</v>
      </c>
    </row>
    <row r="6571" spans="1:3" x14ac:dyDescent="0.25">
      <c r="A6571" s="2" t="s">
        <v>2144</v>
      </c>
      <c r="B6571" s="6">
        <v>109373.84999999999</v>
      </c>
      <c r="C6571" s="7">
        <f t="shared" si="102"/>
        <v>109.37384999999999</v>
      </c>
    </row>
    <row r="6572" spans="1:3" x14ac:dyDescent="0.25">
      <c r="A6572" s="2" t="s">
        <v>2145</v>
      </c>
      <c r="B6572" s="6">
        <v>109390.49999999999</v>
      </c>
      <c r="C6572" s="7">
        <f t="shared" si="102"/>
        <v>109.39049999999999</v>
      </c>
    </row>
    <row r="6573" spans="1:3" x14ac:dyDescent="0.25">
      <c r="A6573" s="2" t="s">
        <v>2146</v>
      </c>
      <c r="B6573" s="6">
        <v>109407.15</v>
      </c>
      <c r="C6573" s="7">
        <f t="shared" si="102"/>
        <v>109.40714999999999</v>
      </c>
    </row>
    <row r="6574" spans="1:3" x14ac:dyDescent="0.25">
      <c r="A6574" s="2" t="s">
        <v>2147</v>
      </c>
      <c r="B6574" s="6">
        <v>109423.79999999999</v>
      </c>
      <c r="C6574" s="7">
        <f t="shared" si="102"/>
        <v>109.42379999999999</v>
      </c>
    </row>
    <row r="6575" spans="1:3" x14ac:dyDescent="0.25">
      <c r="A6575" s="2" t="s">
        <v>2148</v>
      </c>
      <c r="B6575" s="6">
        <v>109440.45</v>
      </c>
      <c r="C6575" s="7">
        <f t="shared" si="102"/>
        <v>109.44045</v>
      </c>
    </row>
    <row r="6576" spans="1:3" x14ac:dyDescent="0.25">
      <c r="A6576" s="2" t="s">
        <v>2149</v>
      </c>
      <c r="B6576" s="6">
        <v>109457.09999999999</v>
      </c>
      <c r="C6576" s="7">
        <f t="shared" si="102"/>
        <v>109.4571</v>
      </c>
    </row>
    <row r="6577" spans="1:3" x14ac:dyDescent="0.25">
      <c r="A6577" s="2" t="s">
        <v>2150</v>
      </c>
      <c r="B6577" s="6">
        <v>109473.74999999999</v>
      </c>
      <c r="C6577" s="7">
        <f t="shared" si="102"/>
        <v>109.47374999999998</v>
      </c>
    </row>
    <row r="6578" spans="1:3" x14ac:dyDescent="0.25">
      <c r="A6578" s="2" t="s">
        <v>2151</v>
      </c>
      <c r="B6578" s="6">
        <v>109490.4</v>
      </c>
      <c r="C6578" s="7">
        <f t="shared" si="102"/>
        <v>109.49039999999999</v>
      </c>
    </row>
    <row r="6579" spans="1:3" x14ac:dyDescent="0.25">
      <c r="A6579" s="2" t="s">
        <v>2152</v>
      </c>
      <c r="B6579" s="6">
        <v>109507.04999999999</v>
      </c>
      <c r="C6579" s="7">
        <f t="shared" si="102"/>
        <v>109.50704999999999</v>
      </c>
    </row>
    <row r="6580" spans="1:3" x14ac:dyDescent="0.25">
      <c r="A6580" s="2" t="s">
        <v>2153</v>
      </c>
      <c r="B6580" s="6">
        <v>109523.7</v>
      </c>
      <c r="C6580" s="7">
        <f t="shared" si="102"/>
        <v>109.52369999999999</v>
      </c>
    </row>
    <row r="6581" spans="1:3" x14ac:dyDescent="0.25">
      <c r="A6581" s="2" t="s">
        <v>2154</v>
      </c>
      <c r="B6581" s="6">
        <v>109540.34999999999</v>
      </c>
      <c r="C6581" s="7">
        <f t="shared" si="102"/>
        <v>109.54034999999999</v>
      </c>
    </row>
    <row r="6582" spans="1:3" x14ac:dyDescent="0.25">
      <c r="A6582" s="2" t="s">
        <v>2155</v>
      </c>
      <c r="B6582" s="6">
        <v>109556.99999999999</v>
      </c>
      <c r="C6582" s="7">
        <f t="shared" si="102"/>
        <v>109.55699999999999</v>
      </c>
    </row>
    <row r="6583" spans="1:3" x14ac:dyDescent="0.25">
      <c r="A6583" s="2" t="s">
        <v>2156</v>
      </c>
      <c r="B6583" s="6">
        <v>109573.65</v>
      </c>
      <c r="C6583" s="7">
        <f t="shared" si="102"/>
        <v>109.57365</v>
      </c>
    </row>
    <row r="6584" spans="1:3" x14ac:dyDescent="0.25">
      <c r="A6584" s="2" t="s">
        <v>2157</v>
      </c>
      <c r="B6584" s="6">
        <v>109590.29999999999</v>
      </c>
      <c r="C6584" s="7">
        <f t="shared" si="102"/>
        <v>109.59029999999998</v>
      </c>
    </row>
    <row r="6585" spans="1:3" x14ac:dyDescent="0.25">
      <c r="A6585" s="2" t="s">
        <v>2158</v>
      </c>
      <c r="B6585" s="6">
        <v>109606.95</v>
      </c>
      <c r="C6585" s="7">
        <f t="shared" si="102"/>
        <v>109.60695</v>
      </c>
    </row>
    <row r="6586" spans="1:3" x14ac:dyDescent="0.25">
      <c r="A6586" s="2" t="s">
        <v>2159</v>
      </c>
      <c r="B6586" s="6">
        <v>109623.59999999999</v>
      </c>
      <c r="C6586" s="7">
        <f t="shared" si="102"/>
        <v>109.6236</v>
      </c>
    </row>
    <row r="6587" spans="1:3" x14ac:dyDescent="0.25">
      <c r="A6587" s="2" t="s">
        <v>2160</v>
      </c>
      <c r="B6587" s="6">
        <v>109640.24999999999</v>
      </c>
      <c r="C6587" s="7">
        <f t="shared" si="102"/>
        <v>109.64024999999998</v>
      </c>
    </row>
    <row r="6588" spans="1:3" x14ac:dyDescent="0.25">
      <c r="A6588" s="2" t="s">
        <v>2161</v>
      </c>
      <c r="B6588" s="6">
        <v>109656.9</v>
      </c>
      <c r="C6588" s="7">
        <f t="shared" si="102"/>
        <v>109.65689999999999</v>
      </c>
    </row>
    <row r="6589" spans="1:3" x14ac:dyDescent="0.25">
      <c r="A6589" s="2" t="s">
        <v>2162</v>
      </c>
      <c r="B6589" s="6">
        <v>109673.54999999999</v>
      </c>
      <c r="C6589" s="7">
        <f t="shared" si="102"/>
        <v>109.67354999999999</v>
      </c>
    </row>
    <row r="6590" spans="1:3" x14ac:dyDescent="0.25">
      <c r="A6590" s="2" t="s">
        <v>2163</v>
      </c>
      <c r="B6590" s="6">
        <v>109690.2</v>
      </c>
      <c r="C6590" s="7">
        <f t="shared" si="102"/>
        <v>109.69019999999999</v>
      </c>
    </row>
    <row r="6591" spans="1:3" x14ac:dyDescent="0.25">
      <c r="A6591" s="2" t="s">
        <v>2164</v>
      </c>
      <c r="B6591" s="6">
        <v>109706.84999999999</v>
      </c>
      <c r="C6591" s="7">
        <f t="shared" si="102"/>
        <v>109.70684999999999</v>
      </c>
    </row>
    <row r="6592" spans="1:3" x14ac:dyDescent="0.25">
      <c r="A6592" s="2" t="s">
        <v>2165</v>
      </c>
      <c r="B6592" s="6">
        <v>109723.49999999999</v>
      </c>
      <c r="C6592" s="7">
        <f t="shared" si="102"/>
        <v>109.72349999999999</v>
      </c>
    </row>
    <row r="6593" spans="1:3" x14ac:dyDescent="0.25">
      <c r="A6593" s="2" t="s">
        <v>2166</v>
      </c>
      <c r="B6593" s="6">
        <v>109740.15</v>
      </c>
      <c r="C6593" s="7">
        <f t="shared" si="102"/>
        <v>109.74015</v>
      </c>
    </row>
    <row r="6594" spans="1:3" x14ac:dyDescent="0.25">
      <c r="A6594" s="2" t="s">
        <v>2167</v>
      </c>
      <c r="B6594" s="6">
        <v>109756.79999999999</v>
      </c>
      <c r="C6594" s="7">
        <f t="shared" si="102"/>
        <v>109.75679999999998</v>
      </c>
    </row>
    <row r="6595" spans="1:3" x14ac:dyDescent="0.25">
      <c r="A6595" s="2" t="s">
        <v>2168</v>
      </c>
      <c r="B6595" s="6">
        <v>109773.45</v>
      </c>
      <c r="C6595" s="7">
        <f t="shared" ref="C6595:C6658" si="103">B6595/1000</f>
        <v>109.77345</v>
      </c>
    </row>
    <row r="6596" spans="1:3" x14ac:dyDescent="0.25">
      <c r="A6596" s="2" t="s">
        <v>2169</v>
      </c>
      <c r="B6596" s="6">
        <v>109790.09999999999</v>
      </c>
      <c r="C6596" s="7">
        <f t="shared" si="103"/>
        <v>109.7901</v>
      </c>
    </row>
    <row r="6597" spans="1:3" x14ac:dyDescent="0.25">
      <c r="A6597" s="2" t="s">
        <v>2170</v>
      </c>
      <c r="B6597" s="6">
        <v>109806.74999999999</v>
      </c>
      <c r="C6597" s="7">
        <f t="shared" si="103"/>
        <v>109.80674999999998</v>
      </c>
    </row>
    <row r="6598" spans="1:3" x14ac:dyDescent="0.25">
      <c r="A6598" s="2" t="s">
        <v>2171</v>
      </c>
      <c r="B6598" s="6">
        <v>109823.4</v>
      </c>
      <c r="C6598" s="7">
        <f t="shared" si="103"/>
        <v>109.82339999999999</v>
      </c>
    </row>
    <row r="6599" spans="1:3" x14ac:dyDescent="0.25">
      <c r="A6599" s="2" t="s">
        <v>2172</v>
      </c>
      <c r="B6599" s="6">
        <v>109840.04999999999</v>
      </c>
      <c r="C6599" s="7">
        <f t="shared" si="103"/>
        <v>109.84004999999999</v>
      </c>
    </row>
    <row r="6600" spans="1:3" x14ac:dyDescent="0.25">
      <c r="A6600" s="2" t="s">
        <v>2173</v>
      </c>
      <c r="B6600" s="6">
        <v>109856.7</v>
      </c>
      <c r="C6600" s="7">
        <f t="shared" si="103"/>
        <v>109.8567</v>
      </c>
    </row>
    <row r="6601" spans="1:3" x14ac:dyDescent="0.25">
      <c r="A6601" s="2" t="s">
        <v>2174</v>
      </c>
      <c r="B6601" s="6">
        <v>109873.34999999999</v>
      </c>
      <c r="C6601" s="7">
        <f t="shared" si="103"/>
        <v>109.87334999999999</v>
      </c>
    </row>
    <row r="6602" spans="1:3" x14ac:dyDescent="0.25">
      <c r="A6602" s="2" t="s">
        <v>2175</v>
      </c>
      <c r="B6602" s="6">
        <v>109889.99999999999</v>
      </c>
      <c r="C6602" s="7">
        <f t="shared" si="103"/>
        <v>109.88999999999999</v>
      </c>
    </row>
    <row r="6603" spans="1:3" x14ac:dyDescent="0.25">
      <c r="A6603" s="2" t="s">
        <v>2176</v>
      </c>
      <c r="B6603" s="6">
        <v>109906.65</v>
      </c>
      <c r="C6603" s="7">
        <f t="shared" si="103"/>
        <v>109.90665</v>
      </c>
    </row>
    <row r="6604" spans="1:3" x14ac:dyDescent="0.25">
      <c r="A6604" s="2" t="s">
        <v>2177</v>
      </c>
      <c r="B6604" s="6">
        <v>109923.29999999999</v>
      </c>
      <c r="C6604" s="7">
        <f t="shared" si="103"/>
        <v>109.92329999999998</v>
      </c>
    </row>
    <row r="6605" spans="1:3" x14ac:dyDescent="0.25">
      <c r="A6605" s="2" t="s">
        <v>2178</v>
      </c>
      <c r="B6605" s="6">
        <v>109939.95</v>
      </c>
      <c r="C6605" s="7">
        <f t="shared" si="103"/>
        <v>109.93995</v>
      </c>
    </row>
    <row r="6606" spans="1:3" x14ac:dyDescent="0.25">
      <c r="A6606" s="2" t="s">
        <v>2179</v>
      </c>
      <c r="B6606" s="6">
        <v>109956.59999999999</v>
      </c>
      <c r="C6606" s="7">
        <f t="shared" si="103"/>
        <v>109.95659999999999</v>
      </c>
    </row>
    <row r="6607" spans="1:3" x14ac:dyDescent="0.25">
      <c r="A6607" s="2" t="s">
        <v>2180</v>
      </c>
      <c r="B6607" s="6">
        <v>109973.24999999999</v>
      </c>
      <c r="C6607" s="7">
        <f t="shared" si="103"/>
        <v>109.97324999999998</v>
      </c>
    </row>
    <row r="6608" spans="1:3" x14ac:dyDescent="0.25">
      <c r="A6608" s="2" t="s">
        <v>2181</v>
      </c>
      <c r="B6608" s="6">
        <v>109989.9</v>
      </c>
      <c r="C6608" s="7">
        <f t="shared" si="103"/>
        <v>109.98989999999999</v>
      </c>
    </row>
    <row r="6609" spans="1:3" x14ac:dyDescent="0.25">
      <c r="A6609" s="2" t="s">
        <v>2182</v>
      </c>
      <c r="B6609" s="6">
        <v>110006.54999999999</v>
      </c>
      <c r="C6609" s="7">
        <f t="shared" si="103"/>
        <v>110.00654999999999</v>
      </c>
    </row>
    <row r="6610" spans="1:3" x14ac:dyDescent="0.25">
      <c r="A6610" s="2" t="s">
        <v>2183</v>
      </c>
      <c r="B6610" s="6">
        <v>110023.2</v>
      </c>
      <c r="C6610" s="7">
        <f t="shared" si="103"/>
        <v>110.0232</v>
      </c>
    </row>
    <row r="6611" spans="1:3" x14ac:dyDescent="0.25">
      <c r="A6611" s="2" t="s">
        <v>2184</v>
      </c>
      <c r="B6611" s="6">
        <v>110039.84999999999</v>
      </c>
      <c r="C6611" s="7">
        <f t="shared" si="103"/>
        <v>110.03984999999999</v>
      </c>
    </row>
    <row r="6612" spans="1:3" x14ac:dyDescent="0.25">
      <c r="A6612" s="2" t="s">
        <v>2185</v>
      </c>
      <c r="B6612" s="6">
        <v>110056.49999999999</v>
      </c>
      <c r="C6612" s="7">
        <f t="shared" si="103"/>
        <v>110.05649999999999</v>
      </c>
    </row>
    <row r="6613" spans="1:3" x14ac:dyDescent="0.25">
      <c r="A6613" s="2" t="s">
        <v>2186</v>
      </c>
      <c r="B6613" s="6">
        <v>110073.15</v>
      </c>
      <c r="C6613" s="7">
        <f t="shared" si="103"/>
        <v>110.07315</v>
      </c>
    </row>
    <row r="6614" spans="1:3" x14ac:dyDescent="0.25">
      <c r="A6614" s="2" t="s">
        <v>2187</v>
      </c>
      <c r="B6614" s="6">
        <v>110089.79999999999</v>
      </c>
      <c r="C6614" s="7">
        <f t="shared" si="103"/>
        <v>110.08979999999998</v>
      </c>
    </row>
    <row r="6615" spans="1:3" x14ac:dyDescent="0.25">
      <c r="A6615" s="2" t="s">
        <v>2188</v>
      </c>
      <c r="B6615" s="6">
        <v>110106.45</v>
      </c>
      <c r="C6615" s="7">
        <f t="shared" si="103"/>
        <v>110.10645</v>
      </c>
    </row>
    <row r="6616" spans="1:3" x14ac:dyDescent="0.25">
      <c r="A6616" s="2" t="s">
        <v>2189</v>
      </c>
      <c r="B6616" s="6">
        <v>110123.09999999999</v>
      </c>
      <c r="C6616" s="7">
        <f t="shared" si="103"/>
        <v>110.12309999999999</v>
      </c>
    </row>
    <row r="6617" spans="1:3" x14ac:dyDescent="0.25">
      <c r="A6617" s="2" t="s">
        <v>2190</v>
      </c>
      <c r="B6617" s="6">
        <v>110139.74999999999</v>
      </c>
      <c r="C6617" s="7">
        <f t="shared" si="103"/>
        <v>110.13974999999999</v>
      </c>
    </row>
    <row r="6618" spans="1:3" x14ac:dyDescent="0.25">
      <c r="A6618" s="2" t="s">
        <v>2191</v>
      </c>
      <c r="B6618" s="6">
        <v>110156.4</v>
      </c>
      <c r="C6618" s="7">
        <f t="shared" si="103"/>
        <v>110.15639999999999</v>
      </c>
    </row>
    <row r="6619" spans="1:3" x14ac:dyDescent="0.25">
      <c r="A6619" s="2" t="s">
        <v>2192</v>
      </c>
      <c r="B6619" s="6">
        <v>110173.04999999999</v>
      </c>
      <c r="C6619" s="7">
        <f t="shared" si="103"/>
        <v>110.17304999999999</v>
      </c>
    </row>
    <row r="6620" spans="1:3" x14ac:dyDescent="0.25">
      <c r="A6620" s="2" t="s">
        <v>2193</v>
      </c>
      <c r="B6620" s="6">
        <v>110189.7</v>
      </c>
      <c r="C6620" s="7">
        <f t="shared" si="103"/>
        <v>110.1897</v>
      </c>
    </row>
    <row r="6621" spans="1:3" x14ac:dyDescent="0.25">
      <c r="A6621" s="2" t="s">
        <v>2194</v>
      </c>
      <c r="B6621" s="6">
        <v>110206.34999999999</v>
      </c>
      <c r="C6621" s="7">
        <f t="shared" si="103"/>
        <v>110.20634999999999</v>
      </c>
    </row>
    <row r="6622" spans="1:3" x14ac:dyDescent="0.25">
      <c r="A6622" s="2" t="s">
        <v>2195</v>
      </c>
      <c r="B6622" s="6">
        <v>110222.99999999999</v>
      </c>
      <c r="C6622" s="7">
        <f t="shared" si="103"/>
        <v>110.22299999999998</v>
      </c>
    </row>
    <row r="6623" spans="1:3" x14ac:dyDescent="0.25">
      <c r="A6623" s="2" t="s">
        <v>2196</v>
      </c>
      <c r="B6623" s="6">
        <v>110239.65</v>
      </c>
      <c r="C6623" s="7">
        <f t="shared" si="103"/>
        <v>110.23965</v>
      </c>
    </row>
    <row r="6624" spans="1:3" x14ac:dyDescent="0.25">
      <c r="A6624" s="2" t="s">
        <v>2197</v>
      </c>
      <c r="B6624" s="6">
        <v>110256.29999999999</v>
      </c>
      <c r="C6624" s="7">
        <f t="shared" si="103"/>
        <v>110.25629999999998</v>
      </c>
    </row>
    <row r="6625" spans="1:3" x14ac:dyDescent="0.25">
      <c r="A6625" s="2" t="s">
        <v>2198</v>
      </c>
      <c r="B6625" s="6">
        <v>110272.95</v>
      </c>
      <c r="C6625" s="7">
        <f t="shared" si="103"/>
        <v>110.27294999999999</v>
      </c>
    </row>
    <row r="6626" spans="1:3" x14ac:dyDescent="0.25">
      <c r="A6626" s="2" t="s">
        <v>2199</v>
      </c>
      <c r="B6626" s="6">
        <v>110289.59999999999</v>
      </c>
      <c r="C6626" s="7">
        <f t="shared" si="103"/>
        <v>110.28959999999999</v>
      </c>
    </row>
    <row r="6627" spans="1:3" x14ac:dyDescent="0.25">
      <c r="A6627" s="2" t="s">
        <v>2200</v>
      </c>
      <c r="B6627" s="6">
        <v>110306.24999999999</v>
      </c>
      <c r="C6627" s="7">
        <f t="shared" si="103"/>
        <v>110.30624999999999</v>
      </c>
    </row>
    <row r="6628" spans="1:3" x14ac:dyDescent="0.25">
      <c r="A6628" s="2" t="s">
        <v>2201</v>
      </c>
      <c r="B6628" s="6">
        <v>110322.9</v>
      </c>
      <c r="C6628" s="7">
        <f t="shared" si="103"/>
        <v>110.32289999999999</v>
      </c>
    </row>
    <row r="6629" spans="1:3" x14ac:dyDescent="0.25">
      <c r="A6629" s="2" t="s">
        <v>2202</v>
      </c>
      <c r="B6629" s="6">
        <v>110339.54999999999</v>
      </c>
      <c r="C6629" s="7">
        <f t="shared" si="103"/>
        <v>110.33954999999999</v>
      </c>
    </row>
    <row r="6630" spans="1:3" x14ac:dyDescent="0.25">
      <c r="A6630" s="2" t="s">
        <v>2203</v>
      </c>
      <c r="B6630" s="6">
        <v>110356.2</v>
      </c>
      <c r="C6630" s="7">
        <f t="shared" si="103"/>
        <v>110.3562</v>
      </c>
    </row>
    <row r="6631" spans="1:3" x14ac:dyDescent="0.25">
      <c r="A6631" s="2" t="s">
        <v>2204</v>
      </c>
      <c r="B6631" s="6">
        <v>110372.84999999999</v>
      </c>
      <c r="C6631" s="7">
        <f t="shared" si="103"/>
        <v>110.37284999999999</v>
      </c>
    </row>
    <row r="6632" spans="1:3" x14ac:dyDescent="0.25">
      <c r="A6632" s="2" t="s">
        <v>2205</v>
      </c>
      <c r="B6632" s="6">
        <v>110389.49999999999</v>
      </c>
      <c r="C6632" s="7">
        <f t="shared" si="103"/>
        <v>110.38949999999998</v>
      </c>
    </row>
    <row r="6633" spans="1:3" x14ac:dyDescent="0.25">
      <c r="A6633" s="2" t="s">
        <v>2206</v>
      </c>
      <c r="B6633" s="6">
        <v>110406.15</v>
      </c>
      <c r="C6633" s="7">
        <f t="shared" si="103"/>
        <v>110.40615</v>
      </c>
    </row>
    <row r="6634" spans="1:3" x14ac:dyDescent="0.25">
      <c r="A6634" s="2" t="s">
        <v>2207</v>
      </c>
      <c r="B6634" s="6">
        <v>110422.79999999999</v>
      </c>
      <c r="C6634" s="7">
        <f t="shared" si="103"/>
        <v>110.4228</v>
      </c>
    </row>
    <row r="6635" spans="1:3" x14ac:dyDescent="0.25">
      <c r="A6635" s="2" t="s">
        <v>2208</v>
      </c>
      <c r="B6635" s="6">
        <v>110439.45</v>
      </c>
      <c r="C6635" s="7">
        <f t="shared" si="103"/>
        <v>110.43944999999999</v>
      </c>
    </row>
    <row r="6636" spans="1:3" x14ac:dyDescent="0.25">
      <c r="A6636" s="2" t="s">
        <v>2209</v>
      </c>
      <c r="B6636" s="6">
        <v>110456.09999999999</v>
      </c>
      <c r="C6636" s="7">
        <f t="shared" si="103"/>
        <v>110.45609999999999</v>
      </c>
    </row>
    <row r="6637" spans="1:3" x14ac:dyDescent="0.25">
      <c r="A6637" s="2" t="s">
        <v>2210</v>
      </c>
      <c r="B6637" s="6">
        <v>110472.74999999999</v>
      </c>
      <c r="C6637" s="7">
        <f t="shared" si="103"/>
        <v>110.47274999999999</v>
      </c>
    </row>
    <row r="6638" spans="1:3" x14ac:dyDescent="0.25">
      <c r="A6638" s="2" t="s">
        <v>2211</v>
      </c>
      <c r="B6638" s="6">
        <v>110489.4</v>
      </c>
      <c r="C6638" s="7">
        <f t="shared" si="103"/>
        <v>110.48939999999999</v>
      </c>
    </row>
    <row r="6639" spans="1:3" x14ac:dyDescent="0.25">
      <c r="A6639" s="2" t="s">
        <v>2212</v>
      </c>
      <c r="B6639" s="6">
        <v>110506.04999999999</v>
      </c>
      <c r="C6639" s="7">
        <f t="shared" si="103"/>
        <v>110.50604999999999</v>
      </c>
    </row>
    <row r="6640" spans="1:3" x14ac:dyDescent="0.25">
      <c r="A6640" s="2" t="s">
        <v>2213</v>
      </c>
      <c r="B6640" s="6">
        <v>110522.7</v>
      </c>
      <c r="C6640" s="7">
        <f t="shared" si="103"/>
        <v>110.5227</v>
      </c>
    </row>
    <row r="6641" spans="1:3" x14ac:dyDescent="0.25">
      <c r="A6641" s="2" t="s">
        <v>2214</v>
      </c>
      <c r="B6641" s="6">
        <v>110539.34999999999</v>
      </c>
      <c r="C6641" s="7">
        <f t="shared" si="103"/>
        <v>110.53934999999998</v>
      </c>
    </row>
    <row r="6642" spans="1:3" x14ac:dyDescent="0.25">
      <c r="A6642" s="2" t="s">
        <v>2215</v>
      </c>
      <c r="B6642" s="6">
        <v>110555.99999999999</v>
      </c>
      <c r="C6642" s="7">
        <f t="shared" si="103"/>
        <v>110.55599999999998</v>
      </c>
    </row>
    <row r="6643" spans="1:3" x14ac:dyDescent="0.25">
      <c r="A6643" s="2" t="s">
        <v>2216</v>
      </c>
      <c r="B6643" s="6">
        <v>110572.65</v>
      </c>
      <c r="C6643" s="7">
        <f t="shared" si="103"/>
        <v>110.57265</v>
      </c>
    </row>
    <row r="6644" spans="1:3" x14ac:dyDescent="0.25">
      <c r="A6644" s="2" t="s">
        <v>2217</v>
      </c>
      <c r="B6644" s="6">
        <v>110589.29999999999</v>
      </c>
      <c r="C6644" s="7">
        <f t="shared" si="103"/>
        <v>110.58929999999999</v>
      </c>
    </row>
    <row r="6645" spans="1:3" x14ac:dyDescent="0.25">
      <c r="A6645" s="2" t="s">
        <v>2218</v>
      </c>
      <c r="B6645" s="6">
        <v>110605.95</v>
      </c>
      <c r="C6645" s="7">
        <f t="shared" si="103"/>
        <v>110.60594999999999</v>
      </c>
    </row>
    <row r="6646" spans="1:3" x14ac:dyDescent="0.25">
      <c r="A6646" s="2" t="s">
        <v>2219</v>
      </c>
      <c r="B6646" s="6">
        <v>110622.59999999999</v>
      </c>
      <c r="C6646" s="7">
        <f t="shared" si="103"/>
        <v>110.62259999999999</v>
      </c>
    </row>
    <row r="6647" spans="1:3" x14ac:dyDescent="0.25">
      <c r="A6647" s="2" t="s">
        <v>2220</v>
      </c>
      <c r="B6647" s="6">
        <v>110639.24999999999</v>
      </c>
      <c r="C6647" s="7">
        <f t="shared" si="103"/>
        <v>110.63924999999999</v>
      </c>
    </row>
    <row r="6648" spans="1:3" x14ac:dyDescent="0.25">
      <c r="A6648" s="2" t="s">
        <v>2221</v>
      </c>
      <c r="B6648" s="6">
        <v>110655.9</v>
      </c>
      <c r="C6648" s="7">
        <f t="shared" si="103"/>
        <v>110.65589999999999</v>
      </c>
    </row>
    <row r="6649" spans="1:3" x14ac:dyDescent="0.25">
      <c r="A6649" s="2" t="s">
        <v>2222</v>
      </c>
      <c r="B6649" s="6">
        <v>110672.54999999999</v>
      </c>
      <c r="C6649" s="7">
        <f t="shared" si="103"/>
        <v>110.67254999999999</v>
      </c>
    </row>
    <row r="6650" spans="1:3" x14ac:dyDescent="0.25">
      <c r="A6650" s="2" t="s">
        <v>2223</v>
      </c>
      <c r="B6650" s="6">
        <v>110689.2</v>
      </c>
      <c r="C6650" s="7">
        <f t="shared" si="103"/>
        <v>110.6892</v>
      </c>
    </row>
    <row r="6651" spans="1:3" x14ac:dyDescent="0.25">
      <c r="A6651" s="2" t="s">
        <v>2224</v>
      </c>
      <c r="B6651" s="6">
        <v>110705.84999999999</v>
      </c>
      <c r="C6651" s="7">
        <f t="shared" si="103"/>
        <v>110.70585</v>
      </c>
    </row>
    <row r="6652" spans="1:3" x14ac:dyDescent="0.25">
      <c r="A6652" s="2" t="s">
        <v>2225</v>
      </c>
      <c r="B6652" s="6">
        <v>110722.49999999999</v>
      </c>
      <c r="C6652" s="7">
        <f t="shared" si="103"/>
        <v>110.72249999999998</v>
      </c>
    </row>
    <row r="6653" spans="1:3" x14ac:dyDescent="0.25">
      <c r="A6653" s="2" t="s">
        <v>2226</v>
      </c>
      <c r="B6653" s="6">
        <v>110739.15</v>
      </c>
      <c r="C6653" s="7">
        <f t="shared" si="103"/>
        <v>110.73915</v>
      </c>
    </row>
    <row r="6654" spans="1:3" x14ac:dyDescent="0.25">
      <c r="A6654" s="2" t="s">
        <v>2227</v>
      </c>
      <c r="B6654" s="6">
        <v>110755.79999999999</v>
      </c>
      <c r="C6654" s="7">
        <f t="shared" si="103"/>
        <v>110.75579999999999</v>
      </c>
    </row>
    <row r="6655" spans="1:3" x14ac:dyDescent="0.25">
      <c r="A6655" s="2" t="s">
        <v>2228</v>
      </c>
      <c r="B6655" s="6">
        <v>110772.45</v>
      </c>
      <c r="C6655" s="7">
        <f t="shared" si="103"/>
        <v>110.77244999999999</v>
      </c>
    </row>
    <row r="6656" spans="1:3" x14ac:dyDescent="0.25">
      <c r="A6656" s="2" t="s">
        <v>2229</v>
      </c>
      <c r="B6656" s="6">
        <v>110789.09999999999</v>
      </c>
      <c r="C6656" s="7">
        <f t="shared" si="103"/>
        <v>110.78909999999999</v>
      </c>
    </row>
    <row r="6657" spans="1:3" x14ac:dyDescent="0.25">
      <c r="A6657" s="2" t="s">
        <v>2230</v>
      </c>
      <c r="B6657" s="6">
        <v>110805.74999999999</v>
      </c>
      <c r="C6657" s="7">
        <f t="shared" si="103"/>
        <v>110.80574999999999</v>
      </c>
    </row>
    <row r="6658" spans="1:3" x14ac:dyDescent="0.25">
      <c r="A6658" s="2" t="s">
        <v>2231</v>
      </c>
      <c r="B6658" s="6">
        <v>110822.39999999999</v>
      </c>
      <c r="C6658" s="7">
        <f t="shared" si="103"/>
        <v>110.82239999999999</v>
      </c>
    </row>
    <row r="6659" spans="1:3" x14ac:dyDescent="0.25">
      <c r="A6659" s="2" t="s">
        <v>2232</v>
      </c>
      <c r="B6659" s="6">
        <v>110839.04999999999</v>
      </c>
      <c r="C6659" s="7">
        <f t="shared" ref="C6659:C6722" si="104">B6659/1000</f>
        <v>110.83904999999999</v>
      </c>
    </row>
    <row r="6660" spans="1:3" x14ac:dyDescent="0.25">
      <c r="A6660" s="2" t="s">
        <v>2233</v>
      </c>
      <c r="B6660" s="6">
        <v>110855.7</v>
      </c>
      <c r="C6660" s="7">
        <f t="shared" si="104"/>
        <v>110.8557</v>
      </c>
    </row>
    <row r="6661" spans="1:3" x14ac:dyDescent="0.25">
      <c r="A6661" s="2" t="s">
        <v>2234</v>
      </c>
      <c r="B6661" s="6">
        <v>110872.34999999999</v>
      </c>
      <c r="C6661" s="7">
        <f t="shared" si="104"/>
        <v>110.87235</v>
      </c>
    </row>
    <row r="6662" spans="1:3" x14ac:dyDescent="0.25">
      <c r="A6662" s="2" t="s">
        <v>2235</v>
      </c>
      <c r="B6662" s="6">
        <v>110888.99999999999</v>
      </c>
      <c r="C6662" s="7">
        <f t="shared" si="104"/>
        <v>110.88899999999998</v>
      </c>
    </row>
    <row r="6663" spans="1:3" x14ac:dyDescent="0.25">
      <c r="A6663" s="2" t="s">
        <v>2236</v>
      </c>
      <c r="B6663" s="6">
        <v>110905.65</v>
      </c>
      <c r="C6663" s="7">
        <f t="shared" si="104"/>
        <v>110.90564999999999</v>
      </c>
    </row>
    <row r="6664" spans="1:3" x14ac:dyDescent="0.25">
      <c r="A6664" s="2" t="s">
        <v>2237</v>
      </c>
      <c r="B6664" s="6">
        <v>110922.29999999999</v>
      </c>
      <c r="C6664" s="7">
        <f t="shared" si="104"/>
        <v>110.92229999999999</v>
      </c>
    </row>
    <row r="6665" spans="1:3" x14ac:dyDescent="0.25">
      <c r="A6665" s="2" t="s">
        <v>2238</v>
      </c>
      <c r="B6665" s="6">
        <v>110938.95</v>
      </c>
      <c r="C6665" s="7">
        <f t="shared" si="104"/>
        <v>110.93894999999999</v>
      </c>
    </row>
    <row r="6666" spans="1:3" x14ac:dyDescent="0.25">
      <c r="A6666" s="2" t="s">
        <v>2239</v>
      </c>
      <c r="B6666" s="6">
        <v>110955.59999999999</v>
      </c>
      <c r="C6666" s="7">
        <f t="shared" si="104"/>
        <v>110.95559999999999</v>
      </c>
    </row>
    <row r="6667" spans="1:3" x14ac:dyDescent="0.25">
      <c r="A6667" s="2" t="s">
        <v>2240</v>
      </c>
      <c r="B6667" s="6">
        <v>110972.24999999999</v>
      </c>
      <c r="C6667" s="7">
        <f t="shared" si="104"/>
        <v>110.97224999999999</v>
      </c>
    </row>
    <row r="6668" spans="1:3" x14ac:dyDescent="0.25">
      <c r="A6668" s="2" t="s">
        <v>2241</v>
      </c>
      <c r="B6668" s="6">
        <v>110988.9</v>
      </c>
      <c r="C6668" s="7">
        <f t="shared" si="104"/>
        <v>110.9889</v>
      </c>
    </row>
    <row r="6669" spans="1:3" x14ac:dyDescent="0.25">
      <c r="A6669" s="2" t="s">
        <v>2242</v>
      </c>
      <c r="B6669" s="6">
        <v>111005.54999999999</v>
      </c>
      <c r="C6669" s="7">
        <f t="shared" si="104"/>
        <v>111.00554999999999</v>
      </c>
    </row>
    <row r="6670" spans="1:3" x14ac:dyDescent="0.25">
      <c r="A6670" s="2" t="s">
        <v>2243</v>
      </c>
      <c r="B6670" s="6">
        <v>111022.2</v>
      </c>
      <c r="C6670" s="7">
        <f t="shared" si="104"/>
        <v>111.0222</v>
      </c>
    </row>
    <row r="6671" spans="1:3" x14ac:dyDescent="0.25">
      <c r="A6671" s="2" t="s">
        <v>2244</v>
      </c>
      <c r="B6671" s="6">
        <v>111038.84999999999</v>
      </c>
      <c r="C6671" s="7">
        <f t="shared" si="104"/>
        <v>111.03885</v>
      </c>
    </row>
    <row r="6672" spans="1:3" x14ac:dyDescent="0.25">
      <c r="A6672" s="2" t="s">
        <v>2245</v>
      </c>
      <c r="B6672" s="6">
        <v>111055.49999999999</v>
      </c>
      <c r="C6672" s="7">
        <f t="shared" si="104"/>
        <v>111.05549999999998</v>
      </c>
    </row>
    <row r="6673" spans="1:3" x14ac:dyDescent="0.25">
      <c r="A6673" s="2" t="s">
        <v>2246</v>
      </c>
      <c r="B6673" s="6">
        <v>111072.15</v>
      </c>
      <c r="C6673" s="7">
        <f t="shared" si="104"/>
        <v>111.07214999999999</v>
      </c>
    </row>
    <row r="6674" spans="1:3" x14ac:dyDescent="0.25">
      <c r="A6674" s="2" t="s">
        <v>2247</v>
      </c>
      <c r="B6674" s="6">
        <v>111088.79999999999</v>
      </c>
      <c r="C6674" s="7">
        <f t="shared" si="104"/>
        <v>111.08879999999999</v>
      </c>
    </row>
    <row r="6675" spans="1:3" x14ac:dyDescent="0.25">
      <c r="A6675" s="2" t="s">
        <v>2248</v>
      </c>
      <c r="B6675" s="6">
        <v>111105.45</v>
      </c>
      <c r="C6675" s="7">
        <f t="shared" si="104"/>
        <v>111.10544999999999</v>
      </c>
    </row>
    <row r="6676" spans="1:3" x14ac:dyDescent="0.25">
      <c r="A6676" s="2" t="s">
        <v>2249</v>
      </c>
      <c r="B6676" s="6">
        <v>111122.09999999999</v>
      </c>
      <c r="C6676" s="7">
        <f t="shared" si="104"/>
        <v>111.12209999999999</v>
      </c>
    </row>
    <row r="6677" spans="1:3" x14ac:dyDescent="0.25">
      <c r="A6677" s="2" t="s">
        <v>2250</v>
      </c>
      <c r="B6677" s="6">
        <v>111138.74999999999</v>
      </c>
      <c r="C6677" s="7">
        <f t="shared" si="104"/>
        <v>111.13874999999999</v>
      </c>
    </row>
    <row r="6678" spans="1:3" x14ac:dyDescent="0.25">
      <c r="A6678" s="2" t="s">
        <v>2251</v>
      </c>
      <c r="B6678" s="6">
        <v>111155.4</v>
      </c>
      <c r="C6678" s="7">
        <f t="shared" si="104"/>
        <v>111.1554</v>
      </c>
    </row>
    <row r="6679" spans="1:3" x14ac:dyDescent="0.25">
      <c r="A6679" s="2" t="s">
        <v>2252</v>
      </c>
      <c r="B6679" s="6">
        <v>111172.04999999999</v>
      </c>
      <c r="C6679" s="7">
        <f t="shared" si="104"/>
        <v>111.17204999999998</v>
      </c>
    </row>
    <row r="6680" spans="1:3" x14ac:dyDescent="0.25">
      <c r="A6680" s="2" t="s">
        <v>2253</v>
      </c>
      <c r="B6680" s="6">
        <v>111188.7</v>
      </c>
      <c r="C6680" s="7">
        <f t="shared" si="104"/>
        <v>111.1887</v>
      </c>
    </row>
    <row r="6681" spans="1:3" x14ac:dyDescent="0.25">
      <c r="A6681" s="2" t="s">
        <v>2254</v>
      </c>
      <c r="B6681" s="6">
        <v>111205.34999999999</v>
      </c>
      <c r="C6681" s="7">
        <f t="shared" si="104"/>
        <v>111.20535</v>
      </c>
    </row>
    <row r="6682" spans="1:3" x14ac:dyDescent="0.25">
      <c r="A6682" s="2" t="s">
        <v>2255</v>
      </c>
      <c r="B6682" s="6">
        <v>111221.99999999999</v>
      </c>
      <c r="C6682" s="7">
        <f t="shared" si="104"/>
        <v>111.22199999999998</v>
      </c>
    </row>
    <row r="6683" spans="1:3" x14ac:dyDescent="0.25">
      <c r="A6683" s="2" t="s">
        <v>2256</v>
      </c>
      <c r="B6683" s="6">
        <v>111238.65</v>
      </c>
      <c r="C6683" s="7">
        <f t="shared" si="104"/>
        <v>111.23864999999999</v>
      </c>
    </row>
    <row r="6684" spans="1:3" x14ac:dyDescent="0.25">
      <c r="A6684" s="2" t="s">
        <v>2257</v>
      </c>
      <c r="B6684" s="6">
        <v>111255.29999999999</v>
      </c>
      <c r="C6684" s="7">
        <f t="shared" si="104"/>
        <v>111.25529999999999</v>
      </c>
    </row>
    <row r="6685" spans="1:3" x14ac:dyDescent="0.25">
      <c r="A6685" s="2" t="s">
        <v>2258</v>
      </c>
      <c r="B6685" s="6">
        <v>111271.95</v>
      </c>
      <c r="C6685" s="7">
        <f t="shared" si="104"/>
        <v>111.27195</v>
      </c>
    </row>
    <row r="6686" spans="1:3" x14ac:dyDescent="0.25">
      <c r="A6686" s="2" t="s">
        <v>2259</v>
      </c>
      <c r="B6686" s="6">
        <v>111288.59999999999</v>
      </c>
      <c r="C6686" s="7">
        <f t="shared" si="104"/>
        <v>111.28859999999999</v>
      </c>
    </row>
    <row r="6687" spans="1:3" x14ac:dyDescent="0.25">
      <c r="A6687" s="2" t="s">
        <v>2260</v>
      </c>
      <c r="B6687" s="6">
        <v>111305.24999999999</v>
      </c>
      <c r="C6687" s="7">
        <f t="shared" si="104"/>
        <v>111.30524999999999</v>
      </c>
    </row>
    <row r="6688" spans="1:3" x14ac:dyDescent="0.25">
      <c r="A6688" s="2" t="s">
        <v>2261</v>
      </c>
      <c r="B6688" s="6">
        <v>111321.9</v>
      </c>
      <c r="C6688" s="7">
        <f t="shared" si="104"/>
        <v>111.3219</v>
      </c>
    </row>
    <row r="6689" spans="1:3" x14ac:dyDescent="0.25">
      <c r="A6689" s="2" t="s">
        <v>2262</v>
      </c>
      <c r="B6689" s="6">
        <v>111338.54999999999</v>
      </c>
      <c r="C6689" s="7">
        <f t="shared" si="104"/>
        <v>111.33854999999998</v>
      </c>
    </row>
    <row r="6690" spans="1:3" x14ac:dyDescent="0.25">
      <c r="A6690" s="2" t="s">
        <v>2263</v>
      </c>
      <c r="B6690" s="6">
        <v>111355.2</v>
      </c>
      <c r="C6690" s="7">
        <f t="shared" si="104"/>
        <v>111.3552</v>
      </c>
    </row>
    <row r="6691" spans="1:3" x14ac:dyDescent="0.25">
      <c r="A6691" s="2" t="s">
        <v>2264</v>
      </c>
      <c r="B6691" s="6">
        <v>111371.84999999999</v>
      </c>
      <c r="C6691" s="7">
        <f t="shared" si="104"/>
        <v>111.37184999999999</v>
      </c>
    </row>
    <row r="6692" spans="1:3" x14ac:dyDescent="0.25">
      <c r="A6692" s="2" t="s">
        <v>2265</v>
      </c>
      <c r="B6692" s="6">
        <v>111388.49999999999</v>
      </c>
      <c r="C6692" s="7">
        <f t="shared" si="104"/>
        <v>111.38849999999998</v>
      </c>
    </row>
    <row r="6693" spans="1:3" x14ac:dyDescent="0.25">
      <c r="A6693" s="2" t="s">
        <v>2266</v>
      </c>
      <c r="B6693" s="6">
        <v>111405.15</v>
      </c>
      <c r="C6693" s="7">
        <f t="shared" si="104"/>
        <v>111.40514999999999</v>
      </c>
    </row>
    <row r="6694" spans="1:3" x14ac:dyDescent="0.25">
      <c r="A6694" s="2" t="s">
        <v>2267</v>
      </c>
      <c r="B6694" s="6">
        <v>111421.79999999999</v>
      </c>
      <c r="C6694" s="7">
        <f t="shared" si="104"/>
        <v>111.42179999999999</v>
      </c>
    </row>
    <row r="6695" spans="1:3" x14ac:dyDescent="0.25">
      <c r="A6695" s="2" t="s">
        <v>2268</v>
      </c>
      <c r="B6695" s="6">
        <v>111438.45</v>
      </c>
      <c r="C6695" s="7">
        <f t="shared" si="104"/>
        <v>111.43845</v>
      </c>
    </row>
    <row r="6696" spans="1:3" x14ac:dyDescent="0.25">
      <c r="A6696" s="2" t="s">
        <v>2269</v>
      </c>
      <c r="B6696" s="6">
        <v>111455.09999999999</v>
      </c>
      <c r="C6696" s="7">
        <f t="shared" si="104"/>
        <v>111.45509999999999</v>
      </c>
    </row>
    <row r="6697" spans="1:3" x14ac:dyDescent="0.25">
      <c r="A6697" s="2" t="s">
        <v>2270</v>
      </c>
      <c r="B6697" s="6">
        <v>111471.74999999999</v>
      </c>
      <c r="C6697" s="7">
        <f t="shared" si="104"/>
        <v>111.47174999999999</v>
      </c>
    </row>
    <row r="6698" spans="1:3" x14ac:dyDescent="0.25">
      <c r="A6698" s="2" t="s">
        <v>2271</v>
      </c>
      <c r="B6698" s="6">
        <v>111488.4</v>
      </c>
      <c r="C6698" s="7">
        <f t="shared" si="104"/>
        <v>111.4884</v>
      </c>
    </row>
    <row r="6699" spans="1:3" x14ac:dyDescent="0.25">
      <c r="A6699" s="2" t="s">
        <v>2272</v>
      </c>
      <c r="B6699" s="6">
        <v>111505.04999999999</v>
      </c>
      <c r="C6699" s="7">
        <f t="shared" si="104"/>
        <v>111.50504999999998</v>
      </c>
    </row>
    <row r="6700" spans="1:3" x14ac:dyDescent="0.25">
      <c r="A6700" s="2" t="s">
        <v>2273</v>
      </c>
      <c r="B6700" s="6">
        <v>111521.7</v>
      </c>
      <c r="C6700" s="7">
        <f t="shared" si="104"/>
        <v>111.5217</v>
      </c>
    </row>
    <row r="6701" spans="1:3" x14ac:dyDescent="0.25">
      <c r="A6701" s="2" t="s">
        <v>2274</v>
      </c>
      <c r="B6701" s="6">
        <v>111538.34999999999</v>
      </c>
      <c r="C6701" s="7">
        <f t="shared" si="104"/>
        <v>111.53834999999999</v>
      </c>
    </row>
    <row r="6702" spans="1:3" x14ac:dyDescent="0.25">
      <c r="A6702" s="2" t="s">
        <v>2275</v>
      </c>
      <c r="B6702" s="6">
        <v>111554.99999999999</v>
      </c>
      <c r="C6702" s="7">
        <f t="shared" si="104"/>
        <v>111.55499999999998</v>
      </c>
    </row>
    <row r="6703" spans="1:3" x14ac:dyDescent="0.25">
      <c r="A6703" s="2" t="s">
        <v>2276</v>
      </c>
      <c r="B6703" s="6">
        <v>111571.65</v>
      </c>
      <c r="C6703" s="7">
        <f t="shared" si="104"/>
        <v>111.57164999999999</v>
      </c>
    </row>
    <row r="6704" spans="1:3" x14ac:dyDescent="0.25">
      <c r="A6704" s="2" t="s">
        <v>2277</v>
      </c>
      <c r="B6704" s="6">
        <v>111588.29999999999</v>
      </c>
      <c r="C6704" s="7">
        <f t="shared" si="104"/>
        <v>111.58829999999999</v>
      </c>
    </row>
    <row r="6705" spans="1:3" x14ac:dyDescent="0.25">
      <c r="A6705" s="2" t="s">
        <v>2278</v>
      </c>
      <c r="B6705" s="6">
        <v>111604.95</v>
      </c>
      <c r="C6705" s="7">
        <f t="shared" si="104"/>
        <v>111.60495</v>
      </c>
    </row>
    <row r="6706" spans="1:3" x14ac:dyDescent="0.25">
      <c r="A6706" s="2" t="s">
        <v>2279</v>
      </c>
      <c r="B6706" s="6">
        <v>111621.59999999999</v>
      </c>
      <c r="C6706" s="7">
        <f t="shared" si="104"/>
        <v>111.62159999999999</v>
      </c>
    </row>
    <row r="6707" spans="1:3" x14ac:dyDescent="0.25">
      <c r="A6707" s="2" t="s">
        <v>2280</v>
      </c>
      <c r="B6707" s="6">
        <v>111638.24999999999</v>
      </c>
      <c r="C6707" s="7">
        <f t="shared" si="104"/>
        <v>111.63824999999999</v>
      </c>
    </row>
    <row r="6708" spans="1:3" x14ac:dyDescent="0.25">
      <c r="A6708" s="2" t="s">
        <v>2281</v>
      </c>
      <c r="B6708" s="6">
        <v>111654.9</v>
      </c>
      <c r="C6708" s="7">
        <f t="shared" si="104"/>
        <v>111.6549</v>
      </c>
    </row>
    <row r="6709" spans="1:3" x14ac:dyDescent="0.25">
      <c r="A6709" s="2" t="s">
        <v>2282</v>
      </c>
      <c r="B6709" s="6">
        <v>111671.54999999999</v>
      </c>
      <c r="C6709" s="7">
        <f t="shared" si="104"/>
        <v>111.67154999999998</v>
      </c>
    </row>
    <row r="6710" spans="1:3" x14ac:dyDescent="0.25">
      <c r="A6710" s="2" t="s">
        <v>2283</v>
      </c>
      <c r="B6710" s="6">
        <v>111688.2</v>
      </c>
      <c r="C6710" s="7">
        <f t="shared" si="104"/>
        <v>111.68819999999999</v>
      </c>
    </row>
    <row r="6711" spans="1:3" x14ac:dyDescent="0.25">
      <c r="A6711" s="2" t="s">
        <v>2284</v>
      </c>
      <c r="B6711" s="6">
        <v>111704.84999999999</v>
      </c>
      <c r="C6711" s="7">
        <f t="shared" si="104"/>
        <v>111.70484999999999</v>
      </c>
    </row>
    <row r="6712" spans="1:3" x14ac:dyDescent="0.25">
      <c r="A6712" s="2" t="s">
        <v>2285</v>
      </c>
      <c r="B6712" s="6">
        <v>111721.49999999999</v>
      </c>
      <c r="C6712" s="7">
        <f t="shared" si="104"/>
        <v>111.72149999999999</v>
      </c>
    </row>
    <row r="6713" spans="1:3" x14ac:dyDescent="0.25">
      <c r="A6713" s="2" t="s">
        <v>2286</v>
      </c>
      <c r="B6713" s="6">
        <v>111738.15</v>
      </c>
      <c r="C6713" s="7">
        <f t="shared" si="104"/>
        <v>111.73814999999999</v>
      </c>
    </row>
    <row r="6714" spans="1:3" x14ac:dyDescent="0.25">
      <c r="A6714" s="2" t="s">
        <v>2287</v>
      </c>
      <c r="B6714" s="6">
        <v>111754.79999999999</v>
      </c>
      <c r="C6714" s="7">
        <f t="shared" si="104"/>
        <v>111.75479999999999</v>
      </c>
    </row>
    <row r="6715" spans="1:3" x14ac:dyDescent="0.25">
      <c r="A6715" s="2" t="s">
        <v>2288</v>
      </c>
      <c r="B6715" s="6">
        <v>111771.45</v>
      </c>
      <c r="C6715" s="7">
        <f t="shared" si="104"/>
        <v>111.77145</v>
      </c>
    </row>
    <row r="6716" spans="1:3" x14ac:dyDescent="0.25">
      <c r="A6716" s="2" t="s">
        <v>2289</v>
      </c>
      <c r="B6716" s="6">
        <v>111788.09999999999</v>
      </c>
      <c r="C6716" s="7">
        <f t="shared" si="104"/>
        <v>111.78809999999999</v>
      </c>
    </row>
    <row r="6717" spans="1:3" x14ac:dyDescent="0.25">
      <c r="A6717" s="2" t="s">
        <v>2290</v>
      </c>
      <c r="B6717" s="6">
        <v>111804.74999999999</v>
      </c>
      <c r="C6717" s="7">
        <f t="shared" si="104"/>
        <v>111.80474999999998</v>
      </c>
    </row>
    <row r="6718" spans="1:3" x14ac:dyDescent="0.25">
      <c r="A6718" s="2" t="s">
        <v>2291</v>
      </c>
      <c r="B6718" s="6">
        <v>111821.4</v>
      </c>
      <c r="C6718" s="7">
        <f t="shared" si="104"/>
        <v>111.8214</v>
      </c>
    </row>
    <row r="6719" spans="1:3" x14ac:dyDescent="0.25">
      <c r="A6719" s="2" t="s">
        <v>2292</v>
      </c>
      <c r="B6719" s="6">
        <v>111838.04999999999</v>
      </c>
      <c r="C6719" s="7">
        <f t="shared" si="104"/>
        <v>111.83804999999998</v>
      </c>
    </row>
    <row r="6720" spans="1:3" x14ac:dyDescent="0.25">
      <c r="A6720" s="2" t="s">
        <v>2293</v>
      </c>
      <c r="B6720" s="6">
        <v>111854.7</v>
      </c>
      <c r="C6720" s="7">
        <f t="shared" si="104"/>
        <v>111.85469999999999</v>
      </c>
    </row>
    <row r="6721" spans="1:3" x14ac:dyDescent="0.25">
      <c r="A6721" s="2" t="s">
        <v>2294</v>
      </c>
      <c r="B6721" s="6">
        <v>111871.34999999999</v>
      </c>
      <c r="C6721" s="7">
        <f t="shared" si="104"/>
        <v>111.87134999999999</v>
      </c>
    </row>
    <row r="6722" spans="1:3" x14ac:dyDescent="0.25">
      <c r="A6722" s="2" t="s">
        <v>2295</v>
      </c>
      <c r="B6722" s="6">
        <v>111887.99999999999</v>
      </c>
      <c r="C6722" s="7">
        <f t="shared" si="104"/>
        <v>111.88799999999999</v>
      </c>
    </row>
    <row r="6723" spans="1:3" x14ac:dyDescent="0.25">
      <c r="A6723" s="2" t="s">
        <v>2296</v>
      </c>
      <c r="B6723" s="6">
        <v>111904.65</v>
      </c>
      <c r="C6723" s="7">
        <f t="shared" ref="C6723:C6786" si="105">B6723/1000</f>
        <v>111.90464999999999</v>
      </c>
    </row>
    <row r="6724" spans="1:3" x14ac:dyDescent="0.25">
      <c r="A6724" s="2" t="s">
        <v>2297</v>
      </c>
      <c r="B6724" s="6">
        <v>111921.29999999999</v>
      </c>
      <c r="C6724" s="7">
        <f t="shared" si="105"/>
        <v>111.92129999999999</v>
      </c>
    </row>
    <row r="6725" spans="1:3" x14ac:dyDescent="0.25">
      <c r="A6725" s="2" t="s">
        <v>2298</v>
      </c>
      <c r="B6725" s="6">
        <v>111937.95</v>
      </c>
      <c r="C6725" s="7">
        <f t="shared" si="105"/>
        <v>111.93795</v>
      </c>
    </row>
    <row r="6726" spans="1:3" x14ac:dyDescent="0.25">
      <c r="A6726" s="2" t="s">
        <v>2299</v>
      </c>
      <c r="B6726" s="6">
        <v>111954.59999999999</v>
      </c>
      <c r="C6726" s="7">
        <f t="shared" si="105"/>
        <v>111.95459999999999</v>
      </c>
    </row>
    <row r="6727" spans="1:3" x14ac:dyDescent="0.25">
      <c r="A6727" s="2" t="s">
        <v>2300</v>
      </c>
      <c r="B6727" s="6">
        <v>111971.24999999999</v>
      </c>
      <c r="C6727" s="7">
        <f t="shared" si="105"/>
        <v>111.97124999999998</v>
      </c>
    </row>
    <row r="6728" spans="1:3" x14ac:dyDescent="0.25">
      <c r="A6728" s="2" t="s">
        <v>2301</v>
      </c>
      <c r="B6728" s="6">
        <v>111987.9</v>
      </c>
      <c r="C6728" s="7">
        <f t="shared" si="105"/>
        <v>111.9879</v>
      </c>
    </row>
    <row r="6729" spans="1:3" x14ac:dyDescent="0.25">
      <c r="A6729" s="2" t="s">
        <v>2302</v>
      </c>
      <c r="B6729" s="6">
        <v>112004.54999999999</v>
      </c>
      <c r="C6729" s="7">
        <f t="shared" si="105"/>
        <v>112.00454999999999</v>
      </c>
    </row>
    <row r="6730" spans="1:3" x14ac:dyDescent="0.25">
      <c r="A6730" s="2" t="s">
        <v>2303</v>
      </c>
      <c r="B6730" s="6">
        <v>112021.2</v>
      </c>
      <c r="C6730" s="7">
        <f t="shared" si="105"/>
        <v>112.02119999999999</v>
      </c>
    </row>
    <row r="6731" spans="1:3" x14ac:dyDescent="0.25">
      <c r="A6731" s="2" t="s">
        <v>2304</v>
      </c>
      <c r="B6731" s="6">
        <v>112037.84999999999</v>
      </c>
      <c r="C6731" s="7">
        <f t="shared" si="105"/>
        <v>112.03784999999999</v>
      </c>
    </row>
    <row r="6732" spans="1:3" x14ac:dyDescent="0.25">
      <c r="A6732" s="2" t="s">
        <v>2305</v>
      </c>
      <c r="B6732" s="6">
        <v>112054.49999999999</v>
      </c>
      <c r="C6732" s="7">
        <f t="shared" si="105"/>
        <v>112.05449999999999</v>
      </c>
    </row>
    <row r="6733" spans="1:3" x14ac:dyDescent="0.25">
      <c r="A6733" s="2" t="s">
        <v>2306</v>
      </c>
      <c r="B6733" s="6">
        <v>112071.15</v>
      </c>
      <c r="C6733" s="7">
        <f t="shared" si="105"/>
        <v>112.07114999999999</v>
      </c>
    </row>
    <row r="6734" spans="1:3" x14ac:dyDescent="0.25">
      <c r="A6734" s="2" t="s">
        <v>2307</v>
      </c>
      <c r="B6734" s="6">
        <v>112087.79999999999</v>
      </c>
      <c r="C6734" s="7">
        <f t="shared" si="105"/>
        <v>112.08779999999999</v>
      </c>
    </row>
    <row r="6735" spans="1:3" x14ac:dyDescent="0.25">
      <c r="A6735" s="2" t="s">
        <v>2308</v>
      </c>
      <c r="B6735" s="6">
        <v>112104.45</v>
      </c>
      <c r="C6735" s="7">
        <f t="shared" si="105"/>
        <v>112.10445</v>
      </c>
    </row>
    <row r="6736" spans="1:3" x14ac:dyDescent="0.25">
      <c r="A6736" s="2" t="s">
        <v>2309</v>
      </c>
      <c r="B6736" s="6">
        <v>112121.09999999999</v>
      </c>
      <c r="C6736" s="7">
        <f t="shared" si="105"/>
        <v>112.12109999999998</v>
      </c>
    </row>
    <row r="6737" spans="1:3" x14ac:dyDescent="0.25">
      <c r="A6737" s="2" t="s">
        <v>2310</v>
      </c>
      <c r="B6737" s="6">
        <v>112137.74999999999</v>
      </c>
      <c r="C6737" s="7">
        <f t="shared" si="105"/>
        <v>112.13774999999998</v>
      </c>
    </row>
    <row r="6738" spans="1:3" x14ac:dyDescent="0.25">
      <c r="A6738" s="2" t="s">
        <v>2311</v>
      </c>
      <c r="B6738" s="6">
        <v>112154.4</v>
      </c>
      <c r="C6738" s="7">
        <f t="shared" si="105"/>
        <v>112.1544</v>
      </c>
    </row>
    <row r="6739" spans="1:3" x14ac:dyDescent="0.25">
      <c r="A6739" s="2" t="s">
        <v>2312</v>
      </c>
      <c r="B6739" s="6">
        <v>112171.04999999999</v>
      </c>
      <c r="C6739" s="7">
        <f t="shared" si="105"/>
        <v>112.17104999999999</v>
      </c>
    </row>
    <row r="6740" spans="1:3" x14ac:dyDescent="0.25">
      <c r="A6740" s="2" t="s">
        <v>2313</v>
      </c>
      <c r="B6740" s="6">
        <v>112187.7</v>
      </c>
      <c r="C6740" s="7">
        <f t="shared" si="105"/>
        <v>112.18769999999999</v>
      </c>
    </row>
    <row r="6741" spans="1:3" x14ac:dyDescent="0.25">
      <c r="A6741" s="2" t="s">
        <v>2314</v>
      </c>
      <c r="B6741" s="6">
        <v>112204.34999999999</v>
      </c>
      <c r="C6741" s="7">
        <f t="shared" si="105"/>
        <v>112.20434999999999</v>
      </c>
    </row>
    <row r="6742" spans="1:3" x14ac:dyDescent="0.25">
      <c r="A6742" s="2" t="s">
        <v>2315</v>
      </c>
      <c r="B6742" s="6">
        <v>112220.99999999999</v>
      </c>
      <c r="C6742" s="7">
        <f t="shared" si="105"/>
        <v>112.22099999999999</v>
      </c>
    </row>
    <row r="6743" spans="1:3" x14ac:dyDescent="0.25">
      <c r="A6743" s="2" t="s">
        <v>2316</v>
      </c>
      <c r="B6743" s="6">
        <v>112237.65</v>
      </c>
      <c r="C6743" s="7">
        <f t="shared" si="105"/>
        <v>112.23764999999999</v>
      </c>
    </row>
    <row r="6744" spans="1:3" x14ac:dyDescent="0.25">
      <c r="A6744" s="2" t="s">
        <v>2317</v>
      </c>
      <c r="B6744" s="6">
        <v>112254.29999999999</v>
      </c>
      <c r="C6744" s="7">
        <f t="shared" si="105"/>
        <v>112.25429999999999</v>
      </c>
    </row>
    <row r="6745" spans="1:3" x14ac:dyDescent="0.25">
      <c r="A6745" s="2" t="s">
        <v>2318</v>
      </c>
      <c r="B6745" s="6">
        <v>112270.95</v>
      </c>
      <c r="C6745" s="7">
        <f t="shared" si="105"/>
        <v>112.27095</v>
      </c>
    </row>
    <row r="6746" spans="1:3" x14ac:dyDescent="0.25">
      <c r="A6746" s="2" t="s">
        <v>2319</v>
      </c>
      <c r="B6746" s="6">
        <v>112287.59999999999</v>
      </c>
      <c r="C6746" s="7">
        <f t="shared" si="105"/>
        <v>112.2876</v>
      </c>
    </row>
    <row r="6747" spans="1:3" x14ac:dyDescent="0.25">
      <c r="A6747" s="2" t="s">
        <v>2320</v>
      </c>
      <c r="B6747" s="6">
        <v>112304.24999999999</v>
      </c>
      <c r="C6747" s="7">
        <f t="shared" si="105"/>
        <v>112.30424999999998</v>
      </c>
    </row>
    <row r="6748" spans="1:3" x14ac:dyDescent="0.25">
      <c r="A6748" s="2" t="s">
        <v>2321</v>
      </c>
      <c r="B6748" s="6">
        <v>112320.9</v>
      </c>
      <c r="C6748" s="7">
        <f t="shared" si="105"/>
        <v>112.32089999999999</v>
      </c>
    </row>
    <row r="6749" spans="1:3" x14ac:dyDescent="0.25">
      <c r="A6749" s="2" t="s">
        <v>2322</v>
      </c>
      <c r="B6749" s="6">
        <v>112337.54999999999</v>
      </c>
      <c r="C6749" s="7">
        <f t="shared" si="105"/>
        <v>112.33754999999999</v>
      </c>
    </row>
    <row r="6750" spans="1:3" x14ac:dyDescent="0.25">
      <c r="A6750" s="2" t="s">
        <v>2323</v>
      </c>
      <c r="B6750" s="6">
        <v>112354.2</v>
      </c>
      <c r="C6750" s="7">
        <f t="shared" si="105"/>
        <v>112.35419999999999</v>
      </c>
    </row>
    <row r="6751" spans="1:3" x14ac:dyDescent="0.25">
      <c r="A6751" s="2" t="s">
        <v>2324</v>
      </c>
      <c r="B6751" s="6">
        <v>112370.84999999999</v>
      </c>
      <c r="C6751" s="7">
        <f t="shared" si="105"/>
        <v>112.37084999999999</v>
      </c>
    </row>
    <row r="6752" spans="1:3" x14ac:dyDescent="0.25">
      <c r="A6752" s="2" t="s">
        <v>2325</v>
      </c>
      <c r="B6752" s="6">
        <v>112387.49999999999</v>
      </c>
      <c r="C6752" s="7">
        <f t="shared" si="105"/>
        <v>112.38749999999999</v>
      </c>
    </row>
    <row r="6753" spans="1:3" x14ac:dyDescent="0.25">
      <c r="A6753" s="2" t="s">
        <v>2326</v>
      </c>
      <c r="B6753" s="6">
        <v>112404.15</v>
      </c>
      <c r="C6753" s="7">
        <f t="shared" si="105"/>
        <v>112.40414999999999</v>
      </c>
    </row>
    <row r="6754" spans="1:3" x14ac:dyDescent="0.25">
      <c r="A6754" s="2" t="s">
        <v>2327</v>
      </c>
      <c r="B6754" s="6">
        <v>112420.79999999999</v>
      </c>
      <c r="C6754" s="7">
        <f t="shared" si="105"/>
        <v>112.42079999999999</v>
      </c>
    </row>
    <row r="6755" spans="1:3" x14ac:dyDescent="0.25">
      <c r="A6755" s="2" t="s">
        <v>2328</v>
      </c>
      <c r="B6755" s="6">
        <v>112437.45</v>
      </c>
      <c r="C6755" s="7">
        <f t="shared" si="105"/>
        <v>112.43745</v>
      </c>
    </row>
    <row r="6756" spans="1:3" x14ac:dyDescent="0.25">
      <c r="A6756" s="2" t="s">
        <v>2329</v>
      </c>
      <c r="B6756" s="6">
        <v>112454.09999999999</v>
      </c>
      <c r="C6756" s="7">
        <f t="shared" si="105"/>
        <v>112.4541</v>
      </c>
    </row>
    <row r="6757" spans="1:3" x14ac:dyDescent="0.25">
      <c r="A6757" s="2" t="s">
        <v>2330</v>
      </c>
      <c r="B6757" s="6">
        <v>112470.74999999999</v>
      </c>
      <c r="C6757" s="7">
        <f t="shared" si="105"/>
        <v>112.47074999999998</v>
      </c>
    </row>
    <row r="6758" spans="1:3" x14ac:dyDescent="0.25">
      <c r="A6758" s="2" t="s">
        <v>2331</v>
      </c>
      <c r="B6758" s="6">
        <v>112487.4</v>
      </c>
      <c r="C6758" s="7">
        <f t="shared" si="105"/>
        <v>112.48739999999999</v>
      </c>
    </row>
    <row r="6759" spans="1:3" x14ac:dyDescent="0.25">
      <c r="A6759" s="2" t="s">
        <v>2332</v>
      </c>
      <c r="B6759" s="6">
        <v>112504.04999999999</v>
      </c>
      <c r="C6759" s="7">
        <f t="shared" si="105"/>
        <v>112.50404999999999</v>
      </c>
    </row>
    <row r="6760" spans="1:3" x14ac:dyDescent="0.25">
      <c r="A6760" s="2" t="s">
        <v>2333</v>
      </c>
      <c r="B6760" s="6">
        <v>112520.7</v>
      </c>
      <c r="C6760" s="7">
        <f t="shared" si="105"/>
        <v>112.52069999999999</v>
      </c>
    </row>
    <row r="6761" spans="1:3" x14ac:dyDescent="0.25">
      <c r="A6761" s="2" t="s">
        <v>2334</v>
      </c>
      <c r="B6761" s="6">
        <v>112537.34999999999</v>
      </c>
      <c r="C6761" s="7">
        <f t="shared" si="105"/>
        <v>112.53734999999999</v>
      </c>
    </row>
    <row r="6762" spans="1:3" x14ac:dyDescent="0.25">
      <c r="A6762" s="2" t="s">
        <v>2335</v>
      </c>
      <c r="B6762" s="6">
        <v>112553.99999999999</v>
      </c>
      <c r="C6762" s="7">
        <f t="shared" si="105"/>
        <v>112.55399999999999</v>
      </c>
    </row>
    <row r="6763" spans="1:3" x14ac:dyDescent="0.25">
      <c r="A6763" s="2" t="s">
        <v>2336</v>
      </c>
      <c r="B6763" s="6">
        <v>112570.65</v>
      </c>
      <c r="C6763" s="7">
        <f t="shared" si="105"/>
        <v>112.57065</v>
      </c>
    </row>
    <row r="6764" spans="1:3" x14ac:dyDescent="0.25">
      <c r="A6764" s="2" t="s">
        <v>2337</v>
      </c>
      <c r="B6764" s="6">
        <v>112587.29999999999</v>
      </c>
      <c r="C6764" s="7">
        <f t="shared" si="105"/>
        <v>112.58729999999998</v>
      </c>
    </row>
    <row r="6765" spans="1:3" x14ac:dyDescent="0.25">
      <c r="A6765" s="2" t="s">
        <v>2338</v>
      </c>
      <c r="B6765" s="6">
        <v>112603.95</v>
      </c>
      <c r="C6765" s="7">
        <f t="shared" si="105"/>
        <v>112.60395</v>
      </c>
    </row>
    <row r="6766" spans="1:3" x14ac:dyDescent="0.25">
      <c r="A6766" s="2" t="s">
        <v>2339</v>
      </c>
      <c r="B6766" s="6">
        <v>112620.59999999999</v>
      </c>
      <c r="C6766" s="7">
        <f t="shared" si="105"/>
        <v>112.6206</v>
      </c>
    </row>
    <row r="6767" spans="1:3" x14ac:dyDescent="0.25">
      <c r="A6767" s="2" t="s">
        <v>2340</v>
      </c>
      <c r="B6767" s="6">
        <v>112637.24999999999</v>
      </c>
      <c r="C6767" s="7">
        <f t="shared" si="105"/>
        <v>112.63724999999998</v>
      </c>
    </row>
    <row r="6768" spans="1:3" x14ac:dyDescent="0.25">
      <c r="A6768" s="2" t="s">
        <v>2341</v>
      </c>
      <c r="B6768" s="6">
        <v>112653.9</v>
      </c>
      <c r="C6768" s="7">
        <f t="shared" si="105"/>
        <v>112.65389999999999</v>
      </c>
    </row>
    <row r="6769" spans="1:3" x14ac:dyDescent="0.25">
      <c r="A6769" s="2" t="s">
        <v>2342</v>
      </c>
      <c r="B6769" s="6">
        <v>112670.54999999999</v>
      </c>
      <c r="C6769" s="7">
        <f t="shared" si="105"/>
        <v>112.67054999999999</v>
      </c>
    </row>
    <row r="6770" spans="1:3" x14ac:dyDescent="0.25">
      <c r="A6770" s="2" t="s">
        <v>2343</v>
      </c>
      <c r="B6770" s="6">
        <v>112687.2</v>
      </c>
      <c r="C6770" s="7">
        <f t="shared" si="105"/>
        <v>112.68719999999999</v>
      </c>
    </row>
    <row r="6771" spans="1:3" x14ac:dyDescent="0.25">
      <c r="A6771" s="2" t="s">
        <v>2344</v>
      </c>
      <c r="B6771" s="6">
        <v>112703.84999999999</v>
      </c>
      <c r="C6771" s="7">
        <f t="shared" si="105"/>
        <v>112.70384999999999</v>
      </c>
    </row>
    <row r="6772" spans="1:3" x14ac:dyDescent="0.25">
      <c r="A6772" s="2" t="s">
        <v>2345</v>
      </c>
      <c r="B6772" s="6">
        <v>112720.49999999999</v>
      </c>
      <c r="C6772" s="7">
        <f t="shared" si="105"/>
        <v>112.72049999999999</v>
      </c>
    </row>
    <row r="6773" spans="1:3" x14ac:dyDescent="0.25">
      <c r="A6773" s="2" t="s">
        <v>2346</v>
      </c>
      <c r="B6773" s="6">
        <v>112737.15</v>
      </c>
      <c r="C6773" s="7">
        <f t="shared" si="105"/>
        <v>112.73715</v>
      </c>
    </row>
    <row r="6774" spans="1:3" x14ac:dyDescent="0.25">
      <c r="A6774" s="2" t="s">
        <v>2347</v>
      </c>
      <c r="B6774" s="6">
        <v>112753.79999999999</v>
      </c>
      <c r="C6774" s="7">
        <f t="shared" si="105"/>
        <v>112.75379999999998</v>
      </c>
    </row>
    <row r="6775" spans="1:3" x14ac:dyDescent="0.25">
      <c r="A6775" s="2" t="s">
        <v>2348</v>
      </c>
      <c r="B6775" s="6">
        <v>112770.45</v>
      </c>
      <c r="C6775" s="7">
        <f t="shared" si="105"/>
        <v>112.77045</v>
      </c>
    </row>
    <row r="6776" spans="1:3" x14ac:dyDescent="0.25">
      <c r="A6776" s="2" t="s">
        <v>2349</v>
      </c>
      <c r="B6776" s="6">
        <v>112787.09999999999</v>
      </c>
      <c r="C6776" s="7">
        <f t="shared" si="105"/>
        <v>112.7871</v>
      </c>
    </row>
    <row r="6777" spans="1:3" x14ac:dyDescent="0.25">
      <c r="A6777" s="2" t="s">
        <v>2350</v>
      </c>
      <c r="B6777" s="6">
        <v>112803.74999999999</v>
      </c>
      <c r="C6777" s="7">
        <f t="shared" si="105"/>
        <v>112.80374999999998</v>
      </c>
    </row>
    <row r="6778" spans="1:3" x14ac:dyDescent="0.25">
      <c r="A6778" s="2" t="s">
        <v>2351</v>
      </c>
      <c r="B6778" s="6">
        <v>112820.4</v>
      </c>
      <c r="C6778" s="7">
        <f t="shared" si="105"/>
        <v>112.82039999999999</v>
      </c>
    </row>
    <row r="6779" spans="1:3" x14ac:dyDescent="0.25">
      <c r="A6779" s="2" t="s">
        <v>2352</v>
      </c>
      <c r="B6779" s="6">
        <v>112837.04999999999</v>
      </c>
      <c r="C6779" s="7">
        <f t="shared" si="105"/>
        <v>112.83704999999999</v>
      </c>
    </row>
    <row r="6780" spans="1:3" x14ac:dyDescent="0.25">
      <c r="A6780" s="2" t="s">
        <v>2353</v>
      </c>
      <c r="B6780" s="6">
        <v>112853.7</v>
      </c>
      <c r="C6780" s="7">
        <f t="shared" si="105"/>
        <v>112.8537</v>
      </c>
    </row>
    <row r="6781" spans="1:3" x14ac:dyDescent="0.25">
      <c r="A6781" s="2" t="s">
        <v>2354</v>
      </c>
      <c r="B6781" s="6">
        <v>112870.34999999999</v>
      </c>
      <c r="C6781" s="7">
        <f t="shared" si="105"/>
        <v>112.87034999999999</v>
      </c>
    </row>
    <row r="6782" spans="1:3" x14ac:dyDescent="0.25">
      <c r="A6782" s="2" t="s">
        <v>2355</v>
      </c>
      <c r="B6782" s="6">
        <v>112886.99999999999</v>
      </c>
      <c r="C6782" s="7">
        <f t="shared" si="105"/>
        <v>112.88699999999999</v>
      </c>
    </row>
    <row r="6783" spans="1:3" x14ac:dyDescent="0.25">
      <c r="A6783" s="2" t="s">
        <v>2356</v>
      </c>
      <c r="B6783" s="6">
        <v>112903.65</v>
      </c>
      <c r="C6783" s="7">
        <f t="shared" si="105"/>
        <v>112.90365</v>
      </c>
    </row>
    <row r="6784" spans="1:3" x14ac:dyDescent="0.25">
      <c r="A6784" s="2" t="s">
        <v>2357</v>
      </c>
      <c r="B6784" s="6">
        <v>112920.29999999999</v>
      </c>
      <c r="C6784" s="7">
        <f t="shared" si="105"/>
        <v>112.92029999999998</v>
      </c>
    </row>
    <row r="6785" spans="1:3" x14ac:dyDescent="0.25">
      <c r="A6785" s="2" t="s">
        <v>2358</v>
      </c>
      <c r="B6785" s="6">
        <v>112936.95</v>
      </c>
      <c r="C6785" s="7">
        <f t="shared" si="105"/>
        <v>112.93695</v>
      </c>
    </row>
    <row r="6786" spans="1:3" x14ac:dyDescent="0.25">
      <c r="A6786" s="2" t="s">
        <v>2359</v>
      </c>
      <c r="B6786" s="6">
        <v>112953.59999999999</v>
      </c>
      <c r="C6786" s="7">
        <f t="shared" si="105"/>
        <v>112.95359999999999</v>
      </c>
    </row>
    <row r="6787" spans="1:3" x14ac:dyDescent="0.25">
      <c r="A6787" s="2" t="s">
        <v>2360</v>
      </c>
      <c r="B6787" s="6">
        <v>112970.24999999999</v>
      </c>
      <c r="C6787" s="7">
        <f t="shared" ref="C6787:C6850" si="106">B6787/1000</f>
        <v>112.97024999999998</v>
      </c>
    </row>
    <row r="6788" spans="1:3" x14ac:dyDescent="0.25">
      <c r="A6788" s="2" t="s">
        <v>2361</v>
      </c>
      <c r="B6788" s="6">
        <v>112986.9</v>
      </c>
      <c r="C6788" s="7">
        <f t="shared" si="106"/>
        <v>112.98689999999999</v>
      </c>
    </row>
    <row r="6789" spans="1:3" x14ac:dyDescent="0.25">
      <c r="A6789" s="2" t="s">
        <v>2362</v>
      </c>
      <c r="B6789" s="6">
        <v>113003.54999999999</v>
      </c>
      <c r="C6789" s="7">
        <f t="shared" si="106"/>
        <v>113.00354999999999</v>
      </c>
    </row>
    <row r="6790" spans="1:3" x14ac:dyDescent="0.25">
      <c r="A6790" s="2" t="s">
        <v>2363</v>
      </c>
      <c r="B6790" s="6">
        <v>113020.2</v>
      </c>
      <c r="C6790" s="7">
        <f t="shared" si="106"/>
        <v>113.0202</v>
      </c>
    </row>
    <row r="6791" spans="1:3" x14ac:dyDescent="0.25">
      <c r="A6791" s="2" t="s">
        <v>2364</v>
      </c>
      <c r="B6791" s="6">
        <v>113036.84999999999</v>
      </c>
      <c r="C6791" s="7">
        <f t="shared" si="106"/>
        <v>113.03684999999999</v>
      </c>
    </row>
    <row r="6792" spans="1:3" x14ac:dyDescent="0.25">
      <c r="A6792" s="2" t="s">
        <v>2365</v>
      </c>
      <c r="B6792" s="6">
        <v>113053.49999999999</v>
      </c>
      <c r="C6792" s="7">
        <f t="shared" si="106"/>
        <v>113.05349999999999</v>
      </c>
    </row>
    <row r="6793" spans="1:3" x14ac:dyDescent="0.25">
      <c r="A6793" s="2" t="s">
        <v>2366</v>
      </c>
      <c r="B6793" s="6">
        <v>113070.15</v>
      </c>
      <c r="C6793" s="7">
        <f t="shared" si="106"/>
        <v>113.07015</v>
      </c>
    </row>
    <row r="6794" spans="1:3" x14ac:dyDescent="0.25">
      <c r="A6794" s="2" t="s">
        <v>2367</v>
      </c>
      <c r="B6794" s="6">
        <v>113086.79999999999</v>
      </c>
      <c r="C6794" s="7">
        <f t="shared" si="106"/>
        <v>113.08679999999998</v>
      </c>
    </row>
    <row r="6795" spans="1:3" x14ac:dyDescent="0.25">
      <c r="A6795" s="2" t="s">
        <v>2368</v>
      </c>
      <c r="B6795" s="6">
        <v>113103.45</v>
      </c>
      <c r="C6795" s="7">
        <f t="shared" si="106"/>
        <v>113.10345</v>
      </c>
    </row>
    <row r="6796" spans="1:3" x14ac:dyDescent="0.25">
      <c r="A6796" s="2" t="s">
        <v>2369</v>
      </c>
      <c r="B6796" s="6">
        <v>113120.09999999999</v>
      </c>
      <c r="C6796" s="7">
        <f t="shared" si="106"/>
        <v>113.12009999999999</v>
      </c>
    </row>
    <row r="6797" spans="1:3" x14ac:dyDescent="0.25">
      <c r="A6797" s="2" t="s">
        <v>2370</v>
      </c>
      <c r="B6797" s="6">
        <v>113136.74999999999</v>
      </c>
      <c r="C6797" s="7">
        <f t="shared" si="106"/>
        <v>113.13674999999999</v>
      </c>
    </row>
    <row r="6798" spans="1:3" x14ac:dyDescent="0.25">
      <c r="A6798" s="2" t="s">
        <v>2371</v>
      </c>
      <c r="B6798" s="6">
        <v>113153.4</v>
      </c>
      <c r="C6798" s="7">
        <f t="shared" si="106"/>
        <v>113.15339999999999</v>
      </c>
    </row>
    <row r="6799" spans="1:3" x14ac:dyDescent="0.25">
      <c r="A6799" s="2" t="s">
        <v>2372</v>
      </c>
      <c r="B6799" s="6">
        <v>113170.04999999999</v>
      </c>
      <c r="C6799" s="7">
        <f t="shared" si="106"/>
        <v>113.17004999999999</v>
      </c>
    </row>
    <row r="6800" spans="1:3" x14ac:dyDescent="0.25">
      <c r="A6800" s="2" t="s">
        <v>2373</v>
      </c>
      <c r="B6800" s="6">
        <v>113186.7</v>
      </c>
      <c r="C6800" s="7">
        <f t="shared" si="106"/>
        <v>113.1867</v>
      </c>
    </row>
    <row r="6801" spans="1:3" x14ac:dyDescent="0.25">
      <c r="A6801" s="2" t="s">
        <v>2374</v>
      </c>
      <c r="B6801" s="6">
        <v>113203.34999999999</v>
      </c>
      <c r="C6801" s="7">
        <f t="shared" si="106"/>
        <v>113.20334999999999</v>
      </c>
    </row>
    <row r="6802" spans="1:3" x14ac:dyDescent="0.25">
      <c r="A6802" s="2" t="s">
        <v>2375</v>
      </c>
      <c r="B6802" s="6">
        <v>113219.99999999999</v>
      </c>
      <c r="C6802" s="7">
        <f t="shared" si="106"/>
        <v>113.21999999999998</v>
      </c>
    </row>
    <row r="6803" spans="1:3" x14ac:dyDescent="0.25">
      <c r="A6803" s="2" t="s">
        <v>2376</v>
      </c>
      <c r="B6803" s="6">
        <v>113236.65</v>
      </c>
      <c r="C6803" s="7">
        <f t="shared" si="106"/>
        <v>113.23665</v>
      </c>
    </row>
    <row r="6804" spans="1:3" x14ac:dyDescent="0.25">
      <c r="A6804" s="2" t="s">
        <v>2377</v>
      </c>
      <c r="B6804" s="6">
        <v>113253.29999999999</v>
      </c>
      <c r="C6804" s="7">
        <f t="shared" si="106"/>
        <v>113.25329999999998</v>
      </c>
    </row>
    <row r="6805" spans="1:3" x14ac:dyDescent="0.25">
      <c r="A6805" s="2" t="s">
        <v>2378</v>
      </c>
      <c r="B6805" s="6">
        <v>113269.95</v>
      </c>
      <c r="C6805" s="7">
        <f t="shared" si="106"/>
        <v>113.26994999999999</v>
      </c>
    </row>
    <row r="6806" spans="1:3" x14ac:dyDescent="0.25">
      <c r="A6806" s="2" t="s">
        <v>2379</v>
      </c>
      <c r="B6806" s="6">
        <v>113286.59999999999</v>
      </c>
      <c r="C6806" s="7">
        <f t="shared" si="106"/>
        <v>113.28659999999999</v>
      </c>
    </row>
    <row r="6807" spans="1:3" x14ac:dyDescent="0.25">
      <c r="A6807" s="2" t="s">
        <v>2380</v>
      </c>
      <c r="B6807" s="6">
        <v>113303.24999999999</v>
      </c>
      <c r="C6807" s="7">
        <f t="shared" si="106"/>
        <v>113.30324999999999</v>
      </c>
    </row>
    <row r="6808" spans="1:3" x14ac:dyDescent="0.25">
      <c r="A6808" s="2" t="s">
        <v>2381</v>
      </c>
      <c r="B6808" s="6">
        <v>113319.9</v>
      </c>
      <c r="C6808" s="7">
        <f t="shared" si="106"/>
        <v>113.31989999999999</v>
      </c>
    </row>
    <row r="6809" spans="1:3" x14ac:dyDescent="0.25">
      <c r="A6809" s="2" t="s">
        <v>2382</v>
      </c>
      <c r="B6809" s="6">
        <v>113336.54999999999</v>
      </c>
      <c r="C6809" s="7">
        <f t="shared" si="106"/>
        <v>113.33654999999999</v>
      </c>
    </row>
    <row r="6810" spans="1:3" x14ac:dyDescent="0.25">
      <c r="A6810" s="2" t="s">
        <v>2383</v>
      </c>
      <c r="B6810" s="6">
        <v>113353.2</v>
      </c>
      <c r="C6810" s="7">
        <f t="shared" si="106"/>
        <v>113.3532</v>
      </c>
    </row>
    <row r="6811" spans="1:3" x14ac:dyDescent="0.25">
      <c r="A6811" s="2" t="s">
        <v>2384</v>
      </c>
      <c r="B6811" s="6">
        <v>113369.84999999999</v>
      </c>
      <c r="C6811" s="7">
        <f t="shared" si="106"/>
        <v>113.36984999999999</v>
      </c>
    </row>
    <row r="6812" spans="1:3" x14ac:dyDescent="0.25">
      <c r="A6812" s="2" t="s">
        <v>2385</v>
      </c>
      <c r="B6812" s="6">
        <v>113386.49999999999</v>
      </c>
      <c r="C6812" s="7">
        <f t="shared" si="106"/>
        <v>113.38649999999998</v>
      </c>
    </row>
    <row r="6813" spans="1:3" x14ac:dyDescent="0.25">
      <c r="A6813" s="2" t="s">
        <v>2386</v>
      </c>
      <c r="B6813" s="6">
        <v>113403.15</v>
      </c>
      <c r="C6813" s="7">
        <f t="shared" si="106"/>
        <v>113.40315</v>
      </c>
    </row>
    <row r="6814" spans="1:3" x14ac:dyDescent="0.25">
      <c r="A6814" s="2" t="s">
        <v>2387</v>
      </c>
      <c r="B6814" s="6">
        <v>113419.79999999999</v>
      </c>
      <c r="C6814" s="7">
        <f t="shared" si="106"/>
        <v>113.4198</v>
      </c>
    </row>
    <row r="6815" spans="1:3" x14ac:dyDescent="0.25">
      <c r="A6815" s="2" t="s">
        <v>2388</v>
      </c>
      <c r="B6815" s="6">
        <v>113436.45</v>
      </c>
      <c r="C6815" s="7">
        <f t="shared" si="106"/>
        <v>113.43644999999999</v>
      </c>
    </row>
    <row r="6816" spans="1:3" x14ac:dyDescent="0.25">
      <c r="A6816" s="2" t="s">
        <v>2389</v>
      </c>
      <c r="B6816" s="6">
        <v>113453.09999999999</v>
      </c>
      <c r="C6816" s="7">
        <f t="shared" si="106"/>
        <v>113.45309999999999</v>
      </c>
    </row>
    <row r="6817" spans="1:3" x14ac:dyDescent="0.25">
      <c r="A6817" s="2" t="s">
        <v>2390</v>
      </c>
      <c r="B6817" s="6">
        <v>113469.74999999999</v>
      </c>
      <c r="C6817" s="7">
        <f t="shared" si="106"/>
        <v>113.46974999999999</v>
      </c>
    </row>
    <row r="6818" spans="1:3" x14ac:dyDescent="0.25">
      <c r="A6818" s="2" t="s">
        <v>2391</v>
      </c>
      <c r="B6818" s="6">
        <v>113486.39999999999</v>
      </c>
      <c r="C6818" s="7">
        <f t="shared" si="106"/>
        <v>113.48639999999999</v>
      </c>
    </row>
    <row r="6819" spans="1:3" x14ac:dyDescent="0.25">
      <c r="A6819" s="2" t="s">
        <v>2392</v>
      </c>
      <c r="B6819" s="6">
        <v>113503.04999999999</v>
      </c>
      <c r="C6819" s="7">
        <f t="shared" si="106"/>
        <v>113.50304999999999</v>
      </c>
    </row>
    <row r="6820" spans="1:3" x14ac:dyDescent="0.25">
      <c r="A6820" s="2" t="s">
        <v>2393</v>
      </c>
      <c r="B6820" s="6">
        <v>113519.7</v>
      </c>
      <c r="C6820" s="7">
        <f t="shared" si="106"/>
        <v>113.5197</v>
      </c>
    </row>
    <row r="6821" spans="1:3" x14ac:dyDescent="0.25">
      <c r="A6821" s="2" t="s">
        <v>2394</v>
      </c>
      <c r="B6821" s="6">
        <v>113536.34999999999</v>
      </c>
      <c r="C6821" s="7">
        <f t="shared" si="106"/>
        <v>113.53634999999998</v>
      </c>
    </row>
    <row r="6822" spans="1:3" x14ac:dyDescent="0.25">
      <c r="A6822" s="2" t="s">
        <v>2395</v>
      </c>
      <c r="B6822" s="6">
        <v>113552.99999999999</v>
      </c>
      <c r="C6822" s="7">
        <f t="shared" si="106"/>
        <v>113.55299999999998</v>
      </c>
    </row>
    <row r="6823" spans="1:3" x14ac:dyDescent="0.25">
      <c r="A6823" s="2" t="s">
        <v>2396</v>
      </c>
      <c r="B6823" s="6">
        <v>113569.65</v>
      </c>
      <c r="C6823" s="7">
        <f t="shared" si="106"/>
        <v>113.56965</v>
      </c>
    </row>
    <row r="6824" spans="1:3" x14ac:dyDescent="0.25">
      <c r="A6824" s="2" t="s">
        <v>2397</v>
      </c>
      <c r="B6824" s="6">
        <v>113586.29999999999</v>
      </c>
      <c r="C6824" s="7">
        <f t="shared" si="106"/>
        <v>113.58629999999999</v>
      </c>
    </row>
    <row r="6825" spans="1:3" x14ac:dyDescent="0.25">
      <c r="A6825" s="2" t="s">
        <v>2398</v>
      </c>
      <c r="B6825" s="6">
        <v>113602.95</v>
      </c>
      <c r="C6825" s="7">
        <f t="shared" si="106"/>
        <v>113.60294999999999</v>
      </c>
    </row>
    <row r="6826" spans="1:3" x14ac:dyDescent="0.25">
      <c r="A6826" s="2" t="s">
        <v>2399</v>
      </c>
      <c r="B6826" s="6">
        <v>113619.59999999999</v>
      </c>
      <c r="C6826" s="7">
        <f t="shared" si="106"/>
        <v>113.61959999999999</v>
      </c>
    </row>
    <row r="6827" spans="1:3" x14ac:dyDescent="0.25">
      <c r="A6827" s="2" t="s">
        <v>2400</v>
      </c>
      <c r="B6827" s="6">
        <v>113636.24999999999</v>
      </c>
      <c r="C6827" s="7">
        <f t="shared" si="106"/>
        <v>113.63624999999999</v>
      </c>
    </row>
    <row r="6828" spans="1:3" x14ac:dyDescent="0.25">
      <c r="A6828" s="2" t="s">
        <v>2401</v>
      </c>
      <c r="B6828" s="6">
        <v>113652.9</v>
      </c>
      <c r="C6828" s="7">
        <f t="shared" si="106"/>
        <v>113.65289999999999</v>
      </c>
    </row>
    <row r="6829" spans="1:3" x14ac:dyDescent="0.25">
      <c r="A6829" s="2" t="s">
        <v>2402</v>
      </c>
      <c r="B6829" s="6">
        <v>113669.54999999999</v>
      </c>
      <c r="C6829" s="7">
        <f t="shared" si="106"/>
        <v>113.66954999999999</v>
      </c>
    </row>
    <row r="6830" spans="1:3" x14ac:dyDescent="0.25">
      <c r="A6830" s="2" t="s">
        <v>2403</v>
      </c>
      <c r="B6830" s="6">
        <v>113686.2</v>
      </c>
      <c r="C6830" s="7">
        <f t="shared" si="106"/>
        <v>113.6862</v>
      </c>
    </row>
    <row r="6831" spans="1:3" x14ac:dyDescent="0.25">
      <c r="A6831" s="2" t="s">
        <v>2404</v>
      </c>
      <c r="B6831" s="6">
        <v>113702.84999999999</v>
      </c>
      <c r="C6831" s="7">
        <f t="shared" si="106"/>
        <v>113.70285</v>
      </c>
    </row>
    <row r="6832" spans="1:3" x14ac:dyDescent="0.25">
      <c r="A6832" s="2" t="s">
        <v>2405</v>
      </c>
      <c r="B6832" s="6">
        <v>113719.49999999999</v>
      </c>
      <c r="C6832" s="7">
        <f t="shared" si="106"/>
        <v>113.71949999999998</v>
      </c>
    </row>
    <row r="6833" spans="1:3" x14ac:dyDescent="0.25">
      <c r="A6833" s="2" t="s">
        <v>2406</v>
      </c>
      <c r="B6833" s="6">
        <v>113736.15</v>
      </c>
      <c r="C6833" s="7">
        <f t="shared" si="106"/>
        <v>113.73614999999999</v>
      </c>
    </row>
    <row r="6834" spans="1:3" x14ac:dyDescent="0.25">
      <c r="A6834" s="2" t="s">
        <v>2407</v>
      </c>
      <c r="B6834" s="6">
        <v>113752.79999999999</v>
      </c>
      <c r="C6834" s="7">
        <f t="shared" si="106"/>
        <v>113.75279999999999</v>
      </c>
    </row>
    <row r="6835" spans="1:3" x14ac:dyDescent="0.25">
      <c r="A6835" s="2" t="s">
        <v>2408</v>
      </c>
      <c r="B6835" s="6">
        <v>113769.45</v>
      </c>
      <c r="C6835" s="7">
        <f t="shared" si="106"/>
        <v>113.76944999999999</v>
      </c>
    </row>
    <row r="6836" spans="1:3" x14ac:dyDescent="0.25">
      <c r="A6836" s="2" t="s">
        <v>2409</v>
      </c>
      <c r="B6836" s="6">
        <v>113786.09999999999</v>
      </c>
      <c r="C6836" s="7">
        <f t="shared" si="106"/>
        <v>113.78609999999999</v>
      </c>
    </row>
    <row r="6837" spans="1:3" x14ac:dyDescent="0.25">
      <c r="A6837" s="2" t="s">
        <v>2410</v>
      </c>
      <c r="B6837" s="6">
        <v>113802.74999999999</v>
      </c>
      <c r="C6837" s="7">
        <f t="shared" si="106"/>
        <v>113.80274999999999</v>
      </c>
    </row>
    <row r="6838" spans="1:3" x14ac:dyDescent="0.25">
      <c r="A6838" s="2" t="s">
        <v>2411</v>
      </c>
      <c r="B6838" s="6">
        <v>113819.4</v>
      </c>
      <c r="C6838" s="7">
        <f t="shared" si="106"/>
        <v>113.81939999999999</v>
      </c>
    </row>
    <row r="6839" spans="1:3" x14ac:dyDescent="0.25">
      <c r="A6839" s="2" t="s">
        <v>2412</v>
      </c>
      <c r="B6839" s="6">
        <v>113836.04999999999</v>
      </c>
      <c r="C6839" s="7">
        <f t="shared" si="106"/>
        <v>113.83604999999999</v>
      </c>
    </row>
    <row r="6840" spans="1:3" x14ac:dyDescent="0.25">
      <c r="A6840" s="2" t="s">
        <v>2413</v>
      </c>
      <c r="B6840" s="6">
        <v>113852.7</v>
      </c>
      <c r="C6840" s="7">
        <f t="shared" si="106"/>
        <v>113.8527</v>
      </c>
    </row>
    <row r="6841" spans="1:3" x14ac:dyDescent="0.25">
      <c r="A6841" s="2" t="s">
        <v>2414</v>
      </c>
      <c r="B6841" s="6">
        <v>113869.34999999999</v>
      </c>
      <c r="C6841" s="7">
        <f t="shared" si="106"/>
        <v>113.86935</v>
      </c>
    </row>
    <row r="6842" spans="1:3" x14ac:dyDescent="0.25">
      <c r="A6842" s="2" t="s">
        <v>2415</v>
      </c>
      <c r="B6842" s="6">
        <v>113885.99999999999</v>
      </c>
      <c r="C6842" s="7">
        <f t="shared" si="106"/>
        <v>113.88599999999998</v>
      </c>
    </row>
    <row r="6843" spans="1:3" x14ac:dyDescent="0.25">
      <c r="A6843" s="2" t="s">
        <v>2416</v>
      </c>
      <c r="B6843" s="6">
        <v>113902.65</v>
      </c>
      <c r="C6843" s="7">
        <f t="shared" si="106"/>
        <v>113.90264999999999</v>
      </c>
    </row>
    <row r="6844" spans="1:3" x14ac:dyDescent="0.25">
      <c r="A6844" s="2" t="s">
        <v>2417</v>
      </c>
      <c r="B6844" s="6">
        <v>113919.29999999999</v>
      </c>
      <c r="C6844" s="7">
        <f t="shared" si="106"/>
        <v>113.91929999999999</v>
      </c>
    </row>
    <row r="6845" spans="1:3" x14ac:dyDescent="0.25">
      <c r="A6845" s="2" t="s">
        <v>2418</v>
      </c>
      <c r="B6845" s="6">
        <v>113935.95</v>
      </c>
      <c r="C6845" s="7">
        <f t="shared" si="106"/>
        <v>113.93594999999999</v>
      </c>
    </row>
    <row r="6846" spans="1:3" x14ac:dyDescent="0.25">
      <c r="A6846" s="2" t="s">
        <v>2419</v>
      </c>
      <c r="B6846" s="6">
        <v>113952.59999999999</v>
      </c>
      <c r="C6846" s="7">
        <f t="shared" si="106"/>
        <v>113.95259999999999</v>
      </c>
    </row>
    <row r="6847" spans="1:3" x14ac:dyDescent="0.25">
      <c r="A6847" s="2" t="s">
        <v>2420</v>
      </c>
      <c r="B6847" s="6">
        <v>113969.24999999999</v>
      </c>
      <c r="C6847" s="7">
        <f t="shared" si="106"/>
        <v>113.96924999999999</v>
      </c>
    </row>
    <row r="6848" spans="1:3" x14ac:dyDescent="0.25">
      <c r="A6848" s="2" t="s">
        <v>2421</v>
      </c>
      <c r="B6848" s="6">
        <v>113985.9</v>
      </c>
      <c r="C6848" s="7">
        <f t="shared" si="106"/>
        <v>113.9859</v>
      </c>
    </row>
    <row r="6849" spans="1:3" x14ac:dyDescent="0.25">
      <c r="A6849" s="2" t="s">
        <v>2422</v>
      </c>
      <c r="B6849" s="6">
        <v>114002.54999999999</v>
      </c>
      <c r="C6849" s="7">
        <f t="shared" si="106"/>
        <v>114.00254999999999</v>
      </c>
    </row>
    <row r="6850" spans="1:3" x14ac:dyDescent="0.25">
      <c r="A6850" s="2" t="s">
        <v>2423</v>
      </c>
      <c r="B6850" s="6">
        <v>114019.2</v>
      </c>
      <c r="C6850" s="7">
        <f t="shared" si="106"/>
        <v>114.0192</v>
      </c>
    </row>
    <row r="6851" spans="1:3" x14ac:dyDescent="0.25">
      <c r="A6851" s="2" t="s">
        <v>2424</v>
      </c>
      <c r="B6851" s="6">
        <v>114035.84999999999</v>
      </c>
      <c r="C6851" s="7">
        <f t="shared" ref="C6851:C6914" si="107">B6851/1000</f>
        <v>114.03585</v>
      </c>
    </row>
    <row r="6852" spans="1:3" x14ac:dyDescent="0.25">
      <c r="A6852" s="2" t="s">
        <v>2425</v>
      </c>
      <c r="B6852" s="6">
        <v>114052.49999999999</v>
      </c>
      <c r="C6852" s="7">
        <f t="shared" si="107"/>
        <v>114.05249999999998</v>
      </c>
    </row>
    <row r="6853" spans="1:3" x14ac:dyDescent="0.25">
      <c r="A6853" s="2" t="s">
        <v>2426</v>
      </c>
      <c r="B6853" s="6">
        <v>114069.15</v>
      </c>
      <c r="C6853" s="7">
        <f t="shared" si="107"/>
        <v>114.06914999999999</v>
      </c>
    </row>
    <row r="6854" spans="1:3" x14ac:dyDescent="0.25">
      <c r="A6854" s="2" t="s">
        <v>2427</v>
      </c>
      <c r="B6854" s="6">
        <v>114085.79999999999</v>
      </c>
      <c r="C6854" s="7">
        <f t="shared" si="107"/>
        <v>114.08579999999999</v>
      </c>
    </row>
    <row r="6855" spans="1:3" x14ac:dyDescent="0.25">
      <c r="A6855" s="2" t="s">
        <v>2428</v>
      </c>
      <c r="B6855" s="6">
        <v>114102.45</v>
      </c>
      <c r="C6855" s="7">
        <f t="shared" si="107"/>
        <v>114.10244999999999</v>
      </c>
    </row>
    <row r="6856" spans="1:3" x14ac:dyDescent="0.25">
      <c r="A6856" s="2" t="s">
        <v>2429</v>
      </c>
      <c r="B6856" s="6">
        <v>114119.09999999999</v>
      </c>
      <c r="C6856" s="7">
        <f t="shared" si="107"/>
        <v>114.11909999999999</v>
      </c>
    </row>
    <row r="6857" spans="1:3" x14ac:dyDescent="0.25">
      <c r="A6857" s="2" t="s">
        <v>2430</v>
      </c>
      <c r="B6857" s="6">
        <v>114135.74999999999</v>
      </c>
      <c r="C6857" s="7">
        <f t="shared" si="107"/>
        <v>114.13574999999999</v>
      </c>
    </row>
    <row r="6858" spans="1:3" x14ac:dyDescent="0.25">
      <c r="A6858" s="2" t="s">
        <v>2431</v>
      </c>
      <c r="B6858" s="6">
        <v>114152.4</v>
      </c>
      <c r="C6858" s="7">
        <f t="shared" si="107"/>
        <v>114.1524</v>
      </c>
    </row>
    <row r="6859" spans="1:3" x14ac:dyDescent="0.25">
      <c r="A6859" s="2" t="s">
        <v>2432</v>
      </c>
      <c r="B6859" s="6">
        <v>114169.04999999999</v>
      </c>
      <c r="C6859" s="7">
        <f t="shared" si="107"/>
        <v>114.16904999999998</v>
      </c>
    </row>
    <row r="6860" spans="1:3" x14ac:dyDescent="0.25">
      <c r="A6860" s="2" t="s">
        <v>2433</v>
      </c>
      <c r="B6860" s="6">
        <v>114185.7</v>
      </c>
      <c r="C6860" s="7">
        <f t="shared" si="107"/>
        <v>114.1857</v>
      </c>
    </row>
    <row r="6861" spans="1:3" x14ac:dyDescent="0.25">
      <c r="A6861" s="2" t="s">
        <v>2434</v>
      </c>
      <c r="B6861" s="6">
        <v>114202.34999999999</v>
      </c>
      <c r="C6861" s="7">
        <f t="shared" si="107"/>
        <v>114.20235</v>
      </c>
    </row>
    <row r="6862" spans="1:3" x14ac:dyDescent="0.25">
      <c r="A6862" s="2" t="s">
        <v>2435</v>
      </c>
      <c r="B6862" s="6">
        <v>114218.99999999999</v>
      </c>
      <c r="C6862" s="7">
        <f t="shared" si="107"/>
        <v>114.21899999999998</v>
      </c>
    </row>
    <row r="6863" spans="1:3" x14ac:dyDescent="0.25">
      <c r="A6863" s="2" t="s">
        <v>2436</v>
      </c>
      <c r="B6863" s="6">
        <v>114235.65</v>
      </c>
      <c r="C6863" s="7">
        <f t="shared" si="107"/>
        <v>114.23564999999999</v>
      </c>
    </row>
    <row r="6864" spans="1:3" x14ac:dyDescent="0.25">
      <c r="A6864" s="2" t="s">
        <v>2437</v>
      </c>
      <c r="B6864" s="6">
        <v>114252.29999999999</v>
      </c>
      <c r="C6864" s="7">
        <f t="shared" si="107"/>
        <v>114.25229999999999</v>
      </c>
    </row>
    <row r="6865" spans="1:3" x14ac:dyDescent="0.25">
      <c r="A6865" s="2" t="s">
        <v>2438</v>
      </c>
      <c r="B6865" s="6">
        <v>114268.95</v>
      </c>
      <c r="C6865" s="7">
        <f t="shared" si="107"/>
        <v>114.26895</v>
      </c>
    </row>
    <row r="6866" spans="1:3" x14ac:dyDescent="0.25">
      <c r="A6866" s="2" t="s">
        <v>2439</v>
      </c>
      <c r="B6866" s="6">
        <v>114285.59999999999</v>
      </c>
      <c r="C6866" s="7">
        <f t="shared" si="107"/>
        <v>114.28559999999999</v>
      </c>
    </row>
    <row r="6867" spans="1:3" x14ac:dyDescent="0.25">
      <c r="A6867" s="2" t="s">
        <v>2440</v>
      </c>
      <c r="B6867" s="6">
        <v>114302.24999999999</v>
      </c>
      <c r="C6867" s="7">
        <f t="shared" si="107"/>
        <v>114.30224999999999</v>
      </c>
    </row>
    <row r="6868" spans="1:3" x14ac:dyDescent="0.25">
      <c r="A6868" s="2" t="s">
        <v>2441</v>
      </c>
      <c r="B6868" s="6">
        <v>114318.9</v>
      </c>
      <c r="C6868" s="7">
        <f t="shared" si="107"/>
        <v>114.3189</v>
      </c>
    </row>
    <row r="6869" spans="1:3" x14ac:dyDescent="0.25">
      <c r="A6869" s="2" t="s">
        <v>2442</v>
      </c>
      <c r="B6869" s="6">
        <v>114335.54999999999</v>
      </c>
      <c r="C6869" s="7">
        <f t="shared" si="107"/>
        <v>114.33554999999998</v>
      </c>
    </row>
    <row r="6870" spans="1:3" x14ac:dyDescent="0.25">
      <c r="A6870" s="2" t="s">
        <v>2443</v>
      </c>
      <c r="B6870" s="6">
        <v>114352.2</v>
      </c>
      <c r="C6870" s="7">
        <f t="shared" si="107"/>
        <v>114.3522</v>
      </c>
    </row>
    <row r="6871" spans="1:3" x14ac:dyDescent="0.25">
      <c r="A6871" s="2" t="s">
        <v>2444</v>
      </c>
      <c r="B6871" s="6">
        <v>114368.84999999999</v>
      </c>
      <c r="C6871" s="7">
        <f t="shared" si="107"/>
        <v>114.36884999999999</v>
      </c>
    </row>
    <row r="6872" spans="1:3" x14ac:dyDescent="0.25">
      <c r="A6872" s="2" t="s">
        <v>2445</v>
      </c>
      <c r="B6872" s="6">
        <v>114385.49999999999</v>
      </c>
      <c r="C6872" s="7">
        <f t="shared" si="107"/>
        <v>114.38549999999998</v>
      </c>
    </row>
    <row r="6873" spans="1:3" x14ac:dyDescent="0.25">
      <c r="A6873" s="2" t="s">
        <v>2446</v>
      </c>
      <c r="B6873" s="6">
        <v>114402.15</v>
      </c>
      <c r="C6873" s="7">
        <f t="shared" si="107"/>
        <v>114.40214999999999</v>
      </c>
    </row>
    <row r="6874" spans="1:3" x14ac:dyDescent="0.25">
      <c r="A6874" s="2" t="s">
        <v>2447</v>
      </c>
      <c r="B6874" s="6">
        <v>114418.79999999999</v>
      </c>
      <c r="C6874" s="7">
        <f t="shared" si="107"/>
        <v>114.41879999999999</v>
      </c>
    </row>
    <row r="6875" spans="1:3" x14ac:dyDescent="0.25">
      <c r="A6875" s="2" t="s">
        <v>2448</v>
      </c>
      <c r="B6875" s="6">
        <v>114435.45</v>
      </c>
      <c r="C6875" s="7">
        <f t="shared" si="107"/>
        <v>114.43545</v>
      </c>
    </row>
    <row r="6876" spans="1:3" x14ac:dyDescent="0.25">
      <c r="A6876" s="2" t="s">
        <v>2449</v>
      </c>
      <c r="B6876" s="6">
        <v>114452.09999999999</v>
      </c>
      <c r="C6876" s="7">
        <f t="shared" si="107"/>
        <v>114.45209999999999</v>
      </c>
    </row>
    <row r="6877" spans="1:3" x14ac:dyDescent="0.25">
      <c r="A6877" s="2" t="s">
        <v>2450</v>
      </c>
      <c r="B6877" s="6">
        <v>114468.74999999999</v>
      </c>
      <c r="C6877" s="7">
        <f t="shared" si="107"/>
        <v>114.46874999999999</v>
      </c>
    </row>
    <row r="6878" spans="1:3" x14ac:dyDescent="0.25">
      <c r="A6878" s="2" t="s">
        <v>2451</v>
      </c>
      <c r="B6878" s="6">
        <v>114485.4</v>
      </c>
      <c r="C6878" s="7">
        <f t="shared" si="107"/>
        <v>114.4854</v>
      </c>
    </row>
    <row r="6879" spans="1:3" x14ac:dyDescent="0.25">
      <c r="A6879" s="2" t="s">
        <v>2452</v>
      </c>
      <c r="B6879" s="6">
        <v>114502.04999999999</v>
      </c>
      <c r="C6879" s="7">
        <f t="shared" si="107"/>
        <v>114.50204999999998</v>
      </c>
    </row>
    <row r="6880" spans="1:3" x14ac:dyDescent="0.25">
      <c r="A6880" s="2" t="s">
        <v>2453</v>
      </c>
      <c r="B6880" s="6">
        <v>114518.7</v>
      </c>
      <c r="C6880" s="7">
        <f t="shared" si="107"/>
        <v>114.5187</v>
      </c>
    </row>
    <row r="6881" spans="1:3" x14ac:dyDescent="0.25">
      <c r="A6881" s="2" t="s">
        <v>2454</v>
      </c>
      <c r="B6881" s="6">
        <v>114535.34999999999</v>
      </c>
      <c r="C6881" s="7">
        <f t="shared" si="107"/>
        <v>114.53534999999999</v>
      </c>
    </row>
    <row r="6882" spans="1:3" x14ac:dyDescent="0.25">
      <c r="A6882" s="2" t="s">
        <v>2455</v>
      </c>
      <c r="B6882" s="6">
        <v>114551.99999999999</v>
      </c>
      <c r="C6882" s="7">
        <f t="shared" si="107"/>
        <v>114.55199999999999</v>
      </c>
    </row>
    <row r="6883" spans="1:3" x14ac:dyDescent="0.25">
      <c r="A6883" s="2" t="s">
        <v>2456</v>
      </c>
      <c r="B6883" s="6">
        <v>114568.65</v>
      </c>
      <c r="C6883" s="7">
        <f t="shared" si="107"/>
        <v>114.56864999999999</v>
      </c>
    </row>
    <row r="6884" spans="1:3" x14ac:dyDescent="0.25">
      <c r="A6884" s="2" t="s">
        <v>2457</v>
      </c>
      <c r="B6884" s="6">
        <v>114585.29999999999</v>
      </c>
      <c r="C6884" s="7">
        <f t="shared" si="107"/>
        <v>114.58529999999999</v>
      </c>
    </row>
    <row r="6885" spans="1:3" x14ac:dyDescent="0.25">
      <c r="A6885" s="2" t="s">
        <v>2458</v>
      </c>
      <c r="B6885" s="6">
        <v>114601.95</v>
      </c>
      <c r="C6885" s="7">
        <f t="shared" si="107"/>
        <v>114.60195</v>
      </c>
    </row>
    <row r="6886" spans="1:3" x14ac:dyDescent="0.25">
      <c r="A6886" s="2" t="s">
        <v>2459</v>
      </c>
      <c r="B6886" s="6">
        <v>114618.59999999999</v>
      </c>
      <c r="C6886" s="7">
        <f t="shared" si="107"/>
        <v>114.61859999999999</v>
      </c>
    </row>
    <row r="6887" spans="1:3" x14ac:dyDescent="0.25">
      <c r="A6887" s="2" t="s">
        <v>2460</v>
      </c>
      <c r="B6887" s="6">
        <v>114635.24999999999</v>
      </c>
      <c r="C6887" s="7">
        <f t="shared" si="107"/>
        <v>114.63524999999998</v>
      </c>
    </row>
    <row r="6888" spans="1:3" x14ac:dyDescent="0.25">
      <c r="A6888" s="2" t="s">
        <v>2461</v>
      </c>
      <c r="B6888" s="6">
        <v>114651.9</v>
      </c>
      <c r="C6888" s="7">
        <f t="shared" si="107"/>
        <v>114.6519</v>
      </c>
    </row>
    <row r="6889" spans="1:3" x14ac:dyDescent="0.25">
      <c r="A6889" s="2" t="s">
        <v>2462</v>
      </c>
      <c r="B6889" s="6">
        <v>114668.54999999999</v>
      </c>
      <c r="C6889" s="7">
        <f t="shared" si="107"/>
        <v>114.66854999999998</v>
      </c>
    </row>
    <row r="6890" spans="1:3" x14ac:dyDescent="0.25">
      <c r="A6890" s="2" t="s">
        <v>2463</v>
      </c>
      <c r="B6890" s="6">
        <v>114685.2</v>
      </c>
      <c r="C6890" s="7">
        <f t="shared" si="107"/>
        <v>114.68519999999999</v>
      </c>
    </row>
    <row r="6891" spans="1:3" x14ac:dyDescent="0.25">
      <c r="A6891" s="2" t="s">
        <v>2464</v>
      </c>
      <c r="B6891" s="6">
        <v>114701.84999999999</v>
      </c>
      <c r="C6891" s="7">
        <f t="shared" si="107"/>
        <v>114.70184999999999</v>
      </c>
    </row>
    <row r="6892" spans="1:3" x14ac:dyDescent="0.25">
      <c r="A6892" s="2" t="s">
        <v>2465</v>
      </c>
      <c r="B6892" s="6">
        <v>114718.49999999999</v>
      </c>
      <c r="C6892" s="7">
        <f t="shared" si="107"/>
        <v>114.71849999999999</v>
      </c>
    </row>
    <row r="6893" spans="1:3" x14ac:dyDescent="0.25">
      <c r="A6893" s="2" t="s">
        <v>2466</v>
      </c>
      <c r="B6893" s="6">
        <v>114735.15</v>
      </c>
      <c r="C6893" s="7">
        <f t="shared" si="107"/>
        <v>114.73514999999999</v>
      </c>
    </row>
    <row r="6894" spans="1:3" x14ac:dyDescent="0.25">
      <c r="A6894" s="2" t="s">
        <v>2467</v>
      </c>
      <c r="B6894" s="6">
        <v>114751.79999999999</v>
      </c>
      <c r="C6894" s="7">
        <f t="shared" si="107"/>
        <v>114.75179999999999</v>
      </c>
    </row>
    <row r="6895" spans="1:3" x14ac:dyDescent="0.25">
      <c r="A6895" s="2" t="s">
        <v>2468</v>
      </c>
      <c r="B6895" s="6">
        <v>114768.45</v>
      </c>
      <c r="C6895" s="7">
        <f t="shared" si="107"/>
        <v>114.76845</v>
      </c>
    </row>
    <row r="6896" spans="1:3" x14ac:dyDescent="0.25">
      <c r="A6896" s="2" t="s">
        <v>2469</v>
      </c>
      <c r="B6896" s="6">
        <v>114785.09999999999</v>
      </c>
      <c r="C6896" s="7">
        <f t="shared" si="107"/>
        <v>114.78509999999999</v>
      </c>
    </row>
    <row r="6897" spans="1:3" x14ac:dyDescent="0.25">
      <c r="A6897" s="2" t="s">
        <v>2470</v>
      </c>
      <c r="B6897" s="6">
        <v>114801.74999999999</v>
      </c>
      <c r="C6897" s="7">
        <f t="shared" si="107"/>
        <v>114.80174999999998</v>
      </c>
    </row>
    <row r="6898" spans="1:3" x14ac:dyDescent="0.25">
      <c r="A6898" s="2" t="s">
        <v>2471</v>
      </c>
      <c r="B6898" s="6">
        <v>114818.4</v>
      </c>
      <c r="C6898" s="7">
        <f t="shared" si="107"/>
        <v>114.8184</v>
      </c>
    </row>
    <row r="6899" spans="1:3" x14ac:dyDescent="0.25">
      <c r="A6899" s="2" t="s">
        <v>2472</v>
      </c>
      <c r="B6899" s="6">
        <v>114835.04999999999</v>
      </c>
      <c r="C6899" s="7">
        <f t="shared" si="107"/>
        <v>114.83505</v>
      </c>
    </row>
    <row r="6900" spans="1:3" x14ac:dyDescent="0.25">
      <c r="A6900" s="2" t="s">
        <v>2473</v>
      </c>
      <c r="B6900" s="6">
        <v>114851.7</v>
      </c>
      <c r="C6900" s="7">
        <f t="shared" si="107"/>
        <v>114.85169999999999</v>
      </c>
    </row>
    <row r="6901" spans="1:3" x14ac:dyDescent="0.25">
      <c r="A6901" s="2" t="s">
        <v>2474</v>
      </c>
      <c r="B6901" s="6">
        <v>114868.34999999999</v>
      </c>
      <c r="C6901" s="7">
        <f t="shared" si="107"/>
        <v>114.86834999999999</v>
      </c>
    </row>
    <row r="6902" spans="1:3" x14ac:dyDescent="0.25">
      <c r="A6902" s="2" t="s">
        <v>2475</v>
      </c>
      <c r="B6902" s="6">
        <v>114884.99999999999</v>
      </c>
      <c r="C6902" s="7">
        <f t="shared" si="107"/>
        <v>114.88499999999999</v>
      </c>
    </row>
    <row r="6903" spans="1:3" x14ac:dyDescent="0.25">
      <c r="A6903" s="2" t="s">
        <v>2476</v>
      </c>
      <c r="B6903" s="6">
        <v>114901.65</v>
      </c>
      <c r="C6903" s="7">
        <f t="shared" si="107"/>
        <v>114.90164999999999</v>
      </c>
    </row>
    <row r="6904" spans="1:3" x14ac:dyDescent="0.25">
      <c r="A6904" s="2" t="s">
        <v>2477</v>
      </c>
      <c r="B6904" s="6">
        <v>114918.29999999999</v>
      </c>
      <c r="C6904" s="7">
        <f t="shared" si="107"/>
        <v>114.91829999999999</v>
      </c>
    </row>
    <row r="6905" spans="1:3" x14ac:dyDescent="0.25">
      <c r="A6905" s="2" t="s">
        <v>2478</v>
      </c>
      <c r="B6905" s="6">
        <v>114934.95</v>
      </c>
      <c r="C6905" s="7">
        <f t="shared" si="107"/>
        <v>114.93495</v>
      </c>
    </row>
    <row r="6906" spans="1:3" x14ac:dyDescent="0.25">
      <c r="A6906" s="2" t="s">
        <v>2479</v>
      </c>
      <c r="B6906" s="6">
        <v>114951.59999999999</v>
      </c>
      <c r="C6906" s="7">
        <f t="shared" si="107"/>
        <v>114.95159999999998</v>
      </c>
    </row>
    <row r="6907" spans="1:3" x14ac:dyDescent="0.25">
      <c r="A6907" s="2" t="s">
        <v>2480</v>
      </c>
      <c r="B6907" s="6">
        <v>114968.24999999999</v>
      </c>
      <c r="C6907" s="7">
        <f t="shared" si="107"/>
        <v>114.96824999999998</v>
      </c>
    </row>
    <row r="6908" spans="1:3" x14ac:dyDescent="0.25">
      <c r="A6908" s="2" t="s">
        <v>2481</v>
      </c>
      <c r="B6908" s="6">
        <v>114984.9</v>
      </c>
      <c r="C6908" s="7">
        <f t="shared" si="107"/>
        <v>114.9849</v>
      </c>
    </row>
    <row r="6909" spans="1:3" x14ac:dyDescent="0.25">
      <c r="A6909" s="2" t="s">
        <v>2482</v>
      </c>
      <c r="B6909" s="6">
        <v>115001.54999999999</v>
      </c>
      <c r="C6909" s="7">
        <f t="shared" si="107"/>
        <v>115.00154999999999</v>
      </c>
    </row>
    <row r="6910" spans="1:3" x14ac:dyDescent="0.25">
      <c r="A6910" s="2" t="s">
        <v>2483</v>
      </c>
      <c r="B6910" s="6">
        <v>115018.2</v>
      </c>
      <c r="C6910" s="7">
        <f t="shared" si="107"/>
        <v>115.01819999999999</v>
      </c>
    </row>
    <row r="6911" spans="1:3" x14ac:dyDescent="0.25">
      <c r="A6911" s="2" t="s">
        <v>2484</v>
      </c>
      <c r="B6911" s="6">
        <v>115034.84999999999</v>
      </c>
      <c r="C6911" s="7">
        <f t="shared" si="107"/>
        <v>115.03484999999999</v>
      </c>
    </row>
    <row r="6912" spans="1:3" x14ac:dyDescent="0.25">
      <c r="A6912" s="2" t="s">
        <v>2485</v>
      </c>
      <c r="B6912" s="6">
        <v>115051.49999999999</v>
      </c>
      <c r="C6912" s="7">
        <f t="shared" si="107"/>
        <v>115.05149999999999</v>
      </c>
    </row>
    <row r="6913" spans="1:3" x14ac:dyDescent="0.25">
      <c r="A6913" s="2" t="s">
        <v>2486</v>
      </c>
      <c r="B6913" s="6">
        <v>115068.15</v>
      </c>
      <c r="C6913" s="7">
        <f t="shared" si="107"/>
        <v>115.06814999999999</v>
      </c>
    </row>
    <row r="6914" spans="1:3" x14ac:dyDescent="0.25">
      <c r="A6914" s="2" t="s">
        <v>2487</v>
      </c>
      <c r="B6914" s="6">
        <v>115084.79999999999</v>
      </c>
      <c r="C6914" s="7">
        <f t="shared" si="107"/>
        <v>115.08479999999999</v>
      </c>
    </row>
    <row r="6915" spans="1:3" x14ac:dyDescent="0.25">
      <c r="A6915" s="2" t="s">
        <v>2488</v>
      </c>
      <c r="B6915" s="6">
        <v>115101.45</v>
      </c>
      <c r="C6915" s="7">
        <f t="shared" ref="C6915:C6978" si="108">B6915/1000</f>
        <v>115.10145</v>
      </c>
    </row>
    <row r="6916" spans="1:3" x14ac:dyDescent="0.25">
      <c r="A6916" s="2" t="s">
        <v>2489</v>
      </c>
      <c r="B6916" s="6">
        <v>115118.09999999999</v>
      </c>
      <c r="C6916" s="7">
        <f t="shared" si="108"/>
        <v>115.1181</v>
      </c>
    </row>
    <row r="6917" spans="1:3" x14ac:dyDescent="0.25">
      <c r="A6917" s="2" t="s">
        <v>2490</v>
      </c>
      <c r="B6917" s="6">
        <v>115134.74999999999</v>
      </c>
      <c r="C6917" s="7">
        <f t="shared" si="108"/>
        <v>115.13474999999998</v>
      </c>
    </row>
    <row r="6918" spans="1:3" x14ac:dyDescent="0.25">
      <c r="A6918" s="2" t="s">
        <v>2491</v>
      </c>
      <c r="B6918" s="6">
        <v>115151.4</v>
      </c>
      <c r="C6918" s="7">
        <f t="shared" si="108"/>
        <v>115.1514</v>
      </c>
    </row>
    <row r="6919" spans="1:3" x14ac:dyDescent="0.25">
      <c r="A6919" s="2" t="s">
        <v>2492</v>
      </c>
      <c r="B6919" s="6">
        <v>115168.04999999999</v>
      </c>
      <c r="C6919" s="7">
        <f t="shared" si="108"/>
        <v>115.16804999999999</v>
      </c>
    </row>
    <row r="6920" spans="1:3" x14ac:dyDescent="0.25">
      <c r="A6920" s="2" t="s">
        <v>2493</v>
      </c>
      <c r="B6920" s="6">
        <v>115184.7</v>
      </c>
      <c r="C6920" s="7">
        <f t="shared" si="108"/>
        <v>115.18469999999999</v>
      </c>
    </row>
    <row r="6921" spans="1:3" x14ac:dyDescent="0.25">
      <c r="A6921" s="2" t="s">
        <v>2494</v>
      </c>
      <c r="B6921" s="6">
        <v>115201.34999999999</v>
      </c>
      <c r="C6921" s="7">
        <f t="shared" si="108"/>
        <v>115.20134999999999</v>
      </c>
    </row>
    <row r="6922" spans="1:3" x14ac:dyDescent="0.25">
      <c r="A6922" s="2" t="s">
        <v>2495</v>
      </c>
      <c r="B6922" s="6">
        <v>115217.99999999999</v>
      </c>
      <c r="C6922" s="7">
        <f t="shared" si="108"/>
        <v>115.21799999999999</v>
      </c>
    </row>
    <row r="6923" spans="1:3" x14ac:dyDescent="0.25">
      <c r="A6923" s="2" t="s">
        <v>2496</v>
      </c>
      <c r="B6923" s="6">
        <v>115234.65</v>
      </c>
      <c r="C6923" s="7">
        <f t="shared" si="108"/>
        <v>115.23464999999999</v>
      </c>
    </row>
    <row r="6924" spans="1:3" x14ac:dyDescent="0.25">
      <c r="A6924" s="2" t="s">
        <v>2497</v>
      </c>
      <c r="B6924" s="6">
        <v>115251.29999999999</v>
      </c>
      <c r="C6924" s="7">
        <f t="shared" si="108"/>
        <v>115.25129999999999</v>
      </c>
    </row>
    <row r="6925" spans="1:3" x14ac:dyDescent="0.25">
      <c r="A6925" s="2" t="s">
        <v>2498</v>
      </c>
      <c r="B6925" s="6">
        <v>115267.95</v>
      </c>
      <c r="C6925" s="7">
        <f t="shared" si="108"/>
        <v>115.26795</v>
      </c>
    </row>
    <row r="6926" spans="1:3" x14ac:dyDescent="0.25">
      <c r="A6926" s="2" t="s">
        <v>2499</v>
      </c>
      <c r="B6926" s="6">
        <v>115284.59999999999</v>
      </c>
      <c r="C6926" s="7">
        <f t="shared" si="108"/>
        <v>115.2846</v>
      </c>
    </row>
    <row r="6927" spans="1:3" x14ac:dyDescent="0.25">
      <c r="A6927" s="2" t="s">
        <v>2500</v>
      </c>
      <c r="B6927" s="6">
        <v>115301.24999999999</v>
      </c>
      <c r="C6927" s="7">
        <f t="shared" si="108"/>
        <v>115.30124999999998</v>
      </c>
    </row>
    <row r="6928" spans="1:3" x14ac:dyDescent="0.25">
      <c r="A6928" s="2" t="s">
        <v>2501</v>
      </c>
      <c r="B6928" s="6">
        <v>115317.9</v>
      </c>
      <c r="C6928" s="7">
        <f t="shared" si="108"/>
        <v>115.31789999999999</v>
      </c>
    </row>
    <row r="6929" spans="1:3" x14ac:dyDescent="0.25">
      <c r="A6929" s="2" t="s">
        <v>2502</v>
      </c>
      <c r="B6929" s="6">
        <v>115334.54999999999</v>
      </c>
      <c r="C6929" s="7">
        <f t="shared" si="108"/>
        <v>115.33454999999999</v>
      </c>
    </row>
    <row r="6930" spans="1:3" x14ac:dyDescent="0.25">
      <c r="A6930" s="2" t="s">
        <v>2503</v>
      </c>
      <c r="B6930" s="6">
        <v>115351.2</v>
      </c>
      <c r="C6930" s="7">
        <f t="shared" si="108"/>
        <v>115.35119999999999</v>
      </c>
    </row>
    <row r="6931" spans="1:3" x14ac:dyDescent="0.25">
      <c r="A6931" s="2" t="s">
        <v>2504</v>
      </c>
      <c r="B6931" s="6">
        <v>115367.84999999999</v>
      </c>
      <c r="C6931" s="7">
        <f t="shared" si="108"/>
        <v>115.36784999999999</v>
      </c>
    </row>
    <row r="6932" spans="1:3" x14ac:dyDescent="0.25">
      <c r="A6932" s="2" t="s">
        <v>2505</v>
      </c>
      <c r="B6932" s="6">
        <v>115384.49999999999</v>
      </c>
      <c r="C6932" s="7">
        <f t="shared" si="108"/>
        <v>115.38449999999999</v>
      </c>
    </row>
    <row r="6933" spans="1:3" x14ac:dyDescent="0.25">
      <c r="A6933" s="2" t="s">
        <v>2506</v>
      </c>
      <c r="B6933" s="6">
        <v>115401.15</v>
      </c>
      <c r="C6933" s="7">
        <f t="shared" si="108"/>
        <v>115.40115</v>
      </c>
    </row>
    <row r="6934" spans="1:3" x14ac:dyDescent="0.25">
      <c r="A6934" s="2" t="s">
        <v>2507</v>
      </c>
      <c r="B6934" s="6">
        <v>115417.79999999999</v>
      </c>
      <c r="C6934" s="7">
        <f t="shared" si="108"/>
        <v>115.41779999999999</v>
      </c>
    </row>
    <row r="6935" spans="1:3" x14ac:dyDescent="0.25">
      <c r="A6935" s="2" t="s">
        <v>2508</v>
      </c>
      <c r="B6935" s="6">
        <v>115434.45</v>
      </c>
      <c r="C6935" s="7">
        <f t="shared" si="108"/>
        <v>115.43445</v>
      </c>
    </row>
    <row r="6936" spans="1:3" x14ac:dyDescent="0.25">
      <c r="A6936" s="2" t="s">
        <v>2509</v>
      </c>
      <c r="B6936" s="6">
        <v>115451.09999999999</v>
      </c>
      <c r="C6936" s="7">
        <f t="shared" si="108"/>
        <v>115.4511</v>
      </c>
    </row>
    <row r="6937" spans="1:3" x14ac:dyDescent="0.25">
      <c r="A6937" s="2" t="s">
        <v>2510</v>
      </c>
      <c r="B6937" s="6">
        <v>115467.74999999999</v>
      </c>
      <c r="C6937" s="7">
        <f t="shared" si="108"/>
        <v>115.46774999999998</v>
      </c>
    </row>
    <row r="6938" spans="1:3" x14ac:dyDescent="0.25">
      <c r="A6938" s="2" t="s">
        <v>2511</v>
      </c>
      <c r="B6938" s="6">
        <v>115484.4</v>
      </c>
      <c r="C6938" s="7">
        <f t="shared" si="108"/>
        <v>115.48439999999999</v>
      </c>
    </row>
    <row r="6939" spans="1:3" x14ac:dyDescent="0.25">
      <c r="A6939" s="2" t="s">
        <v>2512</v>
      </c>
      <c r="B6939" s="6">
        <v>115501.04999999999</v>
      </c>
      <c r="C6939" s="7">
        <f t="shared" si="108"/>
        <v>115.50104999999999</v>
      </c>
    </row>
    <row r="6940" spans="1:3" x14ac:dyDescent="0.25">
      <c r="A6940" s="2" t="s">
        <v>2513</v>
      </c>
      <c r="B6940" s="6">
        <v>115517.7</v>
      </c>
      <c r="C6940" s="7">
        <f t="shared" si="108"/>
        <v>115.51769999999999</v>
      </c>
    </row>
    <row r="6941" spans="1:3" x14ac:dyDescent="0.25">
      <c r="A6941" s="2" t="s">
        <v>2514</v>
      </c>
      <c r="B6941" s="6">
        <v>115534.34999999999</v>
      </c>
      <c r="C6941" s="7">
        <f t="shared" si="108"/>
        <v>115.53434999999999</v>
      </c>
    </row>
    <row r="6942" spans="1:3" x14ac:dyDescent="0.25">
      <c r="A6942" s="2" t="s">
        <v>2515</v>
      </c>
      <c r="B6942" s="6">
        <v>115550.99999999999</v>
      </c>
      <c r="C6942" s="7">
        <f t="shared" si="108"/>
        <v>115.55099999999999</v>
      </c>
    </row>
    <row r="6943" spans="1:3" x14ac:dyDescent="0.25">
      <c r="A6943" s="2" t="s">
        <v>2516</v>
      </c>
      <c r="B6943" s="6">
        <v>115567.65</v>
      </c>
      <c r="C6943" s="7">
        <f t="shared" si="108"/>
        <v>115.56765</v>
      </c>
    </row>
    <row r="6944" spans="1:3" x14ac:dyDescent="0.25">
      <c r="A6944" s="2" t="s">
        <v>2517</v>
      </c>
      <c r="B6944" s="6">
        <v>115584.29999999999</v>
      </c>
      <c r="C6944" s="7">
        <f t="shared" si="108"/>
        <v>115.58429999999998</v>
      </c>
    </row>
    <row r="6945" spans="1:3" x14ac:dyDescent="0.25">
      <c r="A6945" s="2" t="s">
        <v>2518</v>
      </c>
      <c r="B6945" s="6">
        <v>115600.95</v>
      </c>
      <c r="C6945" s="7">
        <f t="shared" si="108"/>
        <v>115.60095</v>
      </c>
    </row>
    <row r="6946" spans="1:3" x14ac:dyDescent="0.25">
      <c r="A6946" s="2" t="s">
        <v>2519</v>
      </c>
      <c r="B6946" s="6">
        <v>115617.59999999999</v>
      </c>
      <c r="C6946" s="7">
        <f t="shared" si="108"/>
        <v>115.6176</v>
      </c>
    </row>
    <row r="6947" spans="1:3" x14ac:dyDescent="0.25">
      <c r="A6947" s="2" t="s">
        <v>2520</v>
      </c>
      <c r="B6947" s="6">
        <v>115634.24999999999</v>
      </c>
      <c r="C6947" s="7">
        <f t="shared" si="108"/>
        <v>115.63424999999998</v>
      </c>
    </row>
    <row r="6948" spans="1:3" x14ac:dyDescent="0.25">
      <c r="A6948" s="2" t="s">
        <v>2521</v>
      </c>
      <c r="B6948" s="6">
        <v>115650.9</v>
      </c>
      <c r="C6948" s="7">
        <f t="shared" si="108"/>
        <v>115.65089999999999</v>
      </c>
    </row>
    <row r="6949" spans="1:3" x14ac:dyDescent="0.25">
      <c r="A6949" s="2" t="s">
        <v>2522</v>
      </c>
      <c r="B6949" s="6">
        <v>115667.54999999999</v>
      </c>
      <c r="C6949" s="7">
        <f t="shared" si="108"/>
        <v>115.66754999999999</v>
      </c>
    </row>
    <row r="6950" spans="1:3" x14ac:dyDescent="0.25">
      <c r="A6950" s="2" t="s">
        <v>2523</v>
      </c>
      <c r="B6950" s="6">
        <v>115684.2</v>
      </c>
      <c r="C6950" s="7">
        <f t="shared" si="108"/>
        <v>115.6842</v>
      </c>
    </row>
    <row r="6951" spans="1:3" x14ac:dyDescent="0.25">
      <c r="A6951" s="2" t="s">
        <v>2524</v>
      </c>
      <c r="B6951" s="6">
        <v>115700.84999999999</v>
      </c>
      <c r="C6951" s="7">
        <f t="shared" si="108"/>
        <v>115.70084999999999</v>
      </c>
    </row>
    <row r="6952" spans="1:3" x14ac:dyDescent="0.25">
      <c r="A6952" s="2" t="s">
        <v>2525</v>
      </c>
      <c r="B6952" s="6">
        <v>115717.49999999999</v>
      </c>
      <c r="C6952" s="7">
        <f t="shared" si="108"/>
        <v>115.71749999999999</v>
      </c>
    </row>
    <row r="6953" spans="1:3" x14ac:dyDescent="0.25">
      <c r="A6953" s="2" t="s">
        <v>2526</v>
      </c>
      <c r="B6953" s="6">
        <v>115734.15</v>
      </c>
      <c r="C6953" s="7">
        <f t="shared" si="108"/>
        <v>115.73415</v>
      </c>
    </row>
    <row r="6954" spans="1:3" x14ac:dyDescent="0.25">
      <c r="A6954" s="2" t="s">
        <v>2527</v>
      </c>
      <c r="B6954" s="6">
        <v>115750.79999999999</v>
      </c>
      <c r="C6954" s="7">
        <f t="shared" si="108"/>
        <v>115.75079999999998</v>
      </c>
    </row>
    <row r="6955" spans="1:3" x14ac:dyDescent="0.25">
      <c r="A6955" s="2" t="s">
        <v>2528</v>
      </c>
      <c r="B6955" s="6">
        <v>115767.45</v>
      </c>
      <c r="C6955" s="7">
        <f t="shared" si="108"/>
        <v>115.76745</v>
      </c>
    </row>
    <row r="6956" spans="1:3" x14ac:dyDescent="0.25">
      <c r="A6956" s="2" t="s">
        <v>2529</v>
      </c>
      <c r="B6956" s="6">
        <v>115784.09999999999</v>
      </c>
      <c r="C6956" s="7">
        <f t="shared" si="108"/>
        <v>115.7841</v>
      </c>
    </row>
    <row r="6957" spans="1:3" x14ac:dyDescent="0.25">
      <c r="A6957" s="2" t="s">
        <v>2530</v>
      </c>
      <c r="B6957" s="6">
        <v>115800.74999999999</v>
      </c>
      <c r="C6957" s="7">
        <f t="shared" si="108"/>
        <v>115.80074999999998</v>
      </c>
    </row>
    <row r="6958" spans="1:3" x14ac:dyDescent="0.25">
      <c r="A6958" s="2" t="s">
        <v>2531</v>
      </c>
      <c r="B6958" s="6">
        <v>115817.4</v>
      </c>
      <c r="C6958" s="7">
        <f t="shared" si="108"/>
        <v>115.81739999999999</v>
      </c>
    </row>
    <row r="6959" spans="1:3" x14ac:dyDescent="0.25">
      <c r="A6959" s="2" t="s">
        <v>2532</v>
      </c>
      <c r="B6959" s="6">
        <v>115834.04999999999</v>
      </c>
      <c r="C6959" s="7">
        <f t="shared" si="108"/>
        <v>115.83404999999999</v>
      </c>
    </row>
    <row r="6960" spans="1:3" x14ac:dyDescent="0.25">
      <c r="A6960" s="2" t="s">
        <v>2533</v>
      </c>
      <c r="B6960" s="6">
        <v>115850.7</v>
      </c>
      <c r="C6960" s="7">
        <f t="shared" si="108"/>
        <v>115.8507</v>
      </c>
    </row>
    <row r="6961" spans="1:3" x14ac:dyDescent="0.25">
      <c r="A6961" s="2" t="s">
        <v>2534</v>
      </c>
      <c r="B6961" s="6">
        <v>115867.34999999999</v>
      </c>
      <c r="C6961" s="7">
        <f t="shared" si="108"/>
        <v>115.86734999999999</v>
      </c>
    </row>
    <row r="6962" spans="1:3" x14ac:dyDescent="0.25">
      <c r="A6962" s="2" t="s">
        <v>2535</v>
      </c>
      <c r="B6962" s="6">
        <v>115883.99999999999</v>
      </c>
      <c r="C6962" s="7">
        <f t="shared" si="108"/>
        <v>115.88399999999999</v>
      </c>
    </row>
    <row r="6963" spans="1:3" x14ac:dyDescent="0.25">
      <c r="A6963" s="2" t="s">
        <v>2536</v>
      </c>
      <c r="B6963" s="6">
        <v>115900.65</v>
      </c>
      <c r="C6963" s="7">
        <f t="shared" si="108"/>
        <v>115.90065</v>
      </c>
    </row>
    <row r="6964" spans="1:3" x14ac:dyDescent="0.25">
      <c r="A6964" s="2" t="s">
        <v>2537</v>
      </c>
      <c r="B6964" s="6">
        <v>115917.29999999999</v>
      </c>
      <c r="C6964" s="7">
        <f t="shared" si="108"/>
        <v>115.91729999999998</v>
      </c>
    </row>
    <row r="6965" spans="1:3" x14ac:dyDescent="0.25">
      <c r="A6965" s="2" t="s">
        <v>2538</v>
      </c>
      <c r="B6965" s="6">
        <v>115933.95</v>
      </c>
      <c r="C6965" s="7">
        <f t="shared" si="108"/>
        <v>115.93395</v>
      </c>
    </row>
    <row r="6966" spans="1:3" x14ac:dyDescent="0.25">
      <c r="A6966" s="2" t="s">
        <v>2539</v>
      </c>
      <c r="B6966" s="6">
        <v>115950.59999999999</v>
      </c>
      <c r="C6966" s="7">
        <f t="shared" si="108"/>
        <v>115.95059999999999</v>
      </c>
    </row>
    <row r="6967" spans="1:3" x14ac:dyDescent="0.25">
      <c r="A6967" s="2" t="s">
        <v>2540</v>
      </c>
      <c r="B6967" s="6">
        <v>115967.24999999999</v>
      </c>
      <c r="C6967" s="7">
        <f t="shared" si="108"/>
        <v>115.96724999999998</v>
      </c>
    </row>
    <row r="6968" spans="1:3" x14ac:dyDescent="0.25">
      <c r="A6968" s="2" t="s">
        <v>2541</v>
      </c>
      <c r="B6968" s="6">
        <v>115983.9</v>
      </c>
      <c r="C6968" s="7">
        <f t="shared" si="108"/>
        <v>115.98389999999999</v>
      </c>
    </row>
    <row r="6969" spans="1:3" x14ac:dyDescent="0.25">
      <c r="A6969" s="2" t="s">
        <v>2542</v>
      </c>
      <c r="B6969" s="6">
        <v>116000.54999999999</v>
      </c>
      <c r="C6969" s="7">
        <f t="shared" si="108"/>
        <v>116.00054999999999</v>
      </c>
    </row>
    <row r="6970" spans="1:3" x14ac:dyDescent="0.25">
      <c r="A6970" s="2" t="s">
        <v>2543</v>
      </c>
      <c r="B6970" s="6">
        <v>116017.2</v>
      </c>
      <c r="C6970" s="7">
        <f t="shared" si="108"/>
        <v>116.0172</v>
      </c>
    </row>
    <row r="6971" spans="1:3" x14ac:dyDescent="0.25">
      <c r="A6971" s="2" t="s">
        <v>2544</v>
      </c>
      <c r="B6971" s="6">
        <v>116033.84999999999</v>
      </c>
      <c r="C6971" s="7">
        <f t="shared" si="108"/>
        <v>116.03384999999999</v>
      </c>
    </row>
    <row r="6972" spans="1:3" x14ac:dyDescent="0.25">
      <c r="A6972" s="2" t="s">
        <v>2545</v>
      </c>
      <c r="B6972" s="6">
        <v>116050.49999999999</v>
      </c>
      <c r="C6972" s="7">
        <f t="shared" si="108"/>
        <v>116.05049999999999</v>
      </c>
    </row>
    <row r="6973" spans="1:3" x14ac:dyDescent="0.25">
      <c r="A6973" s="2" t="s">
        <v>2546</v>
      </c>
      <c r="B6973" s="6">
        <v>116067.15</v>
      </c>
      <c r="C6973" s="7">
        <f t="shared" si="108"/>
        <v>116.06715</v>
      </c>
    </row>
    <row r="6974" spans="1:3" x14ac:dyDescent="0.25">
      <c r="A6974" s="2" t="s">
        <v>2547</v>
      </c>
      <c r="B6974" s="6">
        <v>116083.79999999999</v>
      </c>
      <c r="C6974" s="7">
        <f t="shared" si="108"/>
        <v>116.08379999999998</v>
      </c>
    </row>
    <row r="6975" spans="1:3" x14ac:dyDescent="0.25">
      <c r="A6975" s="2" t="s">
        <v>2548</v>
      </c>
      <c r="B6975" s="6">
        <v>116100.45</v>
      </c>
      <c r="C6975" s="7">
        <f t="shared" si="108"/>
        <v>116.10045</v>
      </c>
    </row>
    <row r="6976" spans="1:3" x14ac:dyDescent="0.25">
      <c r="A6976" s="2" t="s">
        <v>2549</v>
      </c>
      <c r="B6976" s="6">
        <v>116117.09999999999</v>
      </c>
      <c r="C6976" s="7">
        <f t="shared" si="108"/>
        <v>116.11709999999999</v>
      </c>
    </row>
    <row r="6977" spans="1:3" x14ac:dyDescent="0.25">
      <c r="A6977" s="2" t="s">
        <v>2550</v>
      </c>
      <c r="B6977" s="6">
        <v>116133.74999999999</v>
      </c>
      <c r="C6977" s="7">
        <f t="shared" si="108"/>
        <v>116.13374999999999</v>
      </c>
    </row>
    <row r="6978" spans="1:3" x14ac:dyDescent="0.25">
      <c r="A6978" s="2" t="s">
        <v>2551</v>
      </c>
      <c r="B6978" s="6">
        <v>116150.39999999999</v>
      </c>
      <c r="C6978" s="7">
        <f t="shared" si="108"/>
        <v>116.15039999999999</v>
      </c>
    </row>
    <row r="6979" spans="1:3" x14ac:dyDescent="0.25">
      <c r="A6979" s="2" t="s">
        <v>2552</v>
      </c>
      <c r="B6979" s="6">
        <v>116167.04999999999</v>
      </c>
      <c r="C6979" s="7">
        <f t="shared" ref="C6979:C7042" si="109">B6979/1000</f>
        <v>116.16704999999999</v>
      </c>
    </row>
    <row r="6980" spans="1:3" x14ac:dyDescent="0.25">
      <c r="A6980" s="2" t="s">
        <v>2553</v>
      </c>
      <c r="B6980" s="6">
        <v>116183.7</v>
      </c>
      <c r="C6980" s="7">
        <f t="shared" si="109"/>
        <v>116.1837</v>
      </c>
    </row>
    <row r="6981" spans="1:3" x14ac:dyDescent="0.25">
      <c r="A6981" s="2" t="s">
        <v>2554</v>
      </c>
      <c r="B6981" s="6">
        <v>116200.34999999999</v>
      </c>
      <c r="C6981" s="7">
        <f t="shared" si="109"/>
        <v>116.20034999999999</v>
      </c>
    </row>
    <row r="6982" spans="1:3" x14ac:dyDescent="0.25">
      <c r="A6982" s="2" t="s">
        <v>2555</v>
      </c>
      <c r="B6982" s="6">
        <v>116216.99999999999</v>
      </c>
      <c r="C6982" s="7">
        <f t="shared" si="109"/>
        <v>116.21699999999998</v>
      </c>
    </row>
    <row r="6983" spans="1:3" x14ac:dyDescent="0.25">
      <c r="A6983" s="2" t="s">
        <v>2556</v>
      </c>
      <c r="B6983" s="6">
        <v>116233.65</v>
      </c>
      <c r="C6983" s="7">
        <f t="shared" si="109"/>
        <v>116.23365</v>
      </c>
    </row>
    <row r="6984" spans="1:3" x14ac:dyDescent="0.25">
      <c r="A6984" s="2" t="s">
        <v>2557</v>
      </c>
      <c r="B6984" s="6">
        <v>116250.29999999999</v>
      </c>
      <c r="C6984" s="7">
        <f t="shared" si="109"/>
        <v>116.25029999999998</v>
      </c>
    </row>
    <row r="6985" spans="1:3" x14ac:dyDescent="0.25">
      <c r="A6985" s="2" t="s">
        <v>2558</v>
      </c>
      <c r="B6985" s="6">
        <v>116266.95</v>
      </c>
      <c r="C6985" s="7">
        <f t="shared" si="109"/>
        <v>116.26694999999999</v>
      </c>
    </row>
    <row r="6986" spans="1:3" x14ac:dyDescent="0.25">
      <c r="A6986" s="2" t="s">
        <v>2559</v>
      </c>
      <c r="B6986" s="6">
        <v>116283.59999999999</v>
      </c>
      <c r="C6986" s="7">
        <f t="shared" si="109"/>
        <v>116.28359999999999</v>
      </c>
    </row>
    <row r="6987" spans="1:3" x14ac:dyDescent="0.25">
      <c r="A6987" s="2" t="s">
        <v>2560</v>
      </c>
      <c r="B6987" s="6">
        <v>116300.24999999999</v>
      </c>
      <c r="C6987" s="7">
        <f t="shared" si="109"/>
        <v>116.30024999999999</v>
      </c>
    </row>
    <row r="6988" spans="1:3" x14ac:dyDescent="0.25">
      <c r="A6988" s="2" t="s">
        <v>2561</v>
      </c>
      <c r="B6988" s="6">
        <v>116316.9</v>
      </c>
      <c r="C6988" s="7">
        <f t="shared" si="109"/>
        <v>116.31689999999999</v>
      </c>
    </row>
    <row r="6989" spans="1:3" x14ac:dyDescent="0.25">
      <c r="A6989" s="2" t="s">
        <v>2562</v>
      </c>
      <c r="B6989" s="6">
        <v>116333.54999999999</v>
      </c>
      <c r="C6989" s="7">
        <f t="shared" si="109"/>
        <v>116.33354999999999</v>
      </c>
    </row>
    <row r="6990" spans="1:3" x14ac:dyDescent="0.25">
      <c r="A6990" s="2" t="s">
        <v>2563</v>
      </c>
      <c r="B6990" s="6">
        <v>116350.2</v>
      </c>
      <c r="C6990" s="7">
        <f t="shared" si="109"/>
        <v>116.3502</v>
      </c>
    </row>
    <row r="6991" spans="1:3" x14ac:dyDescent="0.25">
      <c r="A6991" s="2" t="s">
        <v>2564</v>
      </c>
      <c r="B6991" s="6">
        <v>116366.84999999999</v>
      </c>
      <c r="C6991" s="7">
        <f t="shared" si="109"/>
        <v>116.36684999999999</v>
      </c>
    </row>
    <row r="6992" spans="1:3" x14ac:dyDescent="0.25">
      <c r="A6992" s="2" t="s">
        <v>2565</v>
      </c>
      <c r="B6992" s="6">
        <v>116383.49999999999</v>
      </c>
      <c r="C6992" s="7">
        <f t="shared" si="109"/>
        <v>116.38349999999998</v>
      </c>
    </row>
    <row r="6993" spans="1:3" x14ac:dyDescent="0.25">
      <c r="A6993" s="2" t="s">
        <v>2566</v>
      </c>
      <c r="B6993" s="6">
        <v>116400.15</v>
      </c>
      <c r="C6993" s="7">
        <f t="shared" si="109"/>
        <v>116.40015</v>
      </c>
    </row>
    <row r="6994" spans="1:3" x14ac:dyDescent="0.25">
      <c r="A6994" s="2" t="s">
        <v>2567</v>
      </c>
      <c r="B6994" s="6">
        <v>116416.79999999999</v>
      </c>
      <c r="C6994" s="7">
        <f t="shared" si="109"/>
        <v>116.41679999999999</v>
      </c>
    </row>
    <row r="6995" spans="1:3" x14ac:dyDescent="0.25">
      <c r="A6995" s="2" t="s">
        <v>2568</v>
      </c>
      <c r="B6995" s="6">
        <v>116433.45</v>
      </c>
      <c r="C6995" s="7">
        <f t="shared" si="109"/>
        <v>116.43344999999999</v>
      </c>
    </row>
    <row r="6996" spans="1:3" x14ac:dyDescent="0.25">
      <c r="A6996" s="2" t="s">
        <v>2569</v>
      </c>
      <c r="B6996" s="6">
        <v>116450.09999999999</v>
      </c>
      <c r="C6996" s="7">
        <f t="shared" si="109"/>
        <v>116.45009999999999</v>
      </c>
    </row>
    <row r="6997" spans="1:3" x14ac:dyDescent="0.25">
      <c r="A6997" s="2" t="s">
        <v>2570</v>
      </c>
      <c r="B6997" s="6">
        <v>116466.74999999999</v>
      </c>
      <c r="C6997" s="7">
        <f t="shared" si="109"/>
        <v>116.46674999999999</v>
      </c>
    </row>
    <row r="6998" spans="1:3" x14ac:dyDescent="0.25">
      <c r="A6998" s="2" t="s">
        <v>2571</v>
      </c>
      <c r="B6998" s="6">
        <v>116483.4</v>
      </c>
      <c r="C6998" s="7">
        <f t="shared" si="109"/>
        <v>116.48339999999999</v>
      </c>
    </row>
    <row r="6999" spans="1:3" x14ac:dyDescent="0.25">
      <c r="A6999" s="2" t="s">
        <v>2572</v>
      </c>
      <c r="B6999" s="6">
        <v>116500.04999999999</v>
      </c>
      <c r="C6999" s="7">
        <f t="shared" si="109"/>
        <v>116.50004999999999</v>
      </c>
    </row>
    <row r="7000" spans="1:3" x14ac:dyDescent="0.25">
      <c r="A7000" s="2" t="s">
        <v>2573</v>
      </c>
      <c r="B7000" s="6">
        <v>116516.7</v>
      </c>
      <c r="C7000" s="7">
        <f t="shared" si="109"/>
        <v>116.5167</v>
      </c>
    </row>
    <row r="7001" spans="1:3" x14ac:dyDescent="0.25">
      <c r="A7001" s="2" t="s">
        <v>2574</v>
      </c>
      <c r="B7001" s="6">
        <v>116533.34999999999</v>
      </c>
      <c r="C7001" s="7">
        <f t="shared" si="109"/>
        <v>116.53334999999998</v>
      </c>
    </row>
    <row r="7002" spans="1:3" x14ac:dyDescent="0.25">
      <c r="A7002" s="2" t="s">
        <v>2575</v>
      </c>
      <c r="B7002" s="6">
        <v>116549.99999999999</v>
      </c>
      <c r="C7002" s="7">
        <f t="shared" si="109"/>
        <v>116.54999999999998</v>
      </c>
    </row>
    <row r="7003" spans="1:3" x14ac:dyDescent="0.25">
      <c r="A7003" s="2" t="s">
        <v>2576</v>
      </c>
      <c r="B7003" s="6">
        <v>116566.65</v>
      </c>
      <c r="C7003" s="7">
        <f t="shared" si="109"/>
        <v>116.56665</v>
      </c>
    </row>
    <row r="7004" spans="1:3" x14ac:dyDescent="0.25">
      <c r="A7004" s="2" t="s">
        <v>2577</v>
      </c>
      <c r="B7004" s="6">
        <v>116583.29999999999</v>
      </c>
      <c r="C7004" s="7">
        <f t="shared" si="109"/>
        <v>116.58329999999999</v>
      </c>
    </row>
    <row r="7005" spans="1:3" x14ac:dyDescent="0.25">
      <c r="A7005" s="2" t="s">
        <v>2578</v>
      </c>
      <c r="B7005" s="6">
        <v>116599.95</v>
      </c>
      <c r="C7005" s="7">
        <f t="shared" si="109"/>
        <v>116.59994999999999</v>
      </c>
    </row>
    <row r="7006" spans="1:3" x14ac:dyDescent="0.25">
      <c r="A7006" s="2" t="s">
        <v>2579</v>
      </c>
      <c r="B7006" s="6">
        <v>116616.59999999999</v>
      </c>
      <c r="C7006" s="7">
        <f t="shared" si="109"/>
        <v>116.61659999999999</v>
      </c>
    </row>
    <row r="7007" spans="1:3" x14ac:dyDescent="0.25">
      <c r="A7007" s="2" t="s">
        <v>2580</v>
      </c>
      <c r="B7007" s="6">
        <v>116633.24999999999</v>
      </c>
      <c r="C7007" s="7">
        <f t="shared" si="109"/>
        <v>116.63324999999999</v>
      </c>
    </row>
    <row r="7008" spans="1:3" x14ac:dyDescent="0.25">
      <c r="A7008" s="2" t="s">
        <v>2581</v>
      </c>
      <c r="B7008" s="6">
        <v>116649.9</v>
      </c>
      <c r="C7008" s="7">
        <f t="shared" si="109"/>
        <v>116.64989999999999</v>
      </c>
    </row>
    <row r="7009" spans="1:3" x14ac:dyDescent="0.25">
      <c r="A7009" s="2" t="s">
        <v>2582</v>
      </c>
      <c r="B7009" s="6">
        <v>116666.54999999999</v>
      </c>
      <c r="C7009" s="7">
        <f t="shared" si="109"/>
        <v>116.66654999999999</v>
      </c>
    </row>
    <row r="7010" spans="1:3" x14ac:dyDescent="0.25">
      <c r="A7010" s="2" t="s">
        <v>2583</v>
      </c>
      <c r="B7010" s="6">
        <v>116683.2</v>
      </c>
      <c r="C7010" s="7">
        <f t="shared" si="109"/>
        <v>116.6832</v>
      </c>
    </row>
    <row r="7011" spans="1:3" x14ac:dyDescent="0.25">
      <c r="A7011" s="2" t="s">
        <v>2584</v>
      </c>
      <c r="B7011" s="6">
        <v>116699.84999999999</v>
      </c>
      <c r="C7011" s="7">
        <f t="shared" si="109"/>
        <v>116.69985</v>
      </c>
    </row>
    <row r="7012" spans="1:3" x14ac:dyDescent="0.25">
      <c r="A7012" s="2" t="s">
        <v>2585</v>
      </c>
      <c r="B7012" s="6">
        <v>116716.49999999999</v>
      </c>
      <c r="C7012" s="7">
        <f t="shared" si="109"/>
        <v>116.71649999999998</v>
      </c>
    </row>
    <row r="7013" spans="1:3" x14ac:dyDescent="0.25">
      <c r="A7013" s="2" t="s">
        <v>2586</v>
      </c>
      <c r="B7013" s="6">
        <v>116733.15</v>
      </c>
      <c r="C7013" s="7">
        <f t="shared" si="109"/>
        <v>116.73314999999999</v>
      </c>
    </row>
    <row r="7014" spans="1:3" x14ac:dyDescent="0.25">
      <c r="A7014" s="2" t="s">
        <v>2587</v>
      </c>
      <c r="B7014" s="6">
        <v>116749.79999999999</v>
      </c>
      <c r="C7014" s="7">
        <f t="shared" si="109"/>
        <v>116.74979999999999</v>
      </c>
    </row>
    <row r="7015" spans="1:3" x14ac:dyDescent="0.25">
      <c r="A7015" s="2" t="s">
        <v>2588</v>
      </c>
      <c r="B7015" s="6">
        <v>116766.45</v>
      </c>
      <c r="C7015" s="7">
        <f t="shared" si="109"/>
        <v>116.76644999999999</v>
      </c>
    </row>
    <row r="7016" spans="1:3" x14ac:dyDescent="0.25">
      <c r="A7016" s="2" t="s">
        <v>2589</v>
      </c>
      <c r="B7016" s="6">
        <v>116783.09999999999</v>
      </c>
      <c r="C7016" s="7">
        <f t="shared" si="109"/>
        <v>116.78309999999999</v>
      </c>
    </row>
    <row r="7017" spans="1:3" x14ac:dyDescent="0.25">
      <c r="A7017" s="2" t="s">
        <v>2590</v>
      </c>
      <c r="B7017" s="6">
        <v>116799.74999999999</v>
      </c>
      <c r="C7017" s="7">
        <f t="shared" si="109"/>
        <v>116.79974999999999</v>
      </c>
    </row>
    <row r="7018" spans="1:3" x14ac:dyDescent="0.25">
      <c r="A7018" s="2" t="s">
        <v>2591</v>
      </c>
      <c r="B7018" s="6">
        <v>116816.4</v>
      </c>
      <c r="C7018" s="7">
        <f t="shared" si="109"/>
        <v>116.81639999999999</v>
      </c>
    </row>
    <row r="7019" spans="1:3" x14ac:dyDescent="0.25">
      <c r="A7019" s="2" t="s">
        <v>2592</v>
      </c>
      <c r="B7019" s="6">
        <v>116833.04999999999</v>
      </c>
      <c r="C7019" s="7">
        <f t="shared" si="109"/>
        <v>116.83304999999999</v>
      </c>
    </row>
    <row r="7020" spans="1:3" x14ac:dyDescent="0.25">
      <c r="A7020" s="2" t="s">
        <v>2593</v>
      </c>
      <c r="B7020" s="6">
        <v>116849.7</v>
      </c>
      <c r="C7020" s="7">
        <f t="shared" si="109"/>
        <v>116.8497</v>
      </c>
    </row>
    <row r="7021" spans="1:3" x14ac:dyDescent="0.25">
      <c r="A7021" s="2" t="s">
        <v>2594</v>
      </c>
      <c r="B7021" s="6">
        <v>116866.34999999999</v>
      </c>
      <c r="C7021" s="7">
        <f t="shared" si="109"/>
        <v>116.86635</v>
      </c>
    </row>
    <row r="7022" spans="1:3" x14ac:dyDescent="0.25">
      <c r="A7022" s="2" t="s">
        <v>2595</v>
      </c>
      <c r="B7022" s="6">
        <v>116882.99999999999</v>
      </c>
      <c r="C7022" s="7">
        <f t="shared" si="109"/>
        <v>116.88299999999998</v>
      </c>
    </row>
    <row r="7023" spans="1:3" x14ac:dyDescent="0.25">
      <c r="A7023" s="2" t="s">
        <v>2596</v>
      </c>
      <c r="B7023" s="6">
        <v>116899.65</v>
      </c>
      <c r="C7023" s="7">
        <f t="shared" si="109"/>
        <v>116.89964999999999</v>
      </c>
    </row>
    <row r="7024" spans="1:3" x14ac:dyDescent="0.25">
      <c r="A7024" s="2" t="s">
        <v>2597</v>
      </c>
      <c r="B7024" s="6">
        <v>116916.29999999999</v>
      </c>
      <c r="C7024" s="7">
        <f t="shared" si="109"/>
        <v>116.91629999999999</v>
      </c>
    </row>
    <row r="7025" spans="1:3" x14ac:dyDescent="0.25">
      <c r="A7025" s="2" t="s">
        <v>2598</v>
      </c>
      <c r="B7025" s="6">
        <v>116932.95</v>
      </c>
      <c r="C7025" s="7">
        <f t="shared" si="109"/>
        <v>116.93294999999999</v>
      </c>
    </row>
    <row r="7026" spans="1:3" x14ac:dyDescent="0.25">
      <c r="A7026" s="2" t="s">
        <v>2599</v>
      </c>
      <c r="B7026" s="6">
        <v>116949.59999999999</v>
      </c>
      <c r="C7026" s="7">
        <f t="shared" si="109"/>
        <v>116.94959999999999</v>
      </c>
    </row>
    <row r="7027" spans="1:3" x14ac:dyDescent="0.25">
      <c r="A7027" s="2" t="s">
        <v>2600</v>
      </c>
      <c r="B7027" s="6">
        <v>116966.24999999999</v>
      </c>
      <c r="C7027" s="7">
        <f t="shared" si="109"/>
        <v>116.96624999999999</v>
      </c>
    </row>
    <row r="7028" spans="1:3" x14ac:dyDescent="0.25">
      <c r="A7028" s="2" t="s">
        <v>2601</v>
      </c>
      <c r="B7028" s="6">
        <v>116982.9</v>
      </c>
      <c r="C7028" s="7">
        <f t="shared" si="109"/>
        <v>116.9829</v>
      </c>
    </row>
    <row r="7029" spans="1:3" x14ac:dyDescent="0.25">
      <c r="A7029" s="2" t="s">
        <v>2602</v>
      </c>
      <c r="B7029" s="6">
        <v>116999.54999999999</v>
      </c>
      <c r="C7029" s="7">
        <f t="shared" si="109"/>
        <v>116.99954999999999</v>
      </c>
    </row>
    <row r="7030" spans="1:3" x14ac:dyDescent="0.25">
      <c r="A7030" s="2" t="s">
        <v>2603</v>
      </c>
      <c r="B7030" s="6">
        <v>117016.2</v>
      </c>
      <c r="C7030" s="7">
        <f t="shared" si="109"/>
        <v>117.0162</v>
      </c>
    </row>
    <row r="7031" spans="1:3" x14ac:dyDescent="0.25">
      <c r="A7031" s="2" t="s">
        <v>2604</v>
      </c>
      <c r="B7031" s="6">
        <v>117032.84999999999</v>
      </c>
      <c r="C7031" s="7">
        <f t="shared" si="109"/>
        <v>117.03285</v>
      </c>
    </row>
    <row r="7032" spans="1:3" x14ac:dyDescent="0.25">
      <c r="A7032" s="2" t="s">
        <v>2605</v>
      </c>
      <c r="B7032" s="6">
        <v>117049.49999999999</v>
      </c>
      <c r="C7032" s="7">
        <f t="shared" si="109"/>
        <v>117.04949999999998</v>
      </c>
    </row>
    <row r="7033" spans="1:3" x14ac:dyDescent="0.25">
      <c r="A7033" s="2" t="s">
        <v>2606</v>
      </c>
      <c r="B7033" s="6">
        <v>117066.15</v>
      </c>
      <c r="C7033" s="7">
        <f t="shared" si="109"/>
        <v>117.06614999999999</v>
      </c>
    </row>
    <row r="7034" spans="1:3" x14ac:dyDescent="0.25">
      <c r="A7034" s="2" t="s">
        <v>2607</v>
      </c>
      <c r="B7034" s="6">
        <v>117082.79999999999</v>
      </c>
      <c r="C7034" s="7">
        <f t="shared" si="109"/>
        <v>117.08279999999999</v>
      </c>
    </row>
    <row r="7035" spans="1:3" x14ac:dyDescent="0.25">
      <c r="A7035" s="2" t="s">
        <v>2608</v>
      </c>
      <c r="B7035" s="6">
        <v>117099.45</v>
      </c>
      <c r="C7035" s="7">
        <f t="shared" si="109"/>
        <v>117.09944999999999</v>
      </c>
    </row>
    <row r="7036" spans="1:3" x14ac:dyDescent="0.25">
      <c r="A7036" s="2" t="s">
        <v>2609</v>
      </c>
      <c r="B7036" s="6">
        <v>117116.09999999999</v>
      </c>
      <c r="C7036" s="7">
        <f t="shared" si="109"/>
        <v>117.11609999999999</v>
      </c>
    </row>
    <row r="7037" spans="1:3" x14ac:dyDescent="0.25">
      <c r="A7037" s="2" t="s">
        <v>2610</v>
      </c>
      <c r="B7037" s="6">
        <v>117132.74999999999</v>
      </c>
      <c r="C7037" s="7">
        <f t="shared" si="109"/>
        <v>117.13274999999999</v>
      </c>
    </row>
    <row r="7038" spans="1:3" x14ac:dyDescent="0.25">
      <c r="A7038" s="2" t="s">
        <v>2611</v>
      </c>
      <c r="B7038" s="6">
        <v>117149.4</v>
      </c>
      <c r="C7038" s="7">
        <f t="shared" si="109"/>
        <v>117.1494</v>
      </c>
    </row>
    <row r="7039" spans="1:3" x14ac:dyDescent="0.25">
      <c r="A7039" s="2" t="s">
        <v>2612</v>
      </c>
      <c r="B7039" s="6">
        <v>117166.04999999999</v>
      </c>
      <c r="C7039" s="7">
        <f t="shared" si="109"/>
        <v>117.16604999999998</v>
      </c>
    </row>
    <row r="7040" spans="1:3" x14ac:dyDescent="0.25">
      <c r="A7040" s="2" t="s">
        <v>2613</v>
      </c>
      <c r="B7040" s="6">
        <v>117182.7</v>
      </c>
      <c r="C7040" s="7">
        <f t="shared" si="109"/>
        <v>117.1827</v>
      </c>
    </row>
    <row r="7041" spans="1:3" x14ac:dyDescent="0.25">
      <c r="A7041" s="2" t="s">
        <v>2614</v>
      </c>
      <c r="B7041" s="6">
        <v>117199.34999999999</v>
      </c>
      <c r="C7041" s="7">
        <f t="shared" si="109"/>
        <v>117.19935</v>
      </c>
    </row>
    <row r="7042" spans="1:3" x14ac:dyDescent="0.25">
      <c r="A7042" s="2" t="s">
        <v>2615</v>
      </c>
      <c r="B7042" s="6">
        <v>117215.99999999999</v>
      </c>
      <c r="C7042" s="7">
        <f t="shared" si="109"/>
        <v>117.21599999999998</v>
      </c>
    </row>
    <row r="7043" spans="1:3" x14ac:dyDescent="0.25">
      <c r="A7043" s="2" t="s">
        <v>2616</v>
      </c>
      <c r="B7043" s="6">
        <v>117232.65</v>
      </c>
      <c r="C7043" s="7">
        <f t="shared" ref="C7043:C7106" si="110">B7043/1000</f>
        <v>117.23264999999999</v>
      </c>
    </row>
    <row r="7044" spans="1:3" x14ac:dyDescent="0.25">
      <c r="A7044" s="2" t="s">
        <v>2617</v>
      </c>
      <c r="B7044" s="6">
        <v>117249.29999999999</v>
      </c>
      <c r="C7044" s="7">
        <f t="shared" si="110"/>
        <v>117.24929999999999</v>
      </c>
    </row>
    <row r="7045" spans="1:3" x14ac:dyDescent="0.25">
      <c r="A7045" s="2" t="s">
        <v>2618</v>
      </c>
      <c r="B7045" s="6">
        <v>117265.95</v>
      </c>
      <c r="C7045" s="7">
        <f t="shared" si="110"/>
        <v>117.26595</v>
      </c>
    </row>
    <row r="7046" spans="1:3" x14ac:dyDescent="0.25">
      <c r="A7046" s="2" t="s">
        <v>2619</v>
      </c>
      <c r="B7046" s="6">
        <v>117282.59999999999</v>
      </c>
      <c r="C7046" s="7">
        <f t="shared" si="110"/>
        <v>117.28259999999999</v>
      </c>
    </row>
    <row r="7047" spans="1:3" x14ac:dyDescent="0.25">
      <c r="A7047" s="2" t="s">
        <v>2620</v>
      </c>
      <c r="B7047" s="6">
        <v>117299.24999999999</v>
      </c>
      <c r="C7047" s="7">
        <f t="shared" si="110"/>
        <v>117.29924999999999</v>
      </c>
    </row>
    <row r="7048" spans="1:3" x14ac:dyDescent="0.25">
      <c r="A7048" s="2" t="s">
        <v>2621</v>
      </c>
      <c r="B7048" s="6">
        <v>117315.9</v>
      </c>
      <c r="C7048" s="7">
        <f t="shared" si="110"/>
        <v>117.3159</v>
      </c>
    </row>
    <row r="7049" spans="1:3" x14ac:dyDescent="0.25">
      <c r="A7049" s="2" t="s">
        <v>2622</v>
      </c>
      <c r="B7049" s="6">
        <v>117332.54999999999</v>
      </c>
      <c r="C7049" s="7">
        <f t="shared" si="110"/>
        <v>117.33254999999998</v>
      </c>
    </row>
    <row r="7050" spans="1:3" x14ac:dyDescent="0.25">
      <c r="A7050" s="2" t="s">
        <v>2623</v>
      </c>
      <c r="B7050" s="6">
        <v>117349.2</v>
      </c>
      <c r="C7050" s="7">
        <f t="shared" si="110"/>
        <v>117.3492</v>
      </c>
    </row>
    <row r="7051" spans="1:3" x14ac:dyDescent="0.25">
      <c r="A7051" s="2" t="s">
        <v>2624</v>
      </c>
      <c r="B7051" s="6">
        <v>117365.84999999999</v>
      </c>
      <c r="C7051" s="7">
        <f t="shared" si="110"/>
        <v>117.36584999999999</v>
      </c>
    </row>
    <row r="7052" spans="1:3" x14ac:dyDescent="0.25">
      <c r="A7052" s="2" t="s">
        <v>2625</v>
      </c>
      <c r="B7052" s="6">
        <v>117382.49999999999</v>
      </c>
      <c r="C7052" s="7">
        <f t="shared" si="110"/>
        <v>117.38249999999998</v>
      </c>
    </row>
    <row r="7053" spans="1:3" x14ac:dyDescent="0.25">
      <c r="A7053" s="2" t="s">
        <v>2626</v>
      </c>
      <c r="B7053" s="6">
        <v>117399.15</v>
      </c>
      <c r="C7053" s="7">
        <f t="shared" si="110"/>
        <v>117.39914999999999</v>
      </c>
    </row>
    <row r="7054" spans="1:3" x14ac:dyDescent="0.25">
      <c r="A7054" s="2" t="s">
        <v>2627</v>
      </c>
      <c r="B7054" s="6">
        <v>117415.79999999999</v>
      </c>
      <c r="C7054" s="7">
        <f t="shared" si="110"/>
        <v>117.41579999999999</v>
      </c>
    </row>
    <row r="7055" spans="1:3" x14ac:dyDescent="0.25">
      <c r="A7055" s="2" t="s">
        <v>2628</v>
      </c>
      <c r="B7055" s="6">
        <v>117432.45</v>
      </c>
      <c r="C7055" s="7">
        <f t="shared" si="110"/>
        <v>117.43245</v>
      </c>
    </row>
    <row r="7056" spans="1:3" x14ac:dyDescent="0.25">
      <c r="A7056" s="2" t="s">
        <v>2629</v>
      </c>
      <c r="B7056" s="6">
        <v>117449.09999999999</v>
      </c>
      <c r="C7056" s="7">
        <f t="shared" si="110"/>
        <v>117.44909999999999</v>
      </c>
    </row>
    <row r="7057" spans="1:3" x14ac:dyDescent="0.25">
      <c r="A7057" s="2" t="s">
        <v>2630</v>
      </c>
      <c r="B7057" s="6">
        <v>117465.74999999999</v>
      </c>
      <c r="C7057" s="7">
        <f t="shared" si="110"/>
        <v>117.46574999999999</v>
      </c>
    </row>
    <row r="7058" spans="1:3" x14ac:dyDescent="0.25">
      <c r="A7058" s="2" t="s">
        <v>2631</v>
      </c>
      <c r="B7058" s="6">
        <v>117482.4</v>
      </c>
      <c r="C7058" s="7">
        <f t="shared" si="110"/>
        <v>117.4824</v>
      </c>
    </row>
    <row r="7059" spans="1:3" x14ac:dyDescent="0.25">
      <c r="A7059" s="2" t="s">
        <v>2632</v>
      </c>
      <c r="B7059" s="6">
        <v>117499.04999999999</v>
      </c>
      <c r="C7059" s="7">
        <f t="shared" si="110"/>
        <v>117.49904999999998</v>
      </c>
    </row>
    <row r="7060" spans="1:3" x14ac:dyDescent="0.25">
      <c r="A7060" s="2" t="s">
        <v>2633</v>
      </c>
      <c r="B7060" s="6">
        <v>117515.7</v>
      </c>
      <c r="C7060" s="7">
        <f t="shared" si="110"/>
        <v>117.5157</v>
      </c>
    </row>
    <row r="7061" spans="1:3" x14ac:dyDescent="0.25">
      <c r="A7061" s="2" t="s">
        <v>2634</v>
      </c>
      <c r="B7061" s="6">
        <v>117532.34999999999</v>
      </c>
      <c r="C7061" s="7">
        <f t="shared" si="110"/>
        <v>117.53234999999999</v>
      </c>
    </row>
    <row r="7062" spans="1:3" x14ac:dyDescent="0.25">
      <c r="A7062" s="2" t="s">
        <v>2635</v>
      </c>
      <c r="B7062" s="6">
        <v>117548.99999999999</v>
      </c>
      <c r="C7062" s="7">
        <f t="shared" si="110"/>
        <v>117.54899999999999</v>
      </c>
    </row>
    <row r="7063" spans="1:3" x14ac:dyDescent="0.25">
      <c r="A7063" s="2" t="s">
        <v>2636</v>
      </c>
      <c r="B7063" s="6">
        <v>117565.65</v>
      </c>
      <c r="C7063" s="7">
        <f t="shared" si="110"/>
        <v>117.56564999999999</v>
      </c>
    </row>
    <row r="7064" spans="1:3" x14ac:dyDescent="0.25">
      <c r="A7064" s="2" t="s">
        <v>2637</v>
      </c>
      <c r="B7064" s="6">
        <v>117582.29999999999</v>
      </c>
      <c r="C7064" s="7">
        <f t="shared" si="110"/>
        <v>117.58229999999999</v>
      </c>
    </row>
    <row r="7065" spans="1:3" x14ac:dyDescent="0.25">
      <c r="A7065" s="2" t="s">
        <v>2638</v>
      </c>
      <c r="B7065" s="6">
        <v>117598.95</v>
      </c>
      <c r="C7065" s="7">
        <f t="shared" si="110"/>
        <v>117.59895</v>
      </c>
    </row>
    <row r="7066" spans="1:3" x14ac:dyDescent="0.25">
      <c r="A7066" s="2" t="s">
        <v>2639</v>
      </c>
      <c r="B7066" s="6">
        <v>117615.59999999999</v>
      </c>
      <c r="C7066" s="7">
        <f t="shared" si="110"/>
        <v>117.61559999999999</v>
      </c>
    </row>
    <row r="7067" spans="1:3" x14ac:dyDescent="0.25">
      <c r="A7067" s="2" t="s">
        <v>2640</v>
      </c>
      <c r="B7067" s="6">
        <v>117632.24999999999</v>
      </c>
      <c r="C7067" s="7">
        <f t="shared" si="110"/>
        <v>117.63224999999998</v>
      </c>
    </row>
    <row r="7068" spans="1:3" x14ac:dyDescent="0.25">
      <c r="A7068" s="2" t="s">
        <v>2641</v>
      </c>
      <c r="B7068" s="6">
        <v>117648.9</v>
      </c>
      <c r="C7068" s="7">
        <f t="shared" si="110"/>
        <v>117.6489</v>
      </c>
    </row>
    <row r="7069" spans="1:3" x14ac:dyDescent="0.25">
      <c r="A7069" s="2" t="s">
        <v>2642</v>
      </c>
      <c r="B7069" s="6">
        <v>117665.54999999999</v>
      </c>
      <c r="C7069" s="7">
        <f t="shared" si="110"/>
        <v>117.66554999999998</v>
      </c>
    </row>
    <row r="7070" spans="1:3" x14ac:dyDescent="0.25">
      <c r="A7070" s="2" t="s">
        <v>2643</v>
      </c>
      <c r="B7070" s="6">
        <v>117682.2</v>
      </c>
      <c r="C7070" s="7">
        <f t="shared" si="110"/>
        <v>117.68219999999999</v>
      </c>
    </row>
    <row r="7071" spans="1:3" x14ac:dyDescent="0.25">
      <c r="A7071" s="2" t="s">
        <v>2644</v>
      </c>
      <c r="B7071" s="6">
        <v>117698.84999999999</v>
      </c>
      <c r="C7071" s="7">
        <f t="shared" si="110"/>
        <v>117.69884999999999</v>
      </c>
    </row>
    <row r="7072" spans="1:3" x14ac:dyDescent="0.25">
      <c r="A7072" s="2" t="s">
        <v>2645</v>
      </c>
      <c r="B7072" s="6">
        <v>117715.49999999999</v>
      </c>
      <c r="C7072" s="7">
        <f t="shared" si="110"/>
        <v>117.71549999999999</v>
      </c>
    </row>
    <row r="7073" spans="1:3" x14ac:dyDescent="0.25">
      <c r="A7073" s="2" t="s">
        <v>2646</v>
      </c>
      <c r="B7073" s="6">
        <v>117732.15</v>
      </c>
      <c r="C7073" s="7">
        <f t="shared" si="110"/>
        <v>117.73214999999999</v>
      </c>
    </row>
    <row r="7074" spans="1:3" x14ac:dyDescent="0.25">
      <c r="A7074" s="2" t="s">
        <v>2647</v>
      </c>
      <c r="B7074" s="6">
        <v>117748.79999999999</v>
      </c>
      <c r="C7074" s="7">
        <f t="shared" si="110"/>
        <v>117.74879999999999</v>
      </c>
    </row>
    <row r="7075" spans="1:3" x14ac:dyDescent="0.25">
      <c r="A7075" s="2" t="s">
        <v>2648</v>
      </c>
      <c r="B7075" s="6">
        <v>117765.45</v>
      </c>
      <c r="C7075" s="7">
        <f t="shared" si="110"/>
        <v>117.76545</v>
      </c>
    </row>
    <row r="7076" spans="1:3" x14ac:dyDescent="0.25">
      <c r="A7076" s="2" t="s">
        <v>2649</v>
      </c>
      <c r="B7076" s="6">
        <v>117782.09999999999</v>
      </c>
      <c r="C7076" s="7">
        <f t="shared" si="110"/>
        <v>117.78209999999999</v>
      </c>
    </row>
    <row r="7077" spans="1:3" x14ac:dyDescent="0.25">
      <c r="A7077" s="2" t="s">
        <v>2650</v>
      </c>
      <c r="B7077" s="6">
        <v>117798.74999999999</v>
      </c>
      <c r="C7077" s="7">
        <f t="shared" si="110"/>
        <v>117.79874999999998</v>
      </c>
    </row>
    <row r="7078" spans="1:3" x14ac:dyDescent="0.25">
      <c r="A7078" s="2" t="s">
        <v>2651</v>
      </c>
      <c r="B7078" s="6">
        <v>117815.4</v>
      </c>
      <c r="C7078" s="7">
        <f t="shared" si="110"/>
        <v>117.8154</v>
      </c>
    </row>
    <row r="7079" spans="1:3" x14ac:dyDescent="0.25">
      <c r="A7079" s="2" t="s">
        <v>2652</v>
      </c>
      <c r="B7079" s="6">
        <v>117832.04999999999</v>
      </c>
      <c r="C7079" s="7">
        <f t="shared" si="110"/>
        <v>117.83205</v>
      </c>
    </row>
    <row r="7080" spans="1:3" x14ac:dyDescent="0.25">
      <c r="A7080" s="2" t="s">
        <v>2653</v>
      </c>
      <c r="B7080" s="6">
        <v>117848.7</v>
      </c>
      <c r="C7080" s="7">
        <f t="shared" si="110"/>
        <v>117.84869999999999</v>
      </c>
    </row>
    <row r="7081" spans="1:3" x14ac:dyDescent="0.25">
      <c r="A7081" s="2" t="s">
        <v>2654</v>
      </c>
      <c r="B7081" s="6">
        <v>117865.34999999999</v>
      </c>
      <c r="C7081" s="7">
        <f t="shared" si="110"/>
        <v>117.86534999999999</v>
      </c>
    </row>
    <row r="7082" spans="1:3" x14ac:dyDescent="0.25">
      <c r="A7082" s="2" t="s">
        <v>2655</v>
      </c>
      <c r="B7082" s="6">
        <v>117881.99999999999</v>
      </c>
      <c r="C7082" s="7">
        <f t="shared" si="110"/>
        <v>117.88199999999999</v>
      </c>
    </row>
    <row r="7083" spans="1:3" x14ac:dyDescent="0.25">
      <c r="A7083" s="2" t="s">
        <v>2656</v>
      </c>
      <c r="B7083" s="6">
        <v>117898.65</v>
      </c>
      <c r="C7083" s="7">
        <f t="shared" si="110"/>
        <v>117.89864999999999</v>
      </c>
    </row>
    <row r="7084" spans="1:3" x14ac:dyDescent="0.25">
      <c r="A7084" s="2" t="s">
        <v>2657</v>
      </c>
      <c r="B7084" s="6">
        <v>117915.29999999999</v>
      </c>
      <c r="C7084" s="7">
        <f t="shared" si="110"/>
        <v>117.91529999999999</v>
      </c>
    </row>
    <row r="7085" spans="1:3" x14ac:dyDescent="0.25">
      <c r="A7085" s="2" t="s">
        <v>2658</v>
      </c>
      <c r="B7085" s="6">
        <v>117931.95</v>
      </c>
      <c r="C7085" s="7">
        <f t="shared" si="110"/>
        <v>117.93195</v>
      </c>
    </row>
    <row r="7086" spans="1:3" x14ac:dyDescent="0.25">
      <c r="A7086" s="2" t="s">
        <v>2659</v>
      </c>
      <c r="B7086" s="6">
        <v>117948.59999999999</v>
      </c>
      <c r="C7086" s="7">
        <f t="shared" si="110"/>
        <v>117.94859999999998</v>
      </c>
    </row>
    <row r="7087" spans="1:3" x14ac:dyDescent="0.25">
      <c r="A7087" s="2" t="s">
        <v>2660</v>
      </c>
      <c r="B7087" s="6">
        <v>117965.24999999999</v>
      </c>
      <c r="C7087" s="7">
        <f t="shared" si="110"/>
        <v>117.96524999999998</v>
      </c>
    </row>
    <row r="7088" spans="1:3" x14ac:dyDescent="0.25">
      <c r="A7088" s="2" t="s">
        <v>2661</v>
      </c>
      <c r="B7088" s="6">
        <v>117981.9</v>
      </c>
      <c r="C7088" s="7">
        <f t="shared" si="110"/>
        <v>117.9819</v>
      </c>
    </row>
    <row r="7089" spans="1:3" x14ac:dyDescent="0.25">
      <c r="A7089" s="2" t="s">
        <v>2662</v>
      </c>
      <c r="B7089" s="6">
        <v>117998.54999999999</v>
      </c>
      <c r="C7089" s="7">
        <f t="shared" si="110"/>
        <v>117.99854999999999</v>
      </c>
    </row>
    <row r="7090" spans="1:3" x14ac:dyDescent="0.25">
      <c r="A7090" s="2" t="s">
        <v>2663</v>
      </c>
      <c r="B7090" s="6">
        <v>118015.2</v>
      </c>
      <c r="C7090" s="7">
        <f t="shared" si="110"/>
        <v>118.01519999999999</v>
      </c>
    </row>
    <row r="7091" spans="1:3" x14ac:dyDescent="0.25">
      <c r="A7091" s="2" t="s">
        <v>2664</v>
      </c>
      <c r="B7091" s="6">
        <v>118031.84999999999</v>
      </c>
      <c r="C7091" s="7">
        <f t="shared" si="110"/>
        <v>118.03184999999999</v>
      </c>
    </row>
    <row r="7092" spans="1:3" x14ac:dyDescent="0.25">
      <c r="A7092" s="2" t="s">
        <v>2665</v>
      </c>
      <c r="B7092" s="6">
        <v>118048.49999999999</v>
      </c>
      <c r="C7092" s="7">
        <f t="shared" si="110"/>
        <v>118.04849999999999</v>
      </c>
    </row>
    <row r="7093" spans="1:3" x14ac:dyDescent="0.25">
      <c r="A7093" s="2" t="s">
        <v>2666</v>
      </c>
      <c r="B7093" s="6">
        <v>118065.15</v>
      </c>
      <c r="C7093" s="7">
        <f t="shared" si="110"/>
        <v>118.06514999999999</v>
      </c>
    </row>
    <row r="7094" spans="1:3" x14ac:dyDescent="0.25">
      <c r="A7094" s="2" t="s">
        <v>2667</v>
      </c>
      <c r="B7094" s="6">
        <v>118081.79999999999</v>
      </c>
      <c r="C7094" s="7">
        <f t="shared" si="110"/>
        <v>118.08179999999999</v>
      </c>
    </row>
    <row r="7095" spans="1:3" x14ac:dyDescent="0.25">
      <c r="A7095" s="2" t="s">
        <v>2668</v>
      </c>
      <c r="B7095" s="6">
        <v>118098.45</v>
      </c>
      <c r="C7095" s="7">
        <f t="shared" si="110"/>
        <v>118.09845</v>
      </c>
    </row>
    <row r="7096" spans="1:3" x14ac:dyDescent="0.25">
      <c r="A7096" s="2" t="s">
        <v>2669</v>
      </c>
      <c r="B7096" s="6">
        <v>118115.09999999999</v>
      </c>
      <c r="C7096" s="7">
        <f t="shared" si="110"/>
        <v>118.1151</v>
      </c>
    </row>
    <row r="7097" spans="1:3" x14ac:dyDescent="0.25">
      <c r="A7097" s="2" t="s">
        <v>2670</v>
      </c>
      <c r="B7097" s="6">
        <v>118131.74999999999</v>
      </c>
      <c r="C7097" s="7">
        <f t="shared" si="110"/>
        <v>118.13174999999998</v>
      </c>
    </row>
    <row r="7098" spans="1:3" x14ac:dyDescent="0.25">
      <c r="A7098" s="2" t="s">
        <v>2671</v>
      </c>
      <c r="B7098" s="6">
        <v>118148.4</v>
      </c>
      <c r="C7098" s="7">
        <f t="shared" si="110"/>
        <v>118.1484</v>
      </c>
    </row>
    <row r="7099" spans="1:3" x14ac:dyDescent="0.25">
      <c r="A7099" s="2" t="s">
        <v>2672</v>
      </c>
      <c r="B7099" s="6">
        <v>118165.04999999999</v>
      </c>
      <c r="C7099" s="7">
        <f t="shared" si="110"/>
        <v>118.16504999999999</v>
      </c>
    </row>
    <row r="7100" spans="1:3" x14ac:dyDescent="0.25">
      <c r="A7100" s="2" t="s">
        <v>2673</v>
      </c>
      <c r="B7100" s="6">
        <v>118181.7</v>
      </c>
      <c r="C7100" s="7">
        <f t="shared" si="110"/>
        <v>118.18169999999999</v>
      </c>
    </row>
    <row r="7101" spans="1:3" x14ac:dyDescent="0.25">
      <c r="A7101" s="2" t="s">
        <v>2674</v>
      </c>
      <c r="B7101" s="6">
        <v>118198.34999999999</v>
      </c>
      <c r="C7101" s="7">
        <f t="shared" si="110"/>
        <v>118.19834999999999</v>
      </c>
    </row>
    <row r="7102" spans="1:3" x14ac:dyDescent="0.25">
      <c r="A7102" s="2" t="s">
        <v>2675</v>
      </c>
      <c r="B7102" s="6">
        <v>118214.99999999999</v>
      </c>
      <c r="C7102" s="7">
        <f t="shared" si="110"/>
        <v>118.21499999999999</v>
      </c>
    </row>
    <row r="7103" spans="1:3" x14ac:dyDescent="0.25">
      <c r="A7103" s="2" t="s">
        <v>2676</v>
      </c>
      <c r="B7103" s="6">
        <v>118231.65</v>
      </c>
      <c r="C7103" s="7">
        <f t="shared" si="110"/>
        <v>118.23164999999999</v>
      </c>
    </row>
    <row r="7104" spans="1:3" x14ac:dyDescent="0.25">
      <c r="A7104" s="2" t="s">
        <v>2677</v>
      </c>
      <c r="B7104" s="6">
        <v>118248.29999999999</v>
      </c>
      <c r="C7104" s="7">
        <f t="shared" si="110"/>
        <v>118.24829999999999</v>
      </c>
    </row>
    <row r="7105" spans="1:3" x14ac:dyDescent="0.25">
      <c r="A7105" s="2" t="s">
        <v>2678</v>
      </c>
      <c r="B7105" s="6">
        <v>118264.95</v>
      </c>
      <c r="C7105" s="7">
        <f t="shared" si="110"/>
        <v>118.26495</v>
      </c>
    </row>
    <row r="7106" spans="1:3" x14ac:dyDescent="0.25">
      <c r="A7106" s="2" t="s">
        <v>2679</v>
      </c>
      <c r="B7106" s="6">
        <v>118281.59999999999</v>
      </c>
      <c r="C7106" s="7">
        <f t="shared" si="110"/>
        <v>118.2816</v>
      </c>
    </row>
    <row r="7107" spans="1:3" x14ac:dyDescent="0.25">
      <c r="A7107" s="2" t="s">
        <v>2680</v>
      </c>
      <c r="B7107" s="6">
        <v>118298.24999999999</v>
      </c>
      <c r="C7107" s="7">
        <f t="shared" ref="C7107:C7170" si="111">B7107/1000</f>
        <v>118.29824999999998</v>
      </c>
    </row>
    <row r="7108" spans="1:3" x14ac:dyDescent="0.25">
      <c r="A7108" s="2" t="s">
        <v>2681</v>
      </c>
      <c r="B7108" s="6">
        <v>118314.9</v>
      </c>
      <c r="C7108" s="7">
        <f t="shared" si="111"/>
        <v>118.31489999999999</v>
      </c>
    </row>
    <row r="7109" spans="1:3" x14ac:dyDescent="0.25">
      <c r="A7109" s="2" t="s">
        <v>2682</v>
      </c>
      <c r="B7109" s="6">
        <v>118331.54999999999</v>
      </c>
      <c r="C7109" s="7">
        <f t="shared" si="111"/>
        <v>118.33154999999999</v>
      </c>
    </row>
    <row r="7110" spans="1:3" x14ac:dyDescent="0.25">
      <c r="A7110" s="2" t="s">
        <v>2683</v>
      </c>
      <c r="B7110" s="6">
        <v>118348.2</v>
      </c>
      <c r="C7110" s="7">
        <f t="shared" si="111"/>
        <v>118.34819999999999</v>
      </c>
    </row>
    <row r="7111" spans="1:3" x14ac:dyDescent="0.25">
      <c r="A7111" s="2" t="s">
        <v>2684</v>
      </c>
      <c r="B7111" s="6">
        <v>118364.84999999999</v>
      </c>
      <c r="C7111" s="7">
        <f t="shared" si="111"/>
        <v>118.36484999999999</v>
      </c>
    </row>
    <row r="7112" spans="1:3" x14ac:dyDescent="0.25">
      <c r="A7112" s="2" t="s">
        <v>2685</v>
      </c>
      <c r="B7112" s="6">
        <v>118381.49999999999</v>
      </c>
      <c r="C7112" s="7">
        <f t="shared" si="111"/>
        <v>118.38149999999999</v>
      </c>
    </row>
    <row r="7113" spans="1:3" x14ac:dyDescent="0.25">
      <c r="A7113" s="2" t="s">
        <v>2686</v>
      </c>
      <c r="B7113" s="6">
        <v>118398.15</v>
      </c>
      <c r="C7113" s="7">
        <f t="shared" si="111"/>
        <v>118.39815</v>
      </c>
    </row>
    <row r="7114" spans="1:3" x14ac:dyDescent="0.25">
      <c r="A7114" s="2" t="s">
        <v>2687</v>
      </c>
      <c r="B7114" s="6">
        <v>118414.79999999999</v>
      </c>
      <c r="C7114" s="7">
        <f t="shared" si="111"/>
        <v>118.41479999999999</v>
      </c>
    </row>
    <row r="7115" spans="1:3" x14ac:dyDescent="0.25">
      <c r="A7115" s="2" t="s">
        <v>2688</v>
      </c>
      <c r="B7115" s="6">
        <v>118431.45</v>
      </c>
      <c r="C7115" s="7">
        <f t="shared" si="111"/>
        <v>118.43145</v>
      </c>
    </row>
    <row r="7116" spans="1:3" x14ac:dyDescent="0.25">
      <c r="A7116" s="2" t="s">
        <v>2689</v>
      </c>
      <c r="B7116" s="6">
        <v>118448.09999999999</v>
      </c>
      <c r="C7116" s="7">
        <f t="shared" si="111"/>
        <v>118.4481</v>
      </c>
    </row>
    <row r="7117" spans="1:3" x14ac:dyDescent="0.25">
      <c r="A7117" s="2" t="s">
        <v>2690</v>
      </c>
      <c r="B7117" s="6">
        <v>118464.74999999999</v>
      </c>
      <c r="C7117" s="7">
        <f t="shared" si="111"/>
        <v>118.46474999999998</v>
      </c>
    </row>
    <row r="7118" spans="1:3" x14ac:dyDescent="0.25">
      <c r="A7118" s="2" t="s">
        <v>2691</v>
      </c>
      <c r="B7118" s="6">
        <v>118481.4</v>
      </c>
      <c r="C7118" s="7">
        <f t="shared" si="111"/>
        <v>118.48139999999999</v>
      </c>
    </row>
    <row r="7119" spans="1:3" x14ac:dyDescent="0.25">
      <c r="A7119" s="2" t="s">
        <v>2692</v>
      </c>
      <c r="B7119" s="6">
        <v>118498.04999999999</v>
      </c>
      <c r="C7119" s="7">
        <f t="shared" si="111"/>
        <v>118.49804999999999</v>
      </c>
    </row>
    <row r="7120" spans="1:3" x14ac:dyDescent="0.25">
      <c r="A7120" s="2" t="s">
        <v>2693</v>
      </c>
      <c r="B7120" s="6">
        <v>118514.7</v>
      </c>
      <c r="C7120" s="7">
        <f t="shared" si="111"/>
        <v>118.51469999999999</v>
      </c>
    </row>
    <row r="7121" spans="1:3" x14ac:dyDescent="0.25">
      <c r="A7121" s="2" t="s">
        <v>2694</v>
      </c>
      <c r="B7121" s="6">
        <v>118531.34999999999</v>
      </c>
      <c r="C7121" s="7">
        <f t="shared" si="111"/>
        <v>118.53134999999999</v>
      </c>
    </row>
    <row r="7122" spans="1:3" x14ac:dyDescent="0.25">
      <c r="A7122" s="2" t="s">
        <v>2695</v>
      </c>
      <c r="B7122" s="6">
        <v>118547.99999999999</v>
      </c>
      <c r="C7122" s="7">
        <f t="shared" si="111"/>
        <v>118.54799999999999</v>
      </c>
    </row>
    <row r="7123" spans="1:3" x14ac:dyDescent="0.25">
      <c r="A7123" s="2" t="s">
        <v>2696</v>
      </c>
      <c r="B7123" s="6">
        <v>118564.65</v>
      </c>
      <c r="C7123" s="7">
        <f t="shared" si="111"/>
        <v>118.56465</v>
      </c>
    </row>
    <row r="7124" spans="1:3" x14ac:dyDescent="0.25">
      <c r="A7124" s="2" t="s">
        <v>2697</v>
      </c>
      <c r="B7124" s="6">
        <v>118581.29999999999</v>
      </c>
      <c r="C7124" s="7">
        <f t="shared" si="111"/>
        <v>118.58129999999998</v>
      </c>
    </row>
    <row r="7125" spans="1:3" x14ac:dyDescent="0.25">
      <c r="A7125" s="2" t="s">
        <v>2698</v>
      </c>
      <c r="B7125" s="6">
        <v>118597.95</v>
      </c>
      <c r="C7125" s="7">
        <f t="shared" si="111"/>
        <v>118.59795</v>
      </c>
    </row>
    <row r="7126" spans="1:3" x14ac:dyDescent="0.25">
      <c r="A7126" s="2" t="s">
        <v>2699</v>
      </c>
      <c r="B7126" s="6">
        <v>118614.59999999999</v>
      </c>
      <c r="C7126" s="7">
        <f t="shared" si="111"/>
        <v>118.6146</v>
      </c>
    </row>
    <row r="7127" spans="1:3" x14ac:dyDescent="0.25">
      <c r="A7127" s="2" t="s">
        <v>2700</v>
      </c>
      <c r="B7127" s="6">
        <v>118631.24999999999</v>
      </c>
      <c r="C7127" s="7">
        <f t="shared" si="111"/>
        <v>118.63124999999998</v>
      </c>
    </row>
    <row r="7128" spans="1:3" x14ac:dyDescent="0.25">
      <c r="A7128" s="2" t="s">
        <v>2701</v>
      </c>
      <c r="B7128" s="6">
        <v>118647.9</v>
      </c>
      <c r="C7128" s="7">
        <f t="shared" si="111"/>
        <v>118.64789999999999</v>
      </c>
    </row>
    <row r="7129" spans="1:3" x14ac:dyDescent="0.25">
      <c r="A7129" s="2" t="s">
        <v>2702</v>
      </c>
      <c r="B7129" s="6">
        <v>118664.54999999999</v>
      </c>
      <c r="C7129" s="7">
        <f t="shared" si="111"/>
        <v>118.66454999999999</v>
      </c>
    </row>
    <row r="7130" spans="1:3" x14ac:dyDescent="0.25">
      <c r="A7130" s="2" t="s">
        <v>2703</v>
      </c>
      <c r="B7130" s="6">
        <v>118681.2</v>
      </c>
      <c r="C7130" s="7">
        <f t="shared" si="111"/>
        <v>118.6812</v>
      </c>
    </row>
    <row r="7131" spans="1:3" x14ac:dyDescent="0.25">
      <c r="A7131" s="2" t="s">
        <v>2704</v>
      </c>
      <c r="B7131" s="6">
        <v>118697.84999999999</v>
      </c>
      <c r="C7131" s="7">
        <f t="shared" si="111"/>
        <v>118.69784999999999</v>
      </c>
    </row>
    <row r="7132" spans="1:3" x14ac:dyDescent="0.25">
      <c r="A7132" s="2" t="s">
        <v>2705</v>
      </c>
      <c r="B7132" s="6">
        <v>118714.49999999999</v>
      </c>
      <c r="C7132" s="7">
        <f t="shared" si="111"/>
        <v>118.71449999999999</v>
      </c>
    </row>
    <row r="7133" spans="1:3" x14ac:dyDescent="0.25">
      <c r="A7133" s="2" t="s">
        <v>2706</v>
      </c>
      <c r="B7133" s="6">
        <v>118731.15</v>
      </c>
      <c r="C7133" s="7">
        <f t="shared" si="111"/>
        <v>118.73115</v>
      </c>
    </row>
    <row r="7134" spans="1:3" x14ac:dyDescent="0.25">
      <c r="A7134" s="2" t="s">
        <v>2707</v>
      </c>
      <c r="B7134" s="6">
        <v>118747.79999999999</v>
      </c>
      <c r="C7134" s="7">
        <f t="shared" si="111"/>
        <v>118.74779999999998</v>
      </c>
    </row>
    <row r="7135" spans="1:3" x14ac:dyDescent="0.25">
      <c r="A7135" s="2" t="s">
        <v>2708</v>
      </c>
      <c r="B7135" s="6">
        <v>118764.45</v>
      </c>
      <c r="C7135" s="7">
        <f t="shared" si="111"/>
        <v>118.76445</v>
      </c>
    </row>
    <row r="7136" spans="1:3" x14ac:dyDescent="0.25">
      <c r="A7136" s="2" t="s">
        <v>2709</v>
      </c>
      <c r="B7136" s="6">
        <v>118781.09999999999</v>
      </c>
      <c r="C7136" s="7">
        <f t="shared" si="111"/>
        <v>118.7811</v>
      </c>
    </row>
    <row r="7137" spans="1:3" x14ac:dyDescent="0.25">
      <c r="A7137" s="2" t="s">
        <v>2710</v>
      </c>
      <c r="B7137" s="6">
        <v>118797.74999999999</v>
      </c>
      <c r="C7137" s="7">
        <f t="shared" si="111"/>
        <v>118.79774999999998</v>
      </c>
    </row>
    <row r="7138" spans="1:3" x14ac:dyDescent="0.25">
      <c r="A7138" s="2" t="s">
        <v>2711</v>
      </c>
      <c r="B7138" s="6">
        <v>118814.39999999999</v>
      </c>
      <c r="C7138" s="7">
        <f t="shared" si="111"/>
        <v>118.81439999999999</v>
      </c>
    </row>
    <row r="7139" spans="1:3" x14ac:dyDescent="0.25">
      <c r="A7139" s="2" t="s">
        <v>2712</v>
      </c>
      <c r="B7139" s="6">
        <v>118831.04999999999</v>
      </c>
      <c r="C7139" s="7">
        <f t="shared" si="111"/>
        <v>118.83104999999999</v>
      </c>
    </row>
    <row r="7140" spans="1:3" x14ac:dyDescent="0.25">
      <c r="A7140" s="2" t="s">
        <v>2713</v>
      </c>
      <c r="B7140" s="6">
        <v>118847.7</v>
      </c>
      <c r="C7140" s="7">
        <f t="shared" si="111"/>
        <v>118.8477</v>
      </c>
    </row>
    <row r="7141" spans="1:3" x14ac:dyDescent="0.25">
      <c r="A7141" s="2" t="s">
        <v>2714</v>
      </c>
      <c r="B7141" s="6">
        <v>118864.34999999999</v>
      </c>
      <c r="C7141" s="7">
        <f t="shared" si="111"/>
        <v>118.86434999999999</v>
      </c>
    </row>
    <row r="7142" spans="1:3" x14ac:dyDescent="0.25">
      <c r="A7142" s="2" t="s">
        <v>2715</v>
      </c>
      <c r="B7142" s="6">
        <v>118880.99999999999</v>
      </c>
      <c r="C7142" s="7">
        <f t="shared" si="111"/>
        <v>118.88099999999999</v>
      </c>
    </row>
    <row r="7143" spans="1:3" x14ac:dyDescent="0.25">
      <c r="A7143" s="2" t="s">
        <v>2716</v>
      </c>
      <c r="B7143" s="6">
        <v>118897.65</v>
      </c>
      <c r="C7143" s="7">
        <f t="shared" si="111"/>
        <v>118.89765</v>
      </c>
    </row>
    <row r="7144" spans="1:3" x14ac:dyDescent="0.25">
      <c r="A7144" s="2" t="s">
        <v>2717</v>
      </c>
      <c r="B7144" s="6">
        <v>118914.29999999999</v>
      </c>
      <c r="C7144" s="7">
        <f t="shared" si="111"/>
        <v>118.91429999999998</v>
      </c>
    </row>
    <row r="7145" spans="1:3" x14ac:dyDescent="0.25">
      <c r="A7145" s="2" t="s">
        <v>2718</v>
      </c>
      <c r="B7145" s="6">
        <v>118930.95</v>
      </c>
      <c r="C7145" s="7">
        <f t="shared" si="111"/>
        <v>118.93095</v>
      </c>
    </row>
    <row r="7146" spans="1:3" x14ac:dyDescent="0.25">
      <c r="A7146" s="2" t="s">
        <v>2719</v>
      </c>
      <c r="B7146" s="6">
        <v>118947.59999999999</v>
      </c>
      <c r="C7146" s="7">
        <f t="shared" si="111"/>
        <v>118.94759999999999</v>
      </c>
    </row>
    <row r="7147" spans="1:3" x14ac:dyDescent="0.25">
      <c r="A7147" s="2" t="s">
        <v>2720</v>
      </c>
      <c r="B7147" s="6">
        <v>118964.24999999999</v>
      </c>
      <c r="C7147" s="7">
        <f t="shared" si="111"/>
        <v>118.96424999999998</v>
      </c>
    </row>
    <row r="7148" spans="1:3" x14ac:dyDescent="0.25">
      <c r="A7148" s="2" t="s">
        <v>2721</v>
      </c>
      <c r="B7148" s="6">
        <v>118980.9</v>
      </c>
      <c r="C7148" s="7">
        <f t="shared" si="111"/>
        <v>118.98089999999999</v>
      </c>
    </row>
    <row r="7149" spans="1:3" x14ac:dyDescent="0.25">
      <c r="A7149" s="2" t="s">
        <v>2722</v>
      </c>
      <c r="B7149" s="6">
        <v>118997.54999999999</v>
      </c>
      <c r="C7149" s="7">
        <f t="shared" si="111"/>
        <v>118.99754999999999</v>
      </c>
    </row>
    <row r="7150" spans="1:3" x14ac:dyDescent="0.25">
      <c r="A7150" s="2" t="s">
        <v>2723</v>
      </c>
      <c r="B7150" s="6">
        <v>119014.2</v>
      </c>
      <c r="C7150" s="7">
        <f t="shared" si="111"/>
        <v>119.0142</v>
      </c>
    </row>
    <row r="7151" spans="1:3" x14ac:dyDescent="0.25">
      <c r="A7151" s="2" t="s">
        <v>2724</v>
      </c>
      <c r="B7151" s="6">
        <v>119030.84999999999</v>
      </c>
      <c r="C7151" s="7">
        <f t="shared" si="111"/>
        <v>119.03084999999999</v>
      </c>
    </row>
    <row r="7152" spans="1:3" x14ac:dyDescent="0.25">
      <c r="A7152" s="2" t="s">
        <v>2725</v>
      </c>
      <c r="B7152" s="6">
        <v>119047.49999999999</v>
      </c>
      <c r="C7152" s="7">
        <f t="shared" si="111"/>
        <v>119.04749999999999</v>
      </c>
    </row>
    <row r="7153" spans="1:3" x14ac:dyDescent="0.25">
      <c r="A7153" s="2" t="s">
        <v>2726</v>
      </c>
      <c r="B7153" s="6">
        <v>119064.15</v>
      </c>
      <c r="C7153" s="7">
        <f t="shared" si="111"/>
        <v>119.06415</v>
      </c>
    </row>
    <row r="7154" spans="1:3" x14ac:dyDescent="0.25">
      <c r="A7154" s="2" t="s">
        <v>2727</v>
      </c>
      <c r="B7154" s="6">
        <v>119080.79999999999</v>
      </c>
      <c r="C7154" s="7">
        <f t="shared" si="111"/>
        <v>119.08079999999998</v>
      </c>
    </row>
    <row r="7155" spans="1:3" x14ac:dyDescent="0.25">
      <c r="A7155" s="2" t="s">
        <v>2728</v>
      </c>
      <c r="B7155" s="6">
        <v>119097.45</v>
      </c>
      <c r="C7155" s="7">
        <f t="shared" si="111"/>
        <v>119.09744999999999</v>
      </c>
    </row>
    <row r="7156" spans="1:3" x14ac:dyDescent="0.25">
      <c r="A7156" s="2" t="s">
        <v>2729</v>
      </c>
      <c r="B7156" s="6">
        <v>119114.09999999999</v>
      </c>
      <c r="C7156" s="7">
        <f t="shared" si="111"/>
        <v>119.11409999999999</v>
      </c>
    </row>
    <row r="7157" spans="1:3" x14ac:dyDescent="0.25">
      <c r="A7157" s="2" t="s">
        <v>2730</v>
      </c>
      <c r="B7157" s="6">
        <v>119130.74999999999</v>
      </c>
      <c r="C7157" s="7">
        <f t="shared" si="111"/>
        <v>119.13074999999999</v>
      </c>
    </row>
    <row r="7158" spans="1:3" x14ac:dyDescent="0.25">
      <c r="A7158" s="2" t="s">
        <v>2731</v>
      </c>
      <c r="B7158" s="6">
        <v>119147.4</v>
      </c>
      <c r="C7158" s="7">
        <f t="shared" si="111"/>
        <v>119.14739999999999</v>
      </c>
    </row>
    <row r="7159" spans="1:3" x14ac:dyDescent="0.25">
      <c r="A7159" s="2" t="s">
        <v>2732</v>
      </c>
      <c r="B7159" s="6">
        <v>119164.04999999999</v>
      </c>
      <c r="C7159" s="7">
        <f t="shared" si="111"/>
        <v>119.16404999999999</v>
      </c>
    </row>
    <row r="7160" spans="1:3" x14ac:dyDescent="0.25">
      <c r="A7160" s="2" t="s">
        <v>2733</v>
      </c>
      <c r="B7160" s="6">
        <v>119180.7</v>
      </c>
      <c r="C7160" s="7">
        <f t="shared" si="111"/>
        <v>119.1807</v>
      </c>
    </row>
    <row r="7161" spans="1:3" x14ac:dyDescent="0.25">
      <c r="A7161" s="2" t="s">
        <v>2734</v>
      </c>
      <c r="B7161" s="6">
        <v>119197.34999999999</v>
      </c>
      <c r="C7161" s="7">
        <f t="shared" si="111"/>
        <v>119.19734999999999</v>
      </c>
    </row>
    <row r="7162" spans="1:3" x14ac:dyDescent="0.25">
      <c r="A7162" s="2" t="s">
        <v>2735</v>
      </c>
      <c r="B7162" s="6">
        <v>119213.99999999999</v>
      </c>
      <c r="C7162" s="7">
        <f t="shared" si="111"/>
        <v>119.21399999999998</v>
      </c>
    </row>
    <row r="7163" spans="1:3" x14ac:dyDescent="0.25">
      <c r="A7163" s="2" t="s">
        <v>2736</v>
      </c>
      <c r="B7163" s="6">
        <v>119230.65</v>
      </c>
      <c r="C7163" s="7">
        <f t="shared" si="111"/>
        <v>119.23065</v>
      </c>
    </row>
    <row r="7164" spans="1:3" x14ac:dyDescent="0.25">
      <c r="A7164" s="2" t="s">
        <v>2737</v>
      </c>
      <c r="B7164" s="6">
        <v>119247.29999999999</v>
      </c>
      <c r="C7164" s="7">
        <f t="shared" si="111"/>
        <v>119.24729999999998</v>
      </c>
    </row>
    <row r="7165" spans="1:3" x14ac:dyDescent="0.25">
      <c r="A7165" s="2" t="s">
        <v>2738</v>
      </c>
      <c r="B7165" s="6">
        <v>119263.95</v>
      </c>
      <c r="C7165" s="7">
        <f t="shared" si="111"/>
        <v>119.26394999999999</v>
      </c>
    </row>
    <row r="7166" spans="1:3" x14ac:dyDescent="0.25">
      <c r="A7166" s="2" t="s">
        <v>2739</v>
      </c>
      <c r="B7166" s="6">
        <v>119280.59999999999</v>
      </c>
      <c r="C7166" s="7">
        <f t="shared" si="111"/>
        <v>119.28059999999999</v>
      </c>
    </row>
    <row r="7167" spans="1:3" x14ac:dyDescent="0.25">
      <c r="A7167" s="2" t="s">
        <v>2740</v>
      </c>
      <c r="B7167" s="6">
        <v>119297.24999999999</v>
      </c>
      <c r="C7167" s="7">
        <f t="shared" si="111"/>
        <v>119.29724999999999</v>
      </c>
    </row>
    <row r="7168" spans="1:3" x14ac:dyDescent="0.25">
      <c r="A7168" s="2" t="s">
        <v>2741</v>
      </c>
      <c r="B7168" s="6">
        <v>119313.9</v>
      </c>
      <c r="C7168" s="7">
        <f t="shared" si="111"/>
        <v>119.31389999999999</v>
      </c>
    </row>
    <row r="7169" spans="1:3" x14ac:dyDescent="0.25">
      <c r="A7169" s="2" t="s">
        <v>2742</v>
      </c>
      <c r="B7169" s="6">
        <v>119330.54999999999</v>
      </c>
      <c r="C7169" s="7">
        <f t="shared" si="111"/>
        <v>119.33054999999999</v>
      </c>
    </row>
    <row r="7170" spans="1:3" x14ac:dyDescent="0.25">
      <c r="A7170" s="2" t="s">
        <v>2743</v>
      </c>
      <c r="B7170" s="6">
        <v>119347.19999999998</v>
      </c>
      <c r="C7170" s="7">
        <f t="shared" si="111"/>
        <v>119.34719999999999</v>
      </c>
    </row>
    <row r="7171" spans="1:3" x14ac:dyDescent="0.25">
      <c r="A7171" s="2" t="s">
        <v>2744</v>
      </c>
      <c r="B7171" s="6">
        <v>119363.84999999999</v>
      </c>
      <c r="C7171" s="7">
        <f t="shared" ref="C7171:C7234" si="112">B7171/1000</f>
        <v>119.36384999999999</v>
      </c>
    </row>
    <row r="7172" spans="1:3" x14ac:dyDescent="0.25">
      <c r="A7172" s="2" t="s">
        <v>2745</v>
      </c>
      <c r="B7172" s="6">
        <v>119380.49999999999</v>
      </c>
      <c r="C7172" s="7">
        <f t="shared" si="112"/>
        <v>119.38049999999998</v>
      </c>
    </row>
    <row r="7173" spans="1:3" x14ac:dyDescent="0.25">
      <c r="A7173" s="2" t="s">
        <v>2746</v>
      </c>
      <c r="B7173" s="6">
        <v>119397.15</v>
      </c>
      <c r="C7173" s="7">
        <f t="shared" si="112"/>
        <v>119.39715</v>
      </c>
    </row>
    <row r="7174" spans="1:3" x14ac:dyDescent="0.25">
      <c r="A7174" s="2" t="s">
        <v>2747</v>
      </c>
      <c r="B7174" s="6">
        <v>119413.79999999999</v>
      </c>
      <c r="C7174" s="7">
        <f t="shared" si="112"/>
        <v>119.41379999999999</v>
      </c>
    </row>
    <row r="7175" spans="1:3" x14ac:dyDescent="0.25">
      <c r="A7175" s="2" t="s">
        <v>2748</v>
      </c>
      <c r="B7175" s="6">
        <v>119430.44999999998</v>
      </c>
      <c r="C7175" s="7">
        <f t="shared" si="112"/>
        <v>119.43044999999998</v>
      </c>
    </row>
    <row r="7176" spans="1:3" x14ac:dyDescent="0.25">
      <c r="A7176" s="2" t="s">
        <v>2749</v>
      </c>
      <c r="B7176" s="6">
        <v>119447.09999999999</v>
      </c>
      <c r="C7176" s="7">
        <f t="shared" si="112"/>
        <v>119.44709999999999</v>
      </c>
    </row>
    <row r="7177" spans="1:3" x14ac:dyDescent="0.25">
      <c r="A7177" s="2" t="s">
        <v>2750</v>
      </c>
      <c r="B7177" s="6">
        <v>119463.74999999999</v>
      </c>
      <c r="C7177" s="7">
        <f t="shared" si="112"/>
        <v>119.46374999999999</v>
      </c>
    </row>
    <row r="7178" spans="1:3" x14ac:dyDescent="0.25">
      <c r="A7178" s="2" t="s">
        <v>2751</v>
      </c>
      <c r="B7178" s="6">
        <v>119480.4</v>
      </c>
      <c r="C7178" s="7">
        <f t="shared" si="112"/>
        <v>119.48039999999999</v>
      </c>
    </row>
    <row r="7179" spans="1:3" x14ac:dyDescent="0.25">
      <c r="A7179" s="2" t="s">
        <v>2752</v>
      </c>
      <c r="B7179" s="6">
        <v>119497.04999999999</v>
      </c>
      <c r="C7179" s="7">
        <f t="shared" si="112"/>
        <v>119.49704999999999</v>
      </c>
    </row>
    <row r="7180" spans="1:3" x14ac:dyDescent="0.25">
      <c r="A7180" s="2" t="s">
        <v>2753</v>
      </c>
      <c r="B7180" s="6">
        <v>119513.69999999998</v>
      </c>
      <c r="C7180" s="7">
        <f t="shared" si="112"/>
        <v>119.51369999999999</v>
      </c>
    </row>
    <row r="7181" spans="1:3" x14ac:dyDescent="0.25">
      <c r="A7181" s="2" t="s">
        <v>2754</v>
      </c>
      <c r="B7181" s="6">
        <v>119530.34999999999</v>
      </c>
      <c r="C7181" s="7">
        <f t="shared" si="112"/>
        <v>119.53034999999998</v>
      </c>
    </row>
    <row r="7182" spans="1:3" x14ac:dyDescent="0.25">
      <c r="A7182" s="2" t="s">
        <v>2755</v>
      </c>
      <c r="B7182" s="6">
        <v>119546.99999999999</v>
      </c>
      <c r="C7182" s="7">
        <f t="shared" si="112"/>
        <v>119.54699999999998</v>
      </c>
    </row>
    <row r="7183" spans="1:3" x14ac:dyDescent="0.25">
      <c r="A7183" s="2" t="s">
        <v>2756</v>
      </c>
      <c r="B7183" s="6">
        <v>119563.65</v>
      </c>
      <c r="C7183" s="7">
        <f t="shared" si="112"/>
        <v>119.56365</v>
      </c>
    </row>
    <row r="7184" spans="1:3" x14ac:dyDescent="0.25">
      <c r="A7184" s="2" t="s">
        <v>2757</v>
      </c>
      <c r="B7184" s="6">
        <v>119580.29999999999</v>
      </c>
      <c r="C7184" s="7">
        <f t="shared" si="112"/>
        <v>119.58029999999999</v>
      </c>
    </row>
    <row r="7185" spans="1:3" x14ac:dyDescent="0.25">
      <c r="A7185" s="2" t="s">
        <v>2758</v>
      </c>
      <c r="B7185" s="6">
        <v>119596.94999999998</v>
      </c>
      <c r="C7185" s="7">
        <f t="shared" si="112"/>
        <v>119.59694999999998</v>
      </c>
    </row>
    <row r="7186" spans="1:3" x14ac:dyDescent="0.25">
      <c r="A7186" s="2" t="s">
        <v>2759</v>
      </c>
      <c r="B7186" s="6">
        <v>119613.59999999999</v>
      </c>
      <c r="C7186" s="7">
        <f t="shared" si="112"/>
        <v>119.61359999999999</v>
      </c>
    </row>
    <row r="7187" spans="1:3" x14ac:dyDescent="0.25">
      <c r="A7187" s="2" t="s">
        <v>2760</v>
      </c>
      <c r="B7187" s="6">
        <v>119630.24999999999</v>
      </c>
      <c r="C7187" s="7">
        <f t="shared" si="112"/>
        <v>119.63024999999999</v>
      </c>
    </row>
    <row r="7188" spans="1:3" x14ac:dyDescent="0.25">
      <c r="A7188" s="2" t="s">
        <v>2761</v>
      </c>
      <c r="B7188" s="6">
        <v>119646.9</v>
      </c>
      <c r="C7188" s="7">
        <f t="shared" si="112"/>
        <v>119.64689999999999</v>
      </c>
    </row>
    <row r="7189" spans="1:3" x14ac:dyDescent="0.25">
      <c r="A7189" s="2" t="s">
        <v>2762</v>
      </c>
      <c r="B7189" s="6">
        <v>119663.54999999999</v>
      </c>
      <c r="C7189" s="7">
        <f t="shared" si="112"/>
        <v>119.66354999999999</v>
      </c>
    </row>
    <row r="7190" spans="1:3" x14ac:dyDescent="0.25">
      <c r="A7190" s="2" t="s">
        <v>2763</v>
      </c>
      <c r="B7190" s="6">
        <v>119680.19999999998</v>
      </c>
      <c r="C7190" s="7">
        <f t="shared" si="112"/>
        <v>119.68019999999999</v>
      </c>
    </row>
    <row r="7191" spans="1:3" x14ac:dyDescent="0.25">
      <c r="A7191" s="2" t="s">
        <v>2764</v>
      </c>
      <c r="B7191" s="6">
        <v>119696.84999999999</v>
      </c>
      <c r="C7191" s="7">
        <f t="shared" si="112"/>
        <v>119.69685</v>
      </c>
    </row>
    <row r="7192" spans="1:3" x14ac:dyDescent="0.25">
      <c r="A7192" s="2" t="s">
        <v>2765</v>
      </c>
      <c r="B7192" s="6">
        <v>119713.49999999999</v>
      </c>
      <c r="C7192" s="7">
        <f t="shared" si="112"/>
        <v>119.71349999999998</v>
      </c>
    </row>
    <row r="7193" spans="1:3" x14ac:dyDescent="0.25">
      <c r="A7193" s="2" t="s">
        <v>2766</v>
      </c>
      <c r="B7193" s="6">
        <v>119730.15</v>
      </c>
      <c r="C7193" s="7">
        <f t="shared" si="112"/>
        <v>119.73014999999999</v>
      </c>
    </row>
    <row r="7194" spans="1:3" x14ac:dyDescent="0.25">
      <c r="A7194" s="2" t="s">
        <v>2767</v>
      </c>
      <c r="B7194" s="6">
        <v>119746.79999999999</v>
      </c>
      <c r="C7194" s="7">
        <f t="shared" si="112"/>
        <v>119.74679999999999</v>
      </c>
    </row>
    <row r="7195" spans="1:3" x14ac:dyDescent="0.25">
      <c r="A7195" s="2" t="s">
        <v>2768</v>
      </c>
      <c r="B7195" s="6">
        <v>119763.44999999998</v>
      </c>
      <c r="C7195" s="7">
        <f t="shared" si="112"/>
        <v>119.76344999999998</v>
      </c>
    </row>
    <row r="7196" spans="1:3" x14ac:dyDescent="0.25">
      <c r="A7196" s="2" t="s">
        <v>2769</v>
      </c>
      <c r="B7196" s="6">
        <v>119780.09999999999</v>
      </c>
      <c r="C7196" s="7">
        <f t="shared" si="112"/>
        <v>119.78009999999999</v>
      </c>
    </row>
    <row r="7197" spans="1:3" x14ac:dyDescent="0.25">
      <c r="A7197" s="2" t="s">
        <v>2770</v>
      </c>
      <c r="B7197" s="6">
        <v>119796.74999999999</v>
      </c>
      <c r="C7197" s="7">
        <f t="shared" si="112"/>
        <v>119.79674999999999</v>
      </c>
    </row>
    <row r="7198" spans="1:3" x14ac:dyDescent="0.25">
      <c r="A7198" s="2" t="s">
        <v>2771</v>
      </c>
      <c r="B7198" s="6">
        <v>119813.4</v>
      </c>
      <c r="C7198" s="7">
        <f t="shared" si="112"/>
        <v>119.81339999999999</v>
      </c>
    </row>
    <row r="7199" spans="1:3" x14ac:dyDescent="0.25">
      <c r="A7199" s="2" t="s">
        <v>2772</v>
      </c>
      <c r="B7199" s="6">
        <v>119830.04999999999</v>
      </c>
      <c r="C7199" s="7">
        <f t="shared" si="112"/>
        <v>119.83004999999999</v>
      </c>
    </row>
    <row r="7200" spans="1:3" x14ac:dyDescent="0.25">
      <c r="A7200" s="2" t="s">
        <v>2773</v>
      </c>
      <c r="B7200" s="6">
        <v>119846.69999999998</v>
      </c>
      <c r="C7200" s="7">
        <f t="shared" si="112"/>
        <v>119.84669999999998</v>
      </c>
    </row>
    <row r="7201" spans="1:3" x14ac:dyDescent="0.25">
      <c r="A7201" s="2" t="s">
        <v>2774</v>
      </c>
      <c r="B7201" s="6">
        <v>119863.34999999999</v>
      </c>
      <c r="C7201" s="7">
        <f t="shared" si="112"/>
        <v>119.86335</v>
      </c>
    </row>
    <row r="7202" spans="1:3" x14ac:dyDescent="0.25">
      <c r="A7202" s="2" t="s">
        <v>2775</v>
      </c>
      <c r="B7202" s="6">
        <v>119879.99999999999</v>
      </c>
      <c r="C7202" s="7">
        <f t="shared" si="112"/>
        <v>119.87999999999998</v>
      </c>
    </row>
    <row r="7203" spans="1:3" x14ac:dyDescent="0.25">
      <c r="A7203" s="2" t="s">
        <v>2776</v>
      </c>
      <c r="B7203" s="6">
        <v>119896.65</v>
      </c>
      <c r="C7203" s="7">
        <f t="shared" si="112"/>
        <v>119.89664999999999</v>
      </c>
    </row>
    <row r="7204" spans="1:3" x14ac:dyDescent="0.25">
      <c r="A7204" s="2" t="s">
        <v>2777</v>
      </c>
      <c r="B7204" s="6">
        <v>119913.29999999999</v>
      </c>
      <c r="C7204" s="7">
        <f t="shared" si="112"/>
        <v>119.91329999999999</v>
      </c>
    </row>
    <row r="7205" spans="1:3" x14ac:dyDescent="0.25">
      <c r="A7205" s="2" t="s">
        <v>2778</v>
      </c>
      <c r="B7205" s="6">
        <v>119929.94999999998</v>
      </c>
      <c r="C7205" s="7">
        <f t="shared" si="112"/>
        <v>119.92994999999998</v>
      </c>
    </row>
    <row r="7206" spans="1:3" x14ac:dyDescent="0.25">
      <c r="A7206" s="2" t="s">
        <v>2779</v>
      </c>
      <c r="B7206" s="6">
        <v>119946.59999999999</v>
      </c>
      <c r="C7206" s="7">
        <f t="shared" si="112"/>
        <v>119.94659999999999</v>
      </c>
    </row>
    <row r="7207" spans="1:3" x14ac:dyDescent="0.25">
      <c r="A7207" s="2" t="s">
        <v>2780</v>
      </c>
      <c r="B7207" s="6">
        <v>119963.24999999999</v>
      </c>
      <c r="C7207" s="7">
        <f t="shared" si="112"/>
        <v>119.96324999999999</v>
      </c>
    </row>
    <row r="7208" spans="1:3" x14ac:dyDescent="0.25">
      <c r="A7208" s="2" t="s">
        <v>2781</v>
      </c>
      <c r="B7208" s="6">
        <v>119979.9</v>
      </c>
      <c r="C7208" s="7">
        <f t="shared" si="112"/>
        <v>119.9799</v>
      </c>
    </row>
    <row r="7209" spans="1:3" x14ac:dyDescent="0.25">
      <c r="A7209" s="2" t="s">
        <v>2782</v>
      </c>
      <c r="B7209" s="6">
        <v>119996.54999999999</v>
      </c>
      <c r="C7209" s="7">
        <f t="shared" si="112"/>
        <v>119.99654999999998</v>
      </c>
    </row>
    <row r="7210" spans="1:3" x14ac:dyDescent="0.25">
      <c r="A7210" s="2" t="s">
        <v>2783</v>
      </c>
      <c r="B7210" s="6">
        <v>120013.19999999998</v>
      </c>
      <c r="C7210" s="7">
        <f t="shared" si="112"/>
        <v>120.01319999999998</v>
      </c>
    </row>
    <row r="7211" spans="1:3" x14ac:dyDescent="0.25">
      <c r="A7211" s="2" t="s">
        <v>2784</v>
      </c>
      <c r="B7211" s="6">
        <v>120029.84999999999</v>
      </c>
      <c r="C7211" s="7">
        <f t="shared" si="112"/>
        <v>120.02985</v>
      </c>
    </row>
    <row r="7212" spans="1:3" x14ac:dyDescent="0.25">
      <c r="A7212" s="2" t="s">
        <v>2785</v>
      </c>
      <c r="B7212" s="6">
        <v>120046.49999999999</v>
      </c>
      <c r="C7212" s="7">
        <f t="shared" si="112"/>
        <v>120.04649999999998</v>
      </c>
    </row>
    <row r="7213" spans="1:3" x14ac:dyDescent="0.25">
      <c r="A7213" s="2" t="s">
        <v>2786</v>
      </c>
      <c r="B7213" s="6">
        <v>120063.15</v>
      </c>
      <c r="C7213" s="7">
        <f t="shared" si="112"/>
        <v>120.06314999999999</v>
      </c>
    </row>
    <row r="7214" spans="1:3" x14ac:dyDescent="0.25">
      <c r="A7214" s="2" t="s">
        <v>2787</v>
      </c>
      <c r="B7214" s="6">
        <v>120079.79999999999</v>
      </c>
      <c r="C7214" s="7">
        <f t="shared" si="112"/>
        <v>120.07979999999999</v>
      </c>
    </row>
    <row r="7215" spans="1:3" x14ac:dyDescent="0.25">
      <c r="A7215" s="2" t="s">
        <v>2788</v>
      </c>
      <c r="B7215" s="6">
        <v>120096.44999999998</v>
      </c>
      <c r="C7215" s="7">
        <f t="shared" si="112"/>
        <v>120.09644999999998</v>
      </c>
    </row>
    <row r="7216" spans="1:3" x14ac:dyDescent="0.25">
      <c r="A7216" s="2" t="s">
        <v>2789</v>
      </c>
      <c r="B7216" s="6">
        <v>120113.09999999999</v>
      </c>
      <c r="C7216" s="7">
        <f t="shared" si="112"/>
        <v>120.11309999999999</v>
      </c>
    </row>
    <row r="7217" spans="1:3" x14ac:dyDescent="0.25">
      <c r="A7217" s="2" t="s">
        <v>2790</v>
      </c>
      <c r="B7217" s="6">
        <v>120129.74999999999</v>
      </c>
      <c r="C7217" s="7">
        <f t="shared" si="112"/>
        <v>120.12974999999999</v>
      </c>
    </row>
    <row r="7218" spans="1:3" x14ac:dyDescent="0.25">
      <c r="A7218" s="2" t="s">
        <v>2791</v>
      </c>
      <c r="B7218" s="6">
        <v>120146.4</v>
      </c>
      <c r="C7218" s="7">
        <f t="shared" si="112"/>
        <v>120.1464</v>
      </c>
    </row>
    <row r="7219" spans="1:3" x14ac:dyDescent="0.25">
      <c r="A7219" s="2" t="s">
        <v>2792</v>
      </c>
      <c r="B7219" s="6">
        <v>120163.04999999999</v>
      </c>
      <c r="C7219" s="7">
        <f t="shared" si="112"/>
        <v>120.16304999999998</v>
      </c>
    </row>
    <row r="7220" spans="1:3" x14ac:dyDescent="0.25">
      <c r="A7220" s="2" t="s">
        <v>2793</v>
      </c>
      <c r="B7220" s="6">
        <v>120179.69999999998</v>
      </c>
      <c r="C7220" s="7">
        <f t="shared" si="112"/>
        <v>120.17969999999998</v>
      </c>
    </row>
    <row r="7221" spans="1:3" x14ac:dyDescent="0.25">
      <c r="A7221" s="2" t="s">
        <v>2794</v>
      </c>
      <c r="B7221" s="6">
        <v>120196.34999999999</v>
      </c>
      <c r="C7221" s="7">
        <f t="shared" si="112"/>
        <v>120.19635</v>
      </c>
    </row>
    <row r="7222" spans="1:3" x14ac:dyDescent="0.25">
      <c r="A7222" s="2" t="s">
        <v>2795</v>
      </c>
      <c r="B7222" s="6">
        <v>120212.99999999999</v>
      </c>
      <c r="C7222" s="7">
        <f t="shared" si="112"/>
        <v>120.21299999999998</v>
      </c>
    </row>
    <row r="7223" spans="1:3" x14ac:dyDescent="0.25">
      <c r="A7223" s="2" t="s">
        <v>2796</v>
      </c>
      <c r="B7223" s="6">
        <v>120229.65</v>
      </c>
      <c r="C7223" s="7">
        <f t="shared" si="112"/>
        <v>120.22964999999999</v>
      </c>
    </row>
    <row r="7224" spans="1:3" x14ac:dyDescent="0.25">
      <c r="A7224" s="2" t="s">
        <v>2797</v>
      </c>
      <c r="B7224" s="6">
        <v>120246.29999999999</v>
      </c>
      <c r="C7224" s="7">
        <f t="shared" si="112"/>
        <v>120.24629999999999</v>
      </c>
    </row>
    <row r="7225" spans="1:3" x14ac:dyDescent="0.25">
      <c r="A7225" s="2" t="s">
        <v>2798</v>
      </c>
      <c r="B7225" s="6">
        <v>120262.94999999998</v>
      </c>
      <c r="C7225" s="7">
        <f t="shared" si="112"/>
        <v>120.26294999999999</v>
      </c>
    </row>
    <row r="7226" spans="1:3" x14ac:dyDescent="0.25">
      <c r="A7226" s="2" t="s">
        <v>2799</v>
      </c>
      <c r="B7226" s="6">
        <v>120279.59999999999</v>
      </c>
      <c r="C7226" s="7">
        <f t="shared" si="112"/>
        <v>120.27959999999999</v>
      </c>
    </row>
    <row r="7227" spans="1:3" x14ac:dyDescent="0.25">
      <c r="A7227" s="2" t="s">
        <v>2800</v>
      </c>
      <c r="B7227" s="6">
        <v>120296.24999999999</v>
      </c>
      <c r="C7227" s="7">
        <f t="shared" si="112"/>
        <v>120.29624999999999</v>
      </c>
    </row>
    <row r="7228" spans="1:3" x14ac:dyDescent="0.25">
      <c r="A7228" s="2" t="s">
        <v>2801</v>
      </c>
      <c r="B7228" s="6">
        <v>120312.9</v>
      </c>
      <c r="C7228" s="7">
        <f t="shared" si="112"/>
        <v>120.3129</v>
      </c>
    </row>
    <row r="7229" spans="1:3" x14ac:dyDescent="0.25">
      <c r="A7229" s="2" t="s">
        <v>2802</v>
      </c>
      <c r="B7229" s="6">
        <v>120329.54999999999</v>
      </c>
      <c r="C7229" s="7">
        <f t="shared" si="112"/>
        <v>120.32954999999998</v>
      </c>
    </row>
    <row r="7230" spans="1:3" x14ac:dyDescent="0.25">
      <c r="A7230" s="2" t="s">
        <v>2803</v>
      </c>
      <c r="B7230" s="6">
        <v>120346.19999999998</v>
      </c>
      <c r="C7230" s="7">
        <f t="shared" si="112"/>
        <v>120.34619999999998</v>
      </c>
    </row>
    <row r="7231" spans="1:3" x14ac:dyDescent="0.25">
      <c r="A7231" s="2" t="s">
        <v>2804</v>
      </c>
      <c r="B7231" s="6">
        <v>120362.84999999999</v>
      </c>
      <c r="C7231" s="7">
        <f t="shared" si="112"/>
        <v>120.36284999999999</v>
      </c>
    </row>
    <row r="7232" spans="1:3" x14ac:dyDescent="0.25">
      <c r="A7232" s="2" t="s">
        <v>2805</v>
      </c>
      <c r="B7232" s="6">
        <v>120379.49999999999</v>
      </c>
      <c r="C7232" s="7">
        <f t="shared" si="112"/>
        <v>120.37949999999998</v>
      </c>
    </row>
    <row r="7233" spans="1:3" x14ac:dyDescent="0.25">
      <c r="A7233" s="2" t="s">
        <v>2806</v>
      </c>
      <c r="B7233" s="6">
        <v>120396.15</v>
      </c>
      <c r="C7233" s="7">
        <f t="shared" si="112"/>
        <v>120.39614999999999</v>
      </c>
    </row>
    <row r="7234" spans="1:3" x14ac:dyDescent="0.25">
      <c r="A7234" s="2" t="s">
        <v>2807</v>
      </c>
      <c r="B7234" s="6">
        <v>120412.79999999999</v>
      </c>
      <c r="C7234" s="7">
        <f t="shared" si="112"/>
        <v>120.41279999999999</v>
      </c>
    </row>
    <row r="7235" spans="1:3" x14ac:dyDescent="0.25">
      <c r="A7235" s="2" t="s">
        <v>2808</v>
      </c>
      <c r="B7235" s="6">
        <v>120429.44999999998</v>
      </c>
      <c r="C7235" s="7">
        <f t="shared" ref="C7235:C7298" si="113">B7235/1000</f>
        <v>120.42944999999999</v>
      </c>
    </row>
    <row r="7236" spans="1:3" x14ac:dyDescent="0.25">
      <c r="A7236" s="2" t="s">
        <v>2809</v>
      </c>
      <c r="B7236" s="6">
        <v>120446.09999999999</v>
      </c>
      <c r="C7236" s="7">
        <f t="shared" si="113"/>
        <v>120.44609999999999</v>
      </c>
    </row>
    <row r="7237" spans="1:3" x14ac:dyDescent="0.25">
      <c r="A7237" s="2" t="s">
        <v>2810</v>
      </c>
      <c r="B7237" s="6">
        <v>120462.74999999999</v>
      </c>
      <c r="C7237" s="7">
        <f t="shared" si="113"/>
        <v>120.46274999999999</v>
      </c>
    </row>
    <row r="7238" spans="1:3" x14ac:dyDescent="0.25">
      <c r="A7238" s="2" t="s">
        <v>2811</v>
      </c>
      <c r="B7238" s="6">
        <v>120479.4</v>
      </c>
      <c r="C7238" s="7">
        <f t="shared" si="113"/>
        <v>120.4794</v>
      </c>
    </row>
    <row r="7239" spans="1:3" x14ac:dyDescent="0.25">
      <c r="A7239" s="2" t="s">
        <v>2812</v>
      </c>
      <c r="B7239" s="6">
        <v>120496.04999999999</v>
      </c>
      <c r="C7239" s="7">
        <f t="shared" si="113"/>
        <v>120.49604999999998</v>
      </c>
    </row>
    <row r="7240" spans="1:3" x14ac:dyDescent="0.25">
      <c r="A7240" s="2" t="s">
        <v>2813</v>
      </c>
      <c r="B7240" s="6">
        <v>120512.69999999998</v>
      </c>
      <c r="C7240" s="7">
        <f t="shared" si="113"/>
        <v>120.51269999999998</v>
      </c>
    </row>
    <row r="7241" spans="1:3" x14ac:dyDescent="0.25">
      <c r="A7241" s="2" t="s">
        <v>2814</v>
      </c>
      <c r="B7241" s="6">
        <v>120529.34999999999</v>
      </c>
      <c r="C7241" s="7">
        <f t="shared" si="113"/>
        <v>120.52934999999999</v>
      </c>
    </row>
    <row r="7242" spans="1:3" x14ac:dyDescent="0.25">
      <c r="A7242" s="2" t="s">
        <v>2815</v>
      </c>
      <c r="B7242" s="6">
        <v>120545.99999999999</v>
      </c>
      <c r="C7242" s="7">
        <f t="shared" si="113"/>
        <v>120.54599999999999</v>
      </c>
    </row>
    <row r="7243" spans="1:3" x14ac:dyDescent="0.25">
      <c r="A7243" s="2" t="s">
        <v>2816</v>
      </c>
      <c r="B7243" s="6">
        <v>120562.65</v>
      </c>
      <c r="C7243" s="7">
        <f t="shared" si="113"/>
        <v>120.56264999999999</v>
      </c>
    </row>
    <row r="7244" spans="1:3" x14ac:dyDescent="0.25">
      <c r="A7244" s="2" t="s">
        <v>2817</v>
      </c>
      <c r="B7244" s="6">
        <v>120579.29999999999</v>
      </c>
      <c r="C7244" s="7">
        <f t="shared" si="113"/>
        <v>120.57929999999999</v>
      </c>
    </row>
    <row r="7245" spans="1:3" x14ac:dyDescent="0.25">
      <c r="A7245" s="2" t="s">
        <v>2818</v>
      </c>
      <c r="B7245" s="6">
        <v>120595.94999999998</v>
      </c>
      <c r="C7245" s="7">
        <f t="shared" si="113"/>
        <v>120.59594999999999</v>
      </c>
    </row>
    <row r="7246" spans="1:3" x14ac:dyDescent="0.25">
      <c r="A7246" s="2" t="s">
        <v>2819</v>
      </c>
      <c r="B7246" s="6">
        <v>120612.59999999999</v>
      </c>
      <c r="C7246" s="7">
        <f t="shared" si="113"/>
        <v>120.61259999999999</v>
      </c>
    </row>
    <row r="7247" spans="1:3" x14ac:dyDescent="0.25">
      <c r="A7247" s="2" t="s">
        <v>2820</v>
      </c>
      <c r="B7247" s="6">
        <v>120629.24999999999</v>
      </c>
      <c r="C7247" s="7">
        <f t="shared" si="113"/>
        <v>120.62924999999998</v>
      </c>
    </row>
    <row r="7248" spans="1:3" x14ac:dyDescent="0.25">
      <c r="A7248" s="2" t="s">
        <v>2821</v>
      </c>
      <c r="B7248" s="6">
        <v>120645.9</v>
      </c>
      <c r="C7248" s="7">
        <f t="shared" si="113"/>
        <v>120.6459</v>
      </c>
    </row>
    <row r="7249" spans="1:3" x14ac:dyDescent="0.25">
      <c r="A7249" s="2" t="s">
        <v>2822</v>
      </c>
      <c r="B7249" s="6">
        <v>120662.54999999999</v>
      </c>
      <c r="C7249" s="7">
        <f t="shared" si="113"/>
        <v>120.66254999999998</v>
      </c>
    </row>
    <row r="7250" spans="1:3" x14ac:dyDescent="0.25">
      <c r="A7250" s="2" t="s">
        <v>2823</v>
      </c>
      <c r="B7250" s="6">
        <v>120679.19999999998</v>
      </c>
      <c r="C7250" s="7">
        <f t="shared" si="113"/>
        <v>120.67919999999998</v>
      </c>
    </row>
    <row r="7251" spans="1:3" x14ac:dyDescent="0.25">
      <c r="A7251" s="2" t="s">
        <v>2824</v>
      </c>
      <c r="B7251" s="6">
        <v>120695.84999999999</v>
      </c>
      <c r="C7251" s="7">
        <f t="shared" si="113"/>
        <v>120.69584999999999</v>
      </c>
    </row>
    <row r="7252" spans="1:3" x14ac:dyDescent="0.25">
      <c r="A7252" s="2" t="s">
        <v>2825</v>
      </c>
      <c r="B7252" s="6">
        <v>120712.49999999999</v>
      </c>
      <c r="C7252" s="7">
        <f t="shared" si="113"/>
        <v>120.71249999999999</v>
      </c>
    </row>
    <row r="7253" spans="1:3" x14ac:dyDescent="0.25">
      <c r="A7253" s="2" t="s">
        <v>2826</v>
      </c>
      <c r="B7253" s="6">
        <v>120729.15</v>
      </c>
      <c r="C7253" s="7">
        <f t="shared" si="113"/>
        <v>120.72914999999999</v>
      </c>
    </row>
    <row r="7254" spans="1:3" x14ac:dyDescent="0.25">
      <c r="A7254" s="2" t="s">
        <v>2827</v>
      </c>
      <c r="B7254" s="6">
        <v>120745.79999999999</v>
      </c>
      <c r="C7254" s="7">
        <f t="shared" si="113"/>
        <v>120.74579999999999</v>
      </c>
    </row>
    <row r="7255" spans="1:3" x14ac:dyDescent="0.25">
      <c r="A7255" s="2" t="s">
        <v>2828</v>
      </c>
      <c r="B7255" s="6">
        <v>120762.44999999998</v>
      </c>
      <c r="C7255" s="7">
        <f t="shared" si="113"/>
        <v>120.76244999999999</v>
      </c>
    </row>
    <row r="7256" spans="1:3" x14ac:dyDescent="0.25">
      <c r="A7256" s="2" t="s">
        <v>2829</v>
      </c>
      <c r="B7256" s="6">
        <v>120779.09999999999</v>
      </c>
      <c r="C7256" s="7">
        <f t="shared" si="113"/>
        <v>120.77909999999999</v>
      </c>
    </row>
    <row r="7257" spans="1:3" x14ac:dyDescent="0.25">
      <c r="A7257" s="2" t="s">
        <v>2830</v>
      </c>
      <c r="B7257" s="6">
        <v>120795.74999999999</v>
      </c>
      <c r="C7257" s="7">
        <f t="shared" si="113"/>
        <v>120.79574999999998</v>
      </c>
    </row>
    <row r="7258" spans="1:3" x14ac:dyDescent="0.25">
      <c r="A7258" s="2" t="s">
        <v>2831</v>
      </c>
      <c r="B7258" s="6">
        <v>120812.4</v>
      </c>
      <c r="C7258" s="7">
        <f t="shared" si="113"/>
        <v>120.8124</v>
      </c>
    </row>
    <row r="7259" spans="1:3" x14ac:dyDescent="0.25">
      <c r="A7259" s="2" t="s">
        <v>2832</v>
      </c>
      <c r="B7259" s="6">
        <v>120829.04999999999</v>
      </c>
      <c r="C7259" s="7">
        <f t="shared" si="113"/>
        <v>120.82905</v>
      </c>
    </row>
    <row r="7260" spans="1:3" x14ac:dyDescent="0.25">
      <c r="A7260" s="2" t="s">
        <v>2833</v>
      </c>
      <c r="B7260" s="6">
        <v>120845.69999999998</v>
      </c>
      <c r="C7260" s="7">
        <f t="shared" si="113"/>
        <v>120.84569999999998</v>
      </c>
    </row>
    <row r="7261" spans="1:3" x14ac:dyDescent="0.25">
      <c r="A7261" s="2" t="s">
        <v>2834</v>
      </c>
      <c r="B7261" s="6">
        <v>120862.34999999999</v>
      </c>
      <c r="C7261" s="7">
        <f t="shared" si="113"/>
        <v>120.86234999999999</v>
      </c>
    </row>
    <row r="7262" spans="1:3" x14ac:dyDescent="0.25">
      <c r="A7262" s="2" t="s">
        <v>2835</v>
      </c>
      <c r="B7262" s="6">
        <v>120878.99999999999</v>
      </c>
      <c r="C7262" s="7">
        <f t="shared" si="113"/>
        <v>120.87899999999999</v>
      </c>
    </row>
    <row r="7263" spans="1:3" x14ac:dyDescent="0.25">
      <c r="A7263" s="2" t="s">
        <v>2836</v>
      </c>
      <c r="B7263" s="6">
        <v>120895.65</v>
      </c>
      <c r="C7263" s="7">
        <f t="shared" si="113"/>
        <v>120.89564999999999</v>
      </c>
    </row>
    <row r="7264" spans="1:3" x14ac:dyDescent="0.25">
      <c r="A7264" s="2" t="s">
        <v>2837</v>
      </c>
      <c r="B7264" s="6">
        <v>120912.29999999999</v>
      </c>
      <c r="C7264" s="7">
        <f t="shared" si="113"/>
        <v>120.91229999999999</v>
      </c>
    </row>
    <row r="7265" spans="1:3" x14ac:dyDescent="0.25">
      <c r="A7265" s="2" t="s">
        <v>2838</v>
      </c>
      <c r="B7265" s="6">
        <v>120928.94999999998</v>
      </c>
      <c r="C7265" s="7">
        <f t="shared" si="113"/>
        <v>120.92894999999999</v>
      </c>
    </row>
    <row r="7266" spans="1:3" x14ac:dyDescent="0.25">
      <c r="A7266" s="2" t="s">
        <v>2839</v>
      </c>
      <c r="B7266" s="6">
        <v>120945.59999999999</v>
      </c>
      <c r="C7266" s="7">
        <f t="shared" si="113"/>
        <v>120.94559999999998</v>
      </c>
    </row>
    <row r="7267" spans="1:3" x14ac:dyDescent="0.25">
      <c r="A7267" s="2" t="s">
        <v>2840</v>
      </c>
      <c r="B7267" s="6">
        <v>120962.24999999999</v>
      </c>
      <c r="C7267" s="7">
        <f t="shared" si="113"/>
        <v>120.96224999999998</v>
      </c>
    </row>
    <row r="7268" spans="1:3" x14ac:dyDescent="0.25">
      <c r="A7268" s="2" t="s">
        <v>2841</v>
      </c>
      <c r="B7268" s="6">
        <v>120978.9</v>
      </c>
      <c r="C7268" s="7">
        <f t="shared" si="113"/>
        <v>120.9789</v>
      </c>
    </row>
    <row r="7269" spans="1:3" x14ac:dyDescent="0.25">
      <c r="A7269" s="2" t="s">
        <v>2842</v>
      </c>
      <c r="B7269" s="6">
        <v>120995.54999999999</v>
      </c>
      <c r="C7269" s="7">
        <f t="shared" si="113"/>
        <v>120.99554999999999</v>
      </c>
    </row>
    <row r="7270" spans="1:3" x14ac:dyDescent="0.25">
      <c r="A7270" s="2" t="s">
        <v>2843</v>
      </c>
      <c r="B7270" s="6">
        <v>121012.19999999998</v>
      </c>
      <c r="C7270" s="7">
        <f t="shared" si="113"/>
        <v>121.01219999999998</v>
      </c>
    </row>
    <row r="7271" spans="1:3" x14ac:dyDescent="0.25">
      <c r="A7271" s="2" t="s">
        <v>2844</v>
      </c>
      <c r="B7271" s="6">
        <v>121028.84999999999</v>
      </c>
      <c r="C7271" s="7">
        <f t="shared" si="113"/>
        <v>121.02884999999999</v>
      </c>
    </row>
    <row r="7272" spans="1:3" x14ac:dyDescent="0.25">
      <c r="A7272" s="2" t="s">
        <v>2845</v>
      </c>
      <c r="B7272" s="6">
        <v>121045.49999999999</v>
      </c>
      <c r="C7272" s="7">
        <f t="shared" si="113"/>
        <v>121.04549999999999</v>
      </c>
    </row>
    <row r="7273" spans="1:3" x14ac:dyDescent="0.25">
      <c r="A7273" s="2" t="s">
        <v>2846</v>
      </c>
      <c r="B7273" s="6">
        <v>121062.15</v>
      </c>
      <c r="C7273" s="7">
        <f t="shared" si="113"/>
        <v>121.06214999999999</v>
      </c>
    </row>
    <row r="7274" spans="1:3" x14ac:dyDescent="0.25">
      <c r="A7274" s="2" t="s">
        <v>2847</v>
      </c>
      <c r="B7274" s="6">
        <v>121078.79999999999</v>
      </c>
      <c r="C7274" s="7">
        <f t="shared" si="113"/>
        <v>121.07879999999999</v>
      </c>
    </row>
    <row r="7275" spans="1:3" x14ac:dyDescent="0.25">
      <c r="A7275" s="2" t="s">
        <v>2848</v>
      </c>
      <c r="B7275" s="6">
        <v>121095.44999999998</v>
      </c>
      <c r="C7275" s="7">
        <f t="shared" si="113"/>
        <v>121.09544999999999</v>
      </c>
    </row>
    <row r="7276" spans="1:3" x14ac:dyDescent="0.25">
      <c r="A7276" s="2" t="s">
        <v>2849</v>
      </c>
      <c r="B7276" s="6">
        <v>121112.09999999999</v>
      </c>
      <c r="C7276" s="7">
        <f t="shared" si="113"/>
        <v>121.1121</v>
      </c>
    </row>
    <row r="7277" spans="1:3" x14ac:dyDescent="0.25">
      <c r="A7277" s="2" t="s">
        <v>2850</v>
      </c>
      <c r="B7277" s="6">
        <v>121128.74999999999</v>
      </c>
      <c r="C7277" s="7">
        <f t="shared" si="113"/>
        <v>121.12874999999998</v>
      </c>
    </row>
    <row r="7278" spans="1:3" x14ac:dyDescent="0.25">
      <c r="A7278" s="2" t="s">
        <v>2851</v>
      </c>
      <c r="B7278" s="6">
        <v>121145.4</v>
      </c>
      <c r="C7278" s="7">
        <f t="shared" si="113"/>
        <v>121.1454</v>
      </c>
    </row>
    <row r="7279" spans="1:3" x14ac:dyDescent="0.25">
      <c r="A7279" s="2" t="s">
        <v>2852</v>
      </c>
      <c r="B7279" s="6">
        <v>121162.04999999999</v>
      </c>
      <c r="C7279" s="7">
        <f t="shared" si="113"/>
        <v>121.16204999999999</v>
      </c>
    </row>
    <row r="7280" spans="1:3" x14ac:dyDescent="0.25">
      <c r="A7280" s="2" t="s">
        <v>2853</v>
      </c>
      <c r="B7280" s="6">
        <v>121178.69999999998</v>
      </c>
      <c r="C7280" s="7">
        <f t="shared" si="113"/>
        <v>121.17869999999998</v>
      </c>
    </row>
    <row r="7281" spans="1:3" x14ac:dyDescent="0.25">
      <c r="A7281" s="2" t="s">
        <v>2854</v>
      </c>
      <c r="B7281" s="6">
        <v>121195.34999999999</v>
      </c>
      <c r="C7281" s="7">
        <f t="shared" si="113"/>
        <v>121.19534999999999</v>
      </c>
    </row>
    <row r="7282" spans="1:3" x14ac:dyDescent="0.25">
      <c r="A7282" s="2" t="s">
        <v>2855</v>
      </c>
      <c r="B7282" s="6">
        <v>121211.99999999999</v>
      </c>
      <c r="C7282" s="7">
        <f t="shared" si="113"/>
        <v>121.21199999999999</v>
      </c>
    </row>
    <row r="7283" spans="1:3" x14ac:dyDescent="0.25">
      <c r="A7283" s="2" t="s">
        <v>2856</v>
      </c>
      <c r="B7283" s="6">
        <v>121228.65</v>
      </c>
      <c r="C7283" s="7">
        <f t="shared" si="113"/>
        <v>121.22864999999999</v>
      </c>
    </row>
    <row r="7284" spans="1:3" x14ac:dyDescent="0.25">
      <c r="A7284" s="2" t="s">
        <v>2857</v>
      </c>
      <c r="B7284" s="6">
        <v>121245.29999999999</v>
      </c>
      <c r="C7284" s="7">
        <f t="shared" si="113"/>
        <v>121.24529999999999</v>
      </c>
    </row>
    <row r="7285" spans="1:3" x14ac:dyDescent="0.25">
      <c r="A7285" s="2" t="s">
        <v>2858</v>
      </c>
      <c r="B7285" s="6">
        <v>121261.94999999998</v>
      </c>
      <c r="C7285" s="7">
        <f t="shared" si="113"/>
        <v>121.26194999999998</v>
      </c>
    </row>
    <row r="7286" spans="1:3" x14ac:dyDescent="0.25">
      <c r="A7286" s="2" t="s">
        <v>2859</v>
      </c>
      <c r="B7286" s="6">
        <v>121278.59999999999</v>
      </c>
      <c r="C7286" s="7">
        <f t="shared" si="113"/>
        <v>121.2786</v>
      </c>
    </row>
    <row r="7287" spans="1:3" x14ac:dyDescent="0.25">
      <c r="A7287" s="2" t="s">
        <v>2860</v>
      </c>
      <c r="B7287" s="6">
        <v>121295.24999999999</v>
      </c>
      <c r="C7287" s="7">
        <f t="shared" si="113"/>
        <v>121.29524999999998</v>
      </c>
    </row>
    <row r="7288" spans="1:3" x14ac:dyDescent="0.25">
      <c r="A7288" s="2" t="s">
        <v>2861</v>
      </c>
      <c r="B7288" s="6">
        <v>121311.9</v>
      </c>
      <c r="C7288" s="7">
        <f t="shared" si="113"/>
        <v>121.31189999999999</v>
      </c>
    </row>
    <row r="7289" spans="1:3" x14ac:dyDescent="0.25">
      <c r="A7289" s="2" t="s">
        <v>2862</v>
      </c>
      <c r="B7289" s="6">
        <v>121328.54999999999</v>
      </c>
      <c r="C7289" s="7">
        <f t="shared" si="113"/>
        <v>121.32854999999999</v>
      </c>
    </row>
    <row r="7290" spans="1:3" x14ac:dyDescent="0.25">
      <c r="A7290" s="2" t="s">
        <v>2863</v>
      </c>
      <c r="B7290" s="6">
        <v>121345.19999999998</v>
      </c>
      <c r="C7290" s="7">
        <f t="shared" si="113"/>
        <v>121.34519999999998</v>
      </c>
    </row>
    <row r="7291" spans="1:3" x14ac:dyDescent="0.25">
      <c r="A7291" s="2" t="s">
        <v>2864</v>
      </c>
      <c r="B7291" s="6">
        <v>121361.84999999999</v>
      </c>
      <c r="C7291" s="7">
        <f t="shared" si="113"/>
        <v>121.36184999999999</v>
      </c>
    </row>
    <row r="7292" spans="1:3" x14ac:dyDescent="0.25">
      <c r="A7292" s="2" t="s">
        <v>2865</v>
      </c>
      <c r="B7292" s="6">
        <v>121378.49999999999</v>
      </c>
      <c r="C7292" s="7">
        <f t="shared" si="113"/>
        <v>121.37849999999999</v>
      </c>
    </row>
    <row r="7293" spans="1:3" x14ac:dyDescent="0.25">
      <c r="A7293" s="2" t="s">
        <v>2866</v>
      </c>
      <c r="B7293" s="6">
        <v>121395.15</v>
      </c>
      <c r="C7293" s="7">
        <f t="shared" si="113"/>
        <v>121.39515</v>
      </c>
    </row>
    <row r="7294" spans="1:3" x14ac:dyDescent="0.25">
      <c r="A7294" s="2" t="s">
        <v>2867</v>
      </c>
      <c r="B7294" s="6">
        <v>121411.79999999999</v>
      </c>
      <c r="C7294" s="7">
        <f t="shared" si="113"/>
        <v>121.41179999999999</v>
      </c>
    </row>
    <row r="7295" spans="1:3" x14ac:dyDescent="0.25">
      <c r="A7295" s="2" t="s">
        <v>2868</v>
      </c>
      <c r="B7295" s="6">
        <v>121428.44999999998</v>
      </c>
      <c r="C7295" s="7">
        <f t="shared" si="113"/>
        <v>121.42844999999998</v>
      </c>
    </row>
    <row r="7296" spans="1:3" x14ac:dyDescent="0.25">
      <c r="A7296" s="2" t="s">
        <v>2869</v>
      </c>
      <c r="B7296" s="6">
        <v>121445.09999999999</v>
      </c>
      <c r="C7296" s="7">
        <f t="shared" si="113"/>
        <v>121.4451</v>
      </c>
    </row>
    <row r="7297" spans="1:3" x14ac:dyDescent="0.25">
      <c r="A7297" s="2" t="s">
        <v>2870</v>
      </c>
      <c r="B7297" s="6">
        <v>121461.74999999999</v>
      </c>
      <c r="C7297" s="7">
        <f t="shared" si="113"/>
        <v>121.46174999999998</v>
      </c>
    </row>
    <row r="7298" spans="1:3" x14ac:dyDescent="0.25">
      <c r="A7298" s="2" t="s">
        <v>2871</v>
      </c>
      <c r="B7298" s="6">
        <v>121478.39999999999</v>
      </c>
      <c r="C7298" s="7">
        <f t="shared" si="113"/>
        <v>121.47839999999999</v>
      </c>
    </row>
    <row r="7299" spans="1:3" x14ac:dyDescent="0.25">
      <c r="A7299" s="2" t="s">
        <v>2872</v>
      </c>
      <c r="B7299" s="6">
        <v>121495.04999999999</v>
      </c>
      <c r="C7299" s="7">
        <f t="shared" ref="C7299:C7362" si="114">B7299/1000</f>
        <v>121.49504999999999</v>
      </c>
    </row>
    <row r="7300" spans="1:3" x14ac:dyDescent="0.25">
      <c r="A7300" s="2" t="s">
        <v>2873</v>
      </c>
      <c r="B7300" s="6">
        <v>121511.69999999998</v>
      </c>
      <c r="C7300" s="7">
        <f t="shared" si="114"/>
        <v>121.51169999999998</v>
      </c>
    </row>
    <row r="7301" spans="1:3" x14ac:dyDescent="0.25">
      <c r="A7301" s="2" t="s">
        <v>2874</v>
      </c>
      <c r="B7301" s="6">
        <v>121528.34999999999</v>
      </c>
      <c r="C7301" s="7">
        <f t="shared" si="114"/>
        <v>121.52834999999999</v>
      </c>
    </row>
    <row r="7302" spans="1:3" x14ac:dyDescent="0.25">
      <c r="A7302" s="2" t="s">
        <v>2875</v>
      </c>
      <c r="B7302" s="6">
        <v>121544.99999999999</v>
      </c>
      <c r="C7302" s="7">
        <f t="shared" si="114"/>
        <v>121.54499999999999</v>
      </c>
    </row>
    <row r="7303" spans="1:3" x14ac:dyDescent="0.25">
      <c r="A7303" s="2" t="s">
        <v>2876</v>
      </c>
      <c r="B7303" s="6">
        <v>121561.65</v>
      </c>
      <c r="C7303" s="7">
        <f t="shared" si="114"/>
        <v>121.56165</v>
      </c>
    </row>
    <row r="7304" spans="1:3" x14ac:dyDescent="0.25">
      <c r="A7304" s="2" t="s">
        <v>2877</v>
      </c>
      <c r="B7304" s="6">
        <v>121578.29999999999</v>
      </c>
      <c r="C7304" s="7">
        <f t="shared" si="114"/>
        <v>121.57829999999998</v>
      </c>
    </row>
    <row r="7305" spans="1:3" x14ac:dyDescent="0.25">
      <c r="A7305" s="2" t="s">
        <v>2878</v>
      </c>
      <c r="B7305" s="6">
        <v>121594.94999999998</v>
      </c>
      <c r="C7305" s="7">
        <f t="shared" si="114"/>
        <v>121.59494999999998</v>
      </c>
    </row>
    <row r="7306" spans="1:3" x14ac:dyDescent="0.25">
      <c r="A7306" s="2" t="s">
        <v>2879</v>
      </c>
      <c r="B7306" s="6">
        <v>121611.59999999999</v>
      </c>
      <c r="C7306" s="7">
        <f t="shared" si="114"/>
        <v>121.6116</v>
      </c>
    </row>
    <row r="7307" spans="1:3" x14ac:dyDescent="0.25">
      <c r="A7307" s="2" t="s">
        <v>2880</v>
      </c>
      <c r="B7307" s="6">
        <v>121628.24999999999</v>
      </c>
      <c r="C7307" s="7">
        <f t="shared" si="114"/>
        <v>121.62824999999998</v>
      </c>
    </row>
    <row r="7308" spans="1:3" x14ac:dyDescent="0.25">
      <c r="A7308" s="2" t="s">
        <v>2881</v>
      </c>
      <c r="B7308" s="6">
        <v>121644.9</v>
      </c>
      <c r="C7308" s="7">
        <f t="shared" si="114"/>
        <v>121.64489999999999</v>
      </c>
    </row>
    <row r="7309" spans="1:3" x14ac:dyDescent="0.25">
      <c r="A7309" s="2" t="s">
        <v>2882</v>
      </c>
      <c r="B7309" s="6">
        <v>121661.54999999999</v>
      </c>
      <c r="C7309" s="7">
        <f t="shared" si="114"/>
        <v>121.66154999999999</v>
      </c>
    </row>
    <row r="7310" spans="1:3" x14ac:dyDescent="0.25">
      <c r="A7310" s="2" t="s">
        <v>2883</v>
      </c>
      <c r="B7310" s="6">
        <v>121678.19999999998</v>
      </c>
      <c r="C7310" s="7">
        <f t="shared" si="114"/>
        <v>121.67819999999998</v>
      </c>
    </row>
    <row r="7311" spans="1:3" x14ac:dyDescent="0.25">
      <c r="A7311" s="2" t="s">
        <v>2884</v>
      </c>
      <c r="B7311" s="6">
        <v>121694.84999999999</v>
      </c>
      <c r="C7311" s="7">
        <f t="shared" si="114"/>
        <v>121.69484999999999</v>
      </c>
    </row>
    <row r="7312" spans="1:3" x14ac:dyDescent="0.25">
      <c r="A7312" s="2" t="s">
        <v>2885</v>
      </c>
      <c r="B7312" s="6">
        <v>121711.49999999999</v>
      </c>
      <c r="C7312" s="7">
        <f t="shared" si="114"/>
        <v>121.71149999999999</v>
      </c>
    </row>
    <row r="7313" spans="1:3" x14ac:dyDescent="0.25">
      <c r="A7313" s="2" t="s">
        <v>2886</v>
      </c>
      <c r="B7313" s="6">
        <v>121728.15</v>
      </c>
      <c r="C7313" s="7">
        <f t="shared" si="114"/>
        <v>121.72815</v>
      </c>
    </row>
    <row r="7314" spans="1:3" x14ac:dyDescent="0.25">
      <c r="A7314" s="2" t="s">
        <v>2887</v>
      </c>
      <c r="B7314" s="6">
        <v>121744.79999999999</v>
      </c>
      <c r="C7314" s="7">
        <f t="shared" si="114"/>
        <v>121.74479999999998</v>
      </c>
    </row>
    <row r="7315" spans="1:3" x14ac:dyDescent="0.25">
      <c r="A7315" s="2" t="s">
        <v>2888</v>
      </c>
      <c r="B7315" s="6">
        <v>121761.44999999998</v>
      </c>
      <c r="C7315" s="7">
        <f t="shared" si="114"/>
        <v>121.76144999999998</v>
      </c>
    </row>
    <row r="7316" spans="1:3" x14ac:dyDescent="0.25">
      <c r="A7316" s="2" t="s">
        <v>2889</v>
      </c>
      <c r="B7316" s="6">
        <v>121778.09999999999</v>
      </c>
      <c r="C7316" s="7">
        <f t="shared" si="114"/>
        <v>121.77809999999999</v>
      </c>
    </row>
    <row r="7317" spans="1:3" x14ac:dyDescent="0.25">
      <c r="A7317" s="2" t="s">
        <v>2890</v>
      </c>
      <c r="B7317" s="6">
        <v>121794.74999999999</v>
      </c>
      <c r="C7317" s="7">
        <f t="shared" si="114"/>
        <v>121.79474999999998</v>
      </c>
    </row>
    <row r="7318" spans="1:3" x14ac:dyDescent="0.25">
      <c r="A7318" s="2" t="s">
        <v>2891</v>
      </c>
      <c r="B7318" s="6">
        <v>121811.4</v>
      </c>
      <c r="C7318" s="7">
        <f t="shared" si="114"/>
        <v>121.81139999999999</v>
      </c>
    </row>
    <row r="7319" spans="1:3" x14ac:dyDescent="0.25">
      <c r="A7319" s="2" t="s">
        <v>2892</v>
      </c>
      <c r="B7319" s="6">
        <v>121828.04999999999</v>
      </c>
      <c r="C7319" s="7">
        <f t="shared" si="114"/>
        <v>121.82804999999999</v>
      </c>
    </row>
    <row r="7320" spans="1:3" x14ac:dyDescent="0.25">
      <c r="A7320" s="2" t="s">
        <v>2893</v>
      </c>
      <c r="B7320" s="6">
        <v>121844.69999999998</v>
      </c>
      <c r="C7320" s="7">
        <f t="shared" si="114"/>
        <v>121.84469999999999</v>
      </c>
    </row>
    <row r="7321" spans="1:3" x14ac:dyDescent="0.25">
      <c r="A7321" s="2" t="s">
        <v>2894</v>
      </c>
      <c r="B7321" s="6">
        <v>121861.34999999999</v>
      </c>
      <c r="C7321" s="7">
        <f t="shared" si="114"/>
        <v>121.86134999999999</v>
      </c>
    </row>
    <row r="7322" spans="1:3" x14ac:dyDescent="0.25">
      <c r="A7322" s="2" t="s">
        <v>2895</v>
      </c>
      <c r="B7322" s="6">
        <v>121877.99999999999</v>
      </c>
      <c r="C7322" s="7">
        <f t="shared" si="114"/>
        <v>121.87799999999999</v>
      </c>
    </row>
    <row r="7323" spans="1:3" x14ac:dyDescent="0.25">
      <c r="A7323" s="2" t="s">
        <v>2896</v>
      </c>
      <c r="B7323" s="6">
        <v>121894.65</v>
      </c>
      <c r="C7323" s="7">
        <f t="shared" si="114"/>
        <v>121.89465</v>
      </c>
    </row>
    <row r="7324" spans="1:3" x14ac:dyDescent="0.25">
      <c r="A7324" s="2" t="s">
        <v>2897</v>
      </c>
      <c r="B7324" s="6">
        <v>121911.29999999999</v>
      </c>
      <c r="C7324" s="7">
        <f t="shared" si="114"/>
        <v>121.91129999999998</v>
      </c>
    </row>
    <row r="7325" spans="1:3" x14ac:dyDescent="0.25">
      <c r="A7325" s="2" t="s">
        <v>2898</v>
      </c>
      <c r="B7325" s="6">
        <v>121927.94999999998</v>
      </c>
      <c r="C7325" s="7">
        <f t="shared" si="114"/>
        <v>121.92794999999998</v>
      </c>
    </row>
    <row r="7326" spans="1:3" x14ac:dyDescent="0.25">
      <c r="A7326" s="2" t="s">
        <v>2899</v>
      </c>
      <c r="B7326" s="6">
        <v>121944.59999999999</v>
      </c>
      <c r="C7326" s="7">
        <f t="shared" si="114"/>
        <v>121.94459999999999</v>
      </c>
    </row>
    <row r="7327" spans="1:3" x14ac:dyDescent="0.25">
      <c r="A7327" s="2" t="s">
        <v>2900</v>
      </c>
      <c r="B7327" s="6">
        <v>121961.24999999999</v>
      </c>
      <c r="C7327" s="7">
        <f t="shared" si="114"/>
        <v>121.96124999999998</v>
      </c>
    </row>
    <row r="7328" spans="1:3" x14ac:dyDescent="0.25">
      <c r="A7328" s="2" t="s">
        <v>2901</v>
      </c>
      <c r="B7328" s="6">
        <v>121977.9</v>
      </c>
      <c r="C7328" s="7">
        <f t="shared" si="114"/>
        <v>121.97789999999999</v>
      </c>
    </row>
    <row r="7329" spans="1:3" x14ac:dyDescent="0.25">
      <c r="A7329" s="2" t="s">
        <v>2902</v>
      </c>
      <c r="B7329" s="6">
        <v>121994.54999999999</v>
      </c>
      <c r="C7329" s="7">
        <f t="shared" si="114"/>
        <v>121.99454999999999</v>
      </c>
    </row>
    <row r="7330" spans="1:3" x14ac:dyDescent="0.25">
      <c r="A7330" s="2" t="s">
        <v>2903</v>
      </c>
      <c r="B7330" s="6">
        <v>122011.19999999998</v>
      </c>
      <c r="C7330" s="7">
        <f t="shared" si="114"/>
        <v>122.01119999999999</v>
      </c>
    </row>
    <row r="7331" spans="1:3" x14ac:dyDescent="0.25">
      <c r="A7331" s="2" t="s">
        <v>2904</v>
      </c>
      <c r="B7331" s="6">
        <v>122027.84999999999</v>
      </c>
      <c r="C7331" s="7">
        <f t="shared" si="114"/>
        <v>122.02784999999999</v>
      </c>
    </row>
    <row r="7332" spans="1:3" x14ac:dyDescent="0.25">
      <c r="A7332" s="2" t="s">
        <v>2905</v>
      </c>
      <c r="B7332" s="6">
        <v>122044.49999999999</v>
      </c>
      <c r="C7332" s="7">
        <f t="shared" si="114"/>
        <v>122.04449999999999</v>
      </c>
    </row>
    <row r="7333" spans="1:3" x14ac:dyDescent="0.25">
      <c r="A7333" s="2" t="s">
        <v>2906</v>
      </c>
      <c r="B7333" s="6">
        <v>122061.15</v>
      </c>
      <c r="C7333" s="7">
        <f t="shared" si="114"/>
        <v>122.06115</v>
      </c>
    </row>
    <row r="7334" spans="1:3" x14ac:dyDescent="0.25">
      <c r="A7334" s="2" t="s">
        <v>2907</v>
      </c>
      <c r="B7334" s="6">
        <v>122077.79999999999</v>
      </c>
      <c r="C7334" s="7">
        <f t="shared" si="114"/>
        <v>122.07779999999998</v>
      </c>
    </row>
    <row r="7335" spans="1:3" x14ac:dyDescent="0.25">
      <c r="A7335" s="2" t="s">
        <v>2908</v>
      </c>
      <c r="B7335" s="6">
        <v>122094.44999999998</v>
      </c>
      <c r="C7335" s="7">
        <f t="shared" si="114"/>
        <v>122.09444999999998</v>
      </c>
    </row>
    <row r="7336" spans="1:3" x14ac:dyDescent="0.25">
      <c r="A7336" s="2" t="s">
        <v>2909</v>
      </c>
      <c r="B7336" s="6">
        <v>122111.09999999999</v>
      </c>
      <c r="C7336" s="7">
        <f t="shared" si="114"/>
        <v>122.11109999999999</v>
      </c>
    </row>
    <row r="7337" spans="1:3" x14ac:dyDescent="0.25">
      <c r="A7337" s="2" t="s">
        <v>2910</v>
      </c>
      <c r="B7337" s="6">
        <v>122127.74999999999</v>
      </c>
      <c r="C7337" s="7">
        <f t="shared" si="114"/>
        <v>122.12774999999999</v>
      </c>
    </row>
    <row r="7338" spans="1:3" x14ac:dyDescent="0.25">
      <c r="A7338" s="2" t="s">
        <v>2911</v>
      </c>
      <c r="B7338" s="6">
        <v>122144.4</v>
      </c>
      <c r="C7338" s="7">
        <f t="shared" si="114"/>
        <v>122.14439999999999</v>
      </c>
    </row>
    <row r="7339" spans="1:3" x14ac:dyDescent="0.25">
      <c r="A7339" s="2" t="s">
        <v>2912</v>
      </c>
      <c r="B7339" s="6">
        <v>122161.04999999999</v>
      </c>
      <c r="C7339" s="7">
        <f t="shared" si="114"/>
        <v>122.16104999999999</v>
      </c>
    </row>
    <row r="7340" spans="1:3" x14ac:dyDescent="0.25">
      <c r="A7340" s="2" t="s">
        <v>2913</v>
      </c>
      <c r="B7340" s="6">
        <v>122177.69999999998</v>
      </c>
      <c r="C7340" s="7">
        <f t="shared" si="114"/>
        <v>122.17769999999999</v>
      </c>
    </row>
    <row r="7341" spans="1:3" x14ac:dyDescent="0.25">
      <c r="A7341" s="2" t="s">
        <v>2914</v>
      </c>
      <c r="B7341" s="6">
        <v>122194.34999999999</v>
      </c>
      <c r="C7341" s="7">
        <f t="shared" si="114"/>
        <v>122.19434999999999</v>
      </c>
    </row>
    <row r="7342" spans="1:3" x14ac:dyDescent="0.25">
      <c r="A7342" s="2" t="s">
        <v>2915</v>
      </c>
      <c r="B7342" s="6">
        <v>122210.99999999999</v>
      </c>
      <c r="C7342" s="7">
        <f t="shared" si="114"/>
        <v>122.21099999999998</v>
      </c>
    </row>
    <row r="7343" spans="1:3" x14ac:dyDescent="0.25">
      <c r="A7343" s="2" t="s">
        <v>2916</v>
      </c>
      <c r="B7343" s="6">
        <v>122227.65</v>
      </c>
      <c r="C7343" s="7">
        <f t="shared" si="114"/>
        <v>122.22765</v>
      </c>
    </row>
    <row r="7344" spans="1:3" x14ac:dyDescent="0.25">
      <c r="A7344" s="2" t="s">
        <v>2917</v>
      </c>
      <c r="B7344" s="6">
        <v>122244.29999999999</v>
      </c>
      <c r="C7344" s="7">
        <f t="shared" si="114"/>
        <v>122.24429999999998</v>
      </c>
    </row>
    <row r="7345" spans="1:3" x14ac:dyDescent="0.25">
      <c r="A7345" s="2" t="s">
        <v>2918</v>
      </c>
      <c r="B7345" s="6">
        <v>122260.94999999998</v>
      </c>
      <c r="C7345" s="7">
        <f t="shared" si="114"/>
        <v>122.26094999999998</v>
      </c>
    </row>
    <row r="7346" spans="1:3" x14ac:dyDescent="0.25">
      <c r="A7346" s="2" t="s">
        <v>2919</v>
      </c>
      <c r="B7346" s="6">
        <v>122277.59999999999</v>
      </c>
      <c r="C7346" s="7">
        <f t="shared" si="114"/>
        <v>122.27759999999999</v>
      </c>
    </row>
    <row r="7347" spans="1:3" x14ac:dyDescent="0.25">
      <c r="A7347" s="2" t="s">
        <v>2920</v>
      </c>
      <c r="B7347" s="6">
        <v>122294.24999999999</v>
      </c>
      <c r="C7347" s="7">
        <f t="shared" si="114"/>
        <v>122.29424999999999</v>
      </c>
    </row>
    <row r="7348" spans="1:3" x14ac:dyDescent="0.25">
      <c r="A7348" s="2" t="s">
        <v>2921</v>
      </c>
      <c r="B7348" s="6">
        <v>122310.9</v>
      </c>
      <c r="C7348" s="7">
        <f t="shared" si="114"/>
        <v>122.31089999999999</v>
      </c>
    </row>
    <row r="7349" spans="1:3" x14ac:dyDescent="0.25">
      <c r="A7349" s="2" t="s">
        <v>2922</v>
      </c>
      <c r="B7349" s="6">
        <v>122327.54999999999</v>
      </c>
      <c r="C7349" s="7">
        <f t="shared" si="114"/>
        <v>122.32754999999999</v>
      </c>
    </row>
    <row r="7350" spans="1:3" x14ac:dyDescent="0.25">
      <c r="A7350" s="2" t="s">
        <v>2923</v>
      </c>
      <c r="B7350" s="6">
        <v>122344.19999999998</v>
      </c>
      <c r="C7350" s="7">
        <f t="shared" si="114"/>
        <v>122.34419999999999</v>
      </c>
    </row>
    <row r="7351" spans="1:3" x14ac:dyDescent="0.25">
      <c r="A7351" s="2" t="s">
        <v>2924</v>
      </c>
      <c r="B7351" s="6">
        <v>122360.84999999999</v>
      </c>
      <c r="C7351" s="7">
        <f t="shared" si="114"/>
        <v>122.36084999999999</v>
      </c>
    </row>
    <row r="7352" spans="1:3" x14ac:dyDescent="0.25">
      <c r="A7352" s="2" t="s">
        <v>2925</v>
      </c>
      <c r="B7352" s="6">
        <v>122377.49999999999</v>
      </c>
      <c r="C7352" s="7">
        <f t="shared" si="114"/>
        <v>122.37749999999998</v>
      </c>
    </row>
    <row r="7353" spans="1:3" x14ac:dyDescent="0.25">
      <c r="A7353" s="2" t="s">
        <v>2926</v>
      </c>
      <c r="B7353" s="6">
        <v>122394.15</v>
      </c>
      <c r="C7353" s="7">
        <f t="shared" si="114"/>
        <v>122.39415</v>
      </c>
    </row>
    <row r="7354" spans="1:3" x14ac:dyDescent="0.25">
      <c r="A7354" s="2" t="s">
        <v>2927</v>
      </c>
      <c r="B7354" s="6">
        <v>122410.79999999999</v>
      </c>
      <c r="C7354" s="7">
        <f t="shared" si="114"/>
        <v>122.41079999999999</v>
      </c>
    </row>
    <row r="7355" spans="1:3" x14ac:dyDescent="0.25">
      <c r="A7355" s="2" t="s">
        <v>2928</v>
      </c>
      <c r="B7355" s="6">
        <v>122427.44999999998</v>
      </c>
      <c r="C7355" s="7">
        <f t="shared" si="114"/>
        <v>122.42744999999998</v>
      </c>
    </row>
    <row r="7356" spans="1:3" x14ac:dyDescent="0.25">
      <c r="A7356" s="2" t="s">
        <v>2929</v>
      </c>
      <c r="B7356" s="6">
        <v>122444.09999999999</v>
      </c>
      <c r="C7356" s="7">
        <f t="shared" si="114"/>
        <v>122.44409999999999</v>
      </c>
    </row>
    <row r="7357" spans="1:3" x14ac:dyDescent="0.25">
      <c r="A7357" s="2" t="s">
        <v>2930</v>
      </c>
      <c r="B7357" s="6">
        <v>122460.74999999999</v>
      </c>
      <c r="C7357" s="7">
        <f t="shared" si="114"/>
        <v>122.46074999999999</v>
      </c>
    </row>
    <row r="7358" spans="1:3" x14ac:dyDescent="0.25">
      <c r="A7358" s="2" t="s">
        <v>2931</v>
      </c>
      <c r="B7358" s="6">
        <v>122477.4</v>
      </c>
      <c r="C7358" s="7">
        <f t="shared" si="114"/>
        <v>122.47739999999999</v>
      </c>
    </row>
    <row r="7359" spans="1:3" x14ac:dyDescent="0.25">
      <c r="A7359" s="2" t="s">
        <v>2932</v>
      </c>
      <c r="B7359" s="6">
        <v>122494.04999999999</v>
      </c>
      <c r="C7359" s="7">
        <f t="shared" si="114"/>
        <v>122.49404999999999</v>
      </c>
    </row>
    <row r="7360" spans="1:3" x14ac:dyDescent="0.25">
      <c r="A7360" s="2" t="s">
        <v>2933</v>
      </c>
      <c r="B7360" s="6">
        <v>122510.69999999998</v>
      </c>
      <c r="C7360" s="7">
        <f t="shared" si="114"/>
        <v>122.51069999999999</v>
      </c>
    </row>
    <row r="7361" spans="1:3" x14ac:dyDescent="0.25">
      <c r="A7361" s="2" t="s">
        <v>2934</v>
      </c>
      <c r="B7361" s="6">
        <v>122527.34999999999</v>
      </c>
      <c r="C7361" s="7">
        <f t="shared" si="114"/>
        <v>122.52734999999998</v>
      </c>
    </row>
    <row r="7362" spans="1:3" x14ac:dyDescent="0.25">
      <c r="A7362" s="2" t="s">
        <v>2935</v>
      </c>
      <c r="B7362" s="6">
        <v>122543.99999999999</v>
      </c>
      <c r="C7362" s="7">
        <f t="shared" si="114"/>
        <v>122.54399999999998</v>
      </c>
    </row>
    <row r="7363" spans="1:3" x14ac:dyDescent="0.25">
      <c r="A7363" s="2" t="s">
        <v>2936</v>
      </c>
      <c r="B7363" s="6">
        <v>122560.65</v>
      </c>
      <c r="C7363" s="7">
        <f t="shared" ref="C7363:C7426" si="115">B7363/1000</f>
        <v>122.56065</v>
      </c>
    </row>
    <row r="7364" spans="1:3" x14ac:dyDescent="0.25">
      <c r="A7364" s="2" t="s">
        <v>2937</v>
      </c>
      <c r="B7364" s="6">
        <v>122577.29999999999</v>
      </c>
      <c r="C7364" s="7">
        <f t="shared" si="115"/>
        <v>122.57729999999999</v>
      </c>
    </row>
    <row r="7365" spans="1:3" x14ac:dyDescent="0.25">
      <c r="A7365" s="2" t="s">
        <v>2938</v>
      </c>
      <c r="B7365" s="6">
        <v>122593.94999999998</v>
      </c>
      <c r="C7365" s="7">
        <f t="shared" si="115"/>
        <v>122.59394999999998</v>
      </c>
    </row>
    <row r="7366" spans="1:3" x14ac:dyDescent="0.25">
      <c r="A7366" s="2" t="s">
        <v>2939</v>
      </c>
      <c r="B7366" s="6">
        <v>122610.59999999999</v>
      </c>
      <c r="C7366" s="7">
        <f t="shared" si="115"/>
        <v>122.61059999999999</v>
      </c>
    </row>
    <row r="7367" spans="1:3" x14ac:dyDescent="0.25">
      <c r="A7367" s="2" t="s">
        <v>2940</v>
      </c>
      <c r="B7367" s="6">
        <v>122627.24999999999</v>
      </c>
      <c r="C7367" s="7">
        <f t="shared" si="115"/>
        <v>122.62724999999999</v>
      </c>
    </row>
    <row r="7368" spans="1:3" x14ac:dyDescent="0.25">
      <c r="A7368" s="2" t="s">
        <v>2941</v>
      </c>
      <c r="B7368" s="6">
        <v>122643.9</v>
      </c>
      <c r="C7368" s="7">
        <f t="shared" si="115"/>
        <v>122.64389999999999</v>
      </c>
    </row>
    <row r="7369" spans="1:3" x14ac:dyDescent="0.25">
      <c r="A7369" s="2" t="s">
        <v>2942</v>
      </c>
      <c r="B7369" s="6">
        <v>122660.54999999999</v>
      </c>
      <c r="C7369" s="7">
        <f t="shared" si="115"/>
        <v>122.66054999999999</v>
      </c>
    </row>
    <row r="7370" spans="1:3" x14ac:dyDescent="0.25">
      <c r="A7370" s="2" t="s">
        <v>2943</v>
      </c>
      <c r="B7370" s="6">
        <v>122677.19999999998</v>
      </c>
      <c r="C7370" s="7">
        <f t="shared" si="115"/>
        <v>122.67719999999998</v>
      </c>
    </row>
    <row r="7371" spans="1:3" x14ac:dyDescent="0.25">
      <c r="A7371" s="2" t="s">
        <v>2944</v>
      </c>
      <c r="B7371" s="6">
        <v>122693.84999999999</v>
      </c>
      <c r="C7371" s="7">
        <f t="shared" si="115"/>
        <v>122.69385</v>
      </c>
    </row>
    <row r="7372" spans="1:3" x14ac:dyDescent="0.25">
      <c r="A7372" s="2" t="s">
        <v>2945</v>
      </c>
      <c r="B7372" s="6">
        <v>122710.49999999999</v>
      </c>
      <c r="C7372" s="7">
        <f t="shared" si="115"/>
        <v>122.71049999999998</v>
      </c>
    </row>
    <row r="7373" spans="1:3" x14ac:dyDescent="0.25">
      <c r="A7373" s="2" t="s">
        <v>2946</v>
      </c>
      <c r="B7373" s="6">
        <v>122727.15</v>
      </c>
      <c r="C7373" s="7">
        <f t="shared" si="115"/>
        <v>122.72714999999999</v>
      </c>
    </row>
    <row r="7374" spans="1:3" x14ac:dyDescent="0.25">
      <c r="A7374" s="2" t="s">
        <v>2947</v>
      </c>
      <c r="B7374" s="6">
        <v>122743.79999999999</v>
      </c>
      <c r="C7374" s="7">
        <f t="shared" si="115"/>
        <v>122.74379999999999</v>
      </c>
    </row>
    <row r="7375" spans="1:3" x14ac:dyDescent="0.25">
      <c r="A7375" s="2" t="s">
        <v>2948</v>
      </c>
      <c r="B7375" s="6">
        <v>122760.44999999998</v>
      </c>
      <c r="C7375" s="7">
        <f t="shared" si="115"/>
        <v>122.76044999999998</v>
      </c>
    </row>
    <row r="7376" spans="1:3" x14ac:dyDescent="0.25">
      <c r="A7376" s="2" t="s">
        <v>2949</v>
      </c>
      <c r="B7376" s="6">
        <v>122777.09999999999</v>
      </c>
      <c r="C7376" s="7">
        <f t="shared" si="115"/>
        <v>122.77709999999999</v>
      </c>
    </row>
    <row r="7377" spans="1:3" x14ac:dyDescent="0.25">
      <c r="A7377" s="2" t="s">
        <v>2950</v>
      </c>
      <c r="B7377" s="6">
        <v>122793.74999999999</v>
      </c>
      <c r="C7377" s="7">
        <f t="shared" si="115"/>
        <v>122.79374999999999</v>
      </c>
    </row>
    <row r="7378" spans="1:3" x14ac:dyDescent="0.25">
      <c r="A7378" s="2" t="s">
        <v>2951</v>
      </c>
      <c r="B7378" s="6">
        <v>122810.4</v>
      </c>
      <c r="C7378" s="7">
        <f t="shared" si="115"/>
        <v>122.81039999999999</v>
      </c>
    </row>
    <row r="7379" spans="1:3" x14ac:dyDescent="0.25">
      <c r="A7379" s="2" t="s">
        <v>2952</v>
      </c>
      <c r="B7379" s="6">
        <v>122827.04999999999</v>
      </c>
      <c r="C7379" s="7">
        <f t="shared" si="115"/>
        <v>122.82704999999999</v>
      </c>
    </row>
    <row r="7380" spans="1:3" x14ac:dyDescent="0.25">
      <c r="A7380" s="2" t="s">
        <v>2953</v>
      </c>
      <c r="B7380" s="6">
        <v>122843.69999999998</v>
      </c>
      <c r="C7380" s="7">
        <f t="shared" si="115"/>
        <v>122.84369999999998</v>
      </c>
    </row>
    <row r="7381" spans="1:3" x14ac:dyDescent="0.25">
      <c r="A7381" s="2" t="s">
        <v>2954</v>
      </c>
      <c r="B7381" s="6">
        <v>122860.34999999999</v>
      </c>
      <c r="C7381" s="7">
        <f t="shared" si="115"/>
        <v>122.86035</v>
      </c>
    </row>
    <row r="7382" spans="1:3" x14ac:dyDescent="0.25">
      <c r="A7382" s="2" t="s">
        <v>2955</v>
      </c>
      <c r="B7382" s="6">
        <v>122876.99999999999</v>
      </c>
      <c r="C7382" s="7">
        <f t="shared" si="115"/>
        <v>122.87699999999998</v>
      </c>
    </row>
    <row r="7383" spans="1:3" x14ac:dyDescent="0.25">
      <c r="A7383" s="2" t="s">
        <v>2956</v>
      </c>
      <c r="B7383" s="6">
        <v>122893.65</v>
      </c>
      <c r="C7383" s="7">
        <f t="shared" si="115"/>
        <v>122.89364999999999</v>
      </c>
    </row>
    <row r="7384" spans="1:3" x14ac:dyDescent="0.25">
      <c r="A7384" s="2" t="s">
        <v>2957</v>
      </c>
      <c r="B7384" s="6">
        <v>122910.29999999999</v>
      </c>
      <c r="C7384" s="7">
        <f t="shared" si="115"/>
        <v>122.91029999999999</v>
      </c>
    </row>
    <row r="7385" spans="1:3" x14ac:dyDescent="0.25">
      <c r="A7385" s="2" t="s">
        <v>2958</v>
      </c>
      <c r="B7385" s="6">
        <v>122926.94999999998</v>
      </c>
      <c r="C7385" s="7">
        <f t="shared" si="115"/>
        <v>122.92694999999998</v>
      </c>
    </row>
    <row r="7386" spans="1:3" x14ac:dyDescent="0.25">
      <c r="A7386" s="2" t="s">
        <v>2959</v>
      </c>
      <c r="B7386" s="6">
        <v>122943.59999999999</v>
      </c>
      <c r="C7386" s="7">
        <f t="shared" si="115"/>
        <v>122.94359999999999</v>
      </c>
    </row>
    <row r="7387" spans="1:3" x14ac:dyDescent="0.25">
      <c r="A7387" s="2" t="s">
        <v>2960</v>
      </c>
      <c r="B7387" s="6">
        <v>122960.24999999999</v>
      </c>
      <c r="C7387" s="7">
        <f t="shared" si="115"/>
        <v>122.96024999999999</v>
      </c>
    </row>
    <row r="7388" spans="1:3" x14ac:dyDescent="0.25">
      <c r="A7388" s="2" t="s">
        <v>2961</v>
      </c>
      <c r="B7388" s="6">
        <v>122976.9</v>
      </c>
      <c r="C7388" s="7">
        <f t="shared" si="115"/>
        <v>122.9769</v>
      </c>
    </row>
    <row r="7389" spans="1:3" x14ac:dyDescent="0.25">
      <c r="A7389" s="2" t="s">
        <v>2962</v>
      </c>
      <c r="B7389" s="6">
        <v>122993.54999999999</v>
      </c>
      <c r="C7389" s="7">
        <f t="shared" si="115"/>
        <v>122.99354999999998</v>
      </c>
    </row>
    <row r="7390" spans="1:3" x14ac:dyDescent="0.25">
      <c r="A7390" s="2" t="s">
        <v>2963</v>
      </c>
      <c r="B7390" s="6">
        <v>123010.19999999998</v>
      </c>
      <c r="C7390" s="7">
        <f t="shared" si="115"/>
        <v>123.01019999999998</v>
      </c>
    </row>
    <row r="7391" spans="1:3" x14ac:dyDescent="0.25">
      <c r="A7391" s="2" t="s">
        <v>2964</v>
      </c>
      <c r="B7391" s="6">
        <v>123026.84999999999</v>
      </c>
      <c r="C7391" s="7">
        <f t="shared" si="115"/>
        <v>123.02685</v>
      </c>
    </row>
    <row r="7392" spans="1:3" x14ac:dyDescent="0.25">
      <c r="A7392" s="2" t="s">
        <v>2965</v>
      </c>
      <c r="B7392" s="6">
        <v>123043.49999999999</v>
      </c>
      <c r="C7392" s="7">
        <f t="shared" si="115"/>
        <v>123.04349999999998</v>
      </c>
    </row>
    <row r="7393" spans="1:3" x14ac:dyDescent="0.25">
      <c r="A7393" s="2" t="s">
        <v>2966</v>
      </c>
      <c r="B7393" s="6">
        <v>123060.15</v>
      </c>
      <c r="C7393" s="7">
        <f t="shared" si="115"/>
        <v>123.06014999999999</v>
      </c>
    </row>
    <row r="7394" spans="1:3" x14ac:dyDescent="0.25">
      <c r="A7394" s="2" t="s">
        <v>2967</v>
      </c>
      <c r="B7394" s="6">
        <v>123076.79999999999</v>
      </c>
      <c r="C7394" s="7">
        <f t="shared" si="115"/>
        <v>123.07679999999999</v>
      </c>
    </row>
    <row r="7395" spans="1:3" x14ac:dyDescent="0.25">
      <c r="A7395" s="2" t="s">
        <v>2968</v>
      </c>
      <c r="B7395" s="6">
        <v>123093.44999999998</v>
      </c>
      <c r="C7395" s="7">
        <f t="shared" si="115"/>
        <v>123.09344999999998</v>
      </c>
    </row>
    <row r="7396" spans="1:3" x14ac:dyDescent="0.25">
      <c r="A7396" s="2" t="s">
        <v>2969</v>
      </c>
      <c r="B7396" s="6">
        <v>123110.09999999999</v>
      </c>
      <c r="C7396" s="7">
        <f t="shared" si="115"/>
        <v>123.11009999999999</v>
      </c>
    </row>
    <row r="7397" spans="1:3" x14ac:dyDescent="0.25">
      <c r="A7397" s="2" t="s">
        <v>2970</v>
      </c>
      <c r="B7397" s="6">
        <v>123126.74999999999</v>
      </c>
      <c r="C7397" s="7">
        <f t="shared" si="115"/>
        <v>123.12674999999999</v>
      </c>
    </row>
    <row r="7398" spans="1:3" x14ac:dyDescent="0.25">
      <c r="A7398" s="2" t="s">
        <v>2971</v>
      </c>
      <c r="B7398" s="6">
        <v>123143.4</v>
      </c>
      <c r="C7398" s="7">
        <f t="shared" si="115"/>
        <v>123.1434</v>
      </c>
    </row>
    <row r="7399" spans="1:3" x14ac:dyDescent="0.25">
      <c r="A7399" s="2" t="s">
        <v>2972</v>
      </c>
      <c r="B7399" s="6">
        <v>123160.04999999999</v>
      </c>
      <c r="C7399" s="7">
        <f t="shared" si="115"/>
        <v>123.16004999999998</v>
      </c>
    </row>
    <row r="7400" spans="1:3" x14ac:dyDescent="0.25">
      <c r="A7400" s="2" t="s">
        <v>2973</v>
      </c>
      <c r="B7400" s="6">
        <v>123176.69999999998</v>
      </c>
      <c r="C7400" s="7">
        <f t="shared" si="115"/>
        <v>123.17669999999998</v>
      </c>
    </row>
    <row r="7401" spans="1:3" x14ac:dyDescent="0.25">
      <c r="A7401" s="2" t="s">
        <v>2974</v>
      </c>
      <c r="B7401" s="6">
        <v>123193.34999999999</v>
      </c>
      <c r="C7401" s="7">
        <f t="shared" si="115"/>
        <v>123.19335</v>
      </c>
    </row>
    <row r="7402" spans="1:3" x14ac:dyDescent="0.25">
      <c r="A7402" s="2" t="s">
        <v>2975</v>
      </c>
      <c r="B7402" s="6">
        <v>123209.99999999999</v>
      </c>
      <c r="C7402" s="7">
        <f t="shared" si="115"/>
        <v>123.20999999999998</v>
      </c>
    </row>
    <row r="7403" spans="1:3" x14ac:dyDescent="0.25">
      <c r="A7403" s="2" t="s">
        <v>2976</v>
      </c>
      <c r="B7403" s="6">
        <v>123226.65</v>
      </c>
      <c r="C7403" s="7">
        <f t="shared" si="115"/>
        <v>123.22664999999999</v>
      </c>
    </row>
    <row r="7404" spans="1:3" x14ac:dyDescent="0.25">
      <c r="A7404" s="2" t="s">
        <v>2977</v>
      </c>
      <c r="B7404" s="6">
        <v>123243.29999999999</v>
      </c>
      <c r="C7404" s="7">
        <f t="shared" si="115"/>
        <v>123.24329999999999</v>
      </c>
    </row>
    <row r="7405" spans="1:3" x14ac:dyDescent="0.25">
      <c r="A7405" s="2" t="s">
        <v>2978</v>
      </c>
      <c r="B7405" s="6">
        <v>123259.94999999998</v>
      </c>
      <c r="C7405" s="7">
        <f t="shared" si="115"/>
        <v>123.25994999999999</v>
      </c>
    </row>
    <row r="7406" spans="1:3" x14ac:dyDescent="0.25">
      <c r="A7406" s="2" t="s">
        <v>2979</v>
      </c>
      <c r="B7406" s="6">
        <v>123276.59999999999</v>
      </c>
      <c r="C7406" s="7">
        <f t="shared" si="115"/>
        <v>123.27659999999999</v>
      </c>
    </row>
    <row r="7407" spans="1:3" x14ac:dyDescent="0.25">
      <c r="A7407" s="2" t="s">
        <v>2980</v>
      </c>
      <c r="B7407" s="6">
        <v>123293.24999999999</v>
      </c>
      <c r="C7407" s="7">
        <f t="shared" si="115"/>
        <v>123.29324999999999</v>
      </c>
    </row>
    <row r="7408" spans="1:3" x14ac:dyDescent="0.25">
      <c r="A7408" s="2" t="s">
        <v>2981</v>
      </c>
      <c r="B7408" s="6">
        <v>123309.9</v>
      </c>
      <c r="C7408" s="7">
        <f t="shared" si="115"/>
        <v>123.3099</v>
      </c>
    </row>
    <row r="7409" spans="1:3" x14ac:dyDescent="0.25">
      <c r="A7409" s="2" t="s">
        <v>2982</v>
      </c>
      <c r="B7409" s="6">
        <v>123326.54999999999</v>
      </c>
      <c r="C7409" s="7">
        <f t="shared" si="115"/>
        <v>123.32654999999998</v>
      </c>
    </row>
    <row r="7410" spans="1:3" x14ac:dyDescent="0.25">
      <c r="A7410" s="2" t="s">
        <v>2983</v>
      </c>
      <c r="B7410" s="6">
        <v>123343.19999999998</v>
      </c>
      <c r="C7410" s="7">
        <f t="shared" si="115"/>
        <v>123.34319999999998</v>
      </c>
    </row>
    <row r="7411" spans="1:3" x14ac:dyDescent="0.25">
      <c r="A7411" s="2" t="s">
        <v>2984</v>
      </c>
      <c r="B7411" s="6">
        <v>123359.84999999999</v>
      </c>
      <c r="C7411" s="7">
        <f t="shared" si="115"/>
        <v>123.35984999999999</v>
      </c>
    </row>
    <row r="7412" spans="1:3" x14ac:dyDescent="0.25">
      <c r="A7412" s="2" t="s">
        <v>2985</v>
      </c>
      <c r="B7412" s="6">
        <v>123376.49999999999</v>
      </c>
      <c r="C7412" s="7">
        <f t="shared" si="115"/>
        <v>123.37649999999998</v>
      </c>
    </row>
    <row r="7413" spans="1:3" x14ac:dyDescent="0.25">
      <c r="A7413" s="2" t="s">
        <v>2986</v>
      </c>
      <c r="B7413" s="6">
        <v>123393.15</v>
      </c>
      <c r="C7413" s="7">
        <f t="shared" si="115"/>
        <v>123.39314999999999</v>
      </c>
    </row>
    <row r="7414" spans="1:3" x14ac:dyDescent="0.25">
      <c r="A7414" s="2" t="s">
        <v>2987</v>
      </c>
      <c r="B7414" s="6">
        <v>123409.79999999999</v>
      </c>
      <c r="C7414" s="7">
        <f t="shared" si="115"/>
        <v>123.40979999999999</v>
      </c>
    </row>
    <row r="7415" spans="1:3" x14ac:dyDescent="0.25">
      <c r="A7415" s="2" t="s">
        <v>2988</v>
      </c>
      <c r="B7415" s="6">
        <v>123426.44999999998</v>
      </c>
      <c r="C7415" s="7">
        <f t="shared" si="115"/>
        <v>123.42644999999999</v>
      </c>
    </row>
    <row r="7416" spans="1:3" x14ac:dyDescent="0.25">
      <c r="A7416" s="2" t="s">
        <v>2989</v>
      </c>
      <c r="B7416" s="6">
        <v>123443.09999999999</v>
      </c>
      <c r="C7416" s="7">
        <f t="shared" si="115"/>
        <v>123.44309999999999</v>
      </c>
    </row>
    <row r="7417" spans="1:3" x14ac:dyDescent="0.25">
      <c r="A7417" s="2" t="s">
        <v>2990</v>
      </c>
      <c r="B7417" s="6">
        <v>123459.74999999999</v>
      </c>
      <c r="C7417" s="7">
        <f t="shared" si="115"/>
        <v>123.45974999999999</v>
      </c>
    </row>
    <row r="7418" spans="1:3" x14ac:dyDescent="0.25">
      <c r="A7418" s="2" t="s">
        <v>2991</v>
      </c>
      <c r="B7418" s="6">
        <v>123476.4</v>
      </c>
      <c r="C7418" s="7">
        <f t="shared" si="115"/>
        <v>123.4764</v>
      </c>
    </row>
    <row r="7419" spans="1:3" x14ac:dyDescent="0.25">
      <c r="A7419" s="2" t="s">
        <v>2992</v>
      </c>
      <c r="B7419" s="6">
        <v>123493.04999999999</v>
      </c>
      <c r="C7419" s="7">
        <f t="shared" si="115"/>
        <v>123.49304999999998</v>
      </c>
    </row>
    <row r="7420" spans="1:3" x14ac:dyDescent="0.25">
      <c r="A7420" s="2" t="s">
        <v>2993</v>
      </c>
      <c r="B7420" s="6">
        <v>123509.69999999998</v>
      </c>
      <c r="C7420" s="7">
        <f t="shared" si="115"/>
        <v>123.50969999999998</v>
      </c>
    </row>
    <row r="7421" spans="1:3" x14ac:dyDescent="0.25">
      <c r="A7421" s="2" t="s">
        <v>2994</v>
      </c>
      <c r="B7421" s="6">
        <v>123526.34999999999</v>
      </c>
      <c r="C7421" s="7">
        <f t="shared" si="115"/>
        <v>123.52634999999999</v>
      </c>
    </row>
    <row r="7422" spans="1:3" x14ac:dyDescent="0.25">
      <c r="A7422" s="2" t="s">
        <v>2995</v>
      </c>
      <c r="B7422" s="6">
        <v>123542.99999999999</v>
      </c>
      <c r="C7422" s="7">
        <f t="shared" si="115"/>
        <v>123.54299999999999</v>
      </c>
    </row>
    <row r="7423" spans="1:3" x14ac:dyDescent="0.25">
      <c r="A7423" s="2" t="s">
        <v>2996</v>
      </c>
      <c r="B7423" s="6">
        <v>123559.65</v>
      </c>
      <c r="C7423" s="7">
        <f t="shared" si="115"/>
        <v>123.55964999999999</v>
      </c>
    </row>
    <row r="7424" spans="1:3" x14ac:dyDescent="0.25">
      <c r="A7424" s="2" t="s">
        <v>2997</v>
      </c>
      <c r="B7424" s="6">
        <v>123576.29999999999</v>
      </c>
      <c r="C7424" s="7">
        <f t="shared" si="115"/>
        <v>123.57629999999999</v>
      </c>
    </row>
    <row r="7425" spans="1:3" x14ac:dyDescent="0.25">
      <c r="A7425" s="2" t="s">
        <v>2998</v>
      </c>
      <c r="B7425" s="6">
        <v>123592.94999999998</v>
      </c>
      <c r="C7425" s="7">
        <f t="shared" si="115"/>
        <v>123.59294999999999</v>
      </c>
    </row>
    <row r="7426" spans="1:3" x14ac:dyDescent="0.25">
      <c r="A7426" s="2" t="s">
        <v>2999</v>
      </c>
      <c r="B7426" s="6">
        <v>123609.59999999999</v>
      </c>
      <c r="C7426" s="7">
        <f t="shared" si="115"/>
        <v>123.60959999999999</v>
      </c>
    </row>
    <row r="7427" spans="1:3" x14ac:dyDescent="0.25">
      <c r="A7427" s="2" t="s">
        <v>3000</v>
      </c>
      <c r="B7427" s="6">
        <v>123626.24999999999</v>
      </c>
      <c r="C7427" s="7">
        <f t="shared" ref="C7427:C7490" si="116">B7427/1000</f>
        <v>123.62624999999998</v>
      </c>
    </row>
    <row r="7428" spans="1:3" x14ac:dyDescent="0.25">
      <c r="A7428" s="2" t="s">
        <v>3001</v>
      </c>
      <c r="B7428" s="6">
        <v>123642.9</v>
      </c>
      <c r="C7428" s="7">
        <f t="shared" si="116"/>
        <v>123.6429</v>
      </c>
    </row>
    <row r="7429" spans="1:3" x14ac:dyDescent="0.25">
      <c r="A7429" s="2" t="s">
        <v>3002</v>
      </c>
      <c r="B7429" s="6">
        <v>123659.54999999999</v>
      </c>
      <c r="C7429" s="7">
        <f t="shared" si="116"/>
        <v>123.65954999999998</v>
      </c>
    </row>
    <row r="7430" spans="1:3" x14ac:dyDescent="0.25">
      <c r="A7430" s="2" t="s">
        <v>3003</v>
      </c>
      <c r="B7430" s="6">
        <v>123676.19999999998</v>
      </c>
      <c r="C7430" s="7">
        <f t="shared" si="116"/>
        <v>123.67619999999998</v>
      </c>
    </row>
    <row r="7431" spans="1:3" x14ac:dyDescent="0.25">
      <c r="A7431" s="2" t="s">
        <v>3004</v>
      </c>
      <c r="B7431" s="6">
        <v>123692.84999999999</v>
      </c>
      <c r="C7431" s="7">
        <f t="shared" si="116"/>
        <v>123.69284999999999</v>
      </c>
    </row>
    <row r="7432" spans="1:3" x14ac:dyDescent="0.25">
      <c r="A7432" s="2" t="s">
        <v>3005</v>
      </c>
      <c r="B7432" s="6">
        <v>123709.49999999999</v>
      </c>
      <c r="C7432" s="7">
        <f t="shared" si="116"/>
        <v>123.70949999999999</v>
      </c>
    </row>
    <row r="7433" spans="1:3" x14ac:dyDescent="0.25">
      <c r="A7433" s="2" t="s">
        <v>3006</v>
      </c>
      <c r="B7433" s="6">
        <v>123726.15</v>
      </c>
      <c r="C7433" s="7">
        <f t="shared" si="116"/>
        <v>123.72614999999999</v>
      </c>
    </row>
    <row r="7434" spans="1:3" x14ac:dyDescent="0.25">
      <c r="A7434" s="2" t="s">
        <v>3007</v>
      </c>
      <c r="B7434" s="6">
        <v>123742.79999999999</v>
      </c>
      <c r="C7434" s="7">
        <f t="shared" si="116"/>
        <v>123.74279999999999</v>
      </c>
    </row>
    <row r="7435" spans="1:3" x14ac:dyDescent="0.25">
      <c r="A7435" s="2" t="s">
        <v>3008</v>
      </c>
      <c r="B7435" s="6">
        <v>123759.44999999998</v>
      </c>
      <c r="C7435" s="7">
        <f t="shared" si="116"/>
        <v>123.75944999999999</v>
      </c>
    </row>
    <row r="7436" spans="1:3" x14ac:dyDescent="0.25">
      <c r="A7436" s="2" t="s">
        <v>3009</v>
      </c>
      <c r="B7436" s="6">
        <v>123776.09999999999</v>
      </c>
      <c r="C7436" s="7">
        <f t="shared" si="116"/>
        <v>123.77609999999999</v>
      </c>
    </row>
    <row r="7437" spans="1:3" x14ac:dyDescent="0.25">
      <c r="A7437" s="2" t="s">
        <v>3010</v>
      </c>
      <c r="B7437" s="6">
        <v>123792.74999999999</v>
      </c>
      <c r="C7437" s="7">
        <f t="shared" si="116"/>
        <v>123.79274999999998</v>
      </c>
    </row>
    <row r="7438" spans="1:3" x14ac:dyDescent="0.25">
      <c r="A7438" s="2" t="s">
        <v>3011</v>
      </c>
      <c r="B7438" s="6">
        <v>123809.4</v>
      </c>
      <c r="C7438" s="7">
        <f t="shared" si="116"/>
        <v>123.8094</v>
      </c>
    </row>
    <row r="7439" spans="1:3" x14ac:dyDescent="0.25">
      <c r="A7439" s="2" t="s">
        <v>3012</v>
      </c>
      <c r="B7439" s="6">
        <v>123826.04999999999</v>
      </c>
      <c r="C7439" s="7">
        <f t="shared" si="116"/>
        <v>123.82605</v>
      </c>
    </row>
    <row r="7440" spans="1:3" x14ac:dyDescent="0.25">
      <c r="A7440" s="2" t="s">
        <v>3013</v>
      </c>
      <c r="B7440" s="6">
        <v>123842.69999999998</v>
      </c>
      <c r="C7440" s="7">
        <f t="shared" si="116"/>
        <v>123.84269999999998</v>
      </c>
    </row>
    <row r="7441" spans="1:3" x14ac:dyDescent="0.25">
      <c r="A7441" s="2" t="s">
        <v>3014</v>
      </c>
      <c r="B7441" s="6">
        <v>123859.34999999999</v>
      </c>
      <c r="C7441" s="7">
        <f t="shared" si="116"/>
        <v>123.85934999999999</v>
      </c>
    </row>
    <row r="7442" spans="1:3" x14ac:dyDescent="0.25">
      <c r="A7442" s="2" t="s">
        <v>3015</v>
      </c>
      <c r="B7442" s="6">
        <v>123875.99999999999</v>
      </c>
      <c r="C7442" s="7">
        <f t="shared" si="116"/>
        <v>123.87599999999999</v>
      </c>
    </row>
    <row r="7443" spans="1:3" x14ac:dyDescent="0.25">
      <c r="A7443" s="2" t="s">
        <v>3016</v>
      </c>
      <c r="B7443" s="6">
        <v>123892.65</v>
      </c>
      <c r="C7443" s="7">
        <f t="shared" si="116"/>
        <v>123.89264999999999</v>
      </c>
    </row>
    <row r="7444" spans="1:3" x14ac:dyDescent="0.25">
      <c r="A7444" s="2" t="s">
        <v>3017</v>
      </c>
      <c r="B7444" s="6">
        <v>123909.29999999999</v>
      </c>
      <c r="C7444" s="7">
        <f t="shared" si="116"/>
        <v>123.90929999999999</v>
      </c>
    </row>
    <row r="7445" spans="1:3" x14ac:dyDescent="0.25">
      <c r="A7445" s="2" t="s">
        <v>3018</v>
      </c>
      <c r="B7445" s="6">
        <v>123925.94999999998</v>
      </c>
      <c r="C7445" s="7">
        <f t="shared" si="116"/>
        <v>123.92594999999999</v>
      </c>
    </row>
    <row r="7446" spans="1:3" x14ac:dyDescent="0.25">
      <c r="A7446" s="2" t="s">
        <v>3019</v>
      </c>
      <c r="B7446" s="6">
        <v>123942.59999999999</v>
      </c>
      <c r="C7446" s="7">
        <f t="shared" si="116"/>
        <v>123.94259999999998</v>
      </c>
    </row>
    <row r="7447" spans="1:3" x14ac:dyDescent="0.25">
      <c r="A7447" s="2" t="s">
        <v>3020</v>
      </c>
      <c r="B7447" s="6">
        <v>123959.24999999999</v>
      </c>
      <c r="C7447" s="7">
        <f t="shared" si="116"/>
        <v>123.95924999999998</v>
      </c>
    </row>
    <row r="7448" spans="1:3" x14ac:dyDescent="0.25">
      <c r="A7448" s="2" t="s">
        <v>3021</v>
      </c>
      <c r="B7448" s="6">
        <v>123975.9</v>
      </c>
      <c r="C7448" s="7">
        <f t="shared" si="116"/>
        <v>123.9759</v>
      </c>
    </row>
    <row r="7449" spans="1:3" x14ac:dyDescent="0.25">
      <c r="A7449" s="2" t="s">
        <v>3022</v>
      </c>
      <c r="B7449" s="6">
        <v>123992.54999999999</v>
      </c>
      <c r="C7449" s="7">
        <f t="shared" si="116"/>
        <v>123.99254999999999</v>
      </c>
    </row>
    <row r="7450" spans="1:3" x14ac:dyDescent="0.25">
      <c r="A7450" s="2" t="s">
        <v>3023</v>
      </c>
      <c r="B7450" s="6">
        <v>124009.19999999998</v>
      </c>
      <c r="C7450" s="7">
        <f t="shared" si="116"/>
        <v>124.00919999999998</v>
      </c>
    </row>
    <row r="7451" spans="1:3" x14ac:dyDescent="0.25">
      <c r="A7451" s="2" t="s">
        <v>3024</v>
      </c>
      <c r="B7451" s="6">
        <v>124025.84999999999</v>
      </c>
      <c r="C7451" s="7">
        <f t="shared" si="116"/>
        <v>124.02584999999999</v>
      </c>
    </row>
    <row r="7452" spans="1:3" x14ac:dyDescent="0.25">
      <c r="A7452" s="2" t="s">
        <v>3025</v>
      </c>
      <c r="B7452" s="6">
        <v>124042.49999999999</v>
      </c>
      <c r="C7452" s="7">
        <f t="shared" si="116"/>
        <v>124.04249999999999</v>
      </c>
    </row>
    <row r="7453" spans="1:3" x14ac:dyDescent="0.25">
      <c r="A7453" s="2" t="s">
        <v>3026</v>
      </c>
      <c r="B7453" s="6">
        <v>124059.15</v>
      </c>
      <c r="C7453" s="7">
        <f t="shared" si="116"/>
        <v>124.05914999999999</v>
      </c>
    </row>
    <row r="7454" spans="1:3" x14ac:dyDescent="0.25">
      <c r="A7454" s="2" t="s">
        <v>3027</v>
      </c>
      <c r="B7454" s="6">
        <v>124075.79999999999</v>
      </c>
      <c r="C7454" s="7">
        <f t="shared" si="116"/>
        <v>124.07579999999999</v>
      </c>
    </row>
    <row r="7455" spans="1:3" x14ac:dyDescent="0.25">
      <c r="A7455" s="2" t="s">
        <v>3028</v>
      </c>
      <c r="B7455" s="6">
        <v>124092.44999999998</v>
      </c>
      <c r="C7455" s="7">
        <f t="shared" si="116"/>
        <v>124.09244999999999</v>
      </c>
    </row>
    <row r="7456" spans="1:3" x14ac:dyDescent="0.25">
      <c r="A7456" s="2" t="s">
        <v>3029</v>
      </c>
      <c r="B7456" s="6">
        <v>124109.09999999999</v>
      </c>
      <c r="C7456" s="7">
        <f t="shared" si="116"/>
        <v>124.1091</v>
      </c>
    </row>
    <row r="7457" spans="1:3" x14ac:dyDescent="0.25">
      <c r="A7457" s="2" t="s">
        <v>3030</v>
      </c>
      <c r="B7457" s="6">
        <v>124125.74999999999</v>
      </c>
      <c r="C7457" s="7">
        <f t="shared" si="116"/>
        <v>124.12574999999998</v>
      </c>
    </row>
    <row r="7458" spans="1:3" x14ac:dyDescent="0.25">
      <c r="A7458" s="2" t="s">
        <v>3031</v>
      </c>
      <c r="B7458" s="6">
        <v>124142.39999999999</v>
      </c>
      <c r="C7458" s="7">
        <f t="shared" si="116"/>
        <v>124.14239999999999</v>
      </c>
    </row>
    <row r="7459" spans="1:3" x14ac:dyDescent="0.25">
      <c r="A7459" s="2" t="s">
        <v>3032</v>
      </c>
      <c r="B7459" s="6">
        <v>124159.04999999999</v>
      </c>
      <c r="C7459" s="7">
        <f t="shared" si="116"/>
        <v>124.15904999999999</v>
      </c>
    </row>
    <row r="7460" spans="1:3" x14ac:dyDescent="0.25">
      <c r="A7460" s="2" t="s">
        <v>3033</v>
      </c>
      <c r="B7460" s="6">
        <v>124175.69999999998</v>
      </c>
      <c r="C7460" s="7">
        <f t="shared" si="116"/>
        <v>124.17569999999998</v>
      </c>
    </row>
    <row r="7461" spans="1:3" x14ac:dyDescent="0.25">
      <c r="A7461" s="2" t="s">
        <v>3034</v>
      </c>
      <c r="B7461" s="6">
        <v>124192.34999999999</v>
      </c>
      <c r="C7461" s="7">
        <f t="shared" si="116"/>
        <v>124.19234999999999</v>
      </c>
    </row>
    <row r="7462" spans="1:3" x14ac:dyDescent="0.25">
      <c r="A7462" s="2" t="s">
        <v>3035</v>
      </c>
      <c r="B7462" s="6">
        <v>124208.99999999999</v>
      </c>
      <c r="C7462" s="7">
        <f t="shared" si="116"/>
        <v>124.20899999999999</v>
      </c>
    </row>
    <row r="7463" spans="1:3" x14ac:dyDescent="0.25">
      <c r="A7463" s="2" t="s">
        <v>3036</v>
      </c>
      <c r="B7463" s="6">
        <v>124225.65</v>
      </c>
      <c r="C7463" s="7">
        <f t="shared" si="116"/>
        <v>124.22564999999999</v>
      </c>
    </row>
    <row r="7464" spans="1:3" x14ac:dyDescent="0.25">
      <c r="A7464" s="2" t="s">
        <v>3037</v>
      </c>
      <c r="B7464" s="6">
        <v>124242.29999999999</v>
      </c>
      <c r="C7464" s="7">
        <f t="shared" si="116"/>
        <v>124.24229999999999</v>
      </c>
    </row>
    <row r="7465" spans="1:3" x14ac:dyDescent="0.25">
      <c r="A7465" s="2" t="s">
        <v>3038</v>
      </c>
      <c r="B7465" s="6">
        <v>124258.94999999998</v>
      </c>
      <c r="C7465" s="7">
        <f t="shared" si="116"/>
        <v>124.25894999999998</v>
      </c>
    </row>
    <row r="7466" spans="1:3" x14ac:dyDescent="0.25">
      <c r="A7466" s="2" t="s">
        <v>3039</v>
      </c>
      <c r="B7466" s="6">
        <v>124275.59999999999</v>
      </c>
      <c r="C7466" s="7">
        <f t="shared" si="116"/>
        <v>124.2756</v>
      </c>
    </row>
    <row r="7467" spans="1:3" x14ac:dyDescent="0.25">
      <c r="A7467" s="2" t="s">
        <v>3040</v>
      </c>
      <c r="B7467" s="6">
        <v>124292.24999999999</v>
      </c>
      <c r="C7467" s="7">
        <f t="shared" si="116"/>
        <v>124.29224999999998</v>
      </c>
    </row>
    <row r="7468" spans="1:3" x14ac:dyDescent="0.25">
      <c r="A7468" s="2" t="s">
        <v>3041</v>
      </c>
      <c r="B7468" s="6">
        <v>124308.9</v>
      </c>
      <c r="C7468" s="7">
        <f t="shared" si="116"/>
        <v>124.30889999999999</v>
      </c>
    </row>
    <row r="7469" spans="1:3" x14ac:dyDescent="0.25">
      <c r="A7469" s="2" t="s">
        <v>3042</v>
      </c>
      <c r="B7469" s="6">
        <v>124325.54999999999</v>
      </c>
      <c r="C7469" s="7">
        <f t="shared" si="116"/>
        <v>124.32554999999999</v>
      </c>
    </row>
    <row r="7470" spans="1:3" x14ac:dyDescent="0.25">
      <c r="A7470" s="2" t="s">
        <v>3043</v>
      </c>
      <c r="B7470" s="6">
        <v>124342.19999999998</v>
      </c>
      <c r="C7470" s="7">
        <f t="shared" si="116"/>
        <v>124.34219999999998</v>
      </c>
    </row>
    <row r="7471" spans="1:3" x14ac:dyDescent="0.25">
      <c r="A7471" s="2" t="s">
        <v>3044</v>
      </c>
      <c r="B7471" s="6">
        <v>124358.84999999999</v>
      </c>
      <c r="C7471" s="7">
        <f t="shared" si="116"/>
        <v>124.35884999999999</v>
      </c>
    </row>
    <row r="7472" spans="1:3" x14ac:dyDescent="0.25">
      <c r="A7472" s="2" t="s">
        <v>3045</v>
      </c>
      <c r="B7472" s="6">
        <v>124375.49999999999</v>
      </c>
      <c r="C7472" s="7">
        <f t="shared" si="116"/>
        <v>124.37549999999999</v>
      </c>
    </row>
    <row r="7473" spans="1:3" x14ac:dyDescent="0.25">
      <c r="A7473" s="2" t="s">
        <v>3046</v>
      </c>
      <c r="B7473" s="6">
        <v>124392.15</v>
      </c>
      <c r="C7473" s="7">
        <f t="shared" si="116"/>
        <v>124.39215</v>
      </c>
    </row>
    <row r="7474" spans="1:3" x14ac:dyDescent="0.25">
      <c r="A7474" s="2" t="s">
        <v>3047</v>
      </c>
      <c r="B7474" s="6">
        <v>124408.79999999999</v>
      </c>
      <c r="C7474" s="7">
        <f t="shared" si="116"/>
        <v>124.40879999999999</v>
      </c>
    </row>
    <row r="7475" spans="1:3" x14ac:dyDescent="0.25">
      <c r="A7475" s="2" t="s">
        <v>3048</v>
      </c>
      <c r="B7475" s="6">
        <v>124425.44999999998</v>
      </c>
      <c r="C7475" s="7">
        <f t="shared" si="116"/>
        <v>124.42544999999998</v>
      </c>
    </row>
    <row r="7476" spans="1:3" x14ac:dyDescent="0.25">
      <c r="A7476" s="2" t="s">
        <v>3049</v>
      </c>
      <c r="B7476" s="6">
        <v>124442.09999999999</v>
      </c>
      <c r="C7476" s="7">
        <f t="shared" si="116"/>
        <v>124.4421</v>
      </c>
    </row>
    <row r="7477" spans="1:3" x14ac:dyDescent="0.25">
      <c r="A7477" s="2" t="s">
        <v>3050</v>
      </c>
      <c r="B7477" s="6">
        <v>124458.74999999999</v>
      </c>
      <c r="C7477" s="7">
        <f t="shared" si="116"/>
        <v>124.45874999999998</v>
      </c>
    </row>
    <row r="7478" spans="1:3" x14ac:dyDescent="0.25">
      <c r="A7478" s="2" t="s">
        <v>3051</v>
      </c>
      <c r="B7478" s="6">
        <v>124475.4</v>
      </c>
      <c r="C7478" s="7">
        <f t="shared" si="116"/>
        <v>124.47539999999999</v>
      </c>
    </row>
    <row r="7479" spans="1:3" x14ac:dyDescent="0.25">
      <c r="A7479" s="2" t="s">
        <v>3052</v>
      </c>
      <c r="B7479" s="6">
        <v>124492.04999999999</v>
      </c>
      <c r="C7479" s="7">
        <f t="shared" si="116"/>
        <v>124.49204999999999</v>
      </c>
    </row>
    <row r="7480" spans="1:3" x14ac:dyDescent="0.25">
      <c r="A7480" s="2" t="s">
        <v>3053</v>
      </c>
      <c r="B7480" s="6">
        <v>124508.69999999998</v>
      </c>
      <c r="C7480" s="7">
        <f t="shared" si="116"/>
        <v>124.50869999999998</v>
      </c>
    </row>
    <row r="7481" spans="1:3" x14ac:dyDescent="0.25">
      <c r="A7481" s="2" t="s">
        <v>3054</v>
      </c>
      <c r="B7481" s="6">
        <v>124525.34999999999</v>
      </c>
      <c r="C7481" s="7">
        <f t="shared" si="116"/>
        <v>124.52534999999999</v>
      </c>
    </row>
    <row r="7482" spans="1:3" x14ac:dyDescent="0.25">
      <c r="A7482" s="2" t="s">
        <v>3055</v>
      </c>
      <c r="B7482" s="6">
        <v>124541.99999999999</v>
      </c>
      <c r="C7482" s="7">
        <f t="shared" si="116"/>
        <v>124.54199999999999</v>
      </c>
    </row>
    <row r="7483" spans="1:3" x14ac:dyDescent="0.25">
      <c r="A7483" s="2" t="s">
        <v>3056</v>
      </c>
      <c r="B7483" s="6">
        <v>124558.65</v>
      </c>
      <c r="C7483" s="7">
        <f t="shared" si="116"/>
        <v>124.55865</v>
      </c>
    </row>
    <row r="7484" spans="1:3" x14ac:dyDescent="0.25">
      <c r="A7484" s="2" t="s">
        <v>3057</v>
      </c>
      <c r="B7484" s="6">
        <v>124575.29999999999</v>
      </c>
      <c r="C7484" s="7">
        <f t="shared" si="116"/>
        <v>124.57529999999998</v>
      </c>
    </row>
    <row r="7485" spans="1:3" x14ac:dyDescent="0.25">
      <c r="A7485" s="2" t="s">
        <v>3058</v>
      </c>
      <c r="B7485" s="6">
        <v>124591.94999999998</v>
      </c>
      <c r="C7485" s="7">
        <f t="shared" si="116"/>
        <v>124.59194999999998</v>
      </c>
    </row>
    <row r="7486" spans="1:3" x14ac:dyDescent="0.25">
      <c r="A7486" s="2" t="s">
        <v>3059</v>
      </c>
      <c r="B7486" s="6">
        <v>124608.59999999999</v>
      </c>
      <c r="C7486" s="7">
        <f t="shared" si="116"/>
        <v>124.6086</v>
      </c>
    </row>
    <row r="7487" spans="1:3" x14ac:dyDescent="0.25">
      <c r="A7487" s="2" t="s">
        <v>3060</v>
      </c>
      <c r="B7487" s="6">
        <v>124625.24999999999</v>
      </c>
      <c r="C7487" s="7">
        <f t="shared" si="116"/>
        <v>124.62524999999998</v>
      </c>
    </row>
    <row r="7488" spans="1:3" x14ac:dyDescent="0.25">
      <c r="A7488" s="2" t="s">
        <v>3061</v>
      </c>
      <c r="B7488" s="6">
        <v>124641.9</v>
      </c>
      <c r="C7488" s="7">
        <f t="shared" si="116"/>
        <v>124.64189999999999</v>
      </c>
    </row>
    <row r="7489" spans="1:3" x14ac:dyDescent="0.25">
      <c r="A7489" s="2" t="s">
        <v>3062</v>
      </c>
      <c r="B7489" s="6">
        <v>124658.54999999999</v>
      </c>
      <c r="C7489" s="7">
        <f t="shared" si="116"/>
        <v>124.65854999999999</v>
      </c>
    </row>
    <row r="7490" spans="1:3" x14ac:dyDescent="0.25">
      <c r="A7490" s="2" t="s">
        <v>3063</v>
      </c>
      <c r="B7490" s="6">
        <v>124675.19999999998</v>
      </c>
      <c r="C7490" s="7">
        <f t="shared" si="116"/>
        <v>124.67519999999999</v>
      </c>
    </row>
    <row r="7491" spans="1:3" x14ac:dyDescent="0.25">
      <c r="A7491" s="2" t="s">
        <v>3064</v>
      </c>
      <c r="B7491" s="6">
        <v>124691.84999999999</v>
      </c>
      <c r="C7491" s="7">
        <f t="shared" ref="C7491:C7554" si="117">B7491/1000</f>
        <v>124.69184999999999</v>
      </c>
    </row>
    <row r="7492" spans="1:3" x14ac:dyDescent="0.25">
      <c r="A7492" s="2" t="s">
        <v>3065</v>
      </c>
      <c r="B7492" s="6">
        <v>124708.49999999999</v>
      </c>
      <c r="C7492" s="7">
        <f t="shared" si="117"/>
        <v>124.70849999999999</v>
      </c>
    </row>
    <row r="7493" spans="1:3" x14ac:dyDescent="0.25">
      <c r="A7493" s="2" t="s">
        <v>3066</v>
      </c>
      <c r="B7493" s="6">
        <v>124725.15</v>
      </c>
      <c r="C7493" s="7">
        <f t="shared" si="117"/>
        <v>124.72515</v>
      </c>
    </row>
    <row r="7494" spans="1:3" x14ac:dyDescent="0.25">
      <c r="A7494" s="2" t="s">
        <v>3067</v>
      </c>
      <c r="B7494" s="6">
        <v>124741.79999999999</v>
      </c>
      <c r="C7494" s="7">
        <f t="shared" si="117"/>
        <v>124.74179999999998</v>
      </c>
    </row>
    <row r="7495" spans="1:3" x14ac:dyDescent="0.25">
      <c r="A7495" s="2" t="s">
        <v>3068</v>
      </c>
      <c r="B7495" s="6">
        <v>124758.44999999998</v>
      </c>
      <c r="C7495" s="7">
        <f t="shared" si="117"/>
        <v>124.75844999999998</v>
      </c>
    </row>
    <row r="7496" spans="1:3" x14ac:dyDescent="0.25">
      <c r="A7496" s="2" t="s">
        <v>3069</v>
      </c>
      <c r="B7496" s="6">
        <v>124775.09999999999</v>
      </c>
      <c r="C7496" s="7">
        <f t="shared" si="117"/>
        <v>124.77509999999999</v>
      </c>
    </row>
    <row r="7497" spans="1:3" x14ac:dyDescent="0.25">
      <c r="A7497" s="2" t="s">
        <v>3070</v>
      </c>
      <c r="B7497" s="6">
        <v>124791.74999999999</v>
      </c>
      <c r="C7497" s="7">
        <f t="shared" si="117"/>
        <v>124.79174999999998</v>
      </c>
    </row>
    <row r="7498" spans="1:3" x14ac:dyDescent="0.25">
      <c r="A7498" s="2" t="s">
        <v>3071</v>
      </c>
      <c r="B7498" s="6">
        <v>124808.4</v>
      </c>
      <c r="C7498" s="7">
        <f t="shared" si="117"/>
        <v>124.80839999999999</v>
      </c>
    </row>
    <row r="7499" spans="1:3" x14ac:dyDescent="0.25">
      <c r="A7499" s="2" t="s">
        <v>3072</v>
      </c>
      <c r="B7499" s="6">
        <v>124825.04999999999</v>
      </c>
      <c r="C7499" s="7">
        <f t="shared" si="117"/>
        <v>124.82504999999999</v>
      </c>
    </row>
    <row r="7500" spans="1:3" x14ac:dyDescent="0.25">
      <c r="A7500" s="2" t="s">
        <v>3073</v>
      </c>
      <c r="B7500" s="6">
        <v>124841.69999999998</v>
      </c>
      <c r="C7500" s="7">
        <f t="shared" si="117"/>
        <v>124.84169999999999</v>
      </c>
    </row>
    <row r="7501" spans="1:3" x14ac:dyDescent="0.25">
      <c r="A7501" s="2" t="s">
        <v>3074</v>
      </c>
      <c r="B7501" s="6">
        <v>124858.34999999999</v>
      </c>
      <c r="C7501" s="7">
        <f t="shared" si="117"/>
        <v>124.85834999999999</v>
      </c>
    </row>
    <row r="7502" spans="1:3" x14ac:dyDescent="0.25">
      <c r="A7502" s="2" t="s">
        <v>3075</v>
      </c>
      <c r="B7502" s="6">
        <v>124874.99999999999</v>
      </c>
      <c r="C7502" s="7">
        <f t="shared" si="117"/>
        <v>124.87499999999999</v>
      </c>
    </row>
    <row r="7503" spans="1:3" x14ac:dyDescent="0.25">
      <c r="A7503" s="2" t="s">
        <v>3076</v>
      </c>
      <c r="B7503" s="6">
        <v>124891.65</v>
      </c>
      <c r="C7503" s="7">
        <f t="shared" si="117"/>
        <v>124.89165</v>
      </c>
    </row>
    <row r="7504" spans="1:3" x14ac:dyDescent="0.25">
      <c r="A7504" s="2" t="s">
        <v>3077</v>
      </c>
      <c r="B7504" s="6">
        <v>124908.29999999999</v>
      </c>
      <c r="C7504" s="7">
        <f t="shared" si="117"/>
        <v>124.90829999999998</v>
      </c>
    </row>
    <row r="7505" spans="1:3" x14ac:dyDescent="0.25">
      <c r="A7505" s="2" t="s">
        <v>3078</v>
      </c>
      <c r="B7505" s="6">
        <v>124924.94999999998</v>
      </c>
      <c r="C7505" s="7">
        <f t="shared" si="117"/>
        <v>124.92494999999998</v>
      </c>
    </row>
    <row r="7506" spans="1:3" x14ac:dyDescent="0.25">
      <c r="A7506" s="2" t="s">
        <v>3079</v>
      </c>
      <c r="B7506" s="6">
        <v>124941.59999999999</v>
      </c>
      <c r="C7506" s="7">
        <f t="shared" si="117"/>
        <v>124.94159999999999</v>
      </c>
    </row>
    <row r="7507" spans="1:3" x14ac:dyDescent="0.25">
      <c r="A7507" s="2" t="s">
        <v>3080</v>
      </c>
      <c r="B7507" s="6">
        <v>124958.24999999999</v>
      </c>
      <c r="C7507" s="7">
        <f t="shared" si="117"/>
        <v>124.95824999999999</v>
      </c>
    </row>
    <row r="7508" spans="1:3" x14ac:dyDescent="0.25">
      <c r="A7508" s="2" t="s">
        <v>3081</v>
      </c>
      <c r="B7508" s="6">
        <v>124974.9</v>
      </c>
      <c r="C7508" s="7">
        <f t="shared" si="117"/>
        <v>124.97489999999999</v>
      </c>
    </row>
    <row r="7509" spans="1:3" x14ac:dyDescent="0.25">
      <c r="A7509" s="2" t="s">
        <v>3082</v>
      </c>
      <c r="B7509" s="6">
        <v>124991.54999999999</v>
      </c>
      <c r="C7509" s="7">
        <f t="shared" si="117"/>
        <v>124.99154999999999</v>
      </c>
    </row>
    <row r="7510" spans="1:3" x14ac:dyDescent="0.25">
      <c r="A7510" s="2" t="s">
        <v>3083</v>
      </c>
      <c r="B7510" s="6">
        <v>125008.19999999998</v>
      </c>
      <c r="C7510" s="7">
        <f t="shared" si="117"/>
        <v>125.00819999999999</v>
      </c>
    </row>
    <row r="7511" spans="1:3" x14ac:dyDescent="0.25">
      <c r="A7511" s="2" t="s">
        <v>3084</v>
      </c>
      <c r="B7511" s="6">
        <v>125024.84999999999</v>
      </c>
      <c r="C7511" s="7">
        <f t="shared" si="117"/>
        <v>125.02484999999999</v>
      </c>
    </row>
    <row r="7512" spans="1:3" x14ac:dyDescent="0.25">
      <c r="A7512" s="2" t="s">
        <v>3085</v>
      </c>
      <c r="B7512" s="6">
        <v>125041.49999999999</v>
      </c>
      <c r="C7512" s="7">
        <f t="shared" si="117"/>
        <v>125.04149999999998</v>
      </c>
    </row>
    <row r="7513" spans="1:3" x14ac:dyDescent="0.25">
      <c r="A7513" s="2" t="s">
        <v>3086</v>
      </c>
      <c r="B7513" s="6">
        <v>125058.15</v>
      </c>
      <c r="C7513" s="7">
        <f t="shared" si="117"/>
        <v>125.05815</v>
      </c>
    </row>
    <row r="7514" spans="1:3" x14ac:dyDescent="0.25">
      <c r="A7514" s="2" t="s">
        <v>3087</v>
      </c>
      <c r="B7514" s="6">
        <v>125074.79999999999</v>
      </c>
      <c r="C7514" s="7">
        <f t="shared" si="117"/>
        <v>125.07479999999998</v>
      </c>
    </row>
    <row r="7515" spans="1:3" x14ac:dyDescent="0.25">
      <c r="A7515" s="2" t="s">
        <v>3088</v>
      </c>
      <c r="B7515" s="6">
        <v>125091.44999999998</v>
      </c>
      <c r="C7515" s="7">
        <f t="shared" si="117"/>
        <v>125.09144999999998</v>
      </c>
    </row>
    <row r="7516" spans="1:3" x14ac:dyDescent="0.25">
      <c r="A7516" s="2" t="s">
        <v>3089</v>
      </c>
      <c r="B7516" s="6">
        <v>125108.09999999999</v>
      </c>
      <c r="C7516" s="7">
        <f t="shared" si="117"/>
        <v>125.10809999999999</v>
      </c>
    </row>
    <row r="7517" spans="1:3" x14ac:dyDescent="0.25">
      <c r="A7517" s="2" t="s">
        <v>3090</v>
      </c>
      <c r="B7517" s="6">
        <v>125124.74999999999</v>
      </c>
      <c r="C7517" s="7">
        <f t="shared" si="117"/>
        <v>125.12474999999999</v>
      </c>
    </row>
    <row r="7518" spans="1:3" x14ac:dyDescent="0.25">
      <c r="A7518" s="2" t="s">
        <v>3091</v>
      </c>
      <c r="B7518" s="6">
        <v>125141.4</v>
      </c>
      <c r="C7518" s="7">
        <f t="shared" si="117"/>
        <v>125.14139999999999</v>
      </c>
    </row>
    <row r="7519" spans="1:3" x14ac:dyDescent="0.25">
      <c r="A7519" s="2" t="s">
        <v>3092</v>
      </c>
      <c r="B7519" s="6">
        <v>125158.04999999999</v>
      </c>
      <c r="C7519" s="7">
        <f t="shared" si="117"/>
        <v>125.15804999999999</v>
      </c>
    </row>
    <row r="7520" spans="1:3" x14ac:dyDescent="0.25">
      <c r="A7520" s="2" t="s">
        <v>3093</v>
      </c>
      <c r="B7520" s="6">
        <v>125174.69999999998</v>
      </c>
      <c r="C7520" s="7">
        <f t="shared" si="117"/>
        <v>125.17469999999999</v>
      </c>
    </row>
    <row r="7521" spans="1:3" x14ac:dyDescent="0.25">
      <c r="A7521" s="2" t="s">
        <v>3094</v>
      </c>
      <c r="B7521" s="6">
        <v>125191.34999999999</v>
      </c>
      <c r="C7521" s="7">
        <f t="shared" si="117"/>
        <v>125.19134999999999</v>
      </c>
    </row>
    <row r="7522" spans="1:3" x14ac:dyDescent="0.25">
      <c r="A7522" s="2" t="s">
        <v>3095</v>
      </c>
      <c r="B7522" s="6">
        <v>125207.99999999999</v>
      </c>
      <c r="C7522" s="7">
        <f t="shared" si="117"/>
        <v>125.20799999999998</v>
      </c>
    </row>
    <row r="7523" spans="1:3" x14ac:dyDescent="0.25">
      <c r="A7523" s="2" t="s">
        <v>3096</v>
      </c>
      <c r="B7523" s="6">
        <v>125224.65</v>
      </c>
      <c r="C7523" s="7">
        <f t="shared" si="117"/>
        <v>125.22465</v>
      </c>
    </row>
    <row r="7524" spans="1:3" x14ac:dyDescent="0.25">
      <c r="A7524" s="2" t="s">
        <v>3097</v>
      </c>
      <c r="B7524" s="6">
        <v>125241.29999999999</v>
      </c>
      <c r="C7524" s="7">
        <f t="shared" si="117"/>
        <v>125.2413</v>
      </c>
    </row>
    <row r="7525" spans="1:3" x14ac:dyDescent="0.25">
      <c r="A7525" s="2" t="s">
        <v>3098</v>
      </c>
      <c r="B7525" s="6">
        <v>125257.94999999998</v>
      </c>
      <c r="C7525" s="7">
        <f t="shared" si="117"/>
        <v>125.25794999999998</v>
      </c>
    </row>
    <row r="7526" spans="1:3" x14ac:dyDescent="0.25">
      <c r="A7526" s="2" t="s">
        <v>3099</v>
      </c>
      <c r="B7526" s="6">
        <v>125274.59999999999</v>
      </c>
      <c r="C7526" s="7">
        <f t="shared" si="117"/>
        <v>125.27459999999999</v>
      </c>
    </row>
    <row r="7527" spans="1:3" x14ac:dyDescent="0.25">
      <c r="A7527" s="2" t="s">
        <v>3100</v>
      </c>
      <c r="B7527" s="6">
        <v>125291.24999999999</v>
      </c>
      <c r="C7527" s="7">
        <f t="shared" si="117"/>
        <v>125.29124999999999</v>
      </c>
    </row>
    <row r="7528" spans="1:3" x14ac:dyDescent="0.25">
      <c r="A7528" s="2" t="s">
        <v>3101</v>
      </c>
      <c r="B7528" s="6">
        <v>125307.9</v>
      </c>
      <c r="C7528" s="7">
        <f t="shared" si="117"/>
        <v>125.30789999999999</v>
      </c>
    </row>
    <row r="7529" spans="1:3" x14ac:dyDescent="0.25">
      <c r="A7529" s="2" t="s">
        <v>3102</v>
      </c>
      <c r="B7529" s="6">
        <v>125324.54999999999</v>
      </c>
      <c r="C7529" s="7">
        <f t="shared" si="117"/>
        <v>125.32454999999999</v>
      </c>
    </row>
    <row r="7530" spans="1:3" x14ac:dyDescent="0.25">
      <c r="A7530" s="2" t="s">
        <v>3103</v>
      </c>
      <c r="B7530" s="6">
        <v>125341.19999999998</v>
      </c>
      <c r="C7530" s="7">
        <f t="shared" si="117"/>
        <v>125.34119999999999</v>
      </c>
    </row>
    <row r="7531" spans="1:3" x14ac:dyDescent="0.25">
      <c r="A7531" s="2" t="s">
        <v>3104</v>
      </c>
      <c r="B7531" s="6">
        <v>125357.84999999999</v>
      </c>
      <c r="C7531" s="7">
        <f t="shared" si="117"/>
        <v>125.35784999999998</v>
      </c>
    </row>
    <row r="7532" spans="1:3" x14ac:dyDescent="0.25">
      <c r="A7532" s="2" t="s">
        <v>3105</v>
      </c>
      <c r="B7532" s="6">
        <v>125374.49999999999</v>
      </c>
      <c r="C7532" s="7">
        <f t="shared" si="117"/>
        <v>125.37449999999998</v>
      </c>
    </row>
    <row r="7533" spans="1:3" x14ac:dyDescent="0.25">
      <c r="A7533" s="2" t="s">
        <v>3106</v>
      </c>
      <c r="B7533" s="6">
        <v>125391.15</v>
      </c>
      <c r="C7533" s="7">
        <f t="shared" si="117"/>
        <v>125.39115</v>
      </c>
    </row>
    <row r="7534" spans="1:3" x14ac:dyDescent="0.25">
      <c r="A7534" s="2" t="s">
        <v>3107</v>
      </c>
      <c r="B7534" s="6">
        <v>125407.79999999999</v>
      </c>
      <c r="C7534" s="7">
        <f t="shared" si="117"/>
        <v>125.40779999999999</v>
      </c>
    </row>
    <row r="7535" spans="1:3" x14ac:dyDescent="0.25">
      <c r="A7535" s="2" t="s">
        <v>3108</v>
      </c>
      <c r="B7535" s="6">
        <v>125424.44999999998</v>
      </c>
      <c r="C7535" s="7">
        <f t="shared" si="117"/>
        <v>125.42444999999998</v>
      </c>
    </row>
    <row r="7536" spans="1:3" x14ac:dyDescent="0.25">
      <c r="A7536" s="2" t="s">
        <v>3109</v>
      </c>
      <c r="B7536" s="6">
        <v>125441.09999999999</v>
      </c>
      <c r="C7536" s="7">
        <f t="shared" si="117"/>
        <v>125.44109999999999</v>
      </c>
    </row>
    <row r="7537" spans="1:3" x14ac:dyDescent="0.25">
      <c r="A7537" s="2" t="s">
        <v>3110</v>
      </c>
      <c r="B7537" s="6">
        <v>125457.74999999999</v>
      </c>
      <c r="C7537" s="7">
        <f t="shared" si="117"/>
        <v>125.45774999999999</v>
      </c>
    </row>
    <row r="7538" spans="1:3" x14ac:dyDescent="0.25">
      <c r="A7538" s="2" t="s">
        <v>3111</v>
      </c>
      <c r="B7538" s="6">
        <v>125474.4</v>
      </c>
      <c r="C7538" s="7">
        <f t="shared" si="117"/>
        <v>125.47439999999999</v>
      </c>
    </row>
    <row r="7539" spans="1:3" x14ac:dyDescent="0.25">
      <c r="A7539" s="2" t="s">
        <v>3112</v>
      </c>
      <c r="B7539" s="6">
        <v>125491.04999999999</v>
      </c>
      <c r="C7539" s="7">
        <f t="shared" si="117"/>
        <v>125.49104999999999</v>
      </c>
    </row>
    <row r="7540" spans="1:3" x14ac:dyDescent="0.25">
      <c r="A7540" s="2" t="s">
        <v>3113</v>
      </c>
      <c r="B7540" s="6">
        <v>125507.69999999998</v>
      </c>
      <c r="C7540" s="7">
        <f t="shared" si="117"/>
        <v>125.50769999999999</v>
      </c>
    </row>
    <row r="7541" spans="1:3" x14ac:dyDescent="0.25">
      <c r="A7541" s="2" t="s">
        <v>3114</v>
      </c>
      <c r="B7541" s="6">
        <v>125524.34999999999</v>
      </c>
      <c r="C7541" s="7">
        <f t="shared" si="117"/>
        <v>125.52435</v>
      </c>
    </row>
    <row r="7542" spans="1:3" x14ac:dyDescent="0.25">
      <c r="A7542" s="2" t="s">
        <v>3115</v>
      </c>
      <c r="B7542" s="6">
        <v>125540.99999999999</v>
      </c>
      <c r="C7542" s="7">
        <f t="shared" si="117"/>
        <v>125.54099999999998</v>
      </c>
    </row>
    <row r="7543" spans="1:3" x14ac:dyDescent="0.25">
      <c r="A7543" s="2" t="s">
        <v>3116</v>
      </c>
      <c r="B7543" s="6">
        <v>125557.65</v>
      </c>
      <c r="C7543" s="7">
        <f t="shared" si="117"/>
        <v>125.55765</v>
      </c>
    </row>
    <row r="7544" spans="1:3" x14ac:dyDescent="0.25">
      <c r="A7544" s="2" t="s">
        <v>3117</v>
      </c>
      <c r="B7544" s="6">
        <v>125574.29999999999</v>
      </c>
      <c r="C7544" s="7">
        <f t="shared" si="117"/>
        <v>125.57429999999999</v>
      </c>
    </row>
    <row r="7545" spans="1:3" x14ac:dyDescent="0.25">
      <c r="A7545" s="2" t="s">
        <v>3118</v>
      </c>
      <c r="B7545" s="6">
        <v>125590.94999999998</v>
      </c>
      <c r="C7545" s="7">
        <f t="shared" si="117"/>
        <v>125.59094999999998</v>
      </c>
    </row>
    <row r="7546" spans="1:3" x14ac:dyDescent="0.25">
      <c r="A7546" s="2" t="s">
        <v>3119</v>
      </c>
      <c r="B7546" s="6">
        <v>125607.59999999999</v>
      </c>
      <c r="C7546" s="7">
        <f t="shared" si="117"/>
        <v>125.60759999999999</v>
      </c>
    </row>
    <row r="7547" spans="1:3" x14ac:dyDescent="0.25">
      <c r="A7547" s="2" t="s">
        <v>3120</v>
      </c>
      <c r="B7547" s="6">
        <v>125624.24999999999</v>
      </c>
      <c r="C7547" s="7">
        <f t="shared" si="117"/>
        <v>125.62424999999999</v>
      </c>
    </row>
    <row r="7548" spans="1:3" x14ac:dyDescent="0.25">
      <c r="A7548" s="2" t="s">
        <v>3121</v>
      </c>
      <c r="B7548" s="6">
        <v>125640.9</v>
      </c>
      <c r="C7548" s="7">
        <f t="shared" si="117"/>
        <v>125.64089999999999</v>
      </c>
    </row>
    <row r="7549" spans="1:3" x14ac:dyDescent="0.25">
      <c r="A7549" s="2" t="s">
        <v>3122</v>
      </c>
      <c r="B7549" s="6">
        <v>125657.54999999999</v>
      </c>
      <c r="C7549" s="7">
        <f t="shared" si="117"/>
        <v>125.65754999999999</v>
      </c>
    </row>
    <row r="7550" spans="1:3" x14ac:dyDescent="0.25">
      <c r="A7550" s="2" t="s">
        <v>3123</v>
      </c>
      <c r="B7550" s="6">
        <v>125674.19999999998</v>
      </c>
      <c r="C7550" s="7">
        <f t="shared" si="117"/>
        <v>125.67419999999998</v>
      </c>
    </row>
    <row r="7551" spans="1:3" x14ac:dyDescent="0.25">
      <c r="A7551" s="2" t="s">
        <v>3124</v>
      </c>
      <c r="B7551" s="6">
        <v>125690.84999999999</v>
      </c>
      <c r="C7551" s="7">
        <f t="shared" si="117"/>
        <v>125.69085</v>
      </c>
    </row>
    <row r="7552" spans="1:3" x14ac:dyDescent="0.25">
      <c r="A7552" s="2" t="s">
        <v>3125</v>
      </c>
      <c r="B7552" s="6">
        <v>125707.49999999999</v>
      </c>
      <c r="C7552" s="7">
        <f t="shared" si="117"/>
        <v>125.70749999999998</v>
      </c>
    </row>
    <row r="7553" spans="1:3" x14ac:dyDescent="0.25">
      <c r="A7553" s="2" t="s">
        <v>3126</v>
      </c>
      <c r="B7553" s="6">
        <v>125724.15</v>
      </c>
      <c r="C7553" s="7">
        <f t="shared" si="117"/>
        <v>125.72414999999999</v>
      </c>
    </row>
    <row r="7554" spans="1:3" x14ac:dyDescent="0.25">
      <c r="A7554" s="2" t="s">
        <v>3127</v>
      </c>
      <c r="B7554" s="6">
        <v>125740.79999999999</v>
      </c>
      <c r="C7554" s="7">
        <f t="shared" si="117"/>
        <v>125.74079999999999</v>
      </c>
    </row>
    <row r="7555" spans="1:3" x14ac:dyDescent="0.25">
      <c r="A7555" s="2" t="s">
        <v>3128</v>
      </c>
      <c r="B7555" s="6">
        <v>125757.44999999998</v>
      </c>
      <c r="C7555" s="7">
        <f t="shared" ref="C7555:C7618" si="118">B7555/1000</f>
        <v>125.75744999999998</v>
      </c>
    </row>
    <row r="7556" spans="1:3" x14ac:dyDescent="0.25">
      <c r="A7556" s="2" t="s">
        <v>3129</v>
      </c>
      <c r="B7556" s="6">
        <v>125774.09999999999</v>
      </c>
      <c r="C7556" s="7">
        <f t="shared" si="118"/>
        <v>125.77409999999999</v>
      </c>
    </row>
    <row r="7557" spans="1:3" x14ac:dyDescent="0.25">
      <c r="A7557" s="2" t="s">
        <v>3130</v>
      </c>
      <c r="B7557" s="6">
        <v>125790.74999999999</v>
      </c>
      <c r="C7557" s="7">
        <f t="shared" si="118"/>
        <v>125.79074999999999</v>
      </c>
    </row>
    <row r="7558" spans="1:3" x14ac:dyDescent="0.25">
      <c r="A7558" s="2" t="s">
        <v>3131</v>
      </c>
      <c r="B7558" s="6">
        <v>125807.4</v>
      </c>
      <c r="C7558" s="7">
        <f t="shared" si="118"/>
        <v>125.8074</v>
      </c>
    </row>
    <row r="7559" spans="1:3" x14ac:dyDescent="0.25">
      <c r="A7559" s="2" t="s">
        <v>3132</v>
      </c>
      <c r="B7559" s="6">
        <v>125824.04999999999</v>
      </c>
      <c r="C7559" s="7">
        <f t="shared" si="118"/>
        <v>125.82404999999999</v>
      </c>
    </row>
    <row r="7560" spans="1:3" x14ac:dyDescent="0.25">
      <c r="A7560" s="2" t="s">
        <v>3133</v>
      </c>
      <c r="B7560" s="6">
        <v>125840.69999999998</v>
      </c>
      <c r="C7560" s="7">
        <f t="shared" si="118"/>
        <v>125.84069999999998</v>
      </c>
    </row>
    <row r="7561" spans="1:3" x14ac:dyDescent="0.25">
      <c r="A7561" s="2" t="s">
        <v>3134</v>
      </c>
      <c r="B7561" s="6">
        <v>125857.34999999999</v>
      </c>
      <c r="C7561" s="7">
        <f t="shared" si="118"/>
        <v>125.85735</v>
      </c>
    </row>
    <row r="7562" spans="1:3" x14ac:dyDescent="0.25">
      <c r="A7562" s="2" t="s">
        <v>3135</v>
      </c>
      <c r="B7562" s="6">
        <v>125873.99999999999</v>
      </c>
      <c r="C7562" s="7">
        <f t="shared" si="118"/>
        <v>125.87399999999998</v>
      </c>
    </row>
    <row r="7563" spans="1:3" x14ac:dyDescent="0.25">
      <c r="A7563" s="2" t="s">
        <v>3136</v>
      </c>
      <c r="B7563" s="6">
        <v>125890.65</v>
      </c>
      <c r="C7563" s="7">
        <f t="shared" si="118"/>
        <v>125.89064999999999</v>
      </c>
    </row>
    <row r="7564" spans="1:3" x14ac:dyDescent="0.25">
      <c r="A7564" s="2" t="s">
        <v>3137</v>
      </c>
      <c r="B7564" s="6">
        <v>125907.29999999999</v>
      </c>
      <c r="C7564" s="7">
        <f t="shared" si="118"/>
        <v>125.90729999999999</v>
      </c>
    </row>
    <row r="7565" spans="1:3" x14ac:dyDescent="0.25">
      <c r="A7565" s="2" t="s">
        <v>3138</v>
      </c>
      <c r="B7565" s="6">
        <v>125923.94999999998</v>
      </c>
      <c r="C7565" s="7">
        <f t="shared" si="118"/>
        <v>125.92394999999998</v>
      </c>
    </row>
    <row r="7566" spans="1:3" x14ac:dyDescent="0.25">
      <c r="A7566" s="2" t="s">
        <v>3139</v>
      </c>
      <c r="B7566" s="6">
        <v>125940.59999999999</v>
      </c>
      <c r="C7566" s="7">
        <f t="shared" si="118"/>
        <v>125.94059999999999</v>
      </c>
    </row>
    <row r="7567" spans="1:3" x14ac:dyDescent="0.25">
      <c r="A7567" s="2" t="s">
        <v>3140</v>
      </c>
      <c r="B7567" s="6">
        <v>125957.24999999999</v>
      </c>
      <c r="C7567" s="7">
        <f t="shared" si="118"/>
        <v>125.95724999999999</v>
      </c>
    </row>
    <row r="7568" spans="1:3" x14ac:dyDescent="0.25">
      <c r="A7568" s="2" t="s">
        <v>3141</v>
      </c>
      <c r="B7568" s="6">
        <v>125973.9</v>
      </c>
      <c r="C7568" s="7">
        <f t="shared" si="118"/>
        <v>125.9739</v>
      </c>
    </row>
    <row r="7569" spans="1:3" x14ac:dyDescent="0.25">
      <c r="A7569" s="2" t="s">
        <v>3142</v>
      </c>
      <c r="B7569" s="6">
        <v>125990.54999999999</v>
      </c>
      <c r="C7569" s="7">
        <f t="shared" si="118"/>
        <v>125.99054999999998</v>
      </c>
    </row>
    <row r="7570" spans="1:3" x14ac:dyDescent="0.25">
      <c r="A7570" s="2" t="s">
        <v>3143</v>
      </c>
      <c r="B7570" s="6">
        <v>126007.19999999998</v>
      </c>
      <c r="C7570" s="7">
        <f t="shared" si="118"/>
        <v>126.00719999999998</v>
      </c>
    </row>
    <row r="7571" spans="1:3" x14ac:dyDescent="0.25">
      <c r="A7571" s="2" t="s">
        <v>3144</v>
      </c>
      <c r="B7571" s="6">
        <v>126023.84999999999</v>
      </c>
      <c r="C7571" s="7">
        <f t="shared" si="118"/>
        <v>126.02385</v>
      </c>
    </row>
    <row r="7572" spans="1:3" x14ac:dyDescent="0.25">
      <c r="A7572" s="2" t="s">
        <v>3145</v>
      </c>
      <c r="B7572" s="6">
        <v>126040.49999999999</v>
      </c>
      <c r="C7572" s="7">
        <f t="shared" si="118"/>
        <v>126.04049999999998</v>
      </c>
    </row>
    <row r="7573" spans="1:3" x14ac:dyDescent="0.25">
      <c r="A7573" s="2" t="s">
        <v>3146</v>
      </c>
      <c r="B7573" s="6">
        <v>126057.15</v>
      </c>
      <c r="C7573" s="7">
        <f t="shared" si="118"/>
        <v>126.05714999999999</v>
      </c>
    </row>
    <row r="7574" spans="1:3" x14ac:dyDescent="0.25">
      <c r="A7574" s="2" t="s">
        <v>3147</v>
      </c>
      <c r="B7574" s="6">
        <v>126073.79999999999</v>
      </c>
      <c r="C7574" s="7">
        <f t="shared" si="118"/>
        <v>126.07379999999999</v>
      </c>
    </row>
    <row r="7575" spans="1:3" x14ac:dyDescent="0.25">
      <c r="A7575" s="2" t="s">
        <v>3148</v>
      </c>
      <c r="B7575" s="6">
        <v>126090.44999999998</v>
      </c>
      <c r="C7575" s="7">
        <f t="shared" si="118"/>
        <v>126.09044999999998</v>
      </c>
    </row>
    <row r="7576" spans="1:3" x14ac:dyDescent="0.25">
      <c r="A7576" s="2" t="s">
        <v>3149</v>
      </c>
      <c r="B7576" s="6">
        <v>126107.09999999999</v>
      </c>
      <c r="C7576" s="7">
        <f t="shared" si="118"/>
        <v>126.10709999999999</v>
      </c>
    </row>
    <row r="7577" spans="1:3" x14ac:dyDescent="0.25">
      <c r="A7577" s="2" t="s">
        <v>3150</v>
      </c>
      <c r="B7577" s="6">
        <v>126123.74999999999</v>
      </c>
      <c r="C7577" s="7">
        <f t="shared" si="118"/>
        <v>126.12374999999999</v>
      </c>
    </row>
    <row r="7578" spans="1:3" x14ac:dyDescent="0.25">
      <c r="A7578" s="2" t="s">
        <v>3151</v>
      </c>
      <c r="B7578" s="6">
        <v>126140.4</v>
      </c>
      <c r="C7578" s="7">
        <f t="shared" si="118"/>
        <v>126.1404</v>
      </c>
    </row>
    <row r="7579" spans="1:3" x14ac:dyDescent="0.25">
      <c r="A7579" s="2" t="s">
        <v>3152</v>
      </c>
      <c r="B7579" s="6">
        <v>126157.04999999999</v>
      </c>
      <c r="C7579" s="7">
        <f t="shared" si="118"/>
        <v>126.15704999999998</v>
      </c>
    </row>
    <row r="7580" spans="1:3" x14ac:dyDescent="0.25">
      <c r="A7580" s="2" t="s">
        <v>3153</v>
      </c>
      <c r="B7580" s="6">
        <v>126173.69999999998</v>
      </c>
      <c r="C7580" s="7">
        <f t="shared" si="118"/>
        <v>126.17369999999998</v>
      </c>
    </row>
    <row r="7581" spans="1:3" x14ac:dyDescent="0.25">
      <c r="A7581" s="2" t="s">
        <v>3154</v>
      </c>
      <c r="B7581" s="6">
        <v>126190.34999999999</v>
      </c>
      <c r="C7581" s="7">
        <f t="shared" si="118"/>
        <v>126.19035</v>
      </c>
    </row>
    <row r="7582" spans="1:3" x14ac:dyDescent="0.25">
      <c r="A7582" s="2" t="s">
        <v>3155</v>
      </c>
      <c r="B7582" s="6">
        <v>126206.99999999999</v>
      </c>
      <c r="C7582" s="7">
        <f t="shared" si="118"/>
        <v>126.20699999999998</v>
      </c>
    </row>
    <row r="7583" spans="1:3" x14ac:dyDescent="0.25">
      <c r="A7583" s="2" t="s">
        <v>3156</v>
      </c>
      <c r="B7583" s="6">
        <v>126223.65</v>
      </c>
      <c r="C7583" s="7">
        <f t="shared" si="118"/>
        <v>126.22364999999999</v>
      </c>
    </row>
    <row r="7584" spans="1:3" x14ac:dyDescent="0.25">
      <c r="A7584" s="2" t="s">
        <v>3157</v>
      </c>
      <c r="B7584" s="6">
        <v>126240.29999999999</v>
      </c>
      <c r="C7584" s="7">
        <f t="shared" si="118"/>
        <v>126.24029999999999</v>
      </c>
    </row>
    <row r="7585" spans="1:3" x14ac:dyDescent="0.25">
      <c r="A7585" s="2" t="s">
        <v>3158</v>
      </c>
      <c r="B7585" s="6">
        <v>126256.94999999998</v>
      </c>
      <c r="C7585" s="7">
        <f t="shared" si="118"/>
        <v>126.25694999999999</v>
      </c>
    </row>
    <row r="7586" spans="1:3" x14ac:dyDescent="0.25">
      <c r="A7586" s="2" t="s">
        <v>3159</v>
      </c>
      <c r="B7586" s="6">
        <v>126273.59999999999</v>
      </c>
      <c r="C7586" s="7">
        <f t="shared" si="118"/>
        <v>126.27359999999999</v>
      </c>
    </row>
    <row r="7587" spans="1:3" x14ac:dyDescent="0.25">
      <c r="A7587" s="2" t="s">
        <v>3160</v>
      </c>
      <c r="B7587" s="6">
        <v>126290.24999999999</v>
      </c>
      <c r="C7587" s="7">
        <f t="shared" si="118"/>
        <v>126.29024999999999</v>
      </c>
    </row>
    <row r="7588" spans="1:3" x14ac:dyDescent="0.25">
      <c r="A7588" s="2" t="s">
        <v>3161</v>
      </c>
      <c r="B7588" s="6">
        <v>126306.9</v>
      </c>
      <c r="C7588" s="7">
        <f t="shared" si="118"/>
        <v>126.3069</v>
      </c>
    </row>
    <row r="7589" spans="1:3" x14ac:dyDescent="0.25">
      <c r="A7589" s="2" t="s">
        <v>3162</v>
      </c>
      <c r="B7589" s="6">
        <v>126323.54999999999</v>
      </c>
      <c r="C7589" s="7">
        <f t="shared" si="118"/>
        <v>126.32354999999998</v>
      </c>
    </row>
    <row r="7590" spans="1:3" x14ac:dyDescent="0.25">
      <c r="A7590" s="2" t="s">
        <v>3163</v>
      </c>
      <c r="B7590" s="6">
        <v>126340.19999999998</v>
      </c>
      <c r="C7590" s="7">
        <f t="shared" si="118"/>
        <v>126.34019999999998</v>
      </c>
    </row>
    <row r="7591" spans="1:3" x14ac:dyDescent="0.25">
      <c r="A7591" s="2" t="s">
        <v>3164</v>
      </c>
      <c r="B7591" s="6">
        <v>126356.84999999999</v>
      </c>
      <c r="C7591" s="7">
        <f t="shared" si="118"/>
        <v>126.35684999999999</v>
      </c>
    </row>
    <row r="7592" spans="1:3" x14ac:dyDescent="0.25">
      <c r="A7592" s="2" t="s">
        <v>3165</v>
      </c>
      <c r="B7592" s="6">
        <v>126373.49999999999</v>
      </c>
      <c r="C7592" s="7">
        <f t="shared" si="118"/>
        <v>126.37349999999998</v>
      </c>
    </row>
    <row r="7593" spans="1:3" x14ac:dyDescent="0.25">
      <c r="A7593" s="2" t="s">
        <v>3166</v>
      </c>
      <c r="B7593" s="6">
        <v>126390.15</v>
      </c>
      <c r="C7593" s="7">
        <f t="shared" si="118"/>
        <v>126.39014999999999</v>
      </c>
    </row>
    <row r="7594" spans="1:3" x14ac:dyDescent="0.25">
      <c r="A7594" s="2" t="s">
        <v>3167</v>
      </c>
      <c r="B7594" s="6">
        <v>126406.79999999999</v>
      </c>
      <c r="C7594" s="7">
        <f t="shared" si="118"/>
        <v>126.40679999999999</v>
      </c>
    </row>
    <row r="7595" spans="1:3" x14ac:dyDescent="0.25">
      <c r="A7595" s="2" t="s">
        <v>3168</v>
      </c>
      <c r="B7595" s="6">
        <v>126423.44999999998</v>
      </c>
      <c r="C7595" s="7">
        <f t="shared" si="118"/>
        <v>126.42344999999999</v>
      </c>
    </row>
    <row r="7596" spans="1:3" x14ac:dyDescent="0.25">
      <c r="A7596" s="2" t="s">
        <v>3169</v>
      </c>
      <c r="B7596" s="6">
        <v>126440.09999999999</v>
      </c>
      <c r="C7596" s="7">
        <f t="shared" si="118"/>
        <v>126.44009999999999</v>
      </c>
    </row>
    <row r="7597" spans="1:3" x14ac:dyDescent="0.25">
      <c r="A7597" s="2" t="s">
        <v>3170</v>
      </c>
      <c r="B7597" s="6">
        <v>126456.74999999999</v>
      </c>
      <c r="C7597" s="7">
        <f t="shared" si="118"/>
        <v>126.45674999999999</v>
      </c>
    </row>
    <row r="7598" spans="1:3" x14ac:dyDescent="0.25">
      <c r="A7598" s="2" t="s">
        <v>3171</v>
      </c>
      <c r="B7598" s="6">
        <v>126473.4</v>
      </c>
      <c r="C7598" s="7">
        <f t="shared" si="118"/>
        <v>126.4734</v>
      </c>
    </row>
    <row r="7599" spans="1:3" x14ac:dyDescent="0.25">
      <c r="A7599" s="2" t="s">
        <v>3172</v>
      </c>
      <c r="B7599" s="6">
        <v>126490.04999999999</v>
      </c>
      <c r="C7599" s="7">
        <f t="shared" si="118"/>
        <v>126.49004999999998</v>
      </c>
    </row>
    <row r="7600" spans="1:3" x14ac:dyDescent="0.25">
      <c r="A7600" s="2" t="s">
        <v>3173</v>
      </c>
      <c r="B7600" s="6">
        <v>126506.69999999998</v>
      </c>
      <c r="C7600" s="7">
        <f t="shared" si="118"/>
        <v>126.50669999999998</v>
      </c>
    </row>
    <row r="7601" spans="1:3" x14ac:dyDescent="0.25">
      <c r="A7601" s="2" t="s">
        <v>3174</v>
      </c>
      <c r="B7601" s="6">
        <v>126523.34999999999</v>
      </c>
      <c r="C7601" s="7">
        <f t="shared" si="118"/>
        <v>126.52334999999999</v>
      </c>
    </row>
    <row r="7602" spans="1:3" x14ac:dyDescent="0.25">
      <c r="A7602" s="2" t="s">
        <v>3175</v>
      </c>
      <c r="B7602" s="6">
        <v>126539.99999999999</v>
      </c>
      <c r="C7602" s="7">
        <f t="shared" si="118"/>
        <v>126.53999999999999</v>
      </c>
    </row>
    <row r="7603" spans="1:3" x14ac:dyDescent="0.25">
      <c r="A7603" s="2" t="s">
        <v>3176</v>
      </c>
      <c r="B7603" s="6">
        <v>126556.65</v>
      </c>
      <c r="C7603" s="7">
        <f t="shared" si="118"/>
        <v>126.55664999999999</v>
      </c>
    </row>
    <row r="7604" spans="1:3" x14ac:dyDescent="0.25">
      <c r="A7604" s="2" t="s">
        <v>3177</v>
      </c>
      <c r="B7604" s="6">
        <v>126573.29999999999</v>
      </c>
      <c r="C7604" s="7">
        <f t="shared" si="118"/>
        <v>126.57329999999999</v>
      </c>
    </row>
    <row r="7605" spans="1:3" x14ac:dyDescent="0.25">
      <c r="A7605" s="2" t="s">
        <v>3178</v>
      </c>
      <c r="B7605" s="6">
        <v>126589.94999999998</v>
      </c>
      <c r="C7605" s="7">
        <f t="shared" si="118"/>
        <v>126.58994999999999</v>
      </c>
    </row>
    <row r="7606" spans="1:3" x14ac:dyDescent="0.25">
      <c r="A7606" s="2" t="s">
        <v>3179</v>
      </c>
      <c r="B7606" s="6">
        <v>126606.59999999999</v>
      </c>
      <c r="C7606" s="7">
        <f t="shared" si="118"/>
        <v>126.60659999999999</v>
      </c>
    </row>
    <row r="7607" spans="1:3" x14ac:dyDescent="0.25">
      <c r="A7607" s="2" t="s">
        <v>3180</v>
      </c>
      <c r="B7607" s="6">
        <v>126623.24999999999</v>
      </c>
      <c r="C7607" s="7">
        <f t="shared" si="118"/>
        <v>126.62324999999998</v>
      </c>
    </row>
    <row r="7608" spans="1:3" x14ac:dyDescent="0.25">
      <c r="A7608" s="2" t="s">
        <v>3181</v>
      </c>
      <c r="B7608" s="6">
        <v>126639.9</v>
      </c>
      <c r="C7608" s="7">
        <f t="shared" si="118"/>
        <v>126.6399</v>
      </c>
    </row>
    <row r="7609" spans="1:3" x14ac:dyDescent="0.25">
      <c r="A7609" s="2" t="s">
        <v>3182</v>
      </c>
      <c r="B7609" s="6">
        <v>126656.54999999999</v>
      </c>
      <c r="C7609" s="7">
        <f t="shared" si="118"/>
        <v>126.65654999999998</v>
      </c>
    </row>
    <row r="7610" spans="1:3" x14ac:dyDescent="0.25">
      <c r="A7610" s="2" t="s">
        <v>3183</v>
      </c>
      <c r="B7610" s="6">
        <v>126673.19999999998</v>
      </c>
      <c r="C7610" s="7">
        <f t="shared" si="118"/>
        <v>126.67319999999998</v>
      </c>
    </row>
    <row r="7611" spans="1:3" x14ac:dyDescent="0.25">
      <c r="A7611" s="2" t="s">
        <v>3184</v>
      </c>
      <c r="B7611" s="6">
        <v>126689.84999999999</v>
      </c>
      <c r="C7611" s="7">
        <f t="shared" si="118"/>
        <v>126.68984999999999</v>
      </c>
    </row>
    <row r="7612" spans="1:3" x14ac:dyDescent="0.25">
      <c r="A7612" s="2" t="s">
        <v>3185</v>
      </c>
      <c r="B7612" s="6">
        <v>126706.49999999999</v>
      </c>
      <c r="C7612" s="7">
        <f t="shared" si="118"/>
        <v>126.70649999999999</v>
      </c>
    </row>
    <row r="7613" spans="1:3" x14ac:dyDescent="0.25">
      <c r="A7613" s="2" t="s">
        <v>3186</v>
      </c>
      <c r="B7613" s="6">
        <v>126723.15</v>
      </c>
      <c r="C7613" s="7">
        <f t="shared" si="118"/>
        <v>126.72314999999999</v>
      </c>
    </row>
    <row r="7614" spans="1:3" x14ac:dyDescent="0.25">
      <c r="A7614" s="2" t="s">
        <v>3187</v>
      </c>
      <c r="B7614" s="6">
        <v>126739.79999999999</v>
      </c>
      <c r="C7614" s="7">
        <f t="shared" si="118"/>
        <v>126.73979999999999</v>
      </c>
    </row>
    <row r="7615" spans="1:3" x14ac:dyDescent="0.25">
      <c r="A7615" s="2" t="s">
        <v>3188</v>
      </c>
      <c r="B7615" s="6">
        <v>126756.44999999998</v>
      </c>
      <c r="C7615" s="7">
        <f t="shared" si="118"/>
        <v>126.75644999999999</v>
      </c>
    </row>
    <row r="7616" spans="1:3" x14ac:dyDescent="0.25">
      <c r="A7616" s="2" t="s">
        <v>3189</v>
      </c>
      <c r="B7616" s="6">
        <v>126773.09999999999</v>
      </c>
      <c r="C7616" s="7">
        <f t="shared" si="118"/>
        <v>126.77309999999999</v>
      </c>
    </row>
    <row r="7617" spans="1:3" x14ac:dyDescent="0.25">
      <c r="A7617" s="2" t="s">
        <v>3190</v>
      </c>
      <c r="B7617" s="6">
        <v>126789.74999999999</v>
      </c>
      <c r="C7617" s="7">
        <f t="shared" si="118"/>
        <v>126.78974999999998</v>
      </c>
    </row>
    <row r="7618" spans="1:3" x14ac:dyDescent="0.25">
      <c r="A7618" s="2" t="s">
        <v>3191</v>
      </c>
      <c r="B7618" s="6">
        <v>126806.39999999999</v>
      </c>
      <c r="C7618" s="7">
        <f t="shared" si="118"/>
        <v>126.8064</v>
      </c>
    </row>
    <row r="7619" spans="1:3" x14ac:dyDescent="0.25">
      <c r="A7619" s="2" t="s">
        <v>3192</v>
      </c>
      <c r="B7619" s="6">
        <v>126823.04999999999</v>
      </c>
      <c r="C7619" s="7">
        <f t="shared" ref="C7619:C7682" si="119">B7619/1000</f>
        <v>126.82304999999999</v>
      </c>
    </row>
    <row r="7620" spans="1:3" x14ac:dyDescent="0.25">
      <c r="A7620" s="2" t="s">
        <v>3193</v>
      </c>
      <c r="B7620" s="6">
        <v>126839.69999999998</v>
      </c>
      <c r="C7620" s="7">
        <f t="shared" si="119"/>
        <v>126.83969999999998</v>
      </c>
    </row>
    <row r="7621" spans="1:3" x14ac:dyDescent="0.25">
      <c r="A7621" s="2" t="s">
        <v>3194</v>
      </c>
      <c r="B7621" s="6">
        <v>126856.34999999999</v>
      </c>
      <c r="C7621" s="7">
        <f t="shared" si="119"/>
        <v>126.85634999999999</v>
      </c>
    </row>
    <row r="7622" spans="1:3" x14ac:dyDescent="0.25">
      <c r="A7622" s="2" t="s">
        <v>3195</v>
      </c>
      <c r="B7622" s="6">
        <v>126872.99999999999</v>
      </c>
      <c r="C7622" s="7">
        <f t="shared" si="119"/>
        <v>126.87299999999999</v>
      </c>
    </row>
    <row r="7623" spans="1:3" x14ac:dyDescent="0.25">
      <c r="A7623" s="2" t="s">
        <v>3196</v>
      </c>
      <c r="B7623" s="6">
        <v>126889.65</v>
      </c>
      <c r="C7623" s="7">
        <f t="shared" si="119"/>
        <v>126.88964999999999</v>
      </c>
    </row>
    <row r="7624" spans="1:3" x14ac:dyDescent="0.25">
      <c r="A7624" s="2" t="s">
        <v>3197</v>
      </c>
      <c r="B7624" s="6">
        <v>126906.29999999999</v>
      </c>
      <c r="C7624" s="7">
        <f t="shared" si="119"/>
        <v>126.90629999999999</v>
      </c>
    </row>
    <row r="7625" spans="1:3" x14ac:dyDescent="0.25">
      <c r="A7625" s="2" t="s">
        <v>3198</v>
      </c>
      <c r="B7625" s="6">
        <v>126922.94999999998</v>
      </c>
      <c r="C7625" s="7">
        <f t="shared" si="119"/>
        <v>126.92294999999999</v>
      </c>
    </row>
    <row r="7626" spans="1:3" x14ac:dyDescent="0.25">
      <c r="A7626" s="2" t="s">
        <v>3199</v>
      </c>
      <c r="B7626" s="6">
        <v>126939.59999999999</v>
      </c>
      <c r="C7626" s="7">
        <f t="shared" si="119"/>
        <v>126.93959999999998</v>
      </c>
    </row>
    <row r="7627" spans="1:3" x14ac:dyDescent="0.25">
      <c r="A7627" s="2" t="s">
        <v>3200</v>
      </c>
      <c r="B7627" s="6">
        <v>126956.24999999999</v>
      </c>
      <c r="C7627" s="7">
        <f t="shared" si="119"/>
        <v>126.95624999999998</v>
      </c>
    </row>
    <row r="7628" spans="1:3" x14ac:dyDescent="0.25">
      <c r="A7628" s="2" t="s">
        <v>3201</v>
      </c>
      <c r="B7628" s="6">
        <v>126972.9</v>
      </c>
      <c r="C7628" s="7">
        <f t="shared" si="119"/>
        <v>126.9729</v>
      </c>
    </row>
    <row r="7629" spans="1:3" x14ac:dyDescent="0.25">
      <c r="A7629" s="2" t="s">
        <v>3202</v>
      </c>
      <c r="B7629" s="6">
        <v>126989.54999999999</v>
      </c>
      <c r="C7629" s="7">
        <f t="shared" si="119"/>
        <v>126.98954999999999</v>
      </c>
    </row>
    <row r="7630" spans="1:3" x14ac:dyDescent="0.25">
      <c r="A7630" s="2" t="s">
        <v>3203</v>
      </c>
      <c r="B7630" s="6">
        <v>127006.19999999998</v>
      </c>
      <c r="C7630" s="7">
        <f t="shared" si="119"/>
        <v>127.00619999999998</v>
      </c>
    </row>
    <row r="7631" spans="1:3" x14ac:dyDescent="0.25">
      <c r="A7631" s="2" t="s">
        <v>3204</v>
      </c>
      <c r="B7631" s="6">
        <v>127022.84999999999</v>
      </c>
      <c r="C7631" s="7">
        <f t="shared" si="119"/>
        <v>127.02284999999999</v>
      </c>
    </row>
    <row r="7632" spans="1:3" x14ac:dyDescent="0.25">
      <c r="A7632" s="2" t="s">
        <v>3205</v>
      </c>
      <c r="B7632" s="6">
        <v>127039.49999999999</v>
      </c>
      <c r="C7632" s="7">
        <f t="shared" si="119"/>
        <v>127.03949999999999</v>
      </c>
    </row>
    <row r="7633" spans="1:3" x14ac:dyDescent="0.25">
      <c r="A7633" s="2" t="s">
        <v>3206</v>
      </c>
      <c r="B7633" s="6">
        <v>127056.15</v>
      </c>
      <c r="C7633" s="7">
        <f t="shared" si="119"/>
        <v>127.05614999999999</v>
      </c>
    </row>
    <row r="7634" spans="1:3" x14ac:dyDescent="0.25">
      <c r="A7634" s="2" t="s">
        <v>3207</v>
      </c>
      <c r="B7634" s="6">
        <v>127072.79999999999</v>
      </c>
      <c r="C7634" s="7">
        <f t="shared" si="119"/>
        <v>127.07279999999999</v>
      </c>
    </row>
    <row r="7635" spans="1:3" x14ac:dyDescent="0.25">
      <c r="A7635" s="2" t="s">
        <v>3208</v>
      </c>
      <c r="B7635" s="6">
        <v>127089.44999999998</v>
      </c>
      <c r="C7635" s="7">
        <f t="shared" si="119"/>
        <v>127.08944999999999</v>
      </c>
    </row>
    <row r="7636" spans="1:3" x14ac:dyDescent="0.25">
      <c r="A7636" s="2" t="s">
        <v>3209</v>
      </c>
      <c r="B7636" s="6">
        <v>127106.09999999999</v>
      </c>
      <c r="C7636" s="7">
        <f t="shared" si="119"/>
        <v>127.1061</v>
      </c>
    </row>
    <row r="7637" spans="1:3" x14ac:dyDescent="0.25">
      <c r="A7637" s="2" t="s">
        <v>3210</v>
      </c>
      <c r="B7637" s="6">
        <v>127122.74999999999</v>
      </c>
      <c r="C7637" s="7">
        <f t="shared" si="119"/>
        <v>127.12274999999998</v>
      </c>
    </row>
    <row r="7638" spans="1:3" x14ac:dyDescent="0.25">
      <c r="A7638" s="2" t="s">
        <v>3211</v>
      </c>
      <c r="B7638" s="6">
        <v>127139.4</v>
      </c>
      <c r="C7638" s="7">
        <f t="shared" si="119"/>
        <v>127.13939999999999</v>
      </c>
    </row>
    <row r="7639" spans="1:3" x14ac:dyDescent="0.25">
      <c r="A7639" s="2" t="s">
        <v>3212</v>
      </c>
      <c r="B7639" s="6">
        <v>127156.04999999999</v>
      </c>
      <c r="C7639" s="7">
        <f t="shared" si="119"/>
        <v>127.15604999999999</v>
      </c>
    </row>
    <row r="7640" spans="1:3" x14ac:dyDescent="0.25">
      <c r="A7640" s="2" t="s">
        <v>3213</v>
      </c>
      <c r="B7640" s="6">
        <v>127172.69999999998</v>
      </c>
      <c r="C7640" s="7">
        <f t="shared" si="119"/>
        <v>127.17269999999998</v>
      </c>
    </row>
    <row r="7641" spans="1:3" x14ac:dyDescent="0.25">
      <c r="A7641" s="2" t="s">
        <v>3214</v>
      </c>
      <c r="B7641" s="6">
        <v>127189.34999999999</v>
      </c>
      <c r="C7641" s="7">
        <f t="shared" si="119"/>
        <v>127.18934999999999</v>
      </c>
    </row>
    <row r="7642" spans="1:3" x14ac:dyDescent="0.25">
      <c r="A7642" s="2" t="s">
        <v>3215</v>
      </c>
      <c r="B7642" s="6">
        <v>127205.99999999999</v>
      </c>
      <c r="C7642" s="7">
        <f t="shared" si="119"/>
        <v>127.20599999999999</v>
      </c>
    </row>
    <row r="7643" spans="1:3" x14ac:dyDescent="0.25">
      <c r="A7643" s="2" t="s">
        <v>3216</v>
      </c>
      <c r="B7643" s="6">
        <v>127222.65</v>
      </c>
      <c r="C7643" s="7">
        <f t="shared" si="119"/>
        <v>127.22264999999999</v>
      </c>
    </row>
    <row r="7644" spans="1:3" x14ac:dyDescent="0.25">
      <c r="A7644" s="2" t="s">
        <v>3217</v>
      </c>
      <c r="B7644" s="6">
        <v>127239.29999999999</v>
      </c>
      <c r="C7644" s="7">
        <f t="shared" si="119"/>
        <v>127.23929999999999</v>
      </c>
    </row>
    <row r="7645" spans="1:3" x14ac:dyDescent="0.25">
      <c r="A7645" s="2" t="s">
        <v>3218</v>
      </c>
      <c r="B7645" s="6">
        <v>127255.94999999998</v>
      </c>
      <c r="C7645" s="7">
        <f t="shared" si="119"/>
        <v>127.25594999999998</v>
      </c>
    </row>
    <row r="7646" spans="1:3" x14ac:dyDescent="0.25">
      <c r="A7646" s="2" t="s">
        <v>3219</v>
      </c>
      <c r="B7646" s="6">
        <v>127272.59999999999</v>
      </c>
      <c r="C7646" s="7">
        <f t="shared" si="119"/>
        <v>127.2726</v>
      </c>
    </row>
    <row r="7647" spans="1:3" x14ac:dyDescent="0.25">
      <c r="A7647" s="2" t="s">
        <v>3220</v>
      </c>
      <c r="B7647" s="6">
        <v>127289.24999999999</v>
      </c>
      <c r="C7647" s="7">
        <f t="shared" si="119"/>
        <v>127.28924999999998</v>
      </c>
    </row>
    <row r="7648" spans="1:3" x14ac:dyDescent="0.25">
      <c r="A7648" s="2" t="s">
        <v>3221</v>
      </c>
      <c r="B7648" s="6">
        <v>127305.9</v>
      </c>
      <c r="C7648" s="7">
        <f t="shared" si="119"/>
        <v>127.30589999999999</v>
      </c>
    </row>
    <row r="7649" spans="1:3" x14ac:dyDescent="0.25">
      <c r="A7649" s="2" t="s">
        <v>3222</v>
      </c>
      <c r="B7649" s="6">
        <v>127322.54999999999</v>
      </c>
      <c r="C7649" s="7">
        <f t="shared" si="119"/>
        <v>127.32254999999999</v>
      </c>
    </row>
    <row r="7650" spans="1:3" x14ac:dyDescent="0.25">
      <c r="A7650" s="2" t="s">
        <v>3223</v>
      </c>
      <c r="B7650" s="6">
        <v>127339.19999999998</v>
      </c>
      <c r="C7650" s="7">
        <f t="shared" si="119"/>
        <v>127.33919999999998</v>
      </c>
    </row>
    <row r="7651" spans="1:3" x14ac:dyDescent="0.25">
      <c r="A7651" s="2" t="s">
        <v>3224</v>
      </c>
      <c r="B7651" s="6">
        <v>127355.84999999999</v>
      </c>
      <c r="C7651" s="7">
        <f t="shared" si="119"/>
        <v>127.35584999999999</v>
      </c>
    </row>
    <row r="7652" spans="1:3" x14ac:dyDescent="0.25">
      <c r="A7652" s="2" t="s">
        <v>3225</v>
      </c>
      <c r="B7652" s="6">
        <v>127372.49999999999</v>
      </c>
      <c r="C7652" s="7">
        <f t="shared" si="119"/>
        <v>127.37249999999999</v>
      </c>
    </row>
    <row r="7653" spans="1:3" x14ac:dyDescent="0.25">
      <c r="A7653" s="2" t="s">
        <v>3226</v>
      </c>
      <c r="B7653" s="6">
        <v>127389.15</v>
      </c>
      <c r="C7653" s="7">
        <f t="shared" si="119"/>
        <v>127.38915</v>
      </c>
    </row>
    <row r="7654" spans="1:3" x14ac:dyDescent="0.25">
      <c r="A7654" s="2" t="s">
        <v>3227</v>
      </c>
      <c r="B7654" s="6">
        <v>127405.79999999999</v>
      </c>
      <c r="C7654" s="7">
        <f t="shared" si="119"/>
        <v>127.40579999999999</v>
      </c>
    </row>
    <row r="7655" spans="1:3" x14ac:dyDescent="0.25">
      <c r="A7655" s="2" t="s">
        <v>3228</v>
      </c>
      <c r="B7655" s="6">
        <v>127422.44999999998</v>
      </c>
      <c r="C7655" s="7">
        <f t="shared" si="119"/>
        <v>127.42244999999998</v>
      </c>
    </row>
    <row r="7656" spans="1:3" x14ac:dyDescent="0.25">
      <c r="A7656" s="2" t="s">
        <v>3229</v>
      </c>
      <c r="B7656" s="6">
        <v>127439.09999999999</v>
      </c>
      <c r="C7656" s="7">
        <f t="shared" si="119"/>
        <v>127.4391</v>
      </c>
    </row>
    <row r="7657" spans="1:3" x14ac:dyDescent="0.25">
      <c r="A7657" s="2" t="s">
        <v>3230</v>
      </c>
      <c r="B7657" s="6">
        <v>127455.74999999999</v>
      </c>
      <c r="C7657" s="7">
        <f t="shared" si="119"/>
        <v>127.45574999999998</v>
      </c>
    </row>
    <row r="7658" spans="1:3" x14ac:dyDescent="0.25">
      <c r="A7658" s="2" t="s">
        <v>3231</v>
      </c>
      <c r="B7658" s="6">
        <v>127472.4</v>
      </c>
      <c r="C7658" s="7">
        <f t="shared" si="119"/>
        <v>127.47239999999999</v>
      </c>
    </row>
    <row r="7659" spans="1:3" x14ac:dyDescent="0.25">
      <c r="A7659" s="2" t="s">
        <v>3232</v>
      </c>
      <c r="B7659" s="6">
        <v>127489.04999999999</v>
      </c>
      <c r="C7659" s="7">
        <f t="shared" si="119"/>
        <v>127.48904999999999</v>
      </c>
    </row>
    <row r="7660" spans="1:3" x14ac:dyDescent="0.25">
      <c r="A7660" s="2" t="s">
        <v>3233</v>
      </c>
      <c r="B7660" s="6">
        <v>127505.69999999998</v>
      </c>
      <c r="C7660" s="7">
        <f t="shared" si="119"/>
        <v>127.50569999999998</v>
      </c>
    </row>
    <row r="7661" spans="1:3" x14ac:dyDescent="0.25">
      <c r="A7661" s="2" t="s">
        <v>3234</v>
      </c>
      <c r="B7661" s="6">
        <v>127522.34999999999</v>
      </c>
      <c r="C7661" s="7">
        <f t="shared" si="119"/>
        <v>127.52234999999999</v>
      </c>
    </row>
    <row r="7662" spans="1:3" x14ac:dyDescent="0.25">
      <c r="A7662" s="2" t="s">
        <v>3235</v>
      </c>
      <c r="B7662" s="6">
        <v>127538.99999999999</v>
      </c>
      <c r="C7662" s="7">
        <f t="shared" si="119"/>
        <v>127.53899999999999</v>
      </c>
    </row>
    <row r="7663" spans="1:3" x14ac:dyDescent="0.25">
      <c r="A7663" s="2" t="s">
        <v>3236</v>
      </c>
      <c r="B7663" s="6">
        <v>127555.65</v>
      </c>
      <c r="C7663" s="7">
        <f t="shared" si="119"/>
        <v>127.55565</v>
      </c>
    </row>
    <row r="7664" spans="1:3" x14ac:dyDescent="0.25">
      <c r="A7664" s="2" t="s">
        <v>3237</v>
      </c>
      <c r="B7664" s="6">
        <v>127572.29999999999</v>
      </c>
      <c r="C7664" s="7">
        <f t="shared" si="119"/>
        <v>127.57229999999998</v>
      </c>
    </row>
    <row r="7665" spans="1:3" x14ac:dyDescent="0.25">
      <c r="A7665" s="2" t="s">
        <v>3238</v>
      </c>
      <c r="B7665" s="6">
        <v>127588.94999999998</v>
      </c>
      <c r="C7665" s="7">
        <f t="shared" si="119"/>
        <v>127.58894999999998</v>
      </c>
    </row>
    <row r="7666" spans="1:3" x14ac:dyDescent="0.25">
      <c r="A7666" s="2" t="s">
        <v>3239</v>
      </c>
      <c r="B7666" s="6">
        <v>127605.59999999999</v>
      </c>
      <c r="C7666" s="7">
        <f t="shared" si="119"/>
        <v>127.6056</v>
      </c>
    </row>
    <row r="7667" spans="1:3" x14ac:dyDescent="0.25">
      <c r="A7667" s="2" t="s">
        <v>3240</v>
      </c>
      <c r="B7667" s="6">
        <v>127622.24999999999</v>
      </c>
      <c r="C7667" s="7">
        <f t="shared" si="119"/>
        <v>127.62224999999998</v>
      </c>
    </row>
    <row r="7668" spans="1:3" x14ac:dyDescent="0.25">
      <c r="A7668" s="2" t="s">
        <v>3241</v>
      </c>
      <c r="B7668" s="6">
        <v>127638.9</v>
      </c>
      <c r="C7668" s="7">
        <f t="shared" si="119"/>
        <v>127.63889999999999</v>
      </c>
    </row>
    <row r="7669" spans="1:3" x14ac:dyDescent="0.25">
      <c r="A7669" s="2" t="s">
        <v>3242</v>
      </c>
      <c r="B7669" s="6">
        <v>127655.54999999999</v>
      </c>
      <c r="C7669" s="7">
        <f t="shared" si="119"/>
        <v>127.65554999999999</v>
      </c>
    </row>
    <row r="7670" spans="1:3" x14ac:dyDescent="0.25">
      <c r="A7670" s="2" t="s">
        <v>3243</v>
      </c>
      <c r="B7670" s="6">
        <v>127672.19999999998</v>
      </c>
      <c r="C7670" s="7">
        <f t="shared" si="119"/>
        <v>127.67219999999999</v>
      </c>
    </row>
    <row r="7671" spans="1:3" x14ac:dyDescent="0.25">
      <c r="A7671" s="2" t="s">
        <v>3244</v>
      </c>
      <c r="B7671" s="6">
        <v>127688.84999999999</v>
      </c>
      <c r="C7671" s="7">
        <f t="shared" si="119"/>
        <v>127.68884999999999</v>
      </c>
    </row>
    <row r="7672" spans="1:3" x14ac:dyDescent="0.25">
      <c r="A7672" s="2" t="s">
        <v>3245</v>
      </c>
      <c r="B7672" s="6">
        <v>127705.49999999999</v>
      </c>
      <c r="C7672" s="7">
        <f t="shared" si="119"/>
        <v>127.70549999999999</v>
      </c>
    </row>
    <row r="7673" spans="1:3" x14ac:dyDescent="0.25">
      <c r="A7673" s="2" t="s">
        <v>3246</v>
      </c>
      <c r="B7673" s="6">
        <v>127722.15</v>
      </c>
      <c r="C7673" s="7">
        <f t="shared" si="119"/>
        <v>127.72215</v>
      </c>
    </row>
    <row r="7674" spans="1:3" x14ac:dyDescent="0.25">
      <c r="A7674" s="2" t="s">
        <v>3247</v>
      </c>
      <c r="B7674" s="6">
        <v>127738.79999999999</v>
      </c>
      <c r="C7674" s="7">
        <f t="shared" si="119"/>
        <v>127.73879999999998</v>
      </c>
    </row>
    <row r="7675" spans="1:3" x14ac:dyDescent="0.25">
      <c r="A7675" s="2" t="s">
        <v>3248</v>
      </c>
      <c r="B7675" s="6">
        <v>127755.44999999998</v>
      </c>
      <c r="C7675" s="7">
        <f t="shared" si="119"/>
        <v>127.75544999999998</v>
      </c>
    </row>
    <row r="7676" spans="1:3" x14ac:dyDescent="0.25">
      <c r="A7676" s="2" t="s">
        <v>3249</v>
      </c>
      <c r="B7676" s="6">
        <v>127772.09999999999</v>
      </c>
      <c r="C7676" s="7">
        <f t="shared" si="119"/>
        <v>127.77209999999999</v>
      </c>
    </row>
    <row r="7677" spans="1:3" x14ac:dyDescent="0.25">
      <c r="A7677" s="2" t="s">
        <v>3250</v>
      </c>
      <c r="B7677" s="6">
        <v>127788.74999999999</v>
      </c>
      <c r="C7677" s="7">
        <f t="shared" si="119"/>
        <v>127.78874999999998</v>
      </c>
    </row>
    <row r="7678" spans="1:3" x14ac:dyDescent="0.25">
      <c r="A7678" s="2" t="s">
        <v>3251</v>
      </c>
      <c r="B7678" s="6">
        <v>127805.4</v>
      </c>
      <c r="C7678" s="7">
        <f t="shared" si="119"/>
        <v>127.80539999999999</v>
      </c>
    </row>
    <row r="7679" spans="1:3" x14ac:dyDescent="0.25">
      <c r="A7679" s="2" t="s">
        <v>3252</v>
      </c>
      <c r="B7679" s="6">
        <v>127822.04999999999</v>
      </c>
      <c r="C7679" s="7">
        <f t="shared" si="119"/>
        <v>127.82204999999999</v>
      </c>
    </row>
    <row r="7680" spans="1:3" x14ac:dyDescent="0.25">
      <c r="A7680" s="2" t="s">
        <v>3253</v>
      </c>
      <c r="B7680" s="6">
        <v>127838.69999999998</v>
      </c>
      <c r="C7680" s="7">
        <f t="shared" si="119"/>
        <v>127.83869999999999</v>
      </c>
    </row>
    <row r="7681" spans="1:3" x14ac:dyDescent="0.25">
      <c r="A7681" s="2" t="s">
        <v>3254</v>
      </c>
      <c r="B7681" s="6">
        <v>127855.34999999999</v>
      </c>
      <c r="C7681" s="7">
        <f t="shared" si="119"/>
        <v>127.85534999999999</v>
      </c>
    </row>
    <row r="7682" spans="1:3" x14ac:dyDescent="0.25">
      <c r="A7682" s="2" t="s">
        <v>3255</v>
      </c>
      <c r="B7682" s="6">
        <v>127871.99999999999</v>
      </c>
      <c r="C7682" s="7">
        <f t="shared" si="119"/>
        <v>127.87199999999999</v>
      </c>
    </row>
    <row r="7683" spans="1:3" x14ac:dyDescent="0.25">
      <c r="A7683" s="2" t="s">
        <v>3256</v>
      </c>
      <c r="B7683" s="6">
        <v>127888.65</v>
      </c>
      <c r="C7683" s="7">
        <f t="shared" ref="C7683:C7746" si="120">B7683/1000</f>
        <v>127.88865</v>
      </c>
    </row>
    <row r="7684" spans="1:3" x14ac:dyDescent="0.25">
      <c r="A7684" s="2" t="s">
        <v>3257</v>
      </c>
      <c r="B7684" s="6">
        <v>127905.29999999999</v>
      </c>
      <c r="C7684" s="7">
        <f t="shared" si="120"/>
        <v>127.90529999999998</v>
      </c>
    </row>
    <row r="7685" spans="1:3" x14ac:dyDescent="0.25">
      <c r="A7685" s="2" t="s">
        <v>3258</v>
      </c>
      <c r="B7685" s="6">
        <v>127921.94999999998</v>
      </c>
      <c r="C7685" s="7">
        <f t="shared" si="120"/>
        <v>127.92194999999998</v>
      </c>
    </row>
    <row r="7686" spans="1:3" x14ac:dyDescent="0.25">
      <c r="A7686" s="2" t="s">
        <v>3259</v>
      </c>
      <c r="B7686" s="6">
        <v>127938.59999999999</v>
      </c>
      <c r="C7686" s="7">
        <f t="shared" si="120"/>
        <v>127.93859999999999</v>
      </c>
    </row>
    <row r="7687" spans="1:3" x14ac:dyDescent="0.25">
      <c r="A7687" s="2" t="s">
        <v>3260</v>
      </c>
      <c r="B7687" s="6">
        <v>127955.24999999999</v>
      </c>
      <c r="C7687" s="7">
        <f t="shared" si="120"/>
        <v>127.95524999999999</v>
      </c>
    </row>
    <row r="7688" spans="1:3" x14ac:dyDescent="0.25">
      <c r="A7688" s="2" t="s">
        <v>3261</v>
      </c>
      <c r="B7688" s="6">
        <v>127971.9</v>
      </c>
      <c r="C7688" s="7">
        <f t="shared" si="120"/>
        <v>127.97189999999999</v>
      </c>
    </row>
    <row r="7689" spans="1:3" x14ac:dyDescent="0.25">
      <c r="A7689" s="2" t="s">
        <v>3262</v>
      </c>
      <c r="B7689" s="6">
        <v>127988.54999999999</v>
      </c>
      <c r="C7689" s="7">
        <f t="shared" si="120"/>
        <v>127.98854999999999</v>
      </c>
    </row>
    <row r="7690" spans="1:3" x14ac:dyDescent="0.25">
      <c r="A7690" s="2" t="s">
        <v>3263</v>
      </c>
      <c r="B7690" s="6">
        <v>128005.19999999998</v>
      </c>
      <c r="C7690" s="7">
        <f t="shared" si="120"/>
        <v>128.00519999999997</v>
      </c>
    </row>
    <row r="7691" spans="1:3" x14ac:dyDescent="0.25">
      <c r="A7691" s="2" t="s">
        <v>3264</v>
      </c>
      <c r="B7691" s="6">
        <v>128021.84999999999</v>
      </c>
      <c r="C7691" s="7">
        <f t="shared" si="120"/>
        <v>128.02185</v>
      </c>
    </row>
    <row r="7692" spans="1:3" x14ac:dyDescent="0.25">
      <c r="A7692" s="2" t="s">
        <v>3265</v>
      </c>
      <c r="B7692" s="6">
        <v>128038.49999999999</v>
      </c>
      <c r="C7692" s="7">
        <f t="shared" si="120"/>
        <v>128.0385</v>
      </c>
    </row>
    <row r="7693" spans="1:3" x14ac:dyDescent="0.25">
      <c r="A7693" s="2" t="s">
        <v>3266</v>
      </c>
      <c r="B7693" s="6">
        <v>128055.15</v>
      </c>
      <c r="C7693" s="7">
        <f t="shared" si="120"/>
        <v>128.05515</v>
      </c>
    </row>
    <row r="7694" spans="1:3" x14ac:dyDescent="0.25">
      <c r="A7694" s="2" t="s">
        <v>3267</v>
      </c>
      <c r="B7694" s="6">
        <v>128071.79999999999</v>
      </c>
      <c r="C7694" s="7">
        <f t="shared" si="120"/>
        <v>128.0718</v>
      </c>
    </row>
    <row r="7695" spans="1:3" x14ac:dyDescent="0.25">
      <c r="A7695" s="2" t="s">
        <v>3268</v>
      </c>
      <c r="B7695" s="6">
        <v>128088.44999999998</v>
      </c>
      <c r="C7695" s="7">
        <f t="shared" si="120"/>
        <v>128.08844999999999</v>
      </c>
    </row>
    <row r="7696" spans="1:3" x14ac:dyDescent="0.25">
      <c r="A7696" s="2" t="s">
        <v>3269</v>
      </c>
      <c r="B7696" s="6">
        <v>128105.09999999999</v>
      </c>
      <c r="C7696" s="7">
        <f t="shared" si="120"/>
        <v>128.10509999999999</v>
      </c>
    </row>
    <row r="7697" spans="1:3" x14ac:dyDescent="0.25">
      <c r="A7697" s="2" t="s">
        <v>3270</v>
      </c>
      <c r="B7697" s="6">
        <v>128121.74999999999</v>
      </c>
      <c r="C7697" s="7">
        <f t="shared" si="120"/>
        <v>128.12174999999999</v>
      </c>
    </row>
    <row r="7698" spans="1:3" x14ac:dyDescent="0.25">
      <c r="A7698" s="2" t="s">
        <v>3271</v>
      </c>
      <c r="B7698" s="6">
        <v>128138.4</v>
      </c>
      <c r="C7698" s="7">
        <f t="shared" si="120"/>
        <v>128.13839999999999</v>
      </c>
    </row>
    <row r="7699" spans="1:3" x14ac:dyDescent="0.25">
      <c r="A7699" s="2" t="s">
        <v>3272</v>
      </c>
      <c r="B7699" s="6">
        <v>128155.04999999999</v>
      </c>
      <c r="C7699" s="7">
        <f t="shared" si="120"/>
        <v>128.15504999999999</v>
      </c>
    </row>
    <row r="7700" spans="1:3" x14ac:dyDescent="0.25">
      <c r="A7700" s="2" t="s">
        <v>3273</v>
      </c>
      <c r="B7700" s="6">
        <v>128171.69999999998</v>
      </c>
      <c r="C7700" s="7">
        <f t="shared" si="120"/>
        <v>128.17169999999999</v>
      </c>
    </row>
    <row r="7701" spans="1:3" x14ac:dyDescent="0.25">
      <c r="A7701" s="2" t="s">
        <v>3274</v>
      </c>
      <c r="B7701" s="6">
        <v>128188.34999999999</v>
      </c>
      <c r="C7701" s="7">
        <f t="shared" si="120"/>
        <v>128.18834999999999</v>
      </c>
    </row>
    <row r="7702" spans="1:3" x14ac:dyDescent="0.25">
      <c r="A7702" s="2" t="s">
        <v>3275</v>
      </c>
      <c r="B7702" s="6">
        <v>128204.99999999999</v>
      </c>
      <c r="C7702" s="7">
        <f t="shared" si="120"/>
        <v>128.20499999999998</v>
      </c>
    </row>
    <row r="7703" spans="1:3" x14ac:dyDescent="0.25">
      <c r="A7703" s="2" t="s">
        <v>3276</v>
      </c>
      <c r="B7703" s="6">
        <v>128221.65</v>
      </c>
      <c r="C7703" s="7">
        <f t="shared" si="120"/>
        <v>128.22164999999998</v>
      </c>
    </row>
    <row r="7704" spans="1:3" x14ac:dyDescent="0.25">
      <c r="A7704" s="2" t="s">
        <v>3277</v>
      </c>
      <c r="B7704" s="6">
        <v>128238.29999999999</v>
      </c>
      <c r="C7704" s="7">
        <f t="shared" si="120"/>
        <v>128.23829999999998</v>
      </c>
    </row>
    <row r="7705" spans="1:3" x14ac:dyDescent="0.25">
      <c r="A7705" s="2" t="s">
        <v>3278</v>
      </c>
      <c r="B7705" s="6">
        <v>128254.94999999998</v>
      </c>
      <c r="C7705" s="7">
        <f t="shared" si="120"/>
        <v>128.25494999999998</v>
      </c>
    </row>
    <row r="7706" spans="1:3" x14ac:dyDescent="0.25">
      <c r="A7706" s="2" t="s">
        <v>3279</v>
      </c>
      <c r="B7706" s="6">
        <v>128271.59999999999</v>
      </c>
      <c r="C7706" s="7">
        <f t="shared" si="120"/>
        <v>128.27159999999998</v>
      </c>
    </row>
    <row r="7707" spans="1:3" x14ac:dyDescent="0.25">
      <c r="A7707" s="2" t="s">
        <v>3280</v>
      </c>
      <c r="B7707" s="6">
        <v>128288.24999999999</v>
      </c>
      <c r="C7707" s="7">
        <f t="shared" si="120"/>
        <v>128.28824999999998</v>
      </c>
    </row>
    <row r="7708" spans="1:3" x14ac:dyDescent="0.25">
      <c r="A7708" s="2" t="s">
        <v>3281</v>
      </c>
      <c r="B7708" s="6">
        <v>128304.9</v>
      </c>
      <c r="C7708" s="7">
        <f t="shared" si="120"/>
        <v>128.3049</v>
      </c>
    </row>
    <row r="7709" spans="1:3" x14ac:dyDescent="0.25">
      <c r="A7709" s="2" t="s">
        <v>3282</v>
      </c>
      <c r="B7709" s="6">
        <v>128321.54999999999</v>
      </c>
      <c r="C7709" s="7">
        <f t="shared" si="120"/>
        <v>128.32155</v>
      </c>
    </row>
    <row r="7710" spans="1:3" x14ac:dyDescent="0.25">
      <c r="A7710" s="2" t="s">
        <v>3283</v>
      </c>
      <c r="B7710" s="6">
        <v>128338.19999999998</v>
      </c>
      <c r="C7710" s="7">
        <f t="shared" si="120"/>
        <v>128.33819999999997</v>
      </c>
    </row>
    <row r="7711" spans="1:3" x14ac:dyDescent="0.25">
      <c r="A7711" s="2" t="s">
        <v>3284</v>
      </c>
      <c r="B7711" s="6">
        <v>128354.84999999999</v>
      </c>
      <c r="C7711" s="7">
        <f t="shared" si="120"/>
        <v>128.35485</v>
      </c>
    </row>
    <row r="7712" spans="1:3" x14ac:dyDescent="0.25">
      <c r="A7712" s="2" t="s">
        <v>3285</v>
      </c>
      <c r="B7712" s="6">
        <v>128371.49999999999</v>
      </c>
      <c r="C7712" s="7">
        <f t="shared" si="120"/>
        <v>128.3715</v>
      </c>
    </row>
    <row r="7713" spans="1:3" x14ac:dyDescent="0.25">
      <c r="A7713" s="2" t="s">
        <v>3286</v>
      </c>
      <c r="B7713" s="6">
        <v>128388.15</v>
      </c>
      <c r="C7713" s="7">
        <f t="shared" si="120"/>
        <v>128.38815</v>
      </c>
    </row>
    <row r="7714" spans="1:3" x14ac:dyDescent="0.25">
      <c r="A7714" s="2" t="s">
        <v>3287</v>
      </c>
      <c r="B7714" s="6">
        <v>128404.79999999999</v>
      </c>
      <c r="C7714" s="7">
        <f t="shared" si="120"/>
        <v>128.40479999999999</v>
      </c>
    </row>
    <row r="7715" spans="1:3" x14ac:dyDescent="0.25">
      <c r="A7715" s="2" t="s">
        <v>3288</v>
      </c>
      <c r="B7715" s="6">
        <v>128421.44999999998</v>
      </c>
      <c r="C7715" s="7">
        <f t="shared" si="120"/>
        <v>128.42144999999999</v>
      </c>
    </row>
    <row r="7716" spans="1:3" x14ac:dyDescent="0.25">
      <c r="A7716" s="2" t="s">
        <v>3289</v>
      </c>
      <c r="B7716" s="6">
        <v>128438.09999999999</v>
      </c>
      <c r="C7716" s="7">
        <f t="shared" si="120"/>
        <v>128.43809999999999</v>
      </c>
    </row>
    <row r="7717" spans="1:3" x14ac:dyDescent="0.25">
      <c r="A7717" s="2" t="s">
        <v>3290</v>
      </c>
      <c r="B7717" s="6">
        <v>128454.74999999999</v>
      </c>
      <c r="C7717" s="7">
        <f t="shared" si="120"/>
        <v>128.45474999999999</v>
      </c>
    </row>
    <row r="7718" spans="1:3" x14ac:dyDescent="0.25">
      <c r="A7718" s="2" t="s">
        <v>3291</v>
      </c>
      <c r="B7718" s="6">
        <v>128471.4</v>
      </c>
      <c r="C7718" s="7">
        <f t="shared" si="120"/>
        <v>128.47139999999999</v>
      </c>
    </row>
    <row r="7719" spans="1:3" x14ac:dyDescent="0.25">
      <c r="A7719" s="2" t="s">
        <v>3292</v>
      </c>
      <c r="B7719" s="6">
        <v>128488.04999999999</v>
      </c>
      <c r="C7719" s="7">
        <f t="shared" si="120"/>
        <v>128.48804999999999</v>
      </c>
    </row>
    <row r="7720" spans="1:3" x14ac:dyDescent="0.25">
      <c r="A7720" s="2" t="s">
        <v>3293</v>
      </c>
      <c r="B7720" s="6">
        <v>128504.69999999998</v>
      </c>
      <c r="C7720" s="7">
        <f t="shared" si="120"/>
        <v>128.50469999999999</v>
      </c>
    </row>
    <row r="7721" spans="1:3" x14ac:dyDescent="0.25">
      <c r="A7721" s="2" t="s">
        <v>3294</v>
      </c>
      <c r="B7721" s="6">
        <v>128521.34999999999</v>
      </c>
      <c r="C7721" s="7">
        <f t="shared" si="120"/>
        <v>128.52134999999998</v>
      </c>
    </row>
    <row r="7722" spans="1:3" x14ac:dyDescent="0.25">
      <c r="A7722" s="2" t="s">
        <v>3295</v>
      </c>
      <c r="B7722" s="6">
        <v>128537.99999999999</v>
      </c>
      <c r="C7722" s="7">
        <f t="shared" si="120"/>
        <v>128.53799999999998</v>
      </c>
    </row>
    <row r="7723" spans="1:3" x14ac:dyDescent="0.25">
      <c r="A7723" s="2" t="s">
        <v>3296</v>
      </c>
      <c r="B7723" s="6">
        <v>128554.65</v>
      </c>
      <c r="C7723" s="7">
        <f t="shared" si="120"/>
        <v>128.55464999999998</v>
      </c>
    </row>
    <row r="7724" spans="1:3" x14ac:dyDescent="0.25">
      <c r="A7724" s="2" t="s">
        <v>3297</v>
      </c>
      <c r="B7724" s="6">
        <v>128571.29999999999</v>
      </c>
      <c r="C7724" s="7">
        <f t="shared" si="120"/>
        <v>128.57129999999998</v>
      </c>
    </row>
    <row r="7725" spans="1:3" x14ac:dyDescent="0.25">
      <c r="A7725" s="2" t="s">
        <v>3298</v>
      </c>
      <c r="B7725" s="6">
        <v>128587.94999999998</v>
      </c>
      <c r="C7725" s="7">
        <f t="shared" si="120"/>
        <v>128.58794999999998</v>
      </c>
    </row>
    <row r="7726" spans="1:3" x14ac:dyDescent="0.25">
      <c r="A7726" s="2" t="s">
        <v>3299</v>
      </c>
      <c r="B7726" s="6">
        <v>128604.59999999999</v>
      </c>
      <c r="C7726" s="7">
        <f t="shared" si="120"/>
        <v>128.6046</v>
      </c>
    </row>
    <row r="7727" spans="1:3" x14ac:dyDescent="0.25">
      <c r="A7727" s="2" t="s">
        <v>3300</v>
      </c>
      <c r="B7727" s="6">
        <v>128621.24999999999</v>
      </c>
      <c r="C7727" s="7">
        <f t="shared" si="120"/>
        <v>128.62124999999997</v>
      </c>
    </row>
    <row r="7728" spans="1:3" x14ac:dyDescent="0.25">
      <c r="A7728" s="2" t="s">
        <v>3301</v>
      </c>
      <c r="B7728" s="6">
        <v>128637.9</v>
      </c>
      <c r="C7728" s="7">
        <f t="shared" si="120"/>
        <v>128.6379</v>
      </c>
    </row>
    <row r="7729" spans="1:3" x14ac:dyDescent="0.25">
      <c r="A7729" s="2" t="s">
        <v>3302</v>
      </c>
      <c r="B7729" s="6">
        <v>128654.54999999999</v>
      </c>
      <c r="C7729" s="7">
        <f t="shared" si="120"/>
        <v>128.65455</v>
      </c>
    </row>
    <row r="7730" spans="1:3" x14ac:dyDescent="0.25">
      <c r="A7730" s="2" t="s">
        <v>3303</v>
      </c>
      <c r="B7730" s="6">
        <v>128671.19999999998</v>
      </c>
      <c r="C7730" s="7">
        <f t="shared" si="120"/>
        <v>128.67119999999997</v>
      </c>
    </row>
    <row r="7731" spans="1:3" x14ac:dyDescent="0.25">
      <c r="A7731" s="2" t="s">
        <v>3304</v>
      </c>
      <c r="B7731" s="6">
        <v>128687.84999999999</v>
      </c>
      <c r="C7731" s="7">
        <f t="shared" si="120"/>
        <v>128.68785</v>
      </c>
    </row>
    <row r="7732" spans="1:3" x14ac:dyDescent="0.25">
      <c r="A7732" s="2" t="s">
        <v>3305</v>
      </c>
      <c r="B7732" s="6">
        <v>128704.49999999999</v>
      </c>
      <c r="C7732" s="7">
        <f t="shared" si="120"/>
        <v>128.7045</v>
      </c>
    </row>
    <row r="7733" spans="1:3" x14ac:dyDescent="0.25">
      <c r="A7733" s="2" t="s">
        <v>3306</v>
      </c>
      <c r="B7733" s="6">
        <v>128721.15</v>
      </c>
      <c r="C7733" s="7">
        <f t="shared" si="120"/>
        <v>128.72114999999999</v>
      </c>
    </row>
    <row r="7734" spans="1:3" x14ac:dyDescent="0.25">
      <c r="A7734" s="2" t="s">
        <v>3307</v>
      </c>
      <c r="B7734" s="6">
        <v>128737.79999999999</v>
      </c>
      <c r="C7734" s="7">
        <f t="shared" si="120"/>
        <v>128.73779999999999</v>
      </c>
    </row>
    <row r="7735" spans="1:3" x14ac:dyDescent="0.25">
      <c r="A7735" s="2" t="s">
        <v>3308</v>
      </c>
      <c r="B7735" s="6">
        <v>128754.44999999998</v>
      </c>
      <c r="C7735" s="7">
        <f t="shared" si="120"/>
        <v>128.75444999999999</v>
      </c>
    </row>
    <row r="7736" spans="1:3" x14ac:dyDescent="0.25">
      <c r="A7736" s="2" t="s">
        <v>3309</v>
      </c>
      <c r="B7736" s="6">
        <v>128771.09999999999</v>
      </c>
      <c r="C7736" s="7">
        <f t="shared" si="120"/>
        <v>128.77109999999999</v>
      </c>
    </row>
    <row r="7737" spans="1:3" x14ac:dyDescent="0.25">
      <c r="A7737" s="2" t="s">
        <v>3310</v>
      </c>
      <c r="B7737" s="6">
        <v>128787.74999999999</v>
      </c>
      <c r="C7737" s="7">
        <f t="shared" si="120"/>
        <v>128.78774999999999</v>
      </c>
    </row>
    <row r="7738" spans="1:3" x14ac:dyDescent="0.25">
      <c r="A7738" s="2" t="s">
        <v>3311</v>
      </c>
      <c r="B7738" s="6">
        <v>128804.4</v>
      </c>
      <c r="C7738" s="7">
        <f t="shared" si="120"/>
        <v>128.80439999999999</v>
      </c>
    </row>
    <row r="7739" spans="1:3" x14ac:dyDescent="0.25">
      <c r="A7739" s="2" t="s">
        <v>3312</v>
      </c>
      <c r="B7739" s="6">
        <v>128821.04999999999</v>
      </c>
      <c r="C7739" s="7">
        <f t="shared" si="120"/>
        <v>128.82104999999999</v>
      </c>
    </row>
    <row r="7740" spans="1:3" x14ac:dyDescent="0.25">
      <c r="A7740" s="2" t="s">
        <v>3313</v>
      </c>
      <c r="B7740" s="6">
        <v>128837.69999999998</v>
      </c>
      <c r="C7740" s="7">
        <f t="shared" si="120"/>
        <v>128.83769999999998</v>
      </c>
    </row>
    <row r="7741" spans="1:3" x14ac:dyDescent="0.25">
      <c r="A7741" s="2" t="s">
        <v>3314</v>
      </c>
      <c r="B7741" s="6">
        <v>128854.34999999999</v>
      </c>
      <c r="C7741" s="7">
        <f t="shared" si="120"/>
        <v>128.85434999999998</v>
      </c>
    </row>
    <row r="7742" spans="1:3" x14ac:dyDescent="0.25">
      <c r="A7742" s="2" t="s">
        <v>3315</v>
      </c>
      <c r="B7742" s="6">
        <v>128870.99999999999</v>
      </c>
      <c r="C7742" s="7">
        <f t="shared" si="120"/>
        <v>128.87099999999998</v>
      </c>
    </row>
    <row r="7743" spans="1:3" x14ac:dyDescent="0.25">
      <c r="A7743" s="2" t="s">
        <v>3316</v>
      </c>
      <c r="B7743" s="6">
        <v>128887.65</v>
      </c>
      <c r="C7743" s="7">
        <f t="shared" si="120"/>
        <v>128.88765000000001</v>
      </c>
    </row>
    <row r="7744" spans="1:3" x14ac:dyDescent="0.25">
      <c r="A7744" s="2" t="s">
        <v>3317</v>
      </c>
      <c r="B7744" s="6">
        <v>128904.29999999999</v>
      </c>
      <c r="C7744" s="7">
        <f t="shared" si="120"/>
        <v>128.90429999999998</v>
      </c>
    </row>
    <row r="7745" spans="1:3" x14ac:dyDescent="0.25">
      <c r="A7745" s="2" t="s">
        <v>3318</v>
      </c>
      <c r="B7745" s="6">
        <v>128920.94999999998</v>
      </c>
      <c r="C7745" s="7">
        <f t="shared" si="120"/>
        <v>128.92094999999998</v>
      </c>
    </row>
    <row r="7746" spans="1:3" x14ac:dyDescent="0.25">
      <c r="A7746" s="2" t="s">
        <v>3319</v>
      </c>
      <c r="B7746" s="6">
        <v>128937.59999999999</v>
      </c>
      <c r="C7746" s="7">
        <f t="shared" si="120"/>
        <v>128.9376</v>
      </c>
    </row>
    <row r="7747" spans="1:3" x14ac:dyDescent="0.25">
      <c r="A7747" s="2" t="s">
        <v>3320</v>
      </c>
      <c r="B7747" s="6">
        <v>128954.24999999999</v>
      </c>
      <c r="C7747" s="7">
        <f t="shared" ref="C7747:C7810" si="121">B7747/1000</f>
        <v>128.95424999999997</v>
      </c>
    </row>
    <row r="7748" spans="1:3" x14ac:dyDescent="0.25">
      <c r="A7748" s="2" t="s">
        <v>3321</v>
      </c>
      <c r="B7748" s="6">
        <v>128970.9</v>
      </c>
      <c r="C7748" s="7">
        <f t="shared" si="121"/>
        <v>128.9709</v>
      </c>
    </row>
    <row r="7749" spans="1:3" x14ac:dyDescent="0.25">
      <c r="A7749" s="2" t="s">
        <v>3322</v>
      </c>
      <c r="B7749" s="6">
        <v>128987.54999999999</v>
      </c>
      <c r="C7749" s="7">
        <f t="shared" si="121"/>
        <v>128.98755</v>
      </c>
    </row>
    <row r="7750" spans="1:3" x14ac:dyDescent="0.25">
      <c r="A7750" s="2" t="s">
        <v>3323</v>
      </c>
      <c r="B7750" s="6">
        <v>129004.19999999998</v>
      </c>
      <c r="C7750" s="7">
        <f t="shared" si="121"/>
        <v>129.00419999999997</v>
      </c>
    </row>
    <row r="7751" spans="1:3" x14ac:dyDescent="0.25">
      <c r="A7751" s="2" t="s">
        <v>3324</v>
      </c>
      <c r="B7751" s="6">
        <v>129020.84999999999</v>
      </c>
      <c r="C7751" s="7">
        <f t="shared" si="121"/>
        <v>129.02085</v>
      </c>
    </row>
    <row r="7752" spans="1:3" x14ac:dyDescent="0.25">
      <c r="A7752" s="2" t="s">
        <v>3325</v>
      </c>
      <c r="B7752" s="6">
        <v>129037.49999999999</v>
      </c>
      <c r="C7752" s="7">
        <f t="shared" si="121"/>
        <v>129.03749999999999</v>
      </c>
    </row>
    <row r="7753" spans="1:3" x14ac:dyDescent="0.25">
      <c r="A7753" s="2" t="s">
        <v>3326</v>
      </c>
      <c r="B7753" s="6">
        <v>129054.15</v>
      </c>
      <c r="C7753" s="7">
        <f t="shared" si="121"/>
        <v>129.05414999999999</v>
      </c>
    </row>
    <row r="7754" spans="1:3" x14ac:dyDescent="0.25">
      <c r="A7754" s="2" t="s">
        <v>3327</v>
      </c>
      <c r="B7754" s="6">
        <v>129070.79999999999</v>
      </c>
      <c r="C7754" s="7">
        <f t="shared" si="121"/>
        <v>129.07079999999999</v>
      </c>
    </row>
    <row r="7755" spans="1:3" x14ac:dyDescent="0.25">
      <c r="A7755" s="2" t="s">
        <v>3328</v>
      </c>
      <c r="B7755" s="6">
        <v>129087.44999999998</v>
      </c>
      <c r="C7755" s="7">
        <f t="shared" si="121"/>
        <v>129.08744999999999</v>
      </c>
    </row>
    <row r="7756" spans="1:3" x14ac:dyDescent="0.25">
      <c r="A7756" s="2" t="s">
        <v>3329</v>
      </c>
      <c r="B7756" s="6">
        <v>129104.09999999999</v>
      </c>
      <c r="C7756" s="7">
        <f t="shared" si="121"/>
        <v>129.10409999999999</v>
      </c>
    </row>
    <row r="7757" spans="1:3" x14ac:dyDescent="0.25">
      <c r="A7757" s="2" t="s">
        <v>3330</v>
      </c>
      <c r="B7757" s="6">
        <v>129120.74999999999</v>
      </c>
      <c r="C7757" s="7">
        <f t="shared" si="121"/>
        <v>129.12074999999999</v>
      </c>
    </row>
    <row r="7758" spans="1:3" x14ac:dyDescent="0.25">
      <c r="A7758" s="2" t="s">
        <v>3331</v>
      </c>
      <c r="B7758" s="6">
        <v>129137.4</v>
      </c>
      <c r="C7758" s="7">
        <f t="shared" si="121"/>
        <v>129.13739999999999</v>
      </c>
    </row>
    <row r="7759" spans="1:3" x14ac:dyDescent="0.25">
      <c r="A7759" s="2" t="s">
        <v>3332</v>
      </c>
      <c r="B7759" s="6">
        <v>129154.04999999999</v>
      </c>
      <c r="C7759" s="7">
        <f t="shared" si="121"/>
        <v>129.15404999999998</v>
      </c>
    </row>
    <row r="7760" spans="1:3" x14ac:dyDescent="0.25">
      <c r="A7760" s="2" t="s">
        <v>3333</v>
      </c>
      <c r="B7760" s="6">
        <v>129170.69999999998</v>
      </c>
      <c r="C7760" s="7">
        <f t="shared" si="121"/>
        <v>129.17069999999998</v>
      </c>
    </row>
    <row r="7761" spans="1:3" x14ac:dyDescent="0.25">
      <c r="A7761" s="2" t="s">
        <v>3334</v>
      </c>
      <c r="B7761" s="6">
        <v>129187.34999999999</v>
      </c>
      <c r="C7761" s="7">
        <f t="shared" si="121"/>
        <v>129.18734999999998</v>
      </c>
    </row>
    <row r="7762" spans="1:3" x14ac:dyDescent="0.25">
      <c r="A7762" s="2" t="s">
        <v>3335</v>
      </c>
      <c r="B7762" s="6">
        <v>129203.99999999999</v>
      </c>
      <c r="C7762" s="7">
        <f t="shared" si="121"/>
        <v>129.20399999999998</v>
      </c>
    </row>
    <row r="7763" spans="1:3" x14ac:dyDescent="0.25">
      <c r="A7763" s="2" t="s">
        <v>3336</v>
      </c>
      <c r="B7763" s="6">
        <v>129220.65</v>
      </c>
      <c r="C7763" s="7">
        <f t="shared" si="121"/>
        <v>129.22065000000001</v>
      </c>
    </row>
    <row r="7764" spans="1:3" x14ac:dyDescent="0.25">
      <c r="A7764" s="2" t="s">
        <v>3337</v>
      </c>
      <c r="B7764" s="6">
        <v>129237.29999999999</v>
      </c>
      <c r="C7764" s="7">
        <f t="shared" si="121"/>
        <v>129.23729999999998</v>
      </c>
    </row>
    <row r="7765" spans="1:3" x14ac:dyDescent="0.25">
      <c r="A7765" s="2" t="s">
        <v>3338</v>
      </c>
      <c r="B7765" s="6">
        <v>129253.94999999998</v>
      </c>
      <c r="C7765" s="7">
        <f t="shared" si="121"/>
        <v>129.25394999999997</v>
      </c>
    </row>
    <row r="7766" spans="1:3" x14ac:dyDescent="0.25">
      <c r="A7766" s="2" t="s">
        <v>3339</v>
      </c>
      <c r="B7766" s="6">
        <v>129270.59999999999</v>
      </c>
      <c r="C7766" s="7">
        <f t="shared" si="121"/>
        <v>129.2706</v>
      </c>
    </row>
    <row r="7767" spans="1:3" x14ac:dyDescent="0.25">
      <c r="A7767" s="2" t="s">
        <v>3340</v>
      </c>
      <c r="B7767" s="6">
        <v>129287.24999999999</v>
      </c>
      <c r="C7767" s="7">
        <f t="shared" si="121"/>
        <v>129.28724999999997</v>
      </c>
    </row>
    <row r="7768" spans="1:3" x14ac:dyDescent="0.25">
      <c r="A7768" s="2" t="s">
        <v>3341</v>
      </c>
      <c r="B7768" s="6">
        <v>129303.9</v>
      </c>
      <c r="C7768" s="7">
        <f t="shared" si="121"/>
        <v>129.3039</v>
      </c>
    </row>
    <row r="7769" spans="1:3" x14ac:dyDescent="0.25">
      <c r="A7769" s="2" t="s">
        <v>3342</v>
      </c>
      <c r="B7769" s="6">
        <v>129320.54999999999</v>
      </c>
      <c r="C7769" s="7">
        <f t="shared" si="121"/>
        <v>129.32055</v>
      </c>
    </row>
    <row r="7770" spans="1:3" x14ac:dyDescent="0.25">
      <c r="A7770" s="2" t="s">
        <v>3343</v>
      </c>
      <c r="B7770" s="6">
        <v>129337.19999999998</v>
      </c>
      <c r="C7770" s="7">
        <f t="shared" si="121"/>
        <v>129.3372</v>
      </c>
    </row>
    <row r="7771" spans="1:3" x14ac:dyDescent="0.25">
      <c r="A7771" s="2" t="s">
        <v>3344</v>
      </c>
      <c r="B7771" s="6">
        <v>129353.84999999999</v>
      </c>
      <c r="C7771" s="7">
        <f t="shared" si="121"/>
        <v>129.35384999999999</v>
      </c>
    </row>
    <row r="7772" spans="1:3" x14ac:dyDescent="0.25">
      <c r="A7772" s="2" t="s">
        <v>3345</v>
      </c>
      <c r="B7772" s="6">
        <v>129370.49999999999</v>
      </c>
      <c r="C7772" s="7">
        <f t="shared" si="121"/>
        <v>129.37049999999999</v>
      </c>
    </row>
    <row r="7773" spans="1:3" x14ac:dyDescent="0.25">
      <c r="A7773" s="2" t="s">
        <v>3346</v>
      </c>
      <c r="B7773" s="6">
        <v>129387.15</v>
      </c>
      <c r="C7773" s="7">
        <f t="shared" si="121"/>
        <v>129.38714999999999</v>
      </c>
    </row>
    <row r="7774" spans="1:3" x14ac:dyDescent="0.25">
      <c r="A7774" s="2" t="s">
        <v>3347</v>
      </c>
      <c r="B7774" s="6">
        <v>129403.79999999999</v>
      </c>
      <c r="C7774" s="7">
        <f t="shared" si="121"/>
        <v>129.40379999999999</v>
      </c>
    </row>
    <row r="7775" spans="1:3" x14ac:dyDescent="0.25">
      <c r="A7775" s="2" t="s">
        <v>3348</v>
      </c>
      <c r="B7775" s="6">
        <v>129420.44999999998</v>
      </c>
      <c r="C7775" s="7">
        <f t="shared" si="121"/>
        <v>129.42044999999999</v>
      </c>
    </row>
    <row r="7776" spans="1:3" x14ac:dyDescent="0.25">
      <c r="A7776" s="2" t="s">
        <v>3349</v>
      </c>
      <c r="B7776" s="6">
        <v>129437.09999999999</v>
      </c>
      <c r="C7776" s="7">
        <f t="shared" si="121"/>
        <v>129.43709999999999</v>
      </c>
    </row>
    <row r="7777" spans="1:3" x14ac:dyDescent="0.25">
      <c r="A7777" s="2" t="s">
        <v>3350</v>
      </c>
      <c r="B7777" s="6">
        <v>129453.74999999999</v>
      </c>
      <c r="C7777" s="7">
        <f t="shared" si="121"/>
        <v>129.45374999999999</v>
      </c>
    </row>
    <row r="7778" spans="1:3" x14ac:dyDescent="0.25">
      <c r="A7778" s="2" t="s">
        <v>3351</v>
      </c>
      <c r="B7778" s="6">
        <v>129470.39999999999</v>
      </c>
      <c r="C7778" s="7">
        <f t="shared" si="121"/>
        <v>129.47039999999998</v>
      </c>
    </row>
    <row r="7779" spans="1:3" x14ac:dyDescent="0.25">
      <c r="A7779" s="2" t="s">
        <v>3352</v>
      </c>
      <c r="B7779" s="6">
        <v>129487.04999999999</v>
      </c>
      <c r="C7779" s="7">
        <f t="shared" si="121"/>
        <v>129.48704999999998</v>
      </c>
    </row>
    <row r="7780" spans="1:3" x14ac:dyDescent="0.25">
      <c r="A7780" s="2" t="s">
        <v>3353</v>
      </c>
      <c r="B7780" s="6">
        <v>129503.69999999998</v>
      </c>
      <c r="C7780" s="7">
        <f t="shared" si="121"/>
        <v>129.50369999999998</v>
      </c>
    </row>
    <row r="7781" spans="1:3" x14ac:dyDescent="0.25">
      <c r="A7781" s="2" t="s">
        <v>3354</v>
      </c>
      <c r="B7781" s="6">
        <v>129520.34999999999</v>
      </c>
      <c r="C7781" s="7">
        <f t="shared" si="121"/>
        <v>129.52034999999998</v>
      </c>
    </row>
    <row r="7782" spans="1:3" x14ac:dyDescent="0.25">
      <c r="A7782" s="2" t="s">
        <v>3355</v>
      </c>
      <c r="B7782" s="6">
        <v>129536.99999999999</v>
      </c>
      <c r="C7782" s="7">
        <f t="shared" si="121"/>
        <v>129.53699999999998</v>
      </c>
    </row>
    <row r="7783" spans="1:3" x14ac:dyDescent="0.25">
      <c r="A7783" s="2" t="s">
        <v>3356</v>
      </c>
      <c r="B7783" s="6">
        <v>129553.65</v>
      </c>
      <c r="C7783" s="7">
        <f t="shared" si="121"/>
        <v>129.55365</v>
      </c>
    </row>
    <row r="7784" spans="1:3" x14ac:dyDescent="0.25">
      <c r="A7784" s="2" t="s">
        <v>3357</v>
      </c>
      <c r="B7784" s="6">
        <v>129570.29999999999</v>
      </c>
      <c r="C7784" s="7">
        <f t="shared" si="121"/>
        <v>129.57029999999997</v>
      </c>
    </row>
    <row r="7785" spans="1:3" x14ac:dyDescent="0.25">
      <c r="A7785" s="2" t="s">
        <v>3358</v>
      </c>
      <c r="B7785" s="6">
        <v>129586.94999999998</v>
      </c>
      <c r="C7785" s="7">
        <f t="shared" si="121"/>
        <v>129.58694999999997</v>
      </c>
    </row>
    <row r="7786" spans="1:3" x14ac:dyDescent="0.25">
      <c r="A7786" s="2" t="s">
        <v>3359</v>
      </c>
      <c r="B7786" s="6">
        <v>129603.59999999999</v>
      </c>
      <c r="C7786" s="7">
        <f t="shared" si="121"/>
        <v>129.6036</v>
      </c>
    </row>
    <row r="7787" spans="1:3" x14ac:dyDescent="0.25">
      <c r="A7787" s="2" t="s">
        <v>3360</v>
      </c>
      <c r="B7787" s="6">
        <v>129620.24999999999</v>
      </c>
      <c r="C7787" s="7">
        <f t="shared" si="121"/>
        <v>129.62025</v>
      </c>
    </row>
    <row r="7788" spans="1:3" x14ac:dyDescent="0.25">
      <c r="A7788" s="2" t="s">
        <v>3361</v>
      </c>
      <c r="B7788" s="6">
        <v>129636.9</v>
      </c>
      <c r="C7788" s="7">
        <f t="shared" si="121"/>
        <v>129.6369</v>
      </c>
    </row>
    <row r="7789" spans="1:3" x14ac:dyDescent="0.25">
      <c r="A7789" s="2" t="s">
        <v>3362</v>
      </c>
      <c r="B7789" s="6">
        <v>129653.54999999999</v>
      </c>
      <c r="C7789" s="7">
        <f t="shared" si="121"/>
        <v>129.65355</v>
      </c>
    </row>
    <row r="7790" spans="1:3" x14ac:dyDescent="0.25">
      <c r="A7790" s="2" t="s">
        <v>3363</v>
      </c>
      <c r="B7790" s="6">
        <v>129670.19999999998</v>
      </c>
      <c r="C7790" s="7">
        <f t="shared" si="121"/>
        <v>129.67019999999999</v>
      </c>
    </row>
    <row r="7791" spans="1:3" x14ac:dyDescent="0.25">
      <c r="A7791" s="2" t="s">
        <v>3364</v>
      </c>
      <c r="B7791" s="6">
        <v>129686.84999999999</v>
      </c>
      <c r="C7791" s="7">
        <f t="shared" si="121"/>
        <v>129.68684999999999</v>
      </c>
    </row>
    <row r="7792" spans="1:3" x14ac:dyDescent="0.25">
      <c r="A7792" s="2" t="s">
        <v>3365</v>
      </c>
      <c r="B7792" s="6">
        <v>129703.49999999999</v>
      </c>
      <c r="C7792" s="7">
        <f t="shared" si="121"/>
        <v>129.70349999999999</v>
      </c>
    </row>
    <row r="7793" spans="1:3" x14ac:dyDescent="0.25">
      <c r="A7793" s="2" t="s">
        <v>3366</v>
      </c>
      <c r="B7793" s="6">
        <v>129720.15</v>
      </c>
      <c r="C7793" s="7">
        <f t="shared" si="121"/>
        <v>129.72014999999999</v>
      </c>
    </row>
    <row r="7794" spans="1:3" x14ac:dyDescent="0.25">
      <c r="A7794" s="2" t="s">
        <v>3367</v>
      </c>
      <c r="B7794" s="6">
        <v>129736.79999999999</v>
      </c>
      <c r="C7794" s="7">
        <f t="shared" si="121"/>
        <v>129.73679999999999</v>
      </c>
    </row>
    <row r="7795" spans="1:3" x14ac:dyDescent="0.25">
      <c r="A7795" s="2" t="s">
        <v>3368</v>
      </c>
      <c r="B7795" s="6">
        <v>129753.44999999998</v>
      </c>
      <c r="C7795" s="7">
        <f t="shared" si="121"/>
        <v>129.75344999999999</v>
      </c>
    </row>
    <row r="7796" spans="1:3" x14ac:dyDescent="0.25">
      <c r="A7796" s="2" t="s">
        <v>3369</v>
      </c>
      <c r="B7796" s="6">
        <v>129770.09999999999</v>
      </c>
      <c r="C7796" s="7">
        <f t="shared" si="121"/>
        <v>129.77009999999999</v>
      </c>
    </row>
    <row r="7797" spans="1:3" x14ac:dyDescent="0.25">
      <c r="A7797" s="2" t="s">
        <v>3370</v>
      </c>
      <c r="B7797" s="6">
        <v>129786.74999999999</v>
      </c>
      <c r="C7797" s="7">
        <f t="shared" si="121"/>
        <v>129.78674999999998</v>
      </c>
    </row>
    <row r="7798" spans="1:3" x14ac:dyDescent="0.25">
      <c r="A7798" s="2" t="s">
        <v>3371</v>
      </c>
      <c r="B7798" s="6">
        <v>129803.4</v>
      </c>
      <c r="C7798" s="7">
        <f t="shared" si="121"/>
        <v>129.80339999999998</v>
      </c>
    </row>
    <row r="7799" spans="1:3" x14ac:dyDescent="0.25">
      <c r="A7799" s="2" t="s">
        <v>3372</v>
      </c>
      <c r="B7799" s="6">
        <v>129820.04999999999</v>
      </c>
      <c r="C7799" s="7">
        <f t="shared" si="121"/>
        <v>129.82004999999998</v>
      </c>
    </row>
    <row r="7800" spans="1:3" x14ac:dyDescent="0.25">
      <c r="A7800" s="2" t="s">
        <v>3373</v>
      </c>
      <c r="B7800" s="6">
        <v>129836.69999999998</v>
      </c>
      <c r="C7800" s="7">
        <f t="shared" si="121"/>
        <v>129.83669999999998</v>
      </c>
    </row>
    <row r="7801" spans="1:3" x14ac:dyDescent="0.25">
      <c r="A7801" s="2" t="s">
        <v>3374</v>
      </c>
      <c r="B7801" s="6">
        <v>129853.34999999999</v>
      </c>
      <c r="C7801" s="7">
        <f t="shared" si="121"/>
        <v>129.85334999999998</v>
      </c>
    </row>
    <row r="7802" spans="1:3" x14ac:dyDescent="0.25">
      <c r="A7802" s="2" t="s">
        <v>3375</v>
      </c>
      <c r="B7802" s="6">
        <v>129869.99999999999</v>
      </c>
      <c r="C7802" s="7">
        <f t="shared" si="121"/>
        <v>129.86999999999998</v>
      </c>
    </row>
    <row r="7803" spans="1:3" x14ac:dyDescent="0.25">
      <c r="A7803" s="2" t="s">
        <v>3376</v>
      </c>
      <c r="B7803" s="6">
        <v>129886.65</v>
      </c>
      <c r="C7803" s="7">
        <f t="shared" si="121"/>
        <v>129.88665</v>
      </c>
    </row>
    <row r="7804" spans="1:3" x14ac:dyDescent="0.25">
      <c r="A7804" s="2" t="s">
        <v>3377</v>
      </c>
      <c r="B7804" s="6">
        <v>129903.29999999999</v>
      </c>
      <c r="C7804" s="7">
        <f t="shared" si="121"/>
        <v>129.9033</v>
      </c>
    </row>
    <row r="7805" spans="1:3" x14ac:dyDescent="0.25">
      <c r="A7805" s="2" t="s">
        <v>3378</v>
      </c>
      <c r="B7805" s="6">
        <v>129919.94999999998</v>
      </c>
      <c r="C7805" s="7">
        <f t="shared" si="121"/>
        <v>129.91994999999997</v>
      </c>
    </row>
    <row r="7806" spans="1:3" x14ac:dyDescent="0.25">
      <c r="A7806" s="2" t="s">
        <v>3379</v>
      </c>
      <c r="B7806" s="6">
        <v>129936.59999999999</v>
      </c>
      <c r="C7806" s="7">
        <f t="shared" si="121"/>
        <v>129.9366</v>
      </c>
    </row>
    <row r="7807" spans="1:3" x14ac:dyDescent="0.25">
      <c r="A7807" s="2" t="s">
        <v>3380</v>
      </c>
      <c r="B7807" s="6">
        <v>129953.24999999999</v>
      </c>
      <c r="C7807" s="7">
        <f t="shared" si="121"/>
        <v>129.95325</v>
      </c>
    </row>
    <row r="7808" spans="1:3" x14ac:dyDescent="0.25">
      <c r="A7808" s="2" t="s">
        <v>3381</v>
      </c>
      <c r="B7808" s="6">
        <v>129969.9</v>
      </c>
      <c r="C7808" s="7">
        <f t="shared" si="121"/>
        <v>129.9699</v>
      </c>
    </row>
    <row r="7809" spans="1:3" x14ac:dyDescent="0.25">
      <c r="A7809" s="2" t="s">
        <v>3382</v>
      </c>
      <c r="B7809" s="6">
        <v>129986.54999999999</v>
      </c>
      <c r="C7809" s="7">
        <f t="shared" si="121"/>
        <v>129.98654999999999</v>
      </c>
    </row>
    <row r="7810" spans="1:3" x14ac:dyDescent="0.25">
      <c r="A7810" s="2" t="s">
        <v>3383</v>
      </c>
      <c r="B7810" s="6">
        <v>130003.19999999998</v>
      </c>
      <c r="C7810" s="7">
        <f t="shared" si="121"/>
        <v>130.00319999999999</v>
      </c>
    </row>
    <row r="7811" spans="1:3" x14ac:dyDescent="0.25">
      <c r="A7811" s="2" t="s">
        <v>3384</v>
      </c>
      <c r="B7811" s="6">
        <v>130019.84999999999</v>
      </c>
      <c r="C7811" s="7">
        <f t="shared" ref="C7811:C7874" si="122">B7811/1000</f>
        <v>130.01984999999999</v>
      </c>
    </row>
    <row r="7812" spans="1:3" x14ac:dyDescent="0.25">
      <c r="A7812" s="2" t="s">
        <v>3385</v>
      </c>
      <c r="B7812" s="6">
        <v>130036.49999999999</v>
      </c>
      <c r="C7812" s="7">
        <f t="shared" si="122"/>
        <v>130.03649999999999</v>
      </c>
    </row>
    <row r="7813" spans="1:3" x14ac:dyDescent="0.25">
      <c r="A7813" s="2" t="s">
        <v>3386</v>
      </c>
      <c r="B7813" s="6">
        <v>130053.15</v>
      </c>
      <c r="C7813" s="7">
        <f t="shared" si="122"/>
        <v>130.05314999999999</v>
      </c>
    </row>
    <row r="7814" spans="1:3" x14ac:dyDescent="0.25">
      <c r="A7814" s="2" t="s">
        <v>3387</v>
      </c>
      <c r="B7814" s="6">
        <v>130069.79999999999</v>
      </c>
      <c r="C7814" s="7">
        <f t="shared" si="122"/>
        <v>130.06979999999999</v>
      </c>
    </row>
    <row r="7815" spans="1:3" x14ac:dyDescent="0.25">
      <c r="A7815" s="2" t="s">
        <v>3388</v>
      </c>
      <c r="B7815" s="6">
        <v>130086.44999999998</v>
      </c>
      <c r="C7815" s="7">
        <f t="shared" si="122"/>
        <v>130.08644999999999</v>
      </c>
    </row>
    <row r="7816" spans="1:3" x14ac:dyDescent="0.25">
      <c r="A7816" s="2" t="s">
        <v>3389</v>
      </c>
      <c r="B7816" s="6">
        <v>130103.09999999999</v>
      </c>
      <c r="C7816" s="7">
        <f t="shared" si="122"/>
        <v>130.10309999999998</v>
      </c>
    </row>
    <row r="7817" spans="1:3" x14ac:dyDescent="0.25">
      <c r="A7817" s="2" t="s">
        <v>3390</v>
      </c>
      <c r="B7817" s="6">
        <v>130119.74999999999</v>
      </c>
      <c r="C7817" s="7">
        <f t="shared" si="122"/>
        <v>130.11974999999998</v>
      </c>
    </row>
    <row r="7818" spans="1:3" x14ac:dyDescent="0.25">
      <c r="A7818" s="2" t="s">
        <v>3391</v>
      </c>
      <c r="B7818" s="6">
        <v>130136.4</v>
      </c>
      <c r="C7818" s="7">
        <f t="shared" si="122"/>
        <v>130.13639999999998</v>
      </c>
    </row>
    <row r="7819" spans="1:3" x14ac:dyDescent="0.25">
      <c r="A7819" s="2" t="s">
        <v>3392</v>
      </c>
      <c r="B7819" s="6">
        <v>130153.04999999999</v>
      </c>
      <c r="C7819" s="7">
        <f t="shared" si="122"/>
        <v>130.15304999999998</v>
      </c>
    </row>
    <row r="7820" spans="1:3" x14ac:dyDescent="0.25">
      <c r="A7820" s="2" t="s">
        <v>3393</v>
      </c>
      <c r="B7820" s="6">
        <v>130169.69999999998</v>
      </c>
      <c r="C7820" s="7">
        <f t="shared" si="122"/>
        <v>130.16969999999998</v>
      </c>
    </row>
    <row r="7821" spans="1:3" x14ac:dyDescent="0.25">
      <c r="A7821" s="2" t="s">
        <v>3394</v>
      </c>
      <c r="B7821" s="6">
        <v>130186.34999999999</v>
      </c>
      <c r="C7821" s="7">
        <f t="shared" si="122"/>
        <v>130.18635</v>
      </c>
    </row>
    <row r="7822" spans="1:3" x14ac:dyDescent="0.25">
      <c r="A7822" s="2" t="s">
        <v>3395</v>
      </c>
      <c r="B7822" s="6">
        <v>130202.99999999999</v>
      </c>
      <c r="C7822" s="7">
        <f t="shared" si="122"/>
        <v>130.20299999999997</v>
      </c>
    </row>
    <row r="7823" spans="1:3" x14ac:dyDescent="0.25">
      <c r="A7823" s="2" t="s">
        <v>3396</v>
      </c>
      <c r="B7823" s="6">
        <v>130219.65</v>
      </c>
      <c r="C7823" s="7">
        <f t="shared" si="122"/>
        <v>130.21965</v>
      </c>
    </row>
    <row r="7824" spans="1:3" x14ac:dyDescent="0.25">
      <c r="A7824" s="2" t="s">
        <v>3397</v>
      </c>
      <c r="B7824" s="6">
        <v>130236.29999999999</v>
      </c>
      <c r="C7824" s="7">
        <f t="shared" si="122"/>
        <v>130.2363</v>
      </c>
    </row>
    <row r="7825" spans="1:3" x14ac:dyDescent="0.25">
      <c r="A7825" s="2" t="s">
        <v>3398</v>
      </c>
      <c r="B7825" s="6">
        <v>130252.94999999998</v>
      </c>
      <c r="C7825" s="7">
        <f t="shared" si="122"/>
        <v>130.25294999999997</v>
      </c>
    </row>
    <row r="7826" spans="1:3" x14ac:dyDescent="0.25">
      <c r="A7826" s="2" t="s">
        <v>3399</v>
      </c>
      <c r="B7826" s="6">
        <v>130269.59999999999</v>
      </c>
      <c r="C7826" s="7">
        <f t="shared" si="122"/>
        <v>130.2696</v>
      </c>
    </row>
    <row r="7827" spans="1:3" x14ac:dyDescent="0.25">
      <c r="A7827" s="2" t="s">
        <v>3400</v>
      </c>
      <c r="B7827" s="6">
        <v>130286.24999999999</v>
      </c>
      <c r="C7827" s="7">
        <f t="shared" si="122"/>
        <v>130.28625</v>
      </c>
    </row>
    <row r="7828" spans="1:3" x14ac:dyDescent="0.25">
      <c r="A7828" s="2" t="s">
        <v>3401</v>
      </c>
      <c r="B7828" s="6">
        <v>130302.9</v>
      </c>
      <c r="C7828" s="7">
        <f t="shared" si="122"/>
        <v>130.30289999999999</v>
      </c>
    </row>
    <row r="7829" spans="1:3" x14ac:dyDescent="0.25">
      <c r="A7829" s="2" t="s">
        <v>3402</v>
      </c>
      <c r="B7829" s="6">
        <v>130319.54999999999</v>
      </c>
      <c r="C7829" s="7">
        <f t="shared" si="122"/>
        <v>130.31954999999999</v>
      </c>
    </row>
    <row r="7830" spans="1:3" x14ac:dyDescent="0.25">
      <c r="A7830" s="2" t="s">
        <v>3403</v>
      </c>
      <c r="B7830" s="6">
        <v>130336.19999999998</v>
      </c>
      <c r="C7830" s="7">
        <f t="shared" si="122"/>
        <v>130.33619999999999</v>
      </c>
    </row>
    <row r="7831" spans="1:3" x14ac:dyDescent="0.25">
      <c r="A7831" s="2" t="s">
        <v>3404</v>
      </c>
      <c r="B7831" s="6">
        <v>130352.84999999999</v>
      </c>
      <c r="C7831" s="7">
        <f t="shared" si="122"/>
        <v>130.35284999999999</v>
      </c>
    </row>
    <row r="7832" spans="1:3" x14ac:dyDescent="0.25">
      <c r="A7832" s="2" t="s">
        <v>3405</v>
      </c>
      <c r="B7832" s="6">
        <v>130369.49999999999</v>
      </c>
      <c r="C7832" s="7">
        <f t="shared" si="122"/>
        <v>130.36949999999999</v>
      </c>
    </row>
    <row r="7833" spans="1:3" x14ac:dyDescent="0.25">
      <c r="A7833" s="2" t="s">
        <v>3406</v>
      </c>
      <c r="B7833" s="6">
        <v>130386.15</v>
      </c>
      <c r="C7833" s="7">
        <f t="shared" si="122"/>
        <v>130.38614999999999</v>
      </c>
    </row>
    <row r="7834" spans="1:3" x14ac:dyDescent="0.25">
      <c r="A7834" s="2" t="s">
        <v>3407</v>
      </c>
      <c r="B7834" s="6">
        <v>130402.79999999999</v>
      </c>
      <c r="C7834" s="7">
        <f t="shared" si="122"/>
        <v>130.40279999999998</v>
      </c>
    </row>
    <row r="7835" spans="1:3" x14ac:dyDescent="0.25">
      <c r="A7835" s="2" t="s">
        <v>3408</v>
      </c>
      <c r="B7835" s="6">
        <v>130419.44999999998</v>
      </c>
      <c r="C7835" s="7">
        <f t="shared" si="122"/>
        <v>130.41944999999998</v>
      </c>
    </row>
    <row r="7836" spans="1:3" x14ac:dyDescent="0.25">
      <c r="A7836" s="2" t="s">
        <v>3409</v>
      </c>
      <c r="B7836" s="6">
        <v>130436.09999999999</v>
      </c>
      <c r="C7836" s="7">
        <f t="shared" si="122"/>
        <v>130.43609999999998</v>
      </c>
    </row>
    <row r="7837" spans="1:3" x14ac:dyDescent="0.25">
      <c r="A7837" s="2" t="s">
        <v>3410</v>
      </c>
      <c r="B7837" s="6">
        <v>130452.74999999999</v>
      </c>
      <c r="C7837" s="7">
        <f t="shared" si="122"/>
        <v>130.45274999999998</v>
      </c>
    </row>
    <row r="7838" spans="1:3" x14ac:dyDescent="0.25">
      <c r="A7838" s="2" t="s">
        <v>3411</v>
      </c>
      <c r="B7838" s="6">
        <v>130469.4</v>
      </c>
      <c r="C7838" s="7">
        <f t="shared" si="122"/>
        <v>130.46940000000001</v>
      </c>
    </row>
    <row r="7839" spans="1:3" x14ac:dyDescent="0.25">
      <c r="A7839" s="2" t="s">
        <v>3412</v>
      </c>
      <c r="B7839" s="6">
        <v>130486.04999999999</v>
      </c>
      <c r="C7839" s="7">
        <f t="shared" si="122"/>
        <v>130.48604999999998</v>
      </c>
    </row>
    <row r="7840" spans="1:3" x14ac:dyDescent="0.25">
      <c r="A7840" s="2" t="s">
        <v>3413</v>
      </c>
      <c r="B7840" s="6">
        <v>130502.69999999998</v>
      </c>
      <c r="C7840" s="7">
        <f t="shared" si="122"/>
        <v>130.50269999999998</v>
      </c>
    </row>
    <row r="7841" spans="1:3" x14ac:dyDescent="0.25">
      <c r="A7841" s="2" t="s">
        <v>3414</v>
      </c>
      <c r="B7841" s="6">
        <v>130519.34999999999</v>
      </c>
      <c r="C7841" s="7">
        <f t="shared" si="122"/>
        <v>130.51935</v>
      </c>
    </row>
    <row r="7842" spans="1:3" x14ac:dyDescent="0.25">
      <c r="A7842" s="2" t="s">
        <v>3415</v>
      </c>
      <c r="B7842" s="6">
        <v>130535.99999999999</v>
      </c>
      <c r="C7842" s="7">
        <f t="shared" si="122"/>
        <v>130.53599999999997</v>
      </c>
    </row>
    <row r="7843" spans="1:3" x14ac:dyDescent="0.25">
      <c r="A7843" s="2" t="s">
        <v>3416</v>
      </c>
      <c r="B7843" s="6">
        <v>130552.65</v>
      </c>
      <c r="C7843" s="7">
        <f t="shared" si="122"/>
        <v>130.55265</v>
      </c>
    </row>
    <row r="7844" spans="1:3" x14ac:dyDescent="0.25">
      <c r="A7844" s="2" t="s">
        <v>3417</v>
      </c>
      <c r="B7844" s="6">
        <v>130569.29999999999</v>
      </c>
      <c r="C7844" s="7">
        <f t="shared" si="122"/>
        <v>130.5693</v>
      </c>
    </row>
    <row r="7845" spans="1:3" x14ac:dyDescent="0.25">
      <c r="A7845" s="2" t="s">
        <v>3418</v>
      </c>
      <c r="B7845" s="6">
        <v>130585.94999999998</v>
      </c>
      <c r="C7845" s="7">
        <f t="shared" si="122"/>
        <v>130.58594999999997</v>
      </c>
    </row>
    <row r="7846" spans="1:3" x14ac:dyDescent="0.25">
      <c r="A7846" s="2" t="s">
        <v>3419</v>
      </c>
      <c r="B7846" s="6">
        <v>130602.59999999999</v>
      </c>
      <c r="C7846" s="7">
        <f t="shared" si="122"/>
        <v>130.6026</v>
      </c>
    </row>
    <row r="7847" spans="1:3" x14ac:dyDescent="0.25">
      <c r="A7847" s="2" t="s">
        <v>3420</v>
      </c>
      <c r="B7847" s="6">
        <v>130619.24999999999</v>
      </c>
      <c r="C7847" s="7">
        <f t="shared" si="122"/>
        <v>130.61924999999999</v>
      </c>
    </row>
    <row r="7848" spans="1:3" x14ac:dyDescent="0.25">
      <c r="A7848" s="2" t="s">
        <v>3421</v>
      </c>
      <c r="B7848" s="6">
        <v>130635.9</v>
      </c>
      <c r="C7848" s="7">
        <f t="shared" si="122"/>
        <v>130.63589999999999</v>
      </c>
    </row>
    <row r="7849" spans="1:3" x14ac:dyDescent="0.25">
      <c r="A7849" s="2" t="s">
        <v>3422</v>
      </c>
      <c r="B7849" s="6">
        <v>130652.54999999999</v>
      </c>
      <c r="C7849" s="7">
        <f t="shared" si="122"/>
        <v>130.65254999999999</v>
      </c>
    </row>
    <row r="7850" spans="1:3" x14ac:dyDescent="0.25">
      <c r="A7850" s="2" t="s">
        <v>3423</v>
      </c>
      <c r="B7850" s="6">
        <v>130669.19999999998</v>
      </c>
      <c r="C7850" s="7">
        <f t="shared" si="122"/>
        <v>130.66919999999999</v>
      </c>
    </row>
    <row r="7851" spans="1:3" x14ac:dyDescent="0.25">
      <c r="A7851" s="2" t="s">
        <v>3424</v>
      </c>
      <c r="B7851" s="6">
        <v>130685.84999999999</v>
      </c>
      <c r="C7851" s="7">
        <f t="shared" si="122"/>
        <v>130.68584999999999</v>
      </c>
    </row>
    <row r="7852" spans="1:3" x14ac:dyDescent="0.25">
      <c r="A7852" s="2" t="s">
        <v>3425</v>
      </c>
      <c r="B7852" s="6">
        <v>130702.49999999999</v>
      </c>
      <c r="C7852" s="7">
        <f t="shared" si="122"/>
        <v>130.70249999999999</v>
      </c>
    </row>
    <row r="7853" spans="1:3" x14ac:dyDescent="0.25">
      <c r="A7853" s="2" t="s">
        <v>3426</v>
      </c>
      <c r="B7853" s="6">
        <v>130719.15</v>
      </c>
      <c r="C7853" s="7">
        <f t="shared" si="122"/>
        <v>130.71914999999998</v>
      </c>
    </row>
    <row r="7854" spans="1:3" x14ac:dyDescent="0.25">
      <c r="A7854" s="2" t="s">
        <v>3427</v>
      </c>
      <c r="B7854" s="6">
        <v>130735.79999999999</v>
      </c>
      <c r="C7854" s="7">
        <f t="shared" si="122"/>
        <v>130.73579999999998</v>
      </c>
    </row>
    <row r="7855" spans="1:3" x14ac:dyDescent="0.25">
      <c r="A7855" s="2" t="s">
        <v>3428</v>
      </c>
      <c r="B7855" s="6">
        <v>130752.44999999998</v>
      </c>
      <c r="C7855" s="7">
        <f t="shared" si="122"/>
        <v>130.75244999999998</v>
      </c>
    </row>
    <row r="7856" spans="1:3" x14ac:dyDescent="0.25">
      <c r="A7856" s="2" t="s">
        <v>3429</v>
      </c>
      <c r="B7856" s="6">
        <v>130769.09999999999</v>
      </c>
      <c r="C7856" s="7">
        <f t="shared" si="122"/>
        <v>130.76909999999998</v>
      </c>
    </row>
    <row r="7857" spans="1:3" x14ac:dyDescent="0.25">
      <c r="A7857" s="2" t="s">
        <v>3430</v>
      </c>
      <c r="B7857" s="6">
        <v>130785.74999999999</v>
      </c>
      <c r="C7857" s="7">
        <f t="shared" si="122"/>
        <v>130.78574999999998</v>
      </c>
    </row>
    <row r="7858" spans="1:3" x14ac:dyDescent="0.25">
      <c r="A7858" s="2" t="s">
        <v>3431</v>
      </c>
      <c r="B7858" s="6">
        <v>130802.4</v>
      </c>
      <c r="C7858" s="7">
        <f t="shared" si="122"/>
        <v>130.80240000000001</v>
      </c>
    </row>
    <row r="7859" spans="1:3" x14ac:dyDescent="0.25">
      <c r="A7859" s="2" t="s">
        <v>3432</v>
      </c>
      <c r="B7859" s="6">
        <v>130819.04999999999</v>
      </c>
      <c r="C7859" s="7">
        <f t="shared" si="122"/>
        <v>130.81904999999998</v>
      </c>
    </row>
    <row r="7860" spans="1:3" x14ac:dyDescent="0.25">
      <c r="A7860" s="2" t="s">
        <v>3433</v>
      </c>
      <c r="B7860" s="6">
        <v>130835.69999999998</v>
      </c>
      <c r="C7860" s="7">
        <f t="shared" si="122"/>
        <v>130.83569999999997</v>
      </c>
    </row>
    <row r="7861" spans="1:3" x14ac:dyDescent="0.25">
      <c r="A7861" s="2" t="s">
        <v>3434</v>
      </c>
      <c r="B7861" s="6">
        <v>130852.34999999999</v>
      </c>
      <c r="C7861" s="7">
        <f t="shared" si="122"/>
        <v>130.85235</v>
      </c>
    </row>
    <row r="7862" spans="1:3" x14ac:dyDescent="0.25">
      <c r="A7862" s="2" t="s">
        <v>3435</v>
      </c>
      <c r="B7862" s="6">
        <v>130868.99999999999</v>
      </c>
      <c r="C7862" s="7">
        <f t="shared" si="122"/>
        <v>130.86899999999997</v>
      </c>
    </row>
    <row r="7863" spans="1:3" x14ac:dyDescent="0.25">
      <c r="A7863" s="2" t="s">
        <v>3436</v>
      </c>
      <c r="B7863" s="6">
        <v>130885.65</v>
      </c>
      <c r="C7863" s="7">
        <f t="shared" si="122"/>
        <v>130.88565</v>
      </c>
    </row>
    <row r="7864" spans="1:3" x14ac:dyDescent="0.25">
      <c r="A7864" s="2" t="s">
        <v>3437</v>
      </c>
      <c r="B7864" s="6">
        <v>130902.29999999999</v>
      </c>
      <c r="C7864" s="7">
        <f t="shared" si="122"/>
        <v>130.9023</v>
      </c>
    </row>
    <row r="7865" spans="1:3" x14ac:dyDescent="0.25">
      <c r="A7865" s="2" t="s">
        <v>3438</v>
      </c>
      <c r="B7865" s="6">
        <v>130918.94999999998</v>
      </c>
      <c r="C7865" s="7">
        <f t="shared" si="122"/>
        <v>130.91895</v>
      </c>
    </row>
    <row r="7866" spans="1:3" x14ac:dyDescent="0.25">
      <c r="A7866" s="2" t="s">
        <v>3439</v>
      </c>
      <c r="B7866" s="6">
        <v>130935.59999999999</v>
      </c>
      <c r="C7866" s="7">
        <f t="shared" si="122"/>
        <v>130.93559999999999</v>
      </c>
    </row>
    <row r="7867" spans="1:3" x14ac:dyDescent="0.25">
      <c r="A7867" s="2" t="s">
        <v>3440</v>
      </c>
      <c r="B7867" s="6">
        <v>130952.24999999999</v>
      </c>
      <c r="C7867" s="7">
        <f t="shared" si="122"/>
        <v>130.95224999999999</v>
      </c>
    </row>
    <row r="7868" spans="1:3" x14ac:dyDescent="0.25">
      <c r="A7868" s="2" t="s">
        <v>3441</v>
      </c>
      <c r="B7868" s="6">
        <v>130968.9</v>
      </c>
      <c r="C7868" s="7">
        <f t="shared" si="122"/>
        <v>130.96889999999999</v>
      </c>
    </row>
    <row r="7869" spans="1:3" x14ac:dyDescent="0.25">
      <c r="A7869" s="2" t="s">
        <v>3442</v>
      </c>
      <c r="B7869" s="6">
        <v>130985.54999999999</v>
      </c>
      <c r="C7869" s="7">
        <f t="shared" si="122"/>
        <v>130.98554999999999</v>
      </c>
    </row>
    <row r="7870" spans="1:3" x14ac:dyDescent="0.25">
      <c r="A7870" s="2" t="s">
        <v>3443</v>
      </c>
      <c r="B7870" s="6">
        <v>131002.19999999998</v>
      </c>
      <c r="C7870" s="7">
        <f t="shared" si="122"/>
        <v>131.00219999999999</v>
      </c>
    </row>
    <row r="7871" spans="1:3" x14ac:dyDescent="0.25">
      <c r="A7871" s="2" t="s">
        <v>3444</v>
      </c>
      <c r="B7871" s="6">
        <v>131018.84999999999</v>
      </c>
      <c r="C7871" s="7">
        <f t="shared" si="122"/>
        <v>131.01884999999999</v>
      </c>
    </row>
    <row r="7872" spans="1:3" x14ac:dyDescent="0.25">
      <c r="A7872" s="2" t="s">
        <v>3445</v>
      </c>
      <c r="B7872" s="6">
        <v>131035.49999999999</v>
      </c>
      <c r="C7872" s="7">
        <f t="shared" si="122"/>
        <v>131.03549999999998</v>
      </c>
    </row>
    <row r="7873" spans="1:3" x14ac:dyDescent="0.25">
      <c r="A7873" s="2" t="s">
        <v>3446</v>
      </c>
      <c r="B7873" s="6">
        <v>131052.15</v>
      </c>
      <c r="C7873" s="7">
        <f t="shared" si="122"/>
        <v>131.05214999999998</v>
      </c>
    </row>
    <row r="7874" spans="1:3" x14ac:dyDescent="0.25">
      <c r="A7874" s="2" t="s">
        <v>3447</v>
      </c>
      <c r="B7874" s="6">
        <v>131068.79999999999</v>
      </c>
      <c r="C7874" s="7">
        <f t="shared" si="122"/>
        <v>131.06879999999998</v>
      </c>
    </row>
    <row r="7875" spans="1:3" x14ac:dyDescent="0.25">
      <c r="A7875" s="2" t="s">
        <v>3448</v>
      </c>
      <c r="B7875" s="6">
        <v>131085.44999999998</v>
      </c>
      <c r="C7875" s="7">
        <f t="shared" ref="C7875:C7938" si="123">B7875/1000</f>
        <v>131.08544999999998</v>
      </c>
    </row>
    <row r="7876" spans="1:3" x14ac:dyDescent="0.25">
      <c r="A7876" s="2" t="s">
        <v>3449</v>
      </c>
      <c r="B7876" s="6">
        <v>131102.09999999998</v>
      </c>
      <c r="C7876" s="7">
        <f t="shared" si="123"/>
        <v>131.10209999999998</v>
      </c>
    </row>
    <row r="7877" spans="1:3" x14ac:dyDescent="0.25">
      <c r="A7877" s="2" t="s">
        <v>3450</v>
      </c>
      <c r="B7877" s="6">
        <v>131118.75</v>
      </c>
      <c r="C7877" s="7">
        <f t="shared" si="123"/>
        <v>131.11875000000001</v>
      </c>
    </row>
    <row r="7878" spans="1:3" x14ac:dyDescent="0.25">
      <c r="A7878" s="2" t="s">
        <v>3451</v>
      </c>
      <c r="B7878" s="6">
        <v>131135.4</v>
      </c>
      <c r="C7878" s="7">
        <f t="shared" si="123"/>
        <v>131.1354</v>
      </c>
    </row>
    <row r="7879" spans="1:3" x14ac:dyDescent="0.25">
      <c r="A7879" s="2" t="s">
        <v>3452</v>
      </c>
      <c r="B7879" s="6">
        <v>131152.04999999999</v>
      </c>
      <c r="C7879" s="7">
        <f t="shared" si="123"/>
        <v>131.15204999999997</v>
      </c>
    </row>
    <row r="7880" spans="1:3" x14ac:dyDescent="0.25">
      <c r="A7880" s="2" t="s">
        <v>3453</v>
      </c>
      <c r="B7880" s="6">
        <v>131168.69999999998</v>
      </c>
      <c r="C7880" s="7">
        <f t="shared" si="123"/>
        <v>131.16869999999997</v>
      </c>
    </row>
    <row r="7881" spans="1:3" x14ac:dyDescent="0.25">
      <c r="A7881" s="2" t="s">
        <v>3454</v>
      </c>
      <c r="B7881" s="6">
        <v>131185.34999999998</v>
      </c>
      <c r="C7881" s="7">
        <f t="shared" si="123"/>
        <v>131.18534999999997</v>
      </c>
    </row>
    <row r="7882" spans="1:3" x14ac:dyDescent="0.25">
      <c r="A7882" s="2" t="s">
        <v>3455</v>
      </c>
      <c r="B7882" s="6">
        <v>131202</v>
      </c>
      <c r="C7882" s="7">
        <f t="shared" si="123"/>
        <v>131.202</v>
      </c>
    </row>
    <row r="7883" spans="1:3" x14ac:dyDescent="0.25">
      <c r="A7883" s="2" t="s">
        <v>3456</v>
      </c>
      <c r="B7883" s="6">
        <v>131218.65</v>
      </c>
      <c r="C7883" s="7">
        <f t="shared" si="123"/>
        <v>131.21865</v>
      </c>
    </row>
    <row r="7884" spans="1:3" x14ac:dyDescent="0.25">
      <c r="A7884" s="2" t="s">
        <v>3457</v>
      </c>
      <c r="B7884" s="6">
        <v>131235.29999999999</v>
      </c>
      <c r="C7884" s="7">
        <f t="shared" si="123"/>
        <v>131.2353</v>
      </c>
    </row>
    <row r="7885" spans="1:3" x14ac:dyDescent="0.25">
      <c r="A7885" s="2" t="s">
        <v>3458</v>
      </c>
      <c r="B7885" s="6">
        <v>131251.94999999998</v>
      </c>
      <c r="C7885" s="7">
        <f t="shared" si="123"/>
        <v>131.25194999999999</v>
      </c>
    </row>
    <row r="7886" spans="1:3" x14ac:dyDescent="0.25">
      <c r="A7886" s="2" t="s">
        <v>3459</v>
      </c>
      <c r="B7886" s="6">
        <v>131268.59999999998</v>
      </c>
      <c r="C7886" s="7">
        <f t="shared" si="123"/>
        <v>131.26859999999996</v>
      </c>
    </row>
    <row r="7887" spans="1:3" x14ac:dyDescent="0.25">
      <c r="A7887" s="2" t="s">
        <v>3460</v>
      </c>
      <c r="B7887" s="6">
        <v>131285.25</v>
      </c>
      <c r="C7887" s="7">
        <f t="shared" si="123"/>
        <v>131.28524999999999</v>
      </c>
    </row>
    <row r="7888" spans="1:3" x14ac:dyDescent="0.25">
      <c r="A7888" s="2" t="s">
        <v>3461</v>
      </c>
      <c r="B7888" s="6">
        <v>131301.9</v>
      </c>
      <c r="C7888" s="7">
        <f t="shared" si="123"/>
        <v>131.30189999999999</v>
      </c>
    </row>
    <row r="7889" spans="1:3" x14ac:dyDescent="0.25">
      <c r="A7889" s="2" t="s">
        <v>3462</v>
      </c>
      <c r="B7889" s="6">
        <v>131318.54999999999</v>
      </c>
      <c r="C7889" s="7">
        <f t="shared" si="123"/>
        <v>131.31854999999999</v>
      </c>
    </row>
    <row r="7890" spans="1:3" x14ac:dyDescent="0.25">
      <c r="A7890" s="2" t="s">
        <v>3463</v>
      </c>
      <c r="B7890" s="6">
        <v>131335.19999999998</v>
      </c>
      <c r="C7890" s="7">
        <f t="shared" si="123"/>
        <v>131.33519999999999</v>
      </c>
    </row>
    <row r="7891" spans="1:3" x14ac:dyDescent="0.25">
      <c r="A7891" s="2" t="s">
        <v>3464</v>
      </c>
      <c r="B7891" s="6">
        <v>131351.84999999998</v>
      </c>
      <c r="C7891" s="7">
        <f t="shared" si="123"/>
        <v>131.35184999999998</v>
      </c>
    </row>
    <row r="7892" spans="1:3" x14ac:dyDescent="0.25">
      <c r="A7892" s="2" t="s">
        <v>3465</v>
      </c>
      <c r="B7892" s="6">
        <v>131368.5</v>
      </c>
      <c r="C7892" s="7">
        <f t="shared" si="123"/>
        <v>131.36850000000001</v>
      </c>
    </row>
    <row r="7893" spans="1:3" x14ac:dyDescent="0.25">
      <c r="A7893" s="2" t="s">
        <v>3466</v>
      </c>
      <c r="B7893" s="6">
        <v>131385.15</v>
      </c>
      <c r="C7893" s="7">
        <f t="shared" si="123"/>
        <v>131.38514999999998</v>
      </c>
    </row>
    <row r="7894" spans="1:3" x14ac:dyDescent="0.25">
      <c r="A7894" s="2" t="s">
        <v>3467</v>
      </c>
      <c r="B7894" s="6">
        <v>131401.79999999999</v>
      </c>
      <c r="C7894" s="7">
        <f t="shared" si="123"/>
        <v>131.40179999999998</v>
      </c>
    </row>
    <row r="7895" spans="1:3" x14ac:dyDescent="0.25">
      <c r="A7895" s="2" t="s">
        <v>3468</v>
      </c>
      <c r="B7895" s="6">
        <v>131418.44999999998</v>
      </c>
      <c r="C7895" s="7">
        <f t="shared" si="123"/>
        <v>131.41844999999998</v>
      </c>
    </row>
    <row r="7896" spans="1:3" x14ac:dyDescent="0.25">
      <c r="A7896" s="2" t="s">
        <v>3469</v>
      </c>
      <c r="B7896" s="6">
        <v>131435.09999999998</v>
      </c>
      <c r="C7896" s="7">
        <f t="shared" si="123"/>
        <v>131.43509999999998</v>
      </c>
    </row>
    <row r="7897" spans="1:3" x14ac:dyDescent="0.25">
      <c r="A7897" s="2" t="s">
        <v>3470</v>
      </c>
      <c r="B7897" s="6">
        <v>131451.75</v>
      </c>
      <c r="C7897" s="7">
        <f t="shared" si="123"/>
        <v>131.45175</v>
      </c>
    </row>
    <row r="7898" spans="1:3" x14ac:dyDescent="0.25">
      <c r="A7898" s="2" t="s">
        <v>3471</v>
      </c>
      <c r="B7898" s="6">
        <v>131468.4</v>
      </c>
      <c r="C7898" s="7">
        <f t="shared" si="123"/>
        <v>131.4684</v>
      </c>
    </row>
    <row r="7899" spans="1:3" x14ac:dyDescent="0.25">
      <c r="A7899" s="2" t="s">
        <v>3472</v>
      </c>
      <c r="B7899" s="6">
        <v>131485.04999999999</v>
      </c>
      <c r="C7899" s="7">
        <f t="shared" si="123"/>
        <v>131.48505</v>
      </c>
    </row>
    <row r="7900" spans="1:3" x14ac:dyDescent="0.25">
      <c r="A7900" s="2" t="s">
        <v>3473</v>
      </c>
      <c r="B7900" s="6">
        <v>131501.69999999998</v>
      </c>
      <c r="C7900" s="7">
        <f t="shared" si="123"/>
        <v>131.50169999999997</v>
      </c>
    </row>
    <row r="7901" spans="1:3" x14ac:dyDescent="0.25">
      <c r="A7901" s="2" t="s">
        <v>3474</v>
      </c>
      <c r="B7901" s="6">
        <v>131518.34999999998</v>
      </c>
      <c r="C7901" s="7">
        <f t="shared" si="123"/>
        <v>131.51834999999997</v>
      </c>
    </row>
    <row r="7902" spans="1:3" x14ac:dyDescent="0.25">
      <c r="A7902" s="2" t="s">
        <v>3475</v>
      </c>
      <c r="B7902" s="6">
        <v>131535</v>
      </c>
      <c r="C7902" s="7">
        <f t="shared" si="123"/>
        <v>131.535</v>
      </c>
    </row>
    <row r="7903" spans="1:3" x14ac:dyDescent="0.25">
      <c r="A7903" s="2" t="s">
        <v>3476</v>
      </c>
      <c r="B7903" s="6">
        <v>131551.65</v>
      </c>
      <c r="C7903" s="7">
        <f t="shared" si="123"/>
        <v>131.55165</v>
      </c>
    </row>
    <row r="7904" spans="1:3" x14ac:dyDescent="0.25">
      <c r="A7904" s="2" t="s">
        <v>3477</v>
      </c>
      <c r="B7904" s="6">
        <v>131568.29999999999</v>
      </c>
      <c r="C7904" s="7">
        <f t="shared" si="123"/>
        <v>131.56829999999999</v>
      </c>
    </row>
    <row r="7905" spans="1:3" x14ac:dyDescent="0.25">
      <c r="A7905" s="2" t="s">
        <v>3478</v>
      </c>
      <c r="B7905" s="6">
        <v>131584.94999999998</v>
      </c>
      <c r="C7905" s="7">
        <f t="shared" si="123"/>
        <v>131.58494999999999</v>
      </c>
    </row>
    <row r="7906" spans="1:3" x14ac:dyDescent="0.25">
      <c r="A7906" s="2" t="s">
        <v>3479</v>
      </c>
      <c r="B7906" s="6">
        <v>131601.59999999998</v>
      </c>
      <c r="C7906" s="7">
        <f t="shared" si="123"/>
        <v>131.60159999999999</v>
      </c>
    </row>
    <row r="7907" spans="1:3" x14ac:dyDescent="0.25">
      <c r="A7907" s="2" t="s">
        <v>3480</v>
      </c>
      <c r="B7907" s="6">
        <v>131618.25</v>
      </c>
      <c r="C7907" s="7">
        <f t="shared" si="123"/>
        <v>131.61824999999999</v>
      </c>
    </row>
    <row r="7908" spans="1:3" x14ac:dyDescent="0.25">
      <c r="A7908" s="2" t="s">
        <v>3481</v>
      </c>
      <c r="B7908" s="6">
        <v>131634.9</v>
      </c>
      <c r="C7908" s="7">
        <f t="shared" si="123"/>
        <v>131.63489999999999</v>
      </c>
    </row>
    <row r="7909" spans="1:3" x14ac:dyDescent="0.25">
      <c r="A7909" s="2" t="s">
        <v>3482</v>
      </c>
      <c r="B7909" s="6">
        <v>131651.54999999999</v>
      </c>
      <c r="C7909" s="7">
        <f t="shared" si="123"/>
        <v>131.65154999999999</v>
      </c>
    </row>
    <row r="7910" spans="1:3" x14ac:dyDescent="0.25">
      <c r="A7910" s="2" t="s">
        <v>3483</v>
      </c>
      <c r="B7910" s="6">
        <v>131668.19999999998</v>
      </c>
      <c r="C7910" s="7">
        <f t="shared" si="123"/>
        <v>131.66819999999998</v>
      </c>
    </row>
    <row r="7911" spans="1:3" x14ac:dyDescent="0.25">
      <c r="A7911" s="2" t="s">
        <v>3484</v>
      </c>
      <c r="B7911" s="6">
        <v>131684.84999999998</v>
      </c>
      <c r="C7911" s="7">
        <f t="shared" si="123"/>
        <v>131.68484999999998</v>
      </c>
    </row>
    <row r="7912" spans="1:3" x14ac:dyDescent="0.25">
      <c r="A7912" s="2" t="s">
        <v>3485</v>
      </c>
      <c r="B7912" s="6">
        <v>131701.5</v>
      </c>
      <c r="C7912" s="7">
        <f t="shared" si="123"/>
        <v>131.70150000000001</v>
      </c>
    </row>
    <row r="7913" spans="1:3" x14ac:dyDescent="0.25">
      <c r="A7913" s="2" t="s">
        <v>3486</v>
      </c>
      <c r="B7913" s="6">
        <v>131718.15</v>
      </c>
      <c r="C7913" s="7">
        <f t="shared" si="123"/>
        <v>131.71814999999998</v>
      </c>
    </row>
    <row r="7914" spans="1:3" x14ac:dyDescent="0.25">
      <c r="A7914" s="2" t="s">
        <v>3487</v>
      </c>
      <c r="B7914" s="6">
        <v>131734.79999999999</v>
      </c>
      <c r="C7914" s="7">
        <f t="shared" si="123"/>
        <v>131.73479999999998</v>
      </c>
    </row>
    <row r="7915" spans="1:3" x14ac:dyDescent="0.25">
      <c r="A7915" s="2" t="s">
        <v>3488</v>
      </c>
      <c r="B7915" s="6">
        <v>131751.44999999998</v>
      </c>
      <c r="C7915" s="7">
        <f t="shared" si="123"/>
        <v>131.75144999999998</v>
      </c>
    </row>
    <row r="7916" spans="1:3" x14ac:dyDescent="0.25">
      <c r="A7916" s="2" t="s">
        <v>3489</v>
      </c>
      <c r="B7916" s="6">
        <v>131768.09999999998</v>
      </c>
      <c r="C7916" s="7">
        <f t="shared" si="123"/>
        <v>131.76809999999998</v>
      </c>
    </row>
    <row r="7917" spans="1:3" x14ac:dyDescent="0.25">
      <c r="A7917" s="2" t="s">
        <v>3490</v>
      </c>
      <c r="B7917" s="6">
        <v>131784.75</v>
      </c>
      <c r="C7917" s="7">
        <f t="shared" si="123"/>
        <v>131.78475</v>
      </c>
    </row>
    <row r="7918" spans="1:3" x14ac:dyDescent="0.25">
      <c r="A7918" s="2" t="s">
        <v>3491</v>
      </c>
      <c r="B7918" s="6">
        <v>131801.4</v>
      </c>
      <c r="C7918" s="7">
        <f t="shared" si="123"/>
        <v>131.8014</v>
      </c>
    </row>
    <row r="7919" spans="1:3" x14ac:dyDescent="0.25">
      <c r="A7919" s="2" t="s">
        <v>3492</v>
      </c>
      <c r="B7919" s="6">
        <v>131818.04999999999</v>
      </c>
      <c r="C7919" s="7">
        <f t="shared" si="123"/>
        <v>131.81805</v>
      </c>
    </row>
    <row r="7920" spans="1:3" x14ac:dyDescent="0.25">
      <c r="A7920" s="2" t="s">
        <v>3493</v>
      </c>
      <c r="B7920" s="6">
        <v>131834.69999999998</v>
      </c>
      <c r="C7920" s="7">
        <f t="shared" si="123"/>
        <v>131.83469999999997</v>
      </c>
    </row>
    <row r="7921" spans="1:3" x14ac:dyDescent="0.25">
      <c r="A7921" s="2" t="s">
        <v>3494</v>
      </c>
      <c r="B7921" s="6">
        <v>131851.34999999998</v>
      </c>
      <c r="C7921" s="7">
        <f t="shared" si="123"/>
        <v>131.85134999999997</v>
      </c>
    </row>
    <row r="7922" spans="1:3" x14ac:dyDescent="0.25">
      <c r="A7922" s="2" t="s">
        <v>3495</v>
      </c>
      <c r="B7922" s="6">
        <v>131868</v>
      </c>
      <c r="C7922" s="7">
        <f t="shared" si="123"/>
        <v>131.86799999999999</v>
      </c>
    </row>
    <row r="7923" spans="1:3" x14ac:dyDescent="0.25">
      <c r="A7923" s="2" t="s">
        <v>3496</v>
      </c>
      <c r="B7923" s="6">
        <v>131884.65</v>
      </c>
      <c r="C7923" s="7">
        <f t="shared" si="123"/>
        <v>131.88464999999999</v>
      </c>
    </row>
    <row r="7924" spans="1:3" x14ac:dyDescent="0.25">
      <c r="A7924" s="2" t="s">
        <v>3497</v>
      </c>
      <c r="B7924" s="6">
        <v>131901.29999999999</v>
      </c>
      <c r="C7924" s="7">
        <f t="shared" si="123"/>
        <v>131.90129999999999</v>
      </c>
    </row>
    <row r="7925" spans="1:3" x14ac:dyDescent="0.25">
      <c r="A7925" s="2" t="s">
        <v>3498</v>
      </c>
      <c r="B7925" s="6">
        <v>131917.94999999998</v>
      </c>
      <c r="C7925" s="7">
        <f t="shared" si="123"/>
        <v>131.91794999999999</v>
      </c>
    </row>
    <row r="7926" spans="1:3" x14ac:dyDescent="0.25">
      <c r="A7926" s="2" t="s">
        <v>3499</v>
      </c>
      <c r="B7926" s="6">
        <v>131934.59999999998</v>
      </c>
      <c r="C7926" s="7">
        <f t="shared" si="123"/>
        <v>131.93459999999999</v>
      </c>
    </row>
    <row r="7927" spans="1:3" x14ac:dyDescent="0.25">
      <c r="A7927" s="2" t="s">
        <v>3500</v>
      </c>
      <c r="B7927" s="6">
        <v>131951.25</v>
      </c>
      <c r="C7927" s="7">
        <f t="shared" si="123"/>
        <v>131.95124999999999</v>
      </c>
    </row>
    <row r="7928" spans="1:3" x14ac:dyDescent="0.25">
      <c r="A7928" s="2" t="s">
        <v>3501</v>
      </c>
      <c r="B7928" s="6">
        <v>131967.9</v>
      </c>
      <c r="C7928" s="7">
        <f t="shared" si="123"/>
        <v>131.96789999999999</v>
      </c>
    </row>
    <row r="7929" spans="1:3" x14ac:dyDescent="0.25">
      <c r="A7929" s="2" t="s">
        <v>3502</v>
      </c>
      <c r="B7929" s="6">
        <v>131984.54999999999</v>
      </c>
      <c r="C7929" s="7">
        <f t="shared" si="123"/>
        <v>131.98454999999998</v>
      </c>
    </row>
    <row r="7930" spans="1:3" x14ac:dyDescent="0.25">
      <c r="A7930" s="2" t="s">
        <v>3503</v>
      </c>
      <c r="B7930" s="6">
        <v>132001.19999999998</v>
      </c>
      <c r="C7930" s="7">
        <f t="shared" si="123"/>
        <v>132.00119999999998</v>
      </c>
    </row>
    <row r="7931" spans="1:3" x14ac:dyDescent="0.25">
      <c r="A7931" s="2" t="s">
        <v>3504</v>
      </c>
      <c r="B7931" s="6">
        <v>132017.84999999998</v>
      </c>
      <c r="C7931" s="7">
        <f t="shared" si="123"/>
        <v>132.01784999999998</v>
      </c>
    </row>
    <row r="7932" spans="1:3" x14ac:dyDescent="0.25">
      <c r="A7932" s="2" t="s">
        <v>3505</v>
      </c>
      <c r="B7932" s="6">
        <v>132034.5</v>
      </c>
      <c r="C7932" s="7">
        <f t="shared" si="123"/>
        <v>132.03450000000001</v>
      </c>
    </row>
    <row r="7933" spans="1:3" x14ac:dyDescent="0.25">
      <c r="A7933" s="2" t="s">
        <v>3506</v>
      </c>
      <c r="B7933" s="6">
        <v>132051.15</v>
      </c>
      <c r="C7933" s="7">
        <f t="shared" si="123"/>
        <v>132.05115000000001</v>
      </c>
    </row>
    <row r="7934" spans="1:3" x14ac:dyDescent="0.25">
      <c r="A7934" s="2" t="s">
        <v>3507</v>
      </c>
      <c r="B7934" s="6">
        <v>132067.79999999999</v>
      </c>
      <c r="C7934" s="7">
        <f t="shared" si="123"/>
        <v>132.06779999999998</v>
      </c>
    </row>
    <row r="7935" spans="1:3" x14ac:dyDescent="0.25">
      <c r="A7935" s="2" t="s">
        <v>3508</v>
      </c>
      <c r="B7935" s="6">
        <v>132084.44999999998</v>
      </c>
      <c r="C7935" s="7">
        <f t="shared" si="123"/>
        <v>132.08444999999998</v>
      </c>
    </row>
    <row r="7936" spans="1:3" x14ac:dyDescent="0.25">
      <c r="A7936" s="2" t="s">
        <v>3509</v>
      </c>
      <c r="B7936" s="6">
        <v>132101.09999999998</v>
      </c>
      <c r="C7936" s="7">
        <f t="shared" si="123"/>
        <v>132.10109999999997</v>
      </c>
    </row>
    <row r="7937" spans="1:3" x14ac:dyDescent="0.25">
      <c r="A7937" s="2" t="s">
        <v>3510</v>
      </c>
      <c r="B7937" s="6">
        <v>132117.75</v>
      </c>
      <c r="C7937" s="7">
        <f t="shared" si="123"/>
        <v>132.11775</v>
      </c>
    </row>
    <row r="7938" spans="1:3" x14ac:dyDescent="0.25">
      <c r="A7938" s="2" t="s">
        <v>3511</v>
      </c>
      <c r="B7938" s="6">
        <v>132134.39999999999</v>
      </c>
      <c r="C7938" s="7">
        <f t="shared" si="123"/>
        <v>132.1344</v>
      </c>
    </row>
    <row r="7939" spans="1:3" x14ac:dyDescent="0.25">
      <c r="A7939" s="2" t="s">
        <v>3512</v>
      </c>
      <c r="B7939" s="6">
        <v>132151.04999999999</v>
      </c>
      <c r="C7939" s="7">
        <f t="shared" ref="C7939:C8002" si="124">B7939/1000</f>
        <v>132.15105</v>
      </c>
    </row>
    <row r="7940" spans="1:3" x14ac:dyDescent="0.25">
      <c r="A7940" s="2" t="s">
        <v>3513</v>
      </c>
      <c r="B7940" s="6">
        <v>132167.69999999998</v>
      </c>
      <c r="C7940" s="7">
        <f t="shared" si="124"/>
        <v>132.1677</v>
      </c>
    </row>
    <row r="7941" spans="1:3" x14ac:dyDescent="0.25">
      <c r="A7941" s="2" t="s">
        <v>3514</v>
      </c>
      <c r="B7941" s="6">
        <v>132184.34999999998</v>
      </c>
      <c r="C7941" s="7">
        <f t="shared" si="124"/>
        <v>132.18434999999997</v>
      </c>
    </row>
    <row r="7942" spans="1:3" x14ac:dyDescent="0.25">
      <c r="A7942" s="2" t="s">
        <v>3515</v>
      </c>
      <c r="B7942" s="6">
        <v>132201</v>
      </c>
      <c r="C7942" s="7">
        <f t="shared" si="124"/>
        <v>132.20099999999999</v>
      </c>
    </row>
    <row r="7943" spans="1:3" x14ac:dyDescent="0.25">
      <c r="A7943" s="2" t="s">
        <v>3516</v>
      </c>
      <c r="B7943" s="6">
        <v>132217.65</v>
      </c>
      <c r="C7943" s="7">
        <f t="shared" si="124"/>
        <v>132.21764999999999</v>
      </c>
    </row>
    <row r="7944" spans="1:3" x14ac:dyDescent="0.25">
      <c r="A7944" s="2" t="s">
        <v>3517</v>
      </c>
      <c r="B7944" s="6">
        <v>132234.29999999999</v>
      </c>
      <c r="C7944" s="7">
        <f t="shared" si="124"/>
        <v>132.23429999999999</v>
      </c>
    </row>
    <row r="7945" spans="1:3" x14ac:dyDescent="0.25">
      <c r="A7945" s="2" t="s">
        <v>3518</v>
      </c>
      <c r="B7945" s="6">
        <v>132250.94999999998</v>
      </c>
      <c r="C7945" s="7">
        <f t="shared" si="124"/>
        <v>132.25094999999999</v>
      </c>
    </row>
    <row r="7946" spans="1:3" x14ac:dyDescent="0.25">
      <c r="A7946" s="2" t="s">
        <v>3519</v>
      </c>
      <c r="B7946" s="6">
        <v>132267.59999999998</v>
      </c>
      <c r="C7946" s="7">
        <f t="shared" si="124"/>
        <v>132.26759999999999</v>
      </c>
    </row>
    <row r="7947" spans="1:3" x14ac:dyDescent="0.25">
      <c r="A7947" s="2" t="s">
        <v>3520</v>
      </c>
      <c r="B7947" s="6">
        <v>132284.25</v>
      </c>
      <c r="C7947" s="7">
        <f t="shared" si="124"/>
        <v>132.28424999999999</v>
      </c>
    </row>
    <row r="7948" spans="1:3" x14ac:dyDescent="0.25">
      <c r="A7948" s="2" t="s">
        <v>3521</v>
      </c>
      <c r="B7948" s="6">
        <v>132300.9</v>
      </c>
      <c r="C7948" s="7">
        <f t="shared" si="124"/>
        <v>132.30089999999998</v>
      </c>
    </row>
    <row r="7949" spans="1:3" x14ac:dyDescent="0.25">
      <c r="A7949" s="2" t="s">
        <v>3522</v>
      </c>
      <c r="B7949" s="6">
        <v>132317.54999999999</v>
      </c>
      <c r="C7949" s="7">
        <f t="shared" si="124"/>
        <v>132.31754999999998</v>
      </c>
    </row>
    <row r="7950" spans="1:3" x14ac:dyDescent="0.25">
      <c r="A7950" s="2" t="s">
        <v>3523</v>
      </c>
      <c r="B7950" s="6">
        <v>132334.19999999998</v>
      </c>
      <c r="C7950" s="7">
        <f t="shared" si="124"/>
        <v>132.33419999999998</v>
      </c>
    </row>
    <row r="7951" spans="1:3" x14ac:dyDescent="0.25">
      <c r="A7951" s="2" t="s">
        <v>3524</v>
      </c>
      <c r="B7951" s="6">
        <v>132350.84999999998</v>
      </c>
      <c r="C7951" s="7">
        <f t="shared" si="124"/>
        <v>132.35084999999998</v>
      </c>
    </row>
    <row r="7952" spans="1:3" x14ac:dyDescent="0.25">
      <c r="A7952" s="2" t="s">
        <v>3525</v>
      </c>
      <c r="B7952" s="6">
        <v>132367.5</v>
      </c>
      <c r="C7952" s="7">
        <f t="shared" si="124"/>
        <v>132.36750000000001</v>
      </c>
    </row>
    <row r="7953" spans="1:3" x14ac:dyDescent="0.25">
      <c r="A7953" s="2" t="s">
        <v>3526</v>
      </c>
      <c r="B7953" s="6">
        <v>132384.15</v>
      </c>
      <c r="C7953" s="7">
        <f t="shared" si="124"/>
        <v>132.38415000000001</v>
      </c>
    </row>
    <row r="7954" spans="1:3" x14ac:dyDescent="0.25">
      <c r="A7954" s="2" t="s">
        <v>3527</v>
      </c>
      <c r="B7954" s="6">
        <v>132400.79999999999</v>
      </c>
      <c r="C7954" s="7">
        <f t="shared" si="124"/>
        <v>132.40079999999998</v>
      </c>
    </row>
    <row r="7955" spans="1:3" x14ac:dyDescent="0.25">
      <c r="A7955" s="2" t="s">
        <v>3528</v>
      </c>
      <c r="B7955" s="6">
        <v>132417.44999999998</v>
      </c>
      <c r="C7955" s="7">
        <f t="shared" si="124"/>
        <v>132.41744999999997</v>
      </c>
    </row>
    <row r="7956" spans="1:3" x14ac:dyDescent="0.25">
      <c r="A7956" s="2" t="s">
        <v>3529</v>
      </c>
      <c r="B7956" s="6">
        <v>132434.09999999998</v>
      </c>
      <c r="C7956" s="7">
        <f t="shared" si="124"/>
        <v>132.43409999999997</v>
      </c>
    </row>
    <row r="7957" spans="1:3" x14ac:dyDescent="0.25">
      <c r="A7957" s="2" t="s">
        <v>3530</v>
      </c>
      <c r="B7957" s="6">
        <v>132450.75</v>
      </c>
      <c r="C7957" s="7">
        <f t="shared" si="124"/>
        <v>132.45075</v>
      </c>
    </row>
    <row r="7958" spans="1:3" x14ac:dyDescent="0.25">
      <c r="A7958" s="2" t="s">
        <v>3531</v>
      </c>
      <c r="B7958" s="6">
        <v>132467.4</v>
      </c>
      <c r="C7958" s="7">
        <f t="shared" si="124"/>
        <v>132.4674</v>
      </c>
    </row>
    <row r="7959" spans="1:3" x14ac:dyDescent="0.25">
      <c r="A7959" s="2" t="s">
        <v>3532</v>
      </c>
      <c r="B7959" s="6">
        <v>132484.04999999999</v>
      </c>
      <c r="C7959" s="7">
        <f t="shared" si="124"/>
        <v>132.48405</v>
      </c>
    </row>
    <row r="7960" spans="1:3" x14ac:dyDescent="0.25">
      <c r="A7960" s="2" t="s">
        <v>3533</v>
      </c>
      <c r="B7960" s="6">
        <v>132500.69999999998</v>
      </c>
      <c r="C7960" s="7">
        <f t="shared" si="124"/>
        <v>132.50069999999999</v>
      </c>
    </row>
    <row r="7961" spans="1:3" x14ac:dyDescent="0.25">
      <c r="A7961" s="2" t="s">
        <v>3534</v>
      </c>
      <c r="B7961" s="6">
        <v>132517.34999999998</v>
      </c>
      <c r="C7961" s="7">
        <f t="shared" si="124"/>
        <v>132.51734999999996</v>
      </c>
    </row>
    <row r="7962" spans="1:3" x14ac:dyDescent="0.25">
      <c r="A7962" s="2" t="s">
        <v>3535</v>
      </c>
      <c r="B7962" s="6">
        <v>132534</v>
      </c>
      <c r="C7962" s="7">
        <f t="shared" si="124"/>
        <v>132.53399999999999</v>
      </c>
    </row>
    <row r="7963" spans="1:3" x14ac:dyDescent="0.25">
      <c r="A7963" s="2" t="s">
        <v>3536</v>
      </c>
      <c r="B7963" s="6">
        <v>132550.65</v>
      </c>
      <c r="C7963" s="7">
        <f t="shared" si="124"/>
        <v>132.55064999999999</v>
      </c>
    </row>
    <row r="7964" spans="1:3" x14ac:dyDescent="0.25">
      <c r="A7964" s="2" t="s">
        <v>3537</v>
      </c>
      <c r="B7964" s="6">
        <v>132567.29999999999</v>
      </c>
      <c r="C7964" s="7">
        <f t="shared" si="124"/>
        <v>132.56729999999999</v>
      </c>
    </row>
    <row r="7965" spans="1:3" x14ac:dyDescent="0.25">
      <c r="A7965" s="2" t="s">
        <v>3538</v>
      </c>
      <c r="B7965" s="6">
        <v>132583.94999999998</v>
      </c>
      <c r="C7965" s="7">
        <f t="shared" si="124"/>
        <v>132.58394999999999</v>
      </c>
    </row>
    <row r="7966" spans="1:3" x14ac:dyDescent="0.25">
      <c r="A7966" s="2" t="s">
        <v>3539</v>
      </c>
      <c r="B7966" s="6">
        <v>132600.59999999998</v>
      </c>
      <c r="C7966" s="7">
        <f t="shared" si="124"/>
        <v>132.60059999999999</v>
      </c>
    </row>
    <row r="7967" spans="1:3" x14ac:dyDescent="0.25">
      <c r="A7967" s="2" t="s">
        <v>3540</v>
      </c>
      <c r="B7967" s="6">
        <v>132617.25</v>
      </c>
      <c r="C7967" s="7">
        <f t="shared" si="124"/>
        <v>132.61725000000001</v>
      </c>
    </row>
    <row r="7968" spans="1:3" x14ac:dyDescent="0.25">
      <c r="A7968" s="2" t="s">
        <v>3541</v>
      </c>
      <c r="B7968" s="6">
        <v>132633.9</v>
      </c>
      <c r="C7968" s="7">
        <f t="shared" si="124"/>
        <v>132.63389999999998</v>
      </c>
    </row>
    <row r="7969" spans="1:3" x14ac:dyDescent="0.25">
      <c r="A7969" s="2" t="s">
        <v>3542</v>
      </c>
      <c r="B7969" s="6">
        <v>132650.54999999999</v>
      </c>
      <c r="C7969" s="7">
        <f t="shared" si="124"/>
        <v>132.65054999999998</v>
      </c>
    </row>
    <row r="7970" spans="1:3" x14ac:dyDescent="0.25">
      <c r="A7970" s="2" t="s">
        <v>3543</v>
      </c>
      <c r="B7970" s="6">
        <v>132667.19999999998</v>
      </c>
      <c r="C7970" s="7">
        <f t="shared" si="124"/>
        <v>132.66719999999998</v>
      </c>
    </row>
    <row r="7971" spans="1:3" x14ac:dyDescent="0.25">
      <c r="A7971" s="2" t="s">
        <v>3544</v>
      </c>
      <c r="B7971" s="6">
        <v>132683.84999999998</v>
      </c>
      <c r="C7971" s="7">
        <f t="shared" si="124"/>
        <v>132.68384999999998</v>
      </c>
    </row>
    <row r="7972" spans="1:3" x14ac:dyDescent="0.25">
      <c r="A7972" s="2" t="s">
        <v>3545</v>
      </c>
      <c r="B7972" s="6">
        <v>132700.5</v>
      </c>
      <c r="C7972" s="7">
        <f t="shared" si="124"/>
        <v>132.70050000000001</v>
      </c>
    </row>
    <row r="7973" spans="1:3" x14ac:dyDescent="0.25">
      <c r="A7973" s="2" t="s">
        <v>3546</v>
      </c>
      <c r="B7973" s="6">
        <v>132717.15</v>
      </c>
      <c r="C7973" s="7">
        <f t="shared" si="124"/>
        <v>132.71715</v>
      </c>
    </row>
    <row r="7974" spans="1:3" x14ac:dyDescent="0.25">
      <c r="A7974" s="2" t="s">
        <v>3547</v>
      </c>
      <c r="B7974" s="6">
        <v>132733.79999999999</v>
      </c>
      <c r="C7974" s="7">
        <f t="shared" si="124"/>
        <v>132.7338</v>
      </c>
    </row>
    <row r="7975" spans="1:3" x14ac:dyDescent="0.25">
      <c r="A7975" s="2" t="s">
        <v>3548</v>
      </c>
      <c r="B7975" s="6">
        <v>132750.44999999998</v>
      </c>
      <c r="C7975" s="7">
        <f t="shared" si="124"/>
        <v>132.75044999999997</v>
      </c>
    </row>
    <row r="7976" spans="1:3" x14ac:dyDescent="0.25">
      <c r="A7976" s="2" t="s">
        <v>3549</v>
      </c>
      <c r="B7976" s="6">
        <v>132767.09999999998</v>
      </c>
      <c r="C7976" s="7">
        <f t="shared" si="124"/>
        <v>132.76709999999997</v>
      </c>
    </row>
    <row r="7977" spans="1:3" x14ac:dyDescent="0.25">
      <c r="A7977" s="2" t="s">
        <v>3550</v>
      </c>
      <c r="B7977" s="6">
        <v>132783.75</v>
      </c>
      <c r="C7977" s="7">
        <f t="shared" si="124"/>
        <v>132.78375</v>
      </c>
    </row>
    <row r="7978" spans="1:3" x14ac:dyDescent="0.25">
      <c r="A7978" s="2" t="s">
        <v>3551</v>
      </c>
      <c r="B7978" s="6">
        <v>132800.4</v>
      </c>
      <c r="C7978" s="7">
        <f t="shared" si="124"/>
        <v>132.8004</v>
      </c>
    </row>
    <row r="7979" spans="1:3" x14ac:dyDescent="0.25">
      <c r="A7979" s="2" t="s">
        <v>3552</v>
      </c>
      <c r="B7979" s="6">
        <v>132817.04999999999</v>
      </c>
      <c r="C7979" s="7">
        <f t="shared" si="124"/>
        <v>132.81704999999999</v>
      </c>
    </row>
    <row r="7980" spans="1:3" x14ac:dyDescent="0.25">
      <c r="A7980" s="2" t="s">
        <v>3553</v>
      </c>
      <c r="B7980" s="6">
        <v>132833.69999999998</v>
      </c>
      <c r="C7980" s="7">
        <f t="shared" si="124"/>
        <v>132.83369999999999</v>
      </c>
    </row>
    <row r="7981" spans="1:3" x14ac:dyDescent="0.25">
      <c r="A7981" s="2" t="s">
        <v>3554</v>
      </c>
      <c r="B7981" s="6">
        <v>132850.34999999998</v>
      </c>
      <c r="C7981" s="7">
        <f t="shared" si="124"/>
        <v>132.85034999999996</v>
      </c>
    </row>
    <row r="7982" spans="1:3" x14ac:dyDescent="0.25">
      <c r="A7982" s="2" t="s">
        <v>3555</v>
      </c>
      <c r="B7982" s="6">
        <v>132867</v>
      </c>
      <c r="C7982" s="7">
        <f t="shared" si="124"/>
        <v>132.86699999999999</v>
      </c>
    </row>
    <row r="7983" spans="1:3" x14ac:dyDescent="0.25">
      <c r="A7983" s="2" t="s">
        <v>3556</v>
      </c>
      <c r="B7983" s="6">
        <v>132883.65</v>
      </c>
      <c r="C7983" s="7">
        <f t="shared" si="124"/>
        <v>132.88364999999999</v>
      </c>
    </row>
    <row r="7984" spans="1:3" x14ac:dyDescent="0.25">
      <c r="A7984" s="2" t="s">
        <v>3557</v>
      </c>
      <c r="B7984" s="6">
        <v>132900.29999999999</v>
      </c>
      <c r="C7984" s="7">
        <f t="shared" si="124"/>
        <v>132.90029999999999</v>
      </c>
    </row>
    <row r="7985" spans="1:3" x14ac:dyDescent="0.25">
      <c r="A7985" s="2" t="s">
        <v>3558</v>
      </c>
      <c r="B7985" s="6">
        <v>132916.94999999998</v>
      </c>
      <c r="C7985" s="7">
        <f t="shared" si="124"/>
        <v>132.91694999999999</v>
      </c>
    </row>
    <row r="7986" spans="1:3" x14ac:dyDescent="0.25">
      <c r="A7986" s="2" t="s">
        <v>3559</v>
      </c>
      <c r="B7986" s="6">
        <v>132933.59999999998</v>
      </c>
      <c r="C7986" s="7">
        <f t="shared" si="124"/>
        <v>132.93359999999998</v>
      </c>
    </row>
    <row r="7987" spans="1:3" x14ac:dyDescent="0.25">
      <c r="A7987" s="2" t="s">
        <v>3560</v>
      </c>
      <c r="B7987" s="6">
        <v>132950.25</v>
      </c>
      <c r="C7987" s="7">
        <f t="shared" si="124"/>
        <v>132.95025000000001</v>
      </c>
    </row>
    <row r="7988" spans="1:3" x14ac:dyDescent="0.25">
      <c r="A7988" s="2" t="s">
        <v>3561</v>
      </c>
      <c r="B7988" s="6">
        <v>132966.9</v>
      </c>
      <c r="C7988" s="7">
        <f t="shared" si="124"/>
        <v>132.96689999999998</v>
      </c>
    </row>
    <row r="7989" spans="1:3" x14ac:dyDescent="0.25">
      <c r="A7989" s="2" t="s">
        <v>3562</v>
      </c>
      <c r="B7989" s="6">
        <v>132983.54999999999</v>
      </c>
      <c r="C7989" s="7">
        <f t="shared" si="124"/>
        <v>132.98354999999998</v>
      </c>
    </row>
    <row r="7990" spans="1:3" x14ac:dyDescent="0.25">
      <c r="A7990" s="2" t="s">
        <v>3563</v>
      </c>
      <c r="B7990" s="6">
        <v>133000.19999999998</v>
      </c>
      <c r="C7990" s="7">
        <f t="shared" si="124"/>
        <v>133.00019999999998</v>
      </c>
    </row>
    <row r="7991" spans="1:3" x14ac:dyDescent="0.25">
      <c r="A7991" s="2" t="s">
        <v>3564</v>
      </c>
      <c r="B7991" s="6">
        <v>133016.84999999998</v>
      </c>
      <c r="C7991" s="7">
        <f t="shared" si="124"/>
        <v>133.01684999999998</v>
      </c>
    </row>
    <row r="7992" spans="1:3" x14ac:dyDescent="0.25">
      <c r="A7992" s="2" t="s">
        <v>3565</v>
      </c>
      <c r="B7992" s="6">
        <v>133033.5</v>
      </c>
      <c r="C7992" s="7">
        <f t="shared" si="124"/>
        <v>133.0335</v>
      </c>
    </row>
    <row r="7993" spans="1:3" x14ac:dyDescent="0.25">
      <c r="A7993" s="2" t="s">
        <v>3566</v>
      </c>
      <c r="B7993" s="6">
        <v>133050.15</v>
      </c>
      <c r="C7993" s="7">
        <f t="shared" si="124"/>
        <v>133.05015</v>
      </c>
    </row>
    <row r="7994" spans="1:3" x14ac:dyDescent="0.25">
      <c r="A7994" s="2" t="s">
        <v>3567</v>
      </c>
      <c r="B7994" s="6">
        <v>133066.79999999999</v>
      </c>
      <c r="C7994" s="7">
        <f t="shared" si="124"/>
        <v>133.0668</v>
      </c>
    </row>
    <row r="7995" spans="1:3" x14ac:dyDescent="0.25">
      <c r="A7995" s="2" t="s">
        <v>3568</v>
      </c>
      <c r="B7995" s="6">
        <v>133083.44999999998</v>
      </c>
      <c r="C7995" s="7">
        <f t="shared" si="124"/>
        <v>133.08344999999997</v>
      </c>
    </row>
    <row r="7996" spans="1:3" x14ac:dyDescent="0.25">
      <c r="A7996" s="2" t="s">
        <v>3569</v>
      </c>
      <c r="B7996" s="6">
        <v>133100.09999999998</v>
      </c>
      <c r="C7996" s="7">
        <f t="shared" si="124"/>
        <v>133.10009999999997</v>
      </c>
    </row>
    <row r="7997" spans="1:3" x14ac:dyDescent="0.25">
      <c r="A7997" s="2" t="s">
        <v>3570</v>
      </c>
      <c r="B7997" s="6">
        <v>133116.75</v>
      </c>
      <c r="C7997" s="7">
        <f t="shared" si="124"/>
        <v>133.11675</v>
      </c>
    </row>
    <row r="7998" spans="1:3" x14ac:dyDescent="0.25">
      <c r="A7998" s="2" t="s">
        <v>3571</v>
      </c>
      <c r="B7998" s="6">
        <v>133133.4</v>
      </c>
      <c r="C7998" s="7">
        <f t="shared" si="124"/>
        <v>133.13339999999999</v>
      </c>
    </row>
    <row r="7999" spans="1:3" x14ac:dyDescent="0.25">
      <c r="A7999" s="2" t="s">
        <v>3572</v>
      </c>
      <c r="B7999" s="6">
        <v>133150.04999999999</v>
      </c>
      <c r="C7999" s="7">
        <f t="shared" si="124"/>
        <v>133.15004999999999</v>
      </c>
    </row>
    <row r="8000" spans="1:3" x14ac:dyDescent="0.25">
      <c r="A8000" s="2" t="s">
        <v>3573</v>
      </c>
      <c r="B8000" s="6">
        <v>133166.69999999998</v>
      </c>
      <c r="C8000" s="7">
        <f t="shared" si="124"/>
        <v>133.16669999999999</v>
      </c>
    </row>
    <row r="8001" spans="1:3" x14ac:dyDescent="0.25">
      <c r="A8001" s="2" t="s">
        <v>3574</v>
      </c>
      <c r="B8001" s="6">
        <v>133183.34999999998</v>
      </c>
      <c r="C8001" s="7">
        <f t="shared" si="124"/>
        <v>133.18334999999999</v>
      </c>
    </row>
    <row r="8002" spans="1:3" x14ac:dyDescent="0.25">
      <c r="A8002" s="2" t="s">
        <v>3575</v>
      </c>
      <c r="B8002" s="6">
        <v>133200</v>
      </c>
      <c r="C8002" s="7">
        <f t="shared" si="124"/>
        <v>133.19999999999999</v>
      </c>
    </row>
    <row r="8003" spans="1:3" x14ac:dyDescent="0.25">
      <c r="A8003" s="2" t="s">
        <v>3576</v>
      </c>
      <c r="B8003" s="6">
        <v>133216.65</v>
      </c>
      <c r="C8003" s="7">
        <f t="shared" ref="C8003:C8066" si="125">B8003/1000</f>
        <v>133.21664999999999</v>
      </c>
    </row>
    <row r="8004" spans="1:3" x14ac:dyDescent="0.25">
      <c r="A8004" s="2" t="s">
        <v>3577</v>
      </c>
      <c r="B8004" s="6">
        <v>133233.29999999999</v>
      </c>
      <c r="C8004" s="7">
        <f t="shared" si="125"/>
        <v>133.23329999999999</v>
      </c>
    </row>
    <row r="8005" spans="1:3" x14ac:dyDescent="0.25">
      <c r="A8005" s="2" t="s">
        <v>3578</v>
      </c>
      <c r="B8005" s="6">
        <v>133249.94999999998</v>
      </c>
      <c r="C8005" s="7">
        <f t="shared" si="125"/>
        <v>133.24994999999998</v>
      </c>
    </row>
    <row r="8006" spans="1:3" x14ac:dyDescent="0.25">
      <c r="A8006" s="2" t="s">
        <v>3579</v>
      </c>
      <c r="B8006" s="6">
        <v>133266.59999999998</v>
      </c>
      <c r="C8006" s="7">
        <f t="shared" si="125"/>
        <v>133.26659999999998</v>
      </c>
    </row>
    <row r="8007" spans="1:3" x14ac:dyDescent="0.25">
      <c r="A8007" s="2" t="s">
        <v>3580</v>
      </c>
      <c r="B8007" s="6">
        <v>133283.25</v>
      </c>
      <c r="C8007" s="7">
        <f t="shared" si="125"/>
        <v>133.28325000000001</v>
      </c>
    </row>
    <row r="8008" spans="1:3" x14ac:dyDescent="0.25">
      <c r="A8008" s="2" t="s">
        <v>3581</v>
      </c>
      <c r="B8008" s="6">
        <v>133299.9</v>
      </c>
      <c r="C8008" s="7">
        <f t="shared" si="125"/>
        <v>133.29990000000001</v>
      </c>
    </row>
    <row r="8009" spans="1:3" x14ac:dyDescent="0.25">
      <c r="A8009" s="2" t="s">
        <v>3582</v>
      </c>
      <c r="B8009" s="6">
        <v>133316.54999999999</v>
      </c>
      <c r="C8009" s="7">
        <f t="shared" si="125"/>
        <v>133.31654999999998</v>
      </c>
    </row>
    <row r="8010" spans="1:3" x14ac:dyDescent="0.25">
      <c r="A8010" s="2" t="s">
        <v>3583</v>
      </c>
      <c r="B8010" s="6">
        <v>133333.19999999998</v>
      </c>
      <c r="C8010" s="7">
        <f t="shared" si="125"/>
        <v>133.33319999999998</v>
      </c>
    </row>
    <row r="8011" spans="1:3" x14ac:dyDescent="0.25">
      <c r="A8011" s="2" t="s">
        <v>3584</v>
      </c>
      <c r="B8011" s="6">
        <v>133349.84999999998</v>
      </c>
      <c r="C8011" s="7">
        <f t="shared" si="125"/>
        <v>133.34984999999998</v>
      </c>
    </row>
    <row r="8012" spans="1:3" x14ac:dyDescent="0.25">
      <c r="A8012" s="2" t="s">
        <v>3585</v>
      </c>
      <c r="B8012" s="6">
        <v>133366.5</v>
      </c>
      <c r="C8012" s="7">
        <f t="shared" si="125"/>
        <v>133.3665</v>
      </c>
    </row>
    <row r="8013" spans="1:3" x14ac:dyDescent="0.25">
      <c r="A8013" s="2" t="s">
        <v>3586</v>
      </c>
      <c r="B8013" s="6">
        <v>133383.15</v>
      </c>
      <c r="C8013" s="7">
        <f t="shared" si="125"/>
        <v>133.38315</v>
      </c>
    </row>
    <row r="8014" spans="1:3" x14ac:dyDescent="0.25">
      <c r="A8014" s="2" t="s">
        <v>3587</v>
      </c>
      <c r="B8014" s="6">
        <v>133399.79999999999</v>
      </c>
      <c r="C8014" s="7">
        <f t="shared" si="125"/>
        <v>133.3998</v>
      </c>
    </row>
    <row r="8015" spans="1:3" x14ac:dyDescent="0.25">
      <c r="A8015" s="2" t="s">
        <v>3588</v>
      </c>
      <c r="B8015" s="6">
        <v>133416.44999999998</v>
      </c>
      <c r="C8015" s="7">
        <f t="shared" si="125"/>
        <v>133.41644999999997</v>
      </c>
    </row>
    <row r="8016" spans="1:3" x14ac:dyDescent="0.25">
      <c r="A8016" s="2" t="s">
        <v>3589</v>
      </c>
      <c r="B8016" s="6">
        <v>133433.09999999998</v>
      </c>
      <c r="C8016" s="7">
        <f t="shared" si="125"/>
        <v>133.43309999999997</v>
      </c>
    </row>
    <row r="8017" spans="1:3" x14ac:dyDescent="0.25">
      <c r="A8017" s="2" t="s">
        <v>3590</v>
      </c>
      <c r="B8017" s="6">
        <v>133449.75</v>
      </c>
      <c r="C8017" s="7">
        <f t="shared" si="125"/>
        <v>133.44974999999999</v>
      </c>
    </row>
    <row r="8018" spans="1:3" x14ac:dyDescent="0.25">
      <c r="A8018" s="2" t="s">
        <v>3591</v>
      </c>
      <c r="B8018" s="6">
        <v>133466.4</v>
      </c>
      <c r="C8018" s="7">
        <f t="shared" si="125"/>
        <v>133.46639999999999</v>
      </c>
    </row>
    <row r="8019" spans="1:3" x14ac:dyDescent="0.25">
      <c r="A8019" s="2" t="s">
        <v>3592</v>
      </c>
      <c r="B8019" s="6">
        <v>133483.04999999999</v>
      </c>
      <c r="C8019" s="7">
        <f t="shared" si="125"/>
        <v>133.48304999999999</v>
      </c>
    </row>
    <row r="8020" spans="1:3" x14ac:dyDescent="0.25">
      <c r="A8020" s="2" t="s">
        <v>3593</v>
      </c>
      <c r="B8020" s="6">
        <v>133499.69999999998</v>
      </c>
      <c r="C8020" s="7">
        <f t="shared" si="125"/>
        <v>133.49969999999999</v>
      </c>
    </row>
    <row r="8021" spans="1:3" x14ac:dyDescent="0.25">
      <c r="A8021" s="2" t="s">
        <v>3594</v>
      </c>
      <c r="B8021" s="6">
        <v>133516.34999999998</v>
      </c>
      <c r="C8021" s="7">
        <f t="shared" si="125"/>
        <v>133.51634999999999</v>
      </c>
    </row>
    <row r="8022" spans="1:3" x14ac:dyDescent="0.25">
      <c r="A8022" s="2" t="s">
        <v>3595</v>
      </c>
      <c r="B8022" s="6">
        <v>133533</v>
      </c>
      <c r="C8022" s="7">
        <f t="shared" si="125"/>
        <v>133.53299999999999</v>
      </c>
    </row>
    <row r="8023" spans="1:3" x14ac:dyDescent="0.25">
      <c r="A8023" s="2" t="s">
        <v>3596</v>
      </c>
      <c r="B8023" s="6">
        <v>133549.65</v>
      </c>
      <c r="C8023" s="7">
        <f t="shared" si="125"/>
        <v>133.54964999999999</v>
      </c>
    </row>
    <row r="8024" spans="1:3" x14ac:dyDescent="0.25">
      <c r="A8024" s="2" t="s">
        <v>3597</v>
      </c>
      <c r="B8024" s="6">
        <v>133566.29999999999</v>
      </c>
      <c r="C8024" s="7">
        <f t="shared" si="125"/>
        <v>133.56629999999998</v>
      </c>
    </row>
    <row r="8025" spans="1:3" x14ac:dyDescent="0.25">
      <c r="A8025" s="2" t="s">
        <v>3598</v>
      </c>
      <c r="B8025" s="6">
        <v>133582.94999999998</v>
      </c>
      <c r="C8025" s="7">
        <f t="shared" si="125"/>
        <v>133.58294999999998</v>
      </c>
    </row>
    <row r="8026" spans="1:3" x14ac:dyDescent="0.25">
      <c r="A8026" s="2" t="s">
        <v>3599</v>
      </c>
      <c r="B8026" s="6">
        <v>133599.59999999998</v>
      </c>
      <c r="C8026" s="7">
        <f t="shared" si="125"/>
        <v>133.59959999999998</v>
      </c>
    </row>
    <row r="8027" spans="1:3" x14ac:dyDescent="0.25">
      <c r="A8027" s="2" t="s">
        <v>3600</v>
      </c>
      <c r="B8027" s="6">
        <v>133616.25</v>
      </c>
      <c r="C8027" s="7">
        <f t="shared" si="125"/>
        <v>133.61625000000001</v>
      </c>
    </row>
    <row r="8028" spans="1:3" x14ac:dyDescent="0.25">
      <c r="A8028" s="2" t="s">
        <v>3601</v>
      </c>
      <c r="B8028" s="6">
        <v>133632.9</v>
      </c>
      <c r="C8028" s="7">
        <f t="shared" si="125"/>
        <v>133.63290000000001</v>
      </c>
    </row>
    <row r="8029" spans="1:3" x14ac:dyDescent="0.25">
      <c r="A8029" s="2" t="s">
        <v>3602</v>
      </c>
      <c r="B8029" s="6">
        <v>133649.54999999999</v>
      </c>
      <c r="C8029" s="7">
        <f t="shared" si="125"/>
        <v>133.64954999999998</v>
      </c>
    </row>
    <row r="8030" spans="1:3" x14ac:dyDescent="0.25">
      <c r="A8030" s="2" t="s">
        <v>3603</v>
      </c>
      <c r="B8030" s="6">
        <v>133666.19999999998</v>
      </c>
      <c r="C8030" s="7">
        <f t="shared" si="125"/>
        <v>133.66619999999998</v>
      </c>
    </row>
    <row r="8031" spans="1:3" x14ac:dyDescent="0.25">
      <c r="A8031" s="2" t="s">
        <v>3604</v>
      </c>
      <c r="B8031" s="6">
        <v>133682.84999999998</v>
      </c>
      <c r="C8031" s="7">
        <f t="shared" si="125"/>
        <v>133.68284999999997</v>
      </c>
    </row>
    <row r="8032" spans="1:3" x14ac:dyDescent="0.25">
      <c r="A8032" s="2" t="s">
        <v>3605</v>
      </c>
      <c r="B8032" s="6">
        <v>133699.5</v>
      </c>
      <c r="C8032" s="7">
        <f t="shared" si="125"/>
        <v>133.6995</v>
      </c>
    </row>
    <row r="8033" spans="1:3" x14ac:dyDescent="0.25">
      <c r="A8033" s="2" t="s">
        <v>3606</v>
      </c>
      <c r="B8033" s="6">
        <v>133716.15</v>
      </c>
      <c r="C8033" s="7">
        <f t="shared" si="125"/>
        <v>133.71615</v>
      </c>
    </row>
    <row r="8034" spans="1:3" x14ac:dyDescent="0.25">
      <c r="A8034" s="2" t="s">
        <v>3607</v>
      </c>
      <c r="B8034" s="6">
        <v>133732.79999999999</v>
      </c>
      <c r="C8034" s="7">
        <f t="shared" si="125"/>
        <v>133.7328</v>
      </c>
    </row>
    <row r="8035" spans="1:3" x14ac:dyDescent="0.25">
      <c r="A8035" s="2" t="s">
        <v>3608</v>
      </c>
      <c r="B8035" s="6">
        <v>133749.44999999998</v>
      </c>
      <c r="C8035" s="7">
        <f t="shared" si="125"/>
        <v>133.74945</v>
      </c>
    </row>
    <row r="8036" spans="1:3" x14ac:dyDescent="0.25">
      <c r="A8036" s="2" t="s">
        <v>3609</v>
      </c>
      <c r="B8036" s="6">
        <v>133766.09999999998</v>
      </c>
      <c r="C8036" s="7">
        <f t="shared" si="125"/>
        <v>133.76609999999997</v>
      </c>
    </row>
    <row r="8037" spans="1:3" x14ac:dyDescent="0.25">
      <c r="A8037" s="2" t="s">
        <v>3610</v>
      </c>
      <c r="B8037" s="6">
        <v>133782.75</v>
      </c>
      <c r="C8037" s="7">
        <f t="shared" si="125"/>
        <v>133.78274999999999</v>
      </c>
    </row>
    <row r="8038" spans="1:3" x14ac:dyDescent="0.25">
      <c r="A8038" s="2" t="s">
        <v>3611</v>
      </c>
      <c r="B8038" s="6">
        <v>133799.4</v>
      </c>
      <c r="C8038" s="7">
        <f t="shared" si="125"/>
        <v>133.79939999999999</v>
      </c>
    </row>
    <row r="8039" spans="1:3" x14ac:dyDescent="0.25">
      <c r="A8039" s="2" t="s">
        <v>3612</v>
      </c>
      <c r="B8039" s="6">
        <v>133816.04999999999</v>
      </c>
      <c r="C8039" s="7">
        <f t="shared" si="125"/>
        <v>133.81604999999999</v>
      </c>
    </row>
    <row r="8040" spans="1:3" x14ac:dyDescent="0.25">
      <c r="A8040" s="2" t="s">
        <v>3613</v>
      </c>
      <c r="B8040" s="6">
        <v>133832.69999999998</v>
      </c>
      <c r="C8040" s="7">
        <f t="shared" si="125"/>
        <v>133.83269999999999</v>
      </c>
    </row>
    <row r="8041" spans="1:3" x14ac:dyDescent="0.25">
      <c r="A8041" s="2" t="s">
        <v>3614</v>
      </c>
      <c r="B8041" s="6">
        <v>133849.34999999998</v>
      </c>
      <c r="C8041" s="7">
        <f t="shared" si="125"/>
        <v>133.84934999999999</v>
      </c>
    </row>
    <row r="8042" spans="1:3" x14ac:dyDescent="0.25">
      <c r="A8042" s="2" t="s">
        <v>3615</v>
      </c>
      <c r="B8042" s="6">
        <v>133866</v>
      </c>
      <c r="C8042" s="7">
        <f t="shared" si="125"/>
        <v>133.86600000000001</v>
      </c>
    </row>
    <row r="8043" spans="1:3" x14ac:dyDescent="0.25">
      <c r="A8043" s="2" t="s">
        <v>3616</v>
      </c>
      <c r="B8043" s="6">
        <v>133882.65</v>
      </c>
      <c r="C8043" s="7">
        <f t="shared" si="125"/>
        <v>133.88264999999998</v>
      </c>
    </row>
    <row r="8044" spans="1:3" x14ac:dyDescent="0.25">
      <c r="A8044" s="2" t="s">
        <v>3617</v>
      </c>
      <c r="B8044" s="6">
        <v>133899.29999999999</v>
      </c>
      <c r="C8044" s="7">
        <f t="shared" si="125"/>
        <v>133.89929999999998</v>
      </c>
    </row>
    <row r="8045" spans="1:3" x14ac:dyDescent="0.25">
      <c r="A8045" s="2" t="s">
        <v>3618</v>
      </c>
      <c r="B8045" s="6">
        <v>133915.94999999998</v>
      </c>
      <c r="C8045" s="7">
        <f t="shared" si="125"/>
        <v>133.91594999999998</v>
      </c>
    </row>
    <row r="8046" spans="1:3" x14ac:dyDescent="0.25">
      <c r="A8046" s="2" t="s">
        <v>3619</v>
      </c>
      <c r="B8046" s="6">
        <v>133932.59999999998</v>
      </c>
      <c r="C8046" s="7">
        <f t="shared" si="125"/>
        <v>133.93259999999998</v>
      </c>
    </row>
    <row r="8047" spans="1:3" x14ac:dyDescent="0.25">
      <c r="A8047" s="2" t="s">
        <v>3620</v>
      </c>
      <c r="B8047" s="6">
        <v>133949.25</v>
      </c>
      <c r="C8047" s="7">
        <f t="shared" si="125"/>
        <v>133.94925000000001</v>
      </c>
    </row>
    <row r="8048" spans="1:3" x14ac:dyDescent="0.25">
      <c r="A8048" s="2" t="s">
        <v>3621</v>
      </c>
      <c r="B8048" s="6">
        <v>133965.9</v>
      </c>
      <c r="C8048" s="7">
        <f t="shared" si="125"/>
        <v>133.9659</v>
      </c>
    </row>
    <row r="8049" spans="1:3" x14ac:dyDescent="0.25">
      <c r="A8049" s="2" t="s">
        <v>3622</v>
      </c>
      <c r="B8049" s="6">
        <v>133982.54999999999</v>
      </c>
      <c r="C8049" s="7">
        <f t="shared" si="125"/>
        <v>133.98254999999997</v>
      </c>
    </row>
    <row r="8050" spans="1:3" x14ac:dyDescent="0.25">
      <c r="A8050" s="2" t="s">
        <v>3623</v>
      </c>
      <c r="B8050" s="6">
        <v>133999.19999999998</v>
      </c>
      <c r="C8050" s="7">
        <f t="shared" si="125"/>
        <v>133.99919999999997</v>
      </c>
    </row>
    <row r="8051" spans="1:3" x14ac:dyDescent="0.25">
      <c r="A8051" s="2" t="s">
        <v>3624</v>
      </c>
      <c r="B8051" s="6">
        <v>134015.84999999998</v>
      </c>
      <c r="C8051" s="7">
        <f t="shared" si="125"/>
        <v>134.01584999999997</v>
      </c>
    </row>
    <row r="8052" spans="1:3" x14ac:dyDescent="0.25">
      <c r="A8052" s="2" t="s">
        <v>3625</v>
      </c>
      <c r="B8052" s="6">
        <v>134032.5</v>
      </c>
      <c r="C8052" s="7">
        <f t="shared" si="125"/>
        <v>134.0325</v>
      </c>
    </row>
    <row r="8053" spans="1:3" x14ac:dyDescent="0.25">
      <c r="A8053" s="2" t="s">
        <v>3626</v>
      </c>
      <c r="B8053" s="6">
        <v>134049.15</v>
      </c>
      <c r="C8053" s="7">
        <f t="shared" si="125"/>
        <v>134.04915</v>
      </c>
    </row>
    <row r="8054" spans="1:3" x14ac:dyDescent="0.25">
      <c r="A8054" s="2" t="s">
        <v>3627</v>
      </c>
      <c r="B8054" s="6">
        <v>134065.79999999999</v>
      </c>
      <c r="C8054" s="7">
        <f t="shared" si="125"/>
        <v>134.0658</v>
      </c>
    </row>
    <row r="8055" spans="1:3" x14ac:dyDescent="0.25">
      <c r="A8055" s="2" t="s">
        <v>3628</v>
      </c>
      <c r="B8055" s="6">
        <v>134082.44999999998</v>
      </c>
      <c r="C8055" s="7">
        <f t="shared" si="125"/>
        <v>134.08244999999999</v>
      </c>
    </row>
    <row r="8056" spans="1:3" x14ac:dyDescent="0.25">
      <c r="A8056" s="2" t="s">
        <v>3629</v>
      </c>
      <c r="B8056" s="6">
        <v>134099.09999999998</v>
      </c>
      <c r="C8056" s="7">
        <f t="shared" si="125"/>
        <v>134.09909999999996</v>
      </c>
    </row>
    <row r="8057" spans="1:3" x14ac:dyDescent="0.25">
      <c r="A8057" s="2" t="s">
        <v>3630</v>
      </c>
      <c r="B8057" s="6">
        <v>134115.75</v>
      </c>
      <c r="C8057" s="7">
        <f t="shared" si="125"/>
        <v>134.11574999999999</v>
      </c>
    </row>
    <row r="8058" spans="1:3" x14ac:dyDescent="0.25">
      <c r="A8058" s="2" t="s">
        <v>3631</v>
      </c>
      <c r="B8058" s="6">
        <v>134132.4</v>
      </c>
      <c r="C8058" s="7">
        <f t="shared" si="125"/>
        <v>134.13239999999999</v>
      </c>
    </row>
    <row r="8059" spans="1:3" x14ac:dyDescent="0.25">
      <c r="A8059" s="2" t="s">
        <v>3632</v>
      </c>
      <c r="B8059" s="6">
        <v>134149.04999999999</v>
      </c>
      <c r="C8059" s="7">
        <f t="shared" si="125"/>
        <v>134.14904999999999</v>
      </c>
    </row>
    <row r="8060" spans="1:3" x14ac:dyDescent="0.25">
      <c r="A8060" s="2" t="s">
        <v>3633</v>
      </c>
      <c r="B8060" s="6">
        <v>134165.69999999998</v>
      </c>
      <c r="C8060" s="7">
        <f t="shared" si="125"/>
        <v>134.16569999999999</v>
      </c>
    </row>
    <row r="8061" spans="1:3" x14ac:dyDescent="0.25">
      <c r="A8061" s="2" t="s">
        <v>3634</v>
      </c>
      <c r="B8061" s="6">
        <v>134182.34999999998</v>
      </c>
      <c r="C8061" s="7">
        <f t="shared" si="125"/>
        <v>134.18234999999999</v>
      </c>
    </row>
    <row r="8062" spans="1:3" x14ac:dyDescent="0.25">
      <c r="A8062" s="2" t="s">
        <v>3635</v>
      </c>
      <c r="B8062" s="6">
        <v>134199</v>
      </c>
      <c r="C8062" s="7">
        <f t="shared" si="125"/>
        <v>134.19900000000001</v>
      </c>
    </row>
    <row r="8063" spans="1:3" x14ac:dyDescent="0.25">
      <c r="A8063" s="2" t="s">
        <v>3636</v>
      </c>
      <c r="B8063" s="6">
        <v>134215.65</v>
      </c>
      <c r="C8063" s="7">
        <f t="shared" si="125"/>
        <v>134.21564999999998</v>
      </c>
    </row>
    <row r="8064" spans="1:3" x14ac:dyDescent="0.25">
      <c r="A8064" s="2" t="s">
        <v>3637</v>
      </c>
      <c r="B8064" s="6">
        <v>134232.29999999999</v>
      </c>
      <c r="C8064" s="7">
        <f t="shared" si="125"/>
        <v>134.23229999999998</v>
      </c>
    </row>
    <row r="8065" spans="1:3" x14ac:dyDescent="0.25">
      <c r="A8065" s="2" t="s">
        <v>3638</v>
      </c>
      <c r="B8065" s="6">
        <v>134248.94999999998</v>
      </c>
      <c r="C8065" s="7">
        <f t="shared" si="125"/>
        <v>134.24894999999998</v>
      </c>
    </row>
    <row r="8066" spans="1:3" x14ac:dyDescent="0.25">
      <c r="A8066" s="2" t="s">
        <v>3639</v>
      </c>
      <c r="B8066" s="6">
        <v>134265.59999999998</v>
      </c>
      <c r="C8066" s="7">
        <f t="shared" si="125"/>
        <v>134.26559999999998</v>
      </c>
    </row>
    <row r="8067" spans="1:3" x14ac:dyDescent="0.25">
      <c r="A8067" s="2" t="s">
        <v>3640</v>
      </c>
      <c r="B8067" s="6">
        <v>134282.25</v>
      </c>
      <c r="C8067" s="7">
        <f t="shared" ref="C8067:C8130" si="126">B8067/1000</f>
        <v>134.28225</v>
      </c>
    </row>
    <row r="8068" spans="1:3" x14ac:dyDescent="0.25">
      <c r="A8068" s="2" t="s">
        <v>3641</v>
      </c>
      <c r="B8068" s="6">
        <v>134298.9</v>
      </c>
      <c r="C8068" s="7">
        <f t="shared" si="126"/>
        <v>134.2989</v>
      </c>
    </row>
    <row r="8069" spans="1:3" x14ac:dyDescent="0.25">
      <c r="A8069" s="2" t="s">
        <v>3642</v>
      </c>
      <c r="B8069" s="6">
        <v>134315.54999999999</v>
      </c>
      <c r="C8069" s="7">
        <f t="shared" si="126"/>
        <v>134.31555</v>
      </c>
    </row>
    <row r="8070" spans="1:3" x14ac:dyDescent="0.25">
      <c r="A8070" s="2" t="s">
        <v>3643</v>
      </c>
      <c r="B8070" s="6">
        <v>134332.19999999998</v>
      </c>
      <c r="C8070" s="7">
        <f t="shared" si="126"/>
        <v>134.33219999999997</v>
      </c>
    </row>
    <row r="8071" spans="1:3" x14ac:dyDescent="0.25">
      <c r="A8071" s="2" t="s">
        <v>3644</v>
      </c>
      <c r="B8071" s="6">
        <v>134348.84999999998</v>
      </c>
      <c r="C8071" s="7">
        <f t="shared" si="126"/>
        <v>134.34884999999997</v>
      </c>
    </row>
    <row r="8072" spans="1:3" x14ac:dyDescent="0.25">
      <c r="A8072" s="2" t="s">
        <v>3645</v>
      </c>
      <c r="B8072" s="6">
        <v>134365.5</v>
      </c>
      <c r="C8072" s="7">
        <f t="shared" si="126"/>
        <v>134.3655</v>
      </c>
    </row>
    <row r="8073" spans="1:3" x14ac:dyDescent="0.25">
      <c r="A8073" s="2" t="s">
        <v>3646</v>
      </c>
      <c r="B8073" s="6">
        <v>134382.15</v>
      </c>
      <c r="C8073" s="7">
        <f t="shared" si="126"/>
        <v>134.38215</v>
      </c>
    </row>
    <row r="8074" spans="1:3" x14ac:dyDescent="0.25">
      <c r="A8074" s="2" t="s">
        <v>3647</v>
      </c>
      <c r="B8074" s="6">
        <v>134398.79999999999</v>
      </c>
      <c r="C8074" s="7">
        <f t="shared" si="126"/>
        <v>134.39879999999999</v>
      </c>
    </row>
    <row r="8075" spans="1:3" x14ac:dyDescent="0.25">
      <c r="A8075" s="2" t="s">
        <v>3648</v>
      </c>
      <c r="B8075" s="6">
        <v>134415.44999999998</v>
      </c>
      <c r="C8075" s="7">
        <f t="shared" si="126"/>
        <v>134.41544999999999</v>
      </c>
    </row>
    <row r="8076" spans="1:3" x14ac:dyDescent="0.25">
      <c r="A8076" s="2" t="s">
        <v>3649</v>
      </c>
      <c r="B8076" s="6">
        <v>134432.09999999998</v>
      </c>
      <c r="C8076" s="7">
        <f t="shared" si="126"/>
        <v>134.43209999999996</v>
      </c>
    </row>
    <row r="8077" spans="1:3" x14ac:dyDescent="0.25">
      <c r="A8077" s="2" t="s">
        <v>3650</v>
      </c>
      <c r="B8077" s="6">
        <v>134448.75</v>
      </c>
      <c r="C8077" s="7">
        <f t="shared" si="126"/>
        <v>134.44874999999999</v>
      </c>
    </row>
    <row r="8078" spans="1:3" x14ac:dyDescent="0.25">
      <c r="A8078" s="2" t="s">
        <v>3651</v>
      </c>
      <c r="B8078" s="6">
        <v>134465.4</v>
      </c>
      <c r="C8078" s="7">
        <f t="shared" si="126"/>
        <v>134.46539999999999</v>
      </c>
    </row>
    <row r="8079" spans="1:3" x14ac:dyDescent="0.25">
      <c r="A8079" s="2" t="s">
        <v>3652</v>
      </c>
      <c r="B8079" s="6">
        <v>134482.04999999999</v>
      </c>
      <c r="C8079" s="7">
        <f t="shared" si="126"/>
        <v>134.48204999999999</v>
      </c>
    </row>
    <row r="8080" spans="1:3" x14ac:dyDescent="0.25">
      <c r="A8080" s="2" t="s">
        <v>3653</v>
      </c>
      <c r="B8080" s="6">
        <v>134498.69999999998</v>
      </c>
      <c r="C8080" s="7">
        <f t="shared" si="126"/>
        <v>134.49869999999999</v>
      </c>
    </row>
    <row r="8081" spans="1:3" x14ac:dyDescent="0.25">
      <c r="A8081" s="2" t="s">
        <v>3654</v>
      </c>
      <c r="B8081" s="6">
        <v>134515.34999999998</v>
      </c>
      <c r="C8081" s="7">
        <f t="shared" si="126"/>
        <v>134.51534999999998</v>
      </c>
    </row>
    <row r="8082" spans="1:3" x14ac:dyDescent="0.25">
      <c r="A8082" s="2" t="s">
        <v>3655</v>
      </c>
      <c r="B8082" s="6">
        <v>134532</v>
      </c>
      <c r="C8082" s="7">
        <f t="shared" si="126"/>
        <v>134.53200000000001</v>
      </c>
    </row>
    <row r="8083" spans="1:3" x14ac:dyDescent="0.25">
      <c r="A8083" s="2" t="s">
        <v>3656</v>
      </c>
      <c r="B8083" s="6">
        <v>134548.65</v>
      </c>
      <c r="C8083" s="7">
        <f t="shared" si="126"/>
        <v>134.54864999999998</v>
      </c>
    </row>
    <row r="8084" spans="1:3" x14ac:dyDescent="0.25">
      <c r="A8084" s="2" t="s">
        <v>3657</v>
      </c>
      <c r="B8084" s="6">
        <v>134565.29999999999</v>
      </c>
      <c r="C8084" s="7">
        <f t="shared" si="126"/>
        <v>134.56529999999998</v>
      </c>
    </row>
    <row r="8085" spans="1:3" x14ac:dyDescent="0.25">
      <c r="A8085" s="2" t="s">
        <v>3658</v>
      </c>
      <c r="B8085" s="6">
        <v>134581.94999999998</v>
      </c>
      <c r="C8085" s="7">
        <f t="shared" si="126"/>
        <v>134.58194999999998</v>
      </c>
    </row>
    <row r="8086" spans="1:3" x14ac:dyDescent="0.25">
      <c r="A8086" s="2" t="s">
        <v>3659</v>
      </c>
      <c r="B8086" s="6">
        <v>134598.59999999998</v>
      </c>
      <c r="C8086" s="7">
        <f t="shared" si="126"/>
        <v>134.59859999999998</v>
      </c>
    </row>
    <row r="8087" spans="1:3" x14ac:dyDescent="0.25">
      <c r="A8087" s="2" t="s">
        <v>3660</v>
      </c>
      <c r="B8087" s="6">
        <v>134615.25</v>
      </c>
      <c r="C8087" s="7">
        <f t="shared" si="126"/>
        <v>134.61525</v>
      </c>
    </row>
    <row r="8088" spans="1:3" x14ac:dyDescent="0.25">
      <c r="A8088" s="2" t="s">
        <v>3661</v>
      </c>
      <c r="B8088" s="6">
        <v>134631.9</v>
      </c>
      <c r="C8088" s="7">
        <f t="shared" si="126"/>
        <v>134.6319</v>
      </c>
    </row>
    <row r="8089" spans="1:3" x14ac:dyDescent="0.25">
      <c r="A8089" s="2" t="s">
        <v>3662</v>
      </c>
      <c r="B8089" s="6">
        <v>134648.54999999999</v>
      </c>
      <c r="C8089" s="7">
        <f t="shared" si="126"/>
        <v>134.64855</v>
      </c>
    </row>
    <row r="8090" spans="1:3" x14ac:dyDescent="0.25">
      <c r="A8090" s="2" t="s">
        <v>3663</v>
      </c>
      <c r="B8090" s="6">
        <v>134665.19999999998</v>
      </c>
      <c r="C8090" s="7">
        <f t="shared" si="126"/>
        <v>134.66519999999997</v>
      </c>
    </row>
    <row r="8091" spans="1:3" x14ac:dyDescent="0.25">
      <c r="A8091" s="2" t="s">
        <v>3664</v>
      </c>
      <c r="B8091" s="6">
        <v>134681.84999999998</v>
      </c>
      <c r="C8091" s="7">
        <f t="shared" si="126"/>
        <v>134.68184999999997</v>
      </c>
    </row>
    <row r="8092" spans="1:3" x14ac:dyDescent="0.25">
      <c r="A8092" s="2" t="s">
        <v>3665</v>
      </c>
      <c r="B8092" s="6">
        <v>134698.5</v>
      </c>
      <c r="C8092" s="7">
        <f t="shared" si="126"/>
        <v>134.6985</v>
      </c>
    </row>
    <row r="8093" spans="1:3" x14ac:dyDescent="0.25">
      <c r="A8093" s="2" t="s">
        <v>3666</v>
      </c>
      <c r="B8093" s="6">
        <v>134715.15</v>
      </c>
      <c r="C8093" s="7">
        <f t="shared" si="126"/>
        <v>134.71514999999999</v>
      </c>
    </row>
    <row r="8094" spans="1:3" x14ac:dyDescent="0.25">
      <c r="A8094" s="2" t="s">
        <v>3667</v>
      </c>
      <c r="B8094" s="6">
        <v>134731.79999999999</v>
      </c>
      <c r="C8094" s="7">
        <f t="shared" si="126"/>
        <v>134.73179999999999</v>
      </c>
    </row>
    <row r="8095" spans="1:3" x14ac:dyDescent="0.25">
      <c r="A8095" s="2" t="s">
        <v>3668</v>
      </c>
      <c r="B8095" s="6">
        <v>134748.44999999998</v>
      </c>
      <c r="C8095" s="7">
        <f t="shared" si="126"/>
        <v>134.74844999999999</v>
      </c>
    </row>
    <row r="8096" spans="1:3" x14ac:dyDescent="0.25">
      <c r="A8096" s="2" t="s">
        <v>3669</v>
      </c>
      <c r="B8096" s="6">
        <v>134765.09999999998</v>
      </c>
      <c r="C8096" s="7">
        <f t="shared" si="126"/>
        <v>134.76509999999999</v>
      </c>
    </row>
    <row r="8097" spans="1:3" x14ac:dyDescent="0.25">
      <c r="A8097" s="2" t="s">
        <v>3670</v>
      </c>
      <c r="B8097" s="6">
        <v>134781.75</v>
      </c>
      <c r="C8097" s="7">
        <f t="shared" si="126"/>
        <v>134.78174999999999</v>
      </c>
    </row>
    <row r="8098" spans="1:3" x14ac:dyDescent="0.25">
      <c r="A8098" s="2" t="s">
        <v>3671</v>
      </c>
      <c r="B8098" s="6">
        <v>134798.39999999999</v>
      </c>
      <c r="C8098" s="7">
        <f t="shared" si="126"/>
        <v>134.79839999999999</v>
      </c>
    </row>
    <row r="8099" spans="1:3" x14ac:dyDescent="0.25">
      <c r="A8099" s="2" t="s">
        <v>3672</v>
      </c>
      <c r="B8099" s="6">
        <v>134815.04999999999</v>
      </c>
      <c r="C8099" s="7">
        <f t="shared" si="126"/>
        <v>134.81504999999999</v>
      </c>
    </row>
    <row r="8100" spans="1:3" x14ac:dyDescent="0.25">
      <c r="A8100" s="2" t="s">
        <v>3673</v>
      </c>
      <c r="B8100" s="6">
        <v>134831.69999999998</v>
      </c>
      <c r="C8100" s="7">
        <f t="shared" si="126"/>
        <v>134.83169999999998</v>
      </c>
    </row>
    <row r="8101" spans="1:3" x14ac:dyDescent="0.25">
      <c r="A8101" s="2" t="s">
        <v>3674</v>
      </c>
      <c r="B8101" s="6">
        <v>134848.34999999998</v>
      </c>
      <c r="C8101" s="7">
        <f t="shared" si="126"/>
        <v>134.84834999999998</v>
      </c>
    </row>
    <row r="8102" spans="1:3" x14ac:dyDescent="0.25">
      <c r="A8102" s="2" t="s">
        <v>3675</v>
      </c>
      <c r="B8102" s="6">
        <v>134865</v>
      </c>
      <c r="C8102" s="7">
        <f t="shared" si="126"/>
        <v>134.86500000000001</v>
      </c>
    </row>
    <row r="8103" spans="1:3" x14ac:dyDescent="0.25">
      <c r="A8103" s="2" t="s">
        <v>3676</v>
      </c>
      <c r="B8103" s="6">
        <v>134881.65</v>
      </c>
      <c r="C8103" s="7">
        <f t="shared" si="126"/>
        <v>134.88165000000001</v>
      </c>
    </row>
    <row r="8104" spans="1:3" x14ac:dyDescent="0.25">
      <c r="A8104" s="2" t="s">
        <v>3677</v>
      </c>
      <c r="B8104" s="6">
        <v>134898.29999999999</v>
      </c>
      <c r="C8104" s="7">
        <f t="shared" si="126"/>
        <v>134.89829999999998</v>
      </c>
    </row>
    <row r="8105" spans="1:3" x14ac:dyDescent="0.25">
      <c r="A8105" s="2" t="s">
        <v>3678</v>
      </c>
      <c r="B8105" s="6">
        <v>134914.94999999998</v>
      </c>
      <c r="C8105" s="7">
        <f t="shared" si="126"/>
        <v>134.91494999999998</v>
      </c>
    </row>
    <row r="8106" spans="1:3" x14ac:dyDescent="0.25">
      <c r="A8106" s="2" t="s">
        <v>3679</v>
      </c>
      <c r="B8106" s="6">
        <v>134931.59999999998</v>
      </c>
      <c r="C8106" s="7">
        <f t="shared" si="126"/>
        <v>134.93159999999997</v>
      </c>
    </row>
    <row r="8107" spans="1:3" x14ac:dyDescent="0.25">
      <c r="A8107" s="2" t="s">
        <v>3680</v>
      </c>
      <c r="B8107" s="6">
        <v>134948.25</v>
      </c>
      <c r="C8107" s="7">
        <f t="shared" si="126"/>
        <v>134.94825</v>
      </c>
    </row>
    <row r="8108" spans="1:3" x14ac:dyDescent="0.25">
      <c r="A8108" s="2" t="s">
        <v>3681</v>
      </c>
      <c r="B8108" s="6">
        <v>134964.9</v>
      </c>
      <c r="C8108" s="7">
        <f t="shared" si="126"/>
        <v>134.9649</v>
      </c>
    </row>
    <row r="8109" spans="1:3" x14ac:dyDescent="0.25">
      <c r="A8109" s="2" t="s">
        <v>3682</v>
      </c>
      <c r="B8109" s="6">
        <v>134981.54999999999</v>
      </c>
      <c r="C8109" s="7">
        <f t="shared" si="126"/>
        <v>134.98155</v>
      </c>
    </row>
    <row r="8110" spans="1:3" x14ac:dyDescent="0.25">
      <c r="A8110" s="2" t="s">
        <v>3683</v>
      </c>
      <c r="B8110" s="6">
        <v>134998.19999999998</v>
      </c>
      <c r="C8110" s="7">
        <f t="shared" si="126"/>
        <v>134.99819999999997</v>
      </c>
    </row>
    <row r="8111" spans="1:3" x14ac:dyDescent="0.25">
      <c r="A8111" s="2" t="s">
        <v>3684</v>
      </c>
      <c r="B8111" s="6">
        <v>135014.84999999998</v>
      </c>
      <c r="C8111" s="7">
        <f t="shared" si="126"/>
        <v>135.01484999999997</v>
      </c>
    </row>
    <row r="8112" spans="1:3" x14ac:dyDescent="0.25">
      <c r="A8112" s="2" t="s">
        <v>3685</v>
      </c>
      <c r="B8112" s="6">
        <v>135031.5</v>
      </c>
      <c r="C8112" s="7">
        <f t="shared" si="126"/>
        <v>135.03149999999999</v>
      </c>
    </row>
    <row r="8113" spans="1:3" x14ac:dyDescent="0.25">
      <c r="A8113" s="2" t="s">
        <v>3686</v>
      </c>
      <c r="B8113" s="6">
        <v>135048.15</v>
      </c>
      <c r="C8113" s="7">
        <f t="shared" si="126"/>
        <v>135.04814999999999</v>
      </c>
    </row>
    <row r="8114" spans="1:3" x14ac:dyDescent="0.25">
      <c r="A8114" s="2" t="s">
        <v>3687</v>
      </c>
      <c r="B8114" s="6">
        <v>135064.79999999999</v>
      </c>
      <c r="C8114" s="7">
        <f t="shared" si="126"/>
        <v>135.06479999999999</v>
      </c>
    </row>
    <row r="8115" spans="1:3" x14ac:dyDescent="0.25">
      <c r="A8115" s="2" t="s">
        <v>3688</v>
      </c>
      <c r="B8115" s="6">
        <v>135081.44999999998</v>
      </c>
      <c r="C8115" s="7">
        <f t="shared" si="126"/>
        <v>135.08144999999999</v>
      </c>
    </row>
    <row r="8116" spans="1:3" x14ac:dyDescent="0.25">
      <c r="A8116" s="2" t="s">
        <v>3689</v>
      </c>
      <c r="B8116" s="6">
        <v>135098.09999999998</v>
      </c>
      <c r="C8116" s="7">
        <f t="shared" si="126"/>
        <v>135.09809999999999</v>
      </c>
    </row>
    <row r="8117" spans="1:3" x14ac:dyDescent="0.25">
      <c r="A8117" s="2" t="s">
        <v>3690</v>
      </c>
      <c r="B8117" s="6">
        <v>135114.75</v>
      </c>
      <c r="C8117" s="7">
        <f t="shared" si="126"/>
        <v>135.11474999999999</v>
      </c>
    </row>
    <row r="8118" spans="1:3" x14ac:dyDescent="0.25">
      <c r="A8118" s="2" t="s">
        <v>3691</v>
      </c>
      <c r="B8118" s="6">
        <v>135131.4</v>
      </c>
      <c r="C8118" s="7">
        <f t="shared" si="126"/>
        <v>135.13139999999999</v>
      </c>
    </row>
    <row r="8119" spans="1:3" x14ac:dyDescent="0.25">
      <c r="A8119" s="2" t="s">
        <v>3692</v>
      </c>
      <c r="B8119" s="6">
        <v>135148.04999999999</v>
      </c>
      <c r="C8119" s="7">
        <f t="shared" si="126"/>
        <v>135.14804999999998</v>
      </c>
    </row>
    <row r="8120" spans="1:3" x14ac:dyDescent="0.25">
      <c r="A8120" s="2" t="s">
        <v>3693</v>
      </c>
      <c r="B8120" s="6">
        <v>135164.69999999998</v>
      </c>
      <c r="C8120" s="7">
        <f t="shared" si="126"/>
        <v>135.16469999999998</v>
      </c>
    </row>
    <row r="8121" spans="1:3" x14ac:dyDescent="0.25">
      <c r="A8121" s="2" t="s">
        <v>3694</v>
      </c>
      <c r="B8121" s="6">
        <v>135181.34999999998</v>
      </c>
      <c r="C8121" s="7">
        <f t="shared" si="126"/>
        <v>135.18134999999998</v>
      </c>
    </row>
    <row r="8122" spans="1:3" x14ac:dyDescent="0.25">
      <c r="A8122" s="2" t="s">
        <v>3695</v>
      </c>
      <c r="B8122" s="6">
        <v>135198</v>
      </c>
      <c r="C8122" s="7">
        <f t="shared" si="126"/>
        <v>135.19800000000001</v>
      </c>
    </row>
    <row r="8123" spans="1:3" x14ac:dyDescent="0.25">
      <c r="A8123" s="2" t="s">
        <v>3696</v>
      </c>
      <c r="B8123" s="6">
        <v>135214.65</v>
      </c>
      <c r="C8123" s="7">
        <f t="shared" si="126"/>
        <v>135.21465000000001</v>
      </c>
    </row>
    <row r="8124" spans="1:3" x14ac:dyDescent="0.25">
      <c r="A8124" s="2" t="s">
        <v>3697</v>
      </c>
      <c r="B8124" s="6">
        <v>135231.29999999999</v>
      </c>
      <c r="C8124" s="7">
        <f t="shared" si="126"/>
        <v>135.23129999999998</v>
      </c>
    </row>
    <row r="8125" spans="1:3" x14ac:dyDescent="0.25">
      <c r="A8125" s="2" t="s">
        <v>3698</v>
      </c>
      <c r="B8125" s="6">
        <v>135247.94999999998</v>
      </c>
      <c r="C8125" s="7">
        <f t="shared" si="126"/>
        <v>135.24794999999997</v>
      </c>
    </row>
    <row r="8126" spans="1:3" x14ac:dyDescent="0.25">
      <c r="A8126" s="2" t="s">
        <v>3699</v>
      </c>
      <c r="B8126" s="6">
        <v>135264.59999999998</v>
      </c>
      <c r="C8126" s="7">
        <f t="shared" si="126"/>
        <v>135.26459999999997</v>
      </c>
    </row>
    <row r="8127" spans="1:3" x14ac:dyDescent="0.25">
      <c r="A8127" s="2" t="s">
        <v>3700</v>
      </c>
      <c r="B8127" s="6">
        <v>135281.25</v>
      </c>
      <c r="C8127" s="7">
        <f t="shared" si="126"/>
        <v>135.28125</v>
      </c>
    </row>
    <row r="8128" spans="1:3" x14ac:dyDescent="0.25">
      <c r="A8128" s="2" t="s">
        <v>3701</v>
      </c>
      <c r="B8128" s="6">
        <v>135297.9</v>
      </c>
      <c r="C8128" s="7">
        <f t="shared" si="126"/>
        <v>135.2979</v>
      </c>
    </row>
    <row r="8129" spans="1:3" x14ac:dyDescent="0.25">
      <c r="A8129" s="2" t="s">
        <v>3702</v>
      </c>
      <c r="B8129" s="6">
        <v>135314.54999999999</v>
      </c>
      <c r="C8129" s="7">
        <f t="shared" si="126"/>
        <v>135.31455</v>
      </c>
    </row>
    <row r="8130" spans="1:3" x14ac:dyDescent="0.25">
      <c r="A8130" s="2" t="s">
        <v>3703</v>
      </c>
      <c r="B8130" s="6">
        <v>135331.19999999998</v>
      </c>
      <c r="C8130" s="7">
        <f t="shared" si="126"/>
        <v>135.3312</v>
      </c>
    </row>
    <row r="8131" spans="1:3" x14ac:dyDescent="0.25">
      <c r="A8131" s="2" t="s">
        <v>3704</v>
      </c>
      <c r="B8131" s="6">
        <v>135347.84999999998</v>
      </c>
      <c r="C8131" s="7">
        <f t="shared" ref="C8131:C8194" si="127">B8131/1000</f>
        <v>135.34784999999997</v>
      </c>
    </row>
    <row r="8132" spans="1:3" x14ac:dyDescent="0.25">
      <c r="A8132" s="2" t="s">
        <v>3705</v>
      </c>
      <c r="B8132" s="6">
        <v>135364.5</v>
      </c>
      <c r="C8132" s="7">
        <f t="shared" si="127"/>
        <v>135.36449999999999</v>
      </c>
    </row>
    <row r="8133" spans="1:3" x14ac:dyDescent="0.25">
      <c r="A8133" s="2" t="s">
        <v>3706</v>
      </c>
      <c r="B8133" s="6">
        <v>135381.15</v>
      </c>
      <c r="C8133" s="7">
        <f t="shared" si="127"/>
        <v>135.38114999999999</v>
      </c>
    </row>
    <row r="8134" spans="1:3" x14ac:dyDescent="0.25">
      <c r="A8134" s="2" t="s">
        <v>3707</v>
      </c>
      <c r="B8134" s="6">
        <v>135397.79999999999</v>
      </c>
      <c r="C8134" s="7">
        <f t="shared" si="127"/>
        <v>135.39779999999999</v>
      </c>
    </row>
    <row r="8135" spans="1:3" x14ac:dyDescent="0.25">
      <c r="A8135" s="2" t="s">
        <v>3708</v>
      </c>
      <c r="B8135" s="6">
        <v>135414.44999999998</v>
      </c>
      <c r="C8135" s="7">
        <f t="shared" si="127"/>
        <v>135.41444999999999</v>
      </c>
    </row>
    <row r="8136" spans="1:3" x14ac:dyDescent="0.25">
      <c r="A8136" s="2" t="s">
        <v>3709</v>
      </c>
      <c r="B8136" s="6">
        <v>135431.09999999998</v>
      </c>
      <c r="C8136" s="7">
        <f t="shared" si="127"/>
        <v>135.43109999999999</v>
      </c>
    </row>
    <row r="8137" spans="1:3" x14ac:dyDescent="0.25">
      <c r="A8137" s="2" t="s">
        <v>3710</v>
      </c>
      <c r="B8137" s="6">
        <v>135447.75</v>
      </c>
      <c r="C8137" s="7">
        <f t="shared" si="127"/>
        <v>135.44775000000001</v>
      </c>
    </row>
    <row r="8138" spans="1:3" x14ac:dyDescent="0.25">
      <c r="A8138" s="2" t="s">
        <v>3711</v>
      </c>
      <c r="B8138" s="6">
        <v>135464.4</v>
      </c>
      <c r="C8138" s="7">
        <f t="shared" si="127"/>
        <v>135.46439999999998</v>
      </c>
    </row>
    <row r="8139" spans="1:3" x14ac:dyDescent="0.25">
      <c r="A8139" s="2" t="s">
        <v>3712</v>
      </c>
      <c r="B8139" s="6">
        <v>135481.04999999999</v>
      </c>
      <c r="C8139" s="7">
        <f t="shared" si="127"/>
        <v>135.48104999999998</v>
      </c>
    </row>
    <row r="8140" spans="1:3" x14ac:dyDescent="0.25">
      <c r="A8140" s="2" t="s">
        <v>3713</v>
      </c>
      <c r="B8140" s="6">
        <v>135497.69999999998</v>
      </c>
      <c r="C8140" s="7">
        <f t="shared" si="127"/>
        <v>135.49769999999998</v>
      </c>
    </row>
    <row r="8141" spans="1:3" x14ac:dyDescent="0.25">
      <c r="A8141" s="2" t="s">
        <v>3714</v>
      </c>
      <c r="B8141" s="6">
        <v>135514.34999999998</v>
      </c>
      <c r="C8141" s="7">
        <f t="shared" si="127"/>
        <v>135.51434999999998</v>
      </c>
    </row>
    <row r="8142" spans="1:3" x14ac:dyDescent="0.25">
      <c r="A8142" s="2" t="s">
        <v>3715</v>
      </c>
      <c r="B8142" s="6">
        <v>135531</v>
      </c>
      <c r="C8142" s="7">
        <f t="shared" si="127"/>
        <v>135.53100000000001</v>
      </c>
    </row>
    <row r="8143" spans="1:3" x14ac:dyDescent="0.25">
      <c r="A8143" s="2" t="s">
        <v>3716</v>
      </c>
      <c r="B8143" s="6">
        <v>135547.65</v>
      </c>
      <c r="C8143" s="7">
        <f t="shared" si="127"/>
        <v>135.54765</v>
      </c>
    </row>
    <row r="8144" spans="1:3" x14ac:dyDescent="0.25">
      <c r="A8144" s="2" t="s">
        <v>3717</v>
      </c>
      <c r="B8144" s="6">
        <v>135564.29999999999</v>
      </c>
      <c r="C8144" s="7">
        <f t="shared" si="127"/>
        <v>135.56429999999997</v>
      </c>
    </row>
    <row r="8145" spans="1:3" x14ac:dyDescent="0.25">
      <c r="A8145" s="2" t="s">
        <v>3718</v>
      </c>
      <c r="B8145" s="6">
        <v>135580.94999999998</v>
      </c>
      <c r="C8145" s="7">
        <f t="shared" si="127"/>
        <v>135.58094999999997</v>
      </c>
    </row>
    <row r="8146" spans="1:3" x14ac:dyDescent="0.25">
      <c r="A8146" s="2" t="s">
        <v>3719</v>
      </c>
      <c r="B8146" s="6">
        <v>135597.59999999998</v>
      </c>
      <c r="C8146" s="7">
        <f t="shared" si="127"/>
        <v>135.59759999999997</v>
      </c>
    </row>
    <row r="8147" spans="1:3" x14ac:dyDescent="0.25">
      <c r="A8147" s="2" t="s">
        <v>3720</v>
      </c>
      <c r="B8147" s="6">
        <v>135614.25</v>
      </c>
      <c r="C8147" s="7">
        <f t="shared" si="127"/>
        <v>135.61425</v>
      </c>
    </row>
    <row r="8148" spans="1:3" x14ac:dyDescent="0.25">
      <c r="A8148" s="2" t="s">
        <v>3721</v>
      </c>
      <c r="B8148" s="6">
        <v>135630.9</v>
      </c>
      <c r="C8148" s="7">
        <f t="shared" si="127"/>
        <v>135.6309</v>
      </c>
    </row>
    <row r="8149" spans="1:3" x14ac:dyDescent="0.25">
      <c r="A8149" s="2" t="s">
        <v>3722</v>
      </c>
      <c r="B8149" s="6">
        <v>135647.54999999999</v>
      </c>
      <c r="C8149" s="7">
        <f t="shared" si="127"/>
        <v>135.64755</v>
      </c>
    </row>
    <row r="8150" spans="1:3" x14ac:dyDescent="0.25">
      <c r="A8150" s="2" t="s">
        <v>3723</v>
      </c>
      <c r="B8150" s="6">
        <v>135664.19999999998</v>
      </c>
      <c r="C8150" s="7">
        <f t="shared" si="127"/>
        <v>135.66419999999999</v>
      </c>
    </row>
    <row r="8151" spans="1:3" x14ac:dyDescent="0.25">
      <c r="A8151" s="2" t="s">
        <v>3724</v>
      </c>
      <c r="B8151" s="6">
        <v>135680.84999999998</v>
      </c>
      <c r="C8151" s="7">
        <f t="shared" si="127"/>
        <v>135.68084999999996</v>
      </c>
    </row>
    <row r="8152" spans="1:3" x14ac:dyDescent="0.25">
      <c r="A8152" s="2" t="s">
        <v>3725</v>
      </c>
      <c r="B8152" s="6">
        <v>135697.5</v>
      </c>
      <c r="C8152" s="7">
        <f t="shared" si="127"/>
        <v>135.69749999999999</v>
      </c>
    </row>
    <row r="8153" spans="1:3" x14ac:dyDescent="0.25">
      <c r="A8153" s="2" t="s">
        <v>3726</v>
      </c>
      <c r="B8153" s="6">
        <v>135714.15</v>
      </c>
      <c r="C8153" s="7">
        <f t="shared" si="127"/>
        <v>135.71414999999999</v>
      </c>
    </row>
    <row r="8154" spans="1:3" x14ac:dyDescent="0.25">
      <c r="A8154" s="2" t="s">
        <v>3727</v>
      </c>
      <c r="B8154" s="6">
        <v>135730.79999999999</v>
      </c>
      <c r="C8154" s="7">
        <f t="shared" si="127"/>
        <v>135.73079999999999</v>
      </c>
    </row>
    <row r="8155" spans="1:3" x14ac:dyDescent="0.25">
      <c r="A8155" s="2" t="s">
        <v>3728</v>
      </c>
      <c r="B8155" s="6">
        <v>135747.44999999998</v>
      </c>
      <c r="C8155" s="7">
        <f t="shared" si="127"/>
        <v>135.74744999999999</v>
      </c>
    </row>
    <row r="8156" spans="1:3" x14ac:dyDescent="0.25">
      <c r="A8156" s="2" t="s">
        <v>3729</v>
      </c>
      <c r="B8156" s="6">
        <v>135764.09999999998</v>
      </c>
      <c r="C8156" s="7">
        <f t="shared" si="127"/>
        <v>135.76409999999998</v>
      </c>
    </row>
    <row r="8157" spans="1:3" x14ac:dyDescent="0.25">
      <c r="A8157" s="2" t="s">
        <v>3730</v>
      </c>
      <c r="B8157" s="6">
        <v>135780.75</v>
      </c>
      <c r="C8157" s="7">
        <f t="shared" si="127"/>
        <v>135.78075000000001</v>
      </c>
    </row>
    <row r="8158" spans="1:3" x14ac:dyDescent="0.25">
      <c r="A8158" s="2" t="s">
        <v>3731</v>
      </c>
      <c r="B8158" s="6">
        <v>135797.4</v>
      </c>
      <c r="C8158" s="7">
        <f t="shared" si="127"/>
        <v>135.79739999999998</v>
      </c>
    </row>
    <row r="8159" spans="1:3" x14ac:dyDescent="0.25">
      <c r="A8159" s="2" t="s">
        <v>3732</v>
      </c>
      <c r="B8159" s="6">
        <v>135814.04999999999</v>
      </c>
      <c r="C8159" s="7">
        <f t="shared" si="127"/>
        <v>135.81404999999998</v>
      </c>
    </row>
    <row r="8160" spans="1:3" x14ac:dyDescent="0.25">
      <c r="A8160" s="2" t="s">
        <v>3733</v>
      </c>
      <c r="B8160" s="6">
        <v>135830.69999999998</v>
      </c>
      <c r="C8160" s="7">
        <f t="shared" si="127"/>
        <v>135.83069999999998</v>
      </c>
    </row>
    <row r="8161" spans="1:3" x14ac:dyDescent="0.25">
      <c r="A8161" s="2" t="s">
        <v>3734</v>
      </c>
      <c r="B8161" s="6">
        <v>135847.34999999998</v>
      </c>
      <c r="C8161" s="7">
        <f t="shared" si="127"/>
        <v>135.84734999999998</v>
      </c>
    </row>
    <row r="8162" spans="1:3" x14ac:dyDescent="0.25">
      <c r="A8162" s="2" t="s">
        <v>3735</v>
      </c>
      <c r="B8162" s="6">
        <v>135864</v>
      </c>
      <c r="C8162" s="7">
        <f t="shared" si="127"/>
        <v>135.864</v>
      </c>
    </row>
    <row r="8163" spans="1:3" x14ac:dyDescent="0.25">
      <c r="A8163" s="2" t="s">
        <v>3736</v>
      </c>
      <c r="B8163" s="6">
        <v>135880.65</v>
      </c>
      <c r="C8163" s="7">
        <f t="shared" si="127"/>
        <v>135.88065</v>
      </c>
    </row>
    <row r="8164" spans="1:3" x14ac:dyDescent="0.25">
      <c r="A8164" s="2" t="s">
        <v>3737</v>
      </c>
      <c r="B8164" s="6">
        <v>135897.29999999999</v>
      </c>
      <c r="C8164" s="7">
        <f t="shared" si="127"/>
        <v>135.8973</v>
      </c>
    </row>
    <row r="8165" spans="1:3" x14ac:dyDescent="0.25">
      <c r="A8165" s="2" t="s">
        <v>3738</v>
      </c>
      <c r="B8165" s="6">
        <v>135913.94999999998</v>
      </c>
      <c r="C8165" s="7">
        <f t="shared" si="127"/>
        <v>135.91394999999997</v>
      </c>
    </row>
    <row r="8166" spans="1:3" x14ac:dyDescent="0.25">
      <c r="A8166" s="2" t="s">
        <v>3739</v>
      </c>
      <c r="B8166" s="6">
        <v>135930.59999999998</v>
      </c>
      <c r="C8166" s="7">
        <f t="shared" si="127"/>
        <v>135.93059999999997</v>
      </c>
    </row>
    <row r="8167" spans="1:3" x14ac:dyDescent="0.25">
      <c r="A8167" s="2" t="s">
        <v>3740</v>
      </c>
      <c r="B8167" s="6">
        <v>135947.25</v>
      </c>
      <c r="C8167" s="7">
        <f t="shared" si="127"/>
        <v>135.94725</v>
      </c>
    </row>
    <row r="8168" spans="1:3" x14ac:dyDescent="0.25">
      <c r="A8168" s="2" t="s">
        <v>3741</v>
      </c>
      <c r="B8168" s="6">
        <v>135963.9</v>
      </c>
      <c r="C8168" s="7">
        <f t="shared" si="127"/>
        <v>135.9639</v>
      </c>
    </row>
    <row r="8169" spans="1:3" x14ac:dyDescent="0.25">
      <c r="A8169" s="2" t="s">
        <v>3742</v>
      </c>
      <c r="B8169" s="6">
        <v>135980.54999999999</v>
      </c>
      <c r="C8169" s="7">
        <f t="shared" si="127"/>
        <v>135.98054999999999</v>
      </c>
    </row>
    <row r="8170" spans="1:3" x14ac:dyDescent="0.25">
      <c r="A8170" s="2" t="s">
        <v>3743</v>
      </c>
      <c r="B8170" s="6">
        <v>135997.19999999998</v>
      </c>
      <c r="C8170" s="7">
        <f t="shared" si="127"/>
        <v>135.99719999999999</v>
      </c>
    </row>
    <row r="8171" spans="1:3" x14ac:dyDescent="0.25">
      <c r="A8171" s="2" t="s">
        <v>3744</v>
      </c>
      <c r="B8171" s="6">
        <v>136013.84999999998</v>
      </c>
      <c r="C8171" s="7">
        <f t="shared" si="127"/>
        <v>136.01384999999999</v>
      </c>
    </row>
    <row r="8172" spans="1:3" x14ac:dyDescent="0.25">
      <c r="A8172" s="2" t="s">
        <v>3745</v>
      </c>
      <c r="B8172" s="6">
        <v>136030.5</v>
      </c>
      <c r="C8172" s="7">
        <f t="shared" si="127"/>
        <v>136.03049999999999</v>
      </c>
    </row>
    <row r="8173" spans="1:3" x14ac:dyDescent="0.25">
      <c r="A8173" s="2" t="s">
        <v>3746</v>
      </c>
      <c r="B8173" s="6">
        <v>136047.15</v>
      </c>
      <c r="C8173" s="7">
        <f t="shared" si="127"/>
        <v>136.04714999999999</v>
      </c>
    </row>
    <row r="8174" spans="1:3" x14ac:dyDescent="0.25">
      <c r="A8174" s="2" t="s">
        <v>3747</v>
      </c>
      <c r="B8174" s="6">
        <v>136063.79999999999</v>
      </c>
      <c r="C8174" s="7">
        <f t="shared" si="127"/>
        <v>136.06379999999999</v>
      </c>
    </row>
    <row r="8175" spans="1:3" x14ac:dyDescent="0.25">
      <c r="A8175" s="2" t="s">
        <v>3748</v>
      </c>
      <c r="B8175" s="6">
        <v>136080.44999999998</v>
      </c>
      <c r="C8175" s="7">
        <f t="shared" si="127"/>
        <v>136.08044999999998</v>
      </c>
    </row>
    <row r="8176" spans="1:3" x14ac:dyDescent="0.25">
      <c r="A8176" s="2" t="s">
        <v>3749</v>
      </c>
      <c r="B8176" s="6">
        <v>136097.09999999998</v>
      </c>
      <c r="C8176" s="7">
        <f t="shared" si="127"/>
        <v>136.09709999999998</v>
      </c>
    </row>
    <row r="8177" spans="1:3" x14ac:dyDescent="0.25">
      <c r="A8177" s="2" t="s">
        <v>3750</v>
      </c>
      <c r="B8177" s="6">
        <v>136113.75</v>
      </c>
      <c r="C8177" s="7">
        <f t="shared" si="127"/>
        <v>136.11375000000001</v>
      </c>
    </row>
    <row r="8178" spans="1:3" x14ac:dyDescent="0.25">
      <c r="A8178" s="2" t="s">
        <v>3751</v>
      </c>
      <c r="B8178" s="6">
        <v>136130.4</v>
      </c>
      <c r="C8178" s="7">
        <f t="shared" si="127"/>
        <v>136.13039999999998</v>
      </c>
    </row>
    <row r="8179" spans="1:3" x14ac:dyDescent="0.25">
      <c r="A8179" s="2" t="s">
        <v>3752</v>
      </c>
      <c r="B8179" s="6">
        <v>136147.04999999999</v>
      </c>
      <c r="C8179" s="7">
        <f t="shared" si="127"/>
        <v>136.14704999999998</v>
      </c>
    </row>
    <row r="8180" spans="1:3" x14ac:dyDescent="0.25">
      <c r="A8180" s="2" t="s">
        <v>3753</v>
      </c>
      <c r="B8180" s="6">
        <v>136163.69999999998</v>
      </c>
      <c r="C8180" s="7">
        <f t="shared" si="127"/>
        <v>136.16369999999998</v>
      </c>
    </row>
    <row r="8181" spans="1:3" x14ac:dyDescent="0.25">
      <c r="A8181" s="2" t="s">
        <v>3754</v>
      </c>
      <c r="B8181" s="6">
        <v>136180.34999999998</v>
      </c>
      <c r="C8181" s="7">
        <f t="shared" si="127"/>
        <v>136.18034999999998</v>
      </c>
    </row>
    <row r="8182" spans="1:3" x14ac:dyDescent="0.25">
      <c r="A8182" s="2" t="s">
        <v>3755</v>
      </c>
      <c r="B8182" s="6">
        <v>136197</v>
      </c>
      <c r="C8182" s="7">
        <f t="shared" si="127"/>
        <v>136.197</v>
      </c>
    </row>
    <row r="8183" spans="1:3" x14ac:dyDescent="0.25">
      <c r="A8183" s="2" t="s">
        <v>3756</v>
      </c>
      <c r="B8183" s="6">
        <v>136213.65</v>
      </c>
      <c r="C8183" s="7">
        <f t="shared" si="127"/>
        <v>136.21365</v>
      </c>
    </row>
    <row r="8184" spans="1:3" x14ac:dyDescent="0.25">
      <c r="A8184" s="2" t="s">
        <v>3757</v>
      </c>
      <c r="B8184" s="6">
        <v>136230.29999999999</v>
      </c>
      <c r="C8184" s="7">
        <f t="shared" si="127"/>
        <v>136.2303</v>
      </c>
    </row>
    <row r="8185" spans="1:3" x14ac:dyDescent="0.25">
      <c r="A8185" s="2" t="s">
        <v>3758</v>
      </c>
      <c r="B8185" s="6">
        <v>136246.94999999998</v>
      </c>
      <c r="C8185" s="7">
        <f t="shared" si="127"/>
        <v>136.24694999999997</v>
      </c>
    </row>
    <row r="8186" spans="1:3" x14ac:dyDescent="0.25">
      <c r="A8186" s="2" t="s">
        <v>3759</v>
      </c>
      <c r="B8186" s="6">
        <v>136263.59999999998</v>
      </c>
      <c r="C8186" s="7">
        <f t="shared" si="127"/>
        <v>136.26359999999997</v>
      </c>
    </row>
    <row r="8187" spans="1:3" x14ac:dyDescent="0.25">
      <c r="A8187" s="2" t="s">
        <v>3760</v>
      </c>
      <c r="B8187" s="6">
        <v>136280.25</v>
      </c>
      <c r="C8187" s="7">
        <f t="shared" si="127"/>
        <v>136.28025</v>
      </c>
    </row>
    <row r="8188" spans="1:3" x14ac:dyDescent="0.25">
      <c r="A8188" s="2" t="s">
        <v>3761</v>
      </c>
      <c r="B8188" s="6">
        <v>136296.9</v>
      </c>
      <c r="C8188" s="7">
        <f t="shared" si="127"/>
        <v>136.29689999999999</v>
      </c>
    </row>
    <row r="8189" spans="1:3" x14ac:dyDescent="0.25">
      <c r="A8189" s="2" t="s">
        <v>3762</v>
      </c>
      <c r="B8189" s="6">
        <v>136313.54999999999</v>
      </c>
      <c r="C8189" s="7">
        <f t="shared" si="127"/>
        <v>136.31354999999999</v>
      </c>
    </row>
    <row r="8190" spans="1:3" x14ac:dyDescent="0.25">
      <c r="A8190" s="2" t="s">
        <v>3763</v>
      </c>
      <c r="B8190" s="6">
        <v>136330.19999999998</v>
      </c>
      <c r="C8190" s="7">
        <f t="shared" si="127"/>
        <v>136.33019999999999</v>
      </c>
    </row>
    <row r="8191" spans="1:3" x14ac:dyDescent="0.25">
      <c r="A8191" s="2" t="s">
        <v>3764</v>
      </c>
      <c r="B8191" s="6">
        <v>136346.84999999998</v>
      </c>
      <c r="C8191" s="7">
        <f t="shared" si="127"/>
        <v>136.34684999999999</v>
      </c>
    </row>
    <row r="8192" spans="1:3" x14ac:dyDescent="0.25">
      <c r="A8192" s="2" t="s">
        <v>3765</v>
      </c>
      <c r="B8192" s="6">
        <v>136363.5</v>
      </c>
      <c r="C8192" s="7">
        <f t="shared" si="127"/>
        <v>136.36349999999999</v>
      </c>
    </row>
    <row r="8193" spans="1:3" x14ac:dyDescent="0.25">
      <c r="A8193" s="2" t="s">
        <v>3766</v>
      </c>
      <c r="B8193" s="6">
        <v>136380.15</v>
      </c>
      <c r="C8193" s="7">
        <f t="shared" si="127"/>
        <v>136.38014999999999</v>
      </c>
    </row>
    <row r="8194" spans="1:3" x14ac:dyDescent="0.25">
      <c r="A8194" s="2" t="s">
        <v>3767</v>
      </c>
      <c r="B8194" s="6">
        <v>136396.79999999999</v>
      </c>
      <c r="C8194" s="7">
        <f t="shared" si="127"/>
        <v>136.39679999999998</v>
      </c>
    </row>
    <row r="8195" spans="1:3" x14ac:dyDescent="0.25">
      <c r="A8195" s="2" t="s">
        <v>3768</v>
      </c>
      <c r="B8195" s="6">
        <v>136413.44999999998</v>
      </c>
      <c r="C8195" s="7">
        <f t="shared" ref="C8195:C8258" si="128">B8195/1000</f>
        <v>136.41344999999998</v>
      </c>
    </row>
    <row r="8196" spans="1:3" x14ac:dyDescent="0.25">
      <c r="A8196" s="2" t="s">
        <v>3769</v>
      </c>
      <c r="B8196" s="6">
        <v>136430.09999999998</v>
      </c>
      <c r="C8196" s="7">
        <f t="shared" si="128"/>
        <v>136.43009999999998</v>
      </c>
    </row>
    <row r="8197" spans="1:3" x14ac:dyDescent="0.25">
      <c r="A8197" s="2" t="s">
        <v>3770</v>
      </c>
      <c r="B8197" s="6">
        <v>136446.75</v>
      </c>
      <c r="C8197" s="7">
        <f t="shared" si="128"/>
        <v>136.44675000000001</v>
      </c>
    </row>
    <row r="8198" spans="1:3" x14ac:dyDescent="0.25">
      <c r="A8198" s="2" t="s">
        <v>3771</v>
      </c>
      <c r="B8198" s="6">
        <v>136463.4</v>
      </c>
      <c r="C8198" s="7">
        <f t="shared" si="128"/>
        <v>136.46340000000001</v>
      </c>
    </row>
    <row r="8199" spans="1:3" x14ac:dyDescent="0.25">
      <c r="A8199" s="2" t="s">
        <v>3772</v>
      </c>
      <c r="B8199" s="6">
        <v>136480.04999999999</v>
      </c>
      <c r="C8199" s="7">
        <f t="shared" si="128"/>
        <v>136.48004999999998</v>
      </c>
    </row>
    <row r="8200" spans="1:3" x14ac:dyDescent="0.25">
      <c r="A8200" s="2" t="s">
        <v>3773</v>
      </c>
      <c r="B8200" s="6">
        <v>136496.69999999998</v>
      </c>
      <c r="C8200" s="7">
        <f t="shared" si="128"/>
        <v>136.49669999999998</v>
      </c>
    </row>
    <row r="8201" spans="1:3" x14ac:dyDescent="0.25">
      <c r="A8201" s="2" t="s">
        <v>3774</v>
      </c>
      <c r="B8201" s="6">
        <v>136513.34999999998</v>
      </c>
      <c r="C8201" s="7">
        <f t="shared" si="128"/>
        <v>136.51334999999997</v>
      </c>
    </row>
    <row r="8202" spans="1:3" x14ac:dyDescent="0.25">
      <c r="A8202" s="2" t="s">
        <v>3775</v>
      </c>
      <c r="B8202" s="6">
        <v>136530</v>
      </c>
      <c r="C8202" s="7">
        <f t="shared" si="128"/>
        <v>136.53</v>
      </c>
    </row>
    <row r="8203" spans="1:3" x14ac:dyDescent="0.25">
      <c r="A8203" s="2" t="s">
        <v>3776</v>
      </c>
      <c r="B8203" s="6">
        <v>136546.65</v>
      </c>
      <c r="C8203" s="7">
        <f t="shared" si="128"/>
        <v>136.54665</v>
      </c>
    </row>
    <row r="8204" spans="1:3" x14ac:dyDescent="0.25">
      <c r="A8204" s="2" t="s">
        <v>3777</v>
      </c>
      <c r="B8204" s="6">
        <v>136563.29999999999</v>
      </c>
      <c r="C8204" s="7">
        <f t="shared" si="128"/>
        <v>136.5633</v>
      </c>
    </row>
    <row r="8205" spans="1:3" x14ac:dyDescent="0.25">
      <c r="A8205" s="2" t="s">
        <v>3778</v>
      </c>
      <c r="B8205" s="6">
        <v>136579.94999999998</v>
      </c>
      <c r="C8205" s="7">
        <f t="shared" si="128"/>
        <v>136.57995</v>
      </c>
    </row>
    <row r="8206" spans="1:3" x14ac:dyDescent="0.25">
      <c r="A8206" s="2" t="s">
        <v>3779</v>
      </c>
      <c r="B8206" s="6">
        <v>136596.59999999998</v>
      </c>
      <c r="C8206" s="7">
        <f t="shared" si="128"/>
        <v>136.59659999999997</v>
      </c>
    </row>
    <row r="8207" spans="1:3" x14ac:dyDescent="0.25">
      <c r="A8207" s="2" t="s">
        <v>3780</v>
      </c>
      <c r="B8207" s="6">
        <v>136613.25</v>
      </c>
      <c r="C8207" s="7">
        <f t="shared" si="128"/>
        <v>136.61324999999999</v>
      </c>
    </row>
    <row r="8208" spans="1:3" x14ac:dyDescent="0.25">
      <c r="A8208" s="2" t="s">
        <v>3781</v>
      </c>
      <c r="B8208" s="6">
        <v>136629.9</v>
      </c>
      <c r="C8208" s="7">
        <f t="shared" si="128"/>
        <v>136.62989999999999</v>
      </c>
    </row>
    <row r="8209" spans="1:3" x14ac:dyDescent="0.25">
      <c r="A8209" s="2" t="s">
        <v>3782</v>
      </c>
      <c r="B8209" s="6">
        <v>136646.54999999999</v>
      </c>
      <c r="C8209" s="7">
        <f t="shared" si="128"/>
        <v>136.64654999999999</v>
      </c>
    </row>
    <row r="8210" spans="1:3" x14ac:dyDescent="0.25">
      <c r="A8210" s="2" t="s">
        <v>3783</v>
      </c>
      <c r="B8210" s="6">
        <v>136663.19999999998</v>
      </c>
      <c r="C8210" s="7">
        <f t="shared" si="128"/>
        <v>136.66319999999999</v>
      </c>
    </row>
    <row r="8211" spans="1:3" x14ac:dyDescent="0.25">
      <c r="A8211" s="2" t="s">
        <v>3784</v>
      </c>
      <c r="B8211" s="6">
        <v>136679.84999999998</v>
      </c>
      <c r="C8211" s="7">
        <f t="shared" si="128"/>
        <v>136.67984999999999</v>
      </c>
    </row>
    <row r="8212" spans="1:3" x14ac:dyDescent="0.25">
      <c r="A8212" s="2" t="s">
        <v>3785</v>
      </c>
      <c r="B8212" s="6">
        <v>136696.5</v>
      </c>
      <c r="C8212" s="7">
        <f t="shared" si="128"/>
        <v>136.69649999999999</v>
      </c>
    </row>
    <row r="8213" spans="1:3" x14ac:dyDescent="0.25">
      <c r="A8213" s="2" t="s">
        <v>3786</v>
      </c>
      <c r="B8213" s="6">
        <v>136713.15</v>
      </c>
      <c r="C8213" s="7">
        <f t="shared" si="128"/>
        <v>136.71314999999998</v>
      </c>
    </row>
    <row r="8214" spans="1:3" x14ac:dyDescent="0.25">
      <c r="A8214" s="2" t="s">
        <v>3787</v>
      </c>
      <c r="B8214" s="6">
        <v>136729.79999999999</v>
      </c>
      <c r="C8214" s="7">
        <f t="shared" si="128"/>
        <v>136.72979999999998</v>
      </c>
    </row>
    <row r="8215" spans="1:3" x14ac:dyDescent="0.25">
      <c r="A8215" s="2" t="s">
        <v>3788</v>
      </c>
      <c r="B8215" s="6">
        <v>136746.44999999998</v>
      </c>
      <c r="C8215" s="7">
        <f t="shared" si="128"/>
        <v>136.74644999999998</v>
      </c>
    </row>
    <row r="8216" spans="1:3" x14ac:dyDescent="0.25">
      <c r="A8216" s="2" t="s">
        <v>3789</v>
      </c>
      <c r="B8216" s="6">
        <v>136763.09999999998</v>
      </c>
      <c r="C8216" s="7">
        <f t="shared" si="128"/>
        <v>136.76309999999998</v>
      </c>
    </row>
    <row r="8217" spans="1:3" x14ac:dyDescent="0.25">
      <c r="A8217" s="2" t="s">
        <v>3790</v>
      </c>
      <c r="B8217" s="6">
        <v>136779.75</v>
      </c>
      <c r="C8217" s="7">
        <f t="shared" si="128"/>
        <v>136.77975000000001</v>
      </c>
    </row>
    <row r="8218" spans="1:3" x14ac:dyDescent="0.25">
      <c r="A8218" s="2" t="s">
        <v>3791</v>
      </c>
      <c r="B8218" s="6">
        <v>136796.4</v>
      </c>
      <c r="C8218" s="7">
        <f t="shared" si="128"/>
        <v>136.79640000000001</v>
      </c>
    </row>
    <row r="8219" spans="1:3" x14ac:dyDescent="0.25">
      <c r="A8219" s="2" t="s">
        <v>3792</v>
      </c>
      <c r="B8219" s="6">
        <v>136813.04999999999</v>
      </c>
      <c r="C8219" s="7">
        <f t="shared" si="128"/>
        <v>136.81304999999998</v>
      </c>
    </row>
    <row r="8220" spans="1:3" x14ac:dyDescent="0.25">
      <c r="A8220" s="2" t="s">
        <v>3793</v>
      </c>
      <c r="B8220" s="6">
        <v>136829.69999999998</v>
      </c>
      <c r="C8220" s="7">
        <f t="shared" si="128"/>
        <v>136.82969999999997</v>
      </c>
    </row>
    <row r="8221" spans="1:3" x14ac:dyDescent="0.25">
      <c r="A8221" s="2" t="s">
        <v>3794</v>
      </c>
      <c r="B8221" s="6">
        <v>136846.34999999998</v>
      </c>
      <c r="C8221" s="7">
        <f t="shared" si="128"/>
        <v>136.84634999999997</v>
      </c>
    </row>
    <row r="8222" spans="1:3" x14ac:dyDescent="0.25">
      <c r="A8222" s="2" t="s">
        <v>3795</v>
      </c>
      <c r="B8222" s="6">
        <v>136863</v>
      </c>
      <c r="C8222" s="7">
        <f t="shared" si="128"/>
        <v>136.863</v>
      </c>
    </row>
    <row r="8223" spans="1:3" x14ac:dyDescent="0.25">
      <c r="A8223" s="2" t="s">
        <v>3796</v>
      </c>
      <c r="B8223" s="6">
        <v>136879.65</v>
      </c>
      <c r="C8223" s="7">
        <f t="shared" si="128"/>
        <v>136.87965</v>
      </c>
    </row>
    <row r="8224" spans="1:3" x14ac:dyDescent="0.25">
      <c r="A8224" s="2" t="s">
        <v>3797</v>
      </c>
      <c r="B8224" s="6">
        <v>136896.29999999999</v>
      </c>
      <c r="C8224" s="7">
        <f t="shared" si="128"/>
        <v>136.8963</v>
      </c>
    </row>
    <row r="8225" spans="1:3" x14ac:dyDescent="0.25">
      <c r="A8225" s="2" t="s">
        <v>3798</v>
      </c>
      <c r="B8225" s="6">
        <v>136912.94999999998</v>
      </c>
      <c r="C8225" s="7">
        <f t="shared" si="128"/>
        <v>136.91295</v>
      </c>
    </row>
    <row r="8226" spans="1:3" x14ac:dyDescent="0.25">
      <c r="A8226" s="2" t="s">
        <v>3799</v>
      </c>
      <c r="B8226" s="6">
        <v>136929.59999999998</v>
      </c>
      <c r="C8226" s="7">
        <f t="shared" si="128"/>
        <v>136.92959999999997</v>
      </c>
    </row>
    <row r="8227" spans="1:3" x14ac:dyDescent="0.25">
      <c r="A8227" s="2" t="s">
        <v>3800</v>
      </c>
      <c r="B8227" s="6">
        <v>136946.25</v>
      </c>
      <c r="C8227" s="7">
        <f t="shared" si="128"/>
        <v>136.94624999999999</v>
      </c>
    </row>
    <row r="8228" spans="1:3" x14ac:dyDescent="0.25">
      <c r="A8228" s="2" t="s">
        <v>3801</v>
      </c>
      <c r="B8228" s="6">
        <v>136962.9</v>
      </c>
      <c r="C8228" s="7">
        <f t="shared" si="128"/>
        <v>136.96289999999999</v>
      </c>
    </row>
    <row r="8229" spans="1:3" x14ac:dyDescent="0.25">
      <c r="A8229" s="2" t="s">
        <v>3802</v>
      </c>
      <c r="B8229" s="6">
        <v>136979.54999999999</v>
      </c>
      <c r="C8229" s="7">
        <f t="shared" si="128"/>
        <v>136.97954999999999</v>
      </c>
    </row>
    <row r="8230" spans="1:3" x14ac:dyDescent="0.25">
      <c r="A8230" s="2" t="s">
        <v>3803</v>
      </c>
      <c r="B8230" s="6">
        <v>136996.19999999998</v>
      </c>
      <c r="C8230" s="7">
        <f t="shared" si="128"/>
        <v>136.99619999999999</v>
      </c>
    </row>
    <row r="8231" spans="1:3" x14ac:dyDescent="0.25">
      <c r="A8231" s="2" t="s">
        <v>3804</v>
      </c>
      <c r="B8231" s="6">
        <v>137012.84999999998</v>
      </c>
      <c r="C8231" s="7">
        <f t="shared" si="128"/>
        <v>137.01284999999999</v>
      </c>
    </row>
    <row r="8232" spans="1:3" x14ac:dyDescent="0.25">
      <c r="A8232" s="2" t="s">
        <v>3805</v>
      </c>
      <c r="B8232" s="6">
        <v>137029.5</v>
      </c>
      <c r="C8232" s="7">
        <f t="shared" si="128"/>
        <v>137.02950000000001</v>
      </c>
    </row>
    <row r="8233" spans="1:3" x14ac:dyDescent="0.25">
      <c r="A8233" s="2" t="s">
        <v>3806</v>
      </c>
      <c r="B8233" s="6">
        <v>137046.15</v>
      </c>
      <c r="C8233" s="7">
        <f t="shared" si="128"/>
        <v>137.04614999999998</v>
      </c>
    </row>
    <row r="8234" spans="1:3" x14ac:dyDescent="0.25">
      <c r="A8234" s="2" t="s">
        <v>3807</v>
      </c>
      <c r="B8234" s="6">
        <v>137062.79999999999</v>
      </c>
      <c r="C8234" s="7">
        <f t="shared" si="128"/>
        <v>137.06279999999998</v>
      </c>
    </row>
    <row r="8235" spans="1:3" x14ac:dyDescent="0.25">
      <c r="A8235" s="2" t="s">
        <v>3808</v>
      </c>
      <c r="B8235" s="6">
        <v>137079.44999999998</v>
      </c>
      <c r="C8235" s="7">
        <f t="shared" si="128"/>
        <v>137.07944999999998</v>
      </c>
    </row>
    <row r="8236" spans="1:3" x14ac:dyDescent="0.25">
      <c r="A8236" s="2" t="s">
        <v>3809</v>
      </c>
      <c r="B8236" s="6">
        <v>137096.09999999998</v>
      </c>
      <c r="C8236" s="7">
        <f t="shared" si="128"/>
        <v>137.09609999999998</v>
      </c>
    </row>
    <row r="8237" spans="1:3" x14ac:dyDescent="0.25">
      <c r="A8237" s="2" t="s">
        <v>3810</v>
      </c>
      <c r="B8237" s="6">
        <v>137112.75</v>
      </c>
      <c r="C8237" s="7">
        <f t="shared" si="128"/>
        <v>137.11275000000001</v>
      </c>
    </row>
    <row r="8238" spans="1:3" x14ac:dyDescent="0.25">
      <c r="A8238" s="2" t="s">
        <v>3811</v>
      </c>
      <c r="B8238" s="6">
        <v>137129.4</v>
      </c>
      <c r="C8238" s="7">
        <f t="shared" si="128"/>
        <v>137.1294</v>
      </c>
    </row>
    <row r="8239" spans="1:3" x14ac:dyDescent="0.25">
      <c r="A8239" s="2" t="s">
        <v>3812</v>
      </c>
      <c r="B8239" s="6">
        <v>137146.04999999999</v>
      </c>
      <c r="C8239" s="7">
        <f t="shared" si="128"/>
        <v>137.14605</v>
      </c>
    </row>
    <row r="8240" spans="1:3" x14ac:dyDescent="0.25">
      <c r="A8240" s="2" t="s">
        <v>3813</v>
      </c>
      <c r="B8240" s="6">
        <v>137162.69999999998</v>
      </c>
      <c r="C8240" s="7">
        <f t="shared" si="128"/>
        <v>137.16269999999997</v>
      </c>
    </row>
    <row r="8241" spans="1:3" x14ac:dyDescent="0.25">
      <c r="A8241" s="2" t="s">
        <v>3814</v>
      </c>
      <c r="B8241" s="6">
        <v>137179.34999999998</v>
      </c>
      <c r="C8241" s="7">
        <f t="shared" si="128"/>
        <v>137.17934999999997</v>
      </c>
    </row>
    <row r="8242" spans="1:3" x14ac:dyDescent="0.25">
      <c r="A8242" s="2" t="s">
        <v>3815</v>
      </c>
      <c r="B8242" s="6">
        <v>137196</v>
      </c>
      <c r="C8242" s="7">
        <f t="shared" si="128"/>
        <v>137.196</v>
      </c>
    </row>
    <row r="8243" spans="1:3" x14ac:dyDescent="0.25">
      <c r="A8243" s="2" t="s">
        <v>3816</v>
      </c>
      <c r="B8243" s="6">
        <v>137212.65</v>
      </c>
      <c r="C8243" s="7">
        <f t="shared" si="128"/>
        <v>137.21265</v>
      </c>
    </row>
    <row r="8244" spans="1:3" x14ac:dyDescent="0.25">
      <c r="A8244" s="2" t="s">
        <v>3817</v>
      </c>
      <c r="B8244" s="6">
        <v>137229.29999999999</v>
      </c>
      <c r="C8244" s="7">
        <f t="shared" si="128"/>
        <v>137.22929999999999</v>
      </c>
    </row>
    <row r="8245" spans="1:3" x14ac:dyDescent="0.25">
      <c r="A8245" s="2" t="s">
        <v>3818</v>
      </c>
      <c r="B8245" s="6">
        <v>137245.94999999998</v>
      </c>
      <c r="C8245" s="7">
        <f t="shared" si="128"/>
        <v>137.24594999999999</v>
      </c>
    </row>
    <row r="8246" spans="1:3" x14ac:dyDescent="0.25">
      <c r="A8246" s="2" t="s">
        <v>3819</v>
      </c>
      <c r="B8246" s="6">
        <v>137262.59999999998</v>
      </c>
      <c r="C8246" s="7">
        <f t="shared" si="128"/>
        <v>137.26259999999996</v>
      </c>
    </row>
    <row r="8247" spans="1:3" x14ac:dyDescent="0.25">
      <c r="A8247" s="2" t="s">
        <v>3820</v>
      </c>
      <c r="B8247" s="6">
        <v>137279.25</v>
      </c>
      <c r="C8247" s="7">
        <f t="shared" si="128"/>
        <v>137.27924999999999</v>
      </c>
    </row>
    <row r="8248" spans="1:3" x14ac:dyDescent="0.25">
      <c r="A8248" s="2" t="s">
        <v>3821</v>
      </c>
      <c r="B8248" s="6">
        <v>137295.9</v>
      </c>
      <c r="C8248" s="7">
        <f t="shared" si="128"/>
        <v>137.29589999999999</v>
      </c>
    </row>
    <row r="8249" spans="1:3" x14ac:dyDescent="0.25">
      <c r="A8249" s="2" t="s">
        <v>3822</v>
      </c>
      <c r="B8249" s="6">
        <v>137312.54999999999</v>
      </c>
      <c r="C8249" s="7">
        <f t="shared" si="128"/>
        <v>137.31254999999999</v>
      </c>
    </row>
    <row r="8250" spans="1:3" x14ac:dyDescent="0.25">
      <c r="A8250" s="2" t="s">
        <v>3823</v>
      </c>
      <c r="B8250" s="6">
        <v>137329.19999999998</v>
      </c>
      <c r="C8250" s="7">
        <f t="shared" si="128"/>
        <v>137.32919999999999</v>
      </c>
    </row>
    <row r="8251" spans="1:3" x14ac:dyDescent="0.25">
      <c r="A8251" s="2" t="s">
        <v>3824</v>
      </c>
      <c r="B8251" s="6">
        <v>137345.84999999998</v>
      </c>
      <c r="C8251" s="7">
        <f t="shared" si="128"/>
        <v>137.34584999999998</v>
      </c>
    </row>
    <row r="8252" spans="1:3" x14ac:dyDescent="0.25">
      <c r="A8252" s="2" t="s">
        <v>3825</v>
      </c>
      <c r="B8252" s="6">
        <v>137362.5</v>
      </c>
      <c r="C8252" s="7">
        <f t="shared" si="128"/>
        <v>137.36250000000001</v>
      </c>
    </row>
    <row r="8253" spans="1:3" x14ac:dyDescent="0.25">
      <c r="A8253" s="2" t="s">
        <v>3826</v>
      </c>
      <c r="B8253" s="6">
        <v>137379.15</v>
      </c>
      <c r="C8253" s="7">
        <f t="shared" si="128"/>
        <v>137.37914999999998</v>
      </c>
    </row>
    <row r="8254" spans="1:3" x14ac:dyDescent="0.25">
      <c r="A8254" s="2" t="s">
        <v>3827</v>
      </c>
      <c r="B8254" s="6">
        <v>137395.79999999999</v>
      </c>
      <c r="C8254" s="7">
        <f t="shared" si="128"/>
        <v>137.39579999999998</v>
      </c>
    </row>
    <row r="8255" spans="1:3" x14ac:dyDescent="0.25">
      <c r="A8255" s="2" t="s">
        <v>3828</v>
      </c>
      <c r="B8255" s="6">
        <v>137412.44999999998</v>
      </c>
      <c r="C8255" s="7">
        <f t="shared" si="128"/>
        <v>137.41244999999998</v>
      </c>
    </row>
    <row r="8256" spans="1:3" x14ac:dyDescent="0.25">
      <c r="A8256" s="2" t="s">
        <v>3829</v>
      </c>
      <c r="B8256" s="6">
        <v>137429.09999999998</v>
      </c>
      <c r="C8256" s="7">
        <f t="shared" si="128"/>
        <v>137.42909999999998</v>
      </c>
    </row>
    <row r="8257" spans="1:3" x14ac:dyDescent="0.25">
      <c r="A8257" s="2" t="s">
        <v>3830</v>
      </c>
      <c r="B8257" s="6">
        <v>137445.75</v>
      </c>
      <c r="C8257" s="7">
        <f t="shared" si="128"/>
        <v>137.44575</v>
      </c>
    </row>
    <row r="8258" spans="1:3" x14ac:dyDescent="0.25">
      <c r="A8258" s="2" t="s">
        <v>3831</v>
      </c>
      <c r="B8258" s="6">
        <v>137462.39999999999</v>
      </c>
      <c r="C8258" s="7">
        <f t="shared" si="128"/>
        <v>137.4624</v>
      </c>
    </row>
    <row r="8259" spans="1:3" x14ac:dyDescent="0.25">
      <c r="A8259" s="2" t="s">
        <v>3832</v>
      </c>
      <c r="B8259" s="6">
        <v>137479.04999999999</v>
      </c>
      <c r="C8259" s="7">
        <f t="shared" ref="C8259:C8322" si="129">B8259/1000</f>
        <v>137.47905</v>
      </c>
    </row>
    <row r="8260" spans="1:3" x14ac:dyDescent="0.25">
      <c r="A8260" s="2" t="s">
        <v>3833</v>
      </c>
      <c r="B8260" s="6">
        <v>137495.69999999998</v>
      </c>
      <c r="C8260" s="7">
        <f t="shared" si="129"/>
        <v>137.49569999999997</v>
      </c>
    </row>
    <row r="8261" spans="1:3" x14ac:dyDescent="0.25">
      <c r="A8261" s="2" t="s">
        <v>3834</v>
      </c>
      <c r="B8261" s="6">
        <v>137512.34999999998</v>
      </c>
      <c r="C8261" s="7">
        <f t="shared" si="129"/>
        <v>137.51234999999997</v>
      </c>
    </row>
    <row r="8262" spans="1:3" x14ac:dyDescent="0.25">
      <c r="A8262" s="2" t="s">
        <v>3835</v>
      </c>
      <c r="B8262" s="6">
        <v>137529</v>
      </c>
      <c r="C8262" s="7">
        <f t="shared" si="129"/>
        <v>137.529</v>
      </c>
    </row>
    <row r="8263" spans="1:3" x14ac:dyDescent="0.25">
      <c r="A8263" s="2" t="s">
        <v>3836</v>
      </c>
      <c r="B8263" s="6">
        <v>137545.65</v>
      </c>
      <c r="C8263" s="7">
        <f t="shared" si="129"/>
        <v>137.54564999999999</v>
      </c>
    </row>
    <row r="8264" spans="1:3" x14ac:dyDescent="0.25">
      <c r="A8264" s="2" t="s">
        <v>3837</v>
      </c>
      <c r="B8264" s="6">
        <v>137562.29999999999</v>
      </c>
      <c r="C8264" s="7">
        <f t="shared" si="129"/>
        <v>137.56229999999999</v>
      </c>
    </row>
    <row r="8265" spans="1:3" x14ac:dyDescent="0.25">
      <c r="A8265" s="2" t="s">
        <v>3838</v>
      </c>
      <c r="B8265" s="6">
        <v>137578.94999999998</v>
      </c>
      <c r="C8265" s="7">
        <f t="shared" si="129"/>
        <v>137.57894999999999</v>
      </c>
    </row>
    <row r="8266" spans="1:3" x14ac:dyDescent="0.25">
      <c r="A8266" s="2" t="s">
        <v>3839</v>
      </c>
      <c r="B8266" s="6">
        <v>137595.59999999998</v>
      </c>
      <c r="C8266" s="7">
        <f t="shared" si="129"/>
        <v>137.59559999999999</v>
      </c>
    </row>
    <row r="8267" spans="1:3" x14ac:dyDescent="0.25">
      <c r="A8267" s="2" t="s">
        <v>3840</v>
      </c>
      <c r="B8267" s="6">
        <v>137612.25</v>
      </c>
      <c r="C8267" s="7">
        <f t="shared" si="129"/>
        <v>137.61224999999999</v>
      </c>
    </row>
    <row r="8268" spans="1:3" x14ac:dyDescent="0.25">
      <c r="A8268" s="2" t="s">
        <v>3841</v>
      </c>
      <c r="B8268" s="6">
        <v>137628.9</v>
      </c>
      <c r="C8268" s="7">
        <f t="shared" si="129"/>
        <v>137.62889999999999</v>
      </c>
    </row>
    <row r="8269" spans="1:3" x14ac:dyDescent="0.25">
      <c r="A8269" s="2" t="s">
        <v>3842</v>
      </c>
      <c r="B8269" s="6">
        <v>137645.54999999999</v>
      </c>
      <c r="C8269" s="7">
        <f t="shared" si="129"/>
        <v>137.64554999999999</v>
      </c>
    </row>
    <row r="8270" spans="1:3" x14ac:dyDescent="0.25">
      <c r="A8270" s="2" t="s">
        <v>3843</v>
      </c>
      <c r="B8270" s="6">
        <v>137662.19999999998</v>
      </c>
      <c r="C8270" s="7">
        <f t="shared" si="129"/>
        <v>137.66219999999998</v>
      </c>
    </row>
    <row r="8271" spans="1:3" x14ac:dyDescent="0.25">
      <c r="A8271" s="2" t="s">
        <v>3844</v>
      </c>
      <c r="B8271" s="6">
        <v>137678.84999999998</v>
      </c>
      <c r="C8271" s="7">
        <f t="shared" si="129"/>
        <v>137.67884999999998</v>
      </c>
    </row>
    <row r="8272" spans="1:3" x14ac:dyDescent="0.25">
      <c r="A8272" s="2" t="s">
        <v>3845</v>
      </c>
      <c r="B8272" s="6">
        <v>137695.5</v>
      </c>
      <c r="C8272" s="7">
        <f t="shared" si="129"/>
        <v>137.69550000000001</v>
      </c>
    </row>
    <row r="8273" spans="1:3" x14ac:dyDescent="0.25">
      <c r="A8273" s="2" t="s">
        <v>3846</v>
      </c>
      <c r="B8273" s="6">
        <v>137712.15</v>
      </c>
      <c r="C8273" s="7">
        <f t="shared" si="129"/>
        <v>137.71215000000001</v>
      </c>
    </row>
    <row r="8274" spans="1:3" x14ac:dyDescent="0.25">
      <c r="A8274" s="2" t="s">
        <v>3847</v>
      </c>
      <c r="B8274" s="6">
        <v>137728.79999999999</v>
      </c>
      <c r="C8274" s="7">
        <f t="shared" si="129"/>
        <v>137.72879999999998</v>
      </c>
    </row>
    <row r="8275" spans="1:3" x14ac:dyDescent="0.25">
      <c r="A8275" s="2" t="s">
        <v>3848</v>
      </c>
      <c r="B8275" s="6">
        <v>137745.44999999998</v>
      </c>
      <c r="C8275" s="7">
        <f t="shared" si="129"/>
        <v>137.74544999999998</v>
      </c>
    </row>
    <row r="8276" spans="1:3" x14ac:dyDescent="0.25">
      <c r="A8276" s="2" t="s">
        <v>3849</v>
      </c>
      <c r="B8276" s="6">
        <v>137762.09999999998</v>
      </c>
      <c r="C8276" s="7">
        <f t="shared" si="129"/>
        <v>137.76209999999998</v>
      </c>
    </row>
    <row r="8277" spans="1:3" x14ac:dyDescent="0.25">
      <c r="A8277" s="2" t="s">
        <v>3850</v>
      </c>
      <c r="B8277" s="6">
        <v>137778.75</v>
      </c>
      <c r="C8277" s="7">
        <f t="shared" si="129"/>
        <v>137.77875</v>
      </c>
    </row>
    <row r="8278" spans="1:3" x14ac:dyDescent="0.25">
      <c r="A8278" s="2" t="s">
        <v>3851</v>
      </c>
      <c r="B8278" s="6">
        <v>137795.4</v>
      </c>
      <c r="C8278" s="7">
        <f t="shared" si="129"/>
        <v>137.7954</v>
      </c>
    </row>
    <row r="8279" spans="1:3" x14ac:dyDescent="0.25">
      <c r="A8279" s="2" t="s">
        <v>3852</v>
      </c>
      <c r="B8279" s="6">
        <v>137812.04999999999</v>
      </c>
      <c r="C8279" s="7">
        <f t="shared" si="129"/>
        <v>137.81205</v>
      </c>
    </row>
    <row r="8280" spans="1:3" x14ac:dyDescent="0.25">
      <c r="A8280" s="2" t="s">
        <v>3853</v>
      </c>
      <c r="B8280" s="6">
        <v>137828.69999999998</v>
      </c>
      <c r="C8280" s="7">
        <f t="shared" si="129"/>
        <v>137.82869999999997</v>
      </c>
    </row>
    <row r="8281" spans="1:3" x14ac:dyDescent="0.25">
      <c r="A8281" s="2" t="s">
        <v>3854</v>
      </c>
      <c r="B8281" s="6">
        <v>137845.34999999998</v>
      </c>
      <c r="C8281" s="7">
        <f t="shared" si="129"/>
        <v>137.84534999999997</v>
      </c>
    </row>
    <row r="8282" spans="1:3" x14ac:dyDescent="0.25">
      <c r="A8282" s="2" t="s">
        <v>3855</v>
      </c>
      <c r="B8282" s="6">
        <v>137862</v>
      </c>
      <c r="C8282" s="7">
        <f t="shared" si="129"/>
        <v>137.86199999999999</v>
      </c>
    </row>
    <row r="8283" spans="1:3" x14ac:dyDescent="0.25">
      <c r="A8283" s="2" t="s">
        <v>3856</v>
      </c>
      <c r="B8283" s="6">
        <v>137878.65</v>
      </c>
      <c r="C8283" s="7">
        <f t="shared" si="129"/>
        <v>137.87864999999999</v>
      </c>
    </row>
    <row r="8284" spans="1:3" x14ac:dyDescent="0.25">
      <c r="A8284" s="2" t="s">
        <v>3857</v>
      </c>
      <c r="B8284" s="6">
        <v>137895.29999999999</v>
      </c>
      <c r="C8284" s="7">
        <f t="shared" si="129"/>
        <v>137.89529999999999</v>
      </c>
    </row>
    <row r="8285" spans="1:3" x14ac:dyDescent="0.25">
      <c r="A8285" s="2" t="s">
        <v>3858</v>
      </c>
      <c r="B8285" s="6">
        <v>137911.94999999998</v>
      </c>
      <c r="C8285" s="7">
        <f t="shared" si="129"/>
        <v>137.91194999999999</v>
      </c>
    </row>
    <row r="8286" spans="1:3" x14ac:dyDescent="0.25">
      <c r="A8286" s="2" t="s">
        <v>3859</v>
      </c>
      <c r="B8286" s="6">
        <v>137928.59999999998</v>
      </c>
      <c r="C8286" s="7">
        <f t="shared" si="129"/>
        <v>137.92859999999999</v>
      </c>
    </row>
    <row r="8287" spans="1:3" x14ac:dyDescent="0.25">
      <c r="A8287" s="2" t="s">
        <v>3860</v>
      </c>
      <c r="B8287" s="6">
        <v>137945.25</v>
      </c>
      <c r="C8287" s="7">
        <f t="shared" si="129"/>
        <v>137.94524999999999</v>
      </c>
    </row>
    <row r="8288" spans="1:3" x14ac:dyDescent="0.25">
      <c r="A8288" s="2" t="s">
        <v>3861</v>
      </c>
      <c r="B8288" s="6">
        <v>137961.9</v>
      </c>
      <c r="C8288" s="7">
        <f t="shared" si="129"/>
        <v>137.96189999999999</v>
      </c>
    </row>
    <row r="8289" spans="1:3" x14ac:dyDescent="0.25">
      <c r="A8289" s="2" t="s">
        <v>3862</v>
      </c>
      <c r="B8289" s="6">
        <v>137978.54999999999</v>
      </c>
      <c r="C8289" s="7">
        <f t="shared" si="129"/>
        <v>137.97854999999998</v>
      </c>
    </row>
    <row r="8290" spans="1:3" x14ac:dyDescent="0.25">
      <c r="A8290" s="2" t="s">
        <v>3863</v>
      </c>
      <c r="B8290" s="6">
        <v>137995.19999999998</v>
      </c>
      <c r="C8290" s="7">
        <f t="shared" si="129"/>
        <v>137.99519999999998</v>
      </c>
    </row>
    <row r="8291" spans="1:3" x14ac:dyDescent="0.25">
      <c r="A8291" s="2" t="s">
        <v>3864</v>
      </c>
      <c r="B8291" s="6">
        <v>138011.84999999998</v>
      </c>
      <c r="C8291" s="7">
        <f t="shared" si="129"/>
        <v>138.01184999999998</v>
      </c>
    </row>
    <row r="8292" spans="1:3" x14ac:dyDescent="0.25">
      <c r="A8292" s="2" t="s">
        <v>3865</v>
      </c>
      <c r="B8292" s="6">
        <v>138028.5</v>
      </c>
      <c r="C8292" s="7">
        <f t="shared" si="129"/>
        <v>138.02850000000001</v>
      </c>
    </row>
    <row r="8293" spans="1:3" x14ac:dyDescent="0.25">
      <c r="A8293" s="2" t="s">
        <v>3866</v>
      </c>
      <c r="B8293" s="6">
        <v>138045.15</v>
      </c>
      <c r="C8293" s="7">
        <f t="shared" si="129"/>
        <v>138.04515000000001</v>
      </c>
    </row>
    <row r="8294" spans="1:3" x14ac:dyDescent="0.25">
      <c r="A8294" s="2" t="s">
        <v>3867</v>
      </c>
      <c r="B8294" s="6">
        <v>138061.79999999999</v>
      </c>
      <c r="C8294" s="7">
        <f t="shared" si="129"/>
        <v>138.06179999999998</v>
      </c>
    </row>
    <row r="8295" spans="1:3" x14ac:dyDescent="0.25">
      <c r="A8295" s="2" t="s">
        <v>3868</v>
      </c>
      <c r="B8295" s="6">
        <v>138078.44999999998</v>
      </c>
      <c r="C8295" s="7">
        <f t="shared" si="129"/>
        <v>138.07844999999998</v>
      </c>
    </row>
    <row r="8296" spans="1:3" x14ac:dyDescent="0.25">
      <c r="A8296" s="2" t="s">
        <v>3869</v>
      </c>
      <c r="B8296" s="6">
        <v>138095.09999999998</v>
      </c>
      <c r="C8296" s="7">
        <f t="shared" si="129"/>
        <v>138.09509999999997</v>
      </c>
    </row>
    <row r="8297" spans="1:3" x14ac:dyDescent="0.25">
      <c r="A8297" s="2" t="s">
        <v>3870</v>
      </c>
      <c r="B8297" s="6">
        <v>138111.75</v>
      </c>
      <c r="C8297" s="7">
        <f t="shared" si="129"/>
        <v>138.11175</v>
      </c>
    </row>
    <row r="8298" spans="1:3" x14ac:dyDescent="0.25">
      <c r="A8298" s="2" t="s">
        <v>3871</v>
      </c>
      <c r="B8298" s="6">
        <v>138128.4</v>
      </c>
      <c r="C8298" s="7">
        <f t="shared" si="129"/>
        <v>138.1284</v>
      </c>
    </row>
    <row r="8299" spans="1:3" x14ac:dyDescent="0.25">
      <c r="A8299" s="2" t="s">
        <v>3872</v>
      </c>
      <c r="B8299" s="6">
        <v>138145.04999999999</v>
      </c>
      <c r="C8299" s="7">
        <f t="shared" si="129"/>
        <v>138.14505</v>
      </c>
    </row>
    <row r="8300" spans="1:3" x14ac:dyDescent="0.25">
      <c r="A8300" s="2" t="s">
        <v>3873</v>
      </c>
      <c r="B8300" s="6">
        <v>138161.69999999998</v>
      </c>
      <c r="C8300" s="7">
        <f t="shared" si="129"/>
        <v>138.1617</v>
      </c>
    </row>
    <row r="8301" spans="1:3" x14ac:dyDescent="0.25">
      <c r="A8301" s="2" t="s">
        <v>3874</v>
      </c>
      <c r="B8301" s="6">
        <v>138178.34999999998</v>
      </c>
      <c r="C8301" s="7">
        <f t="shared" si="129"/>
        <v>138.17834999999997</v>
      </c>
    </row>
    <row r="8302" spans="1:3" x14ac:dyDescent="0.25">
      <c r="A8302" s="2" t="s">
        <v>3875</v>
      </c>
      <c r="B8302" s="6">
        <v>138195</v>
      </c>
      <c r="C8302" s="7">
        <f t="shared" si="129"/>
        <v>138.19499999999999</v>
      </c>
    </row>
    <row r="8303" spans="1:3" x14ac:dyDescent="0.25">
      <c r="A8303" s="2" t="s">
        <v>3876</v>
      </c>
      <c r="B8303" s="6">
        <v>138211.65</v>
      </c>
      <c r="C8303" s="7">
        <f t="shared" si="129"/>
        <v>138.21164999999999</v>
      </c>
    </row>
    <row r="8304" spans="1:3" x14ac:dyDescent="0.25">
      <c r="A8304" s="2" t="s">
        <v>3877</v>
      </c>
      <c r="B8304" s="6">
        <v>138228.29999999999</v>
      </c>
      <c r="C8304" s="7">
        <f t="shared" si="129"/>
        <v>138.22829999999999</v>
      </c>
    </row>
    <row r="8305" spans="1:3" x14ac:dyDescent="0.25">
      <c r="A8305" s="2" t="s">
        <v>3878</v>
      </c>
      <c r="B8305" s="6">
        <v>138244.94999999998</v>
      </c>
      <c r="C8305" s="7">
        <f t="shared" si="129"/>
        <v>138.24494999999999</v>
      </c>
    </row>
    <row r="8306" spans="1:3" x14ac:dyDescent="0.25">
      <c r="A8306" s="2" t="s">
        <v>3879</v>
      </c>
      <c r="B8306" s="6">
        <v>138261.59999999998</v>
      </c>
      <c r="C8306" s="7">
        <f t="shared" si="129"/>
        <v>138.26159999999999</v>
      </c>
    </row>
    <row r="8307" spans="1:3" x14ac:dyDescent="0.25">
      <c r="A8307" s="2" t="s">
        <v>3880</v>
      </c>
      <c r="B8307" s="6">
        <v>138278.25</v>
      </c>
      <c r="C8307" s="7">
        <f t="shared" si="129"/>
        <v>138.27825000000001</v>
      </c>
    </row>
    <row r="8308" spans="1:3" x14ac:dyDescent="0.25">
      <c r="A8308" s="2" t="s">
        <v>3881</v>
      </c>
      <c r="B8308" s="6">
        <v>138294.9</v>
      </c>
      <c r="C8308" s="7">
        <f t="shared" si="129"/>
        <v>138.29489999999998</v>
      </c>
    </row>
    <row r="8309" spans="1:3" x14ac:dyDescent="0.25">
      <c r="A8309" s="2" t="s">
        <v>3882</v>
      </c>
      <c r="B8309" s="6">
        <v>138311.54999999999</v>
      </c>
      <c r="C8309" s="7">
        <f t="shared" si="129"/>
        <v>138.31154999999998</v>
      </c>
    </row>
    <row r="8310" spans="1:3" x14ac:dyDescent="0.25">
      <c r="A8310" s="2" t="s">
        <v>3883</v>
      </c>
      <c r="B8310" s="6">
        <v>138328.19999999998</v>
      </c>
      <c r="C8310" s="7">
        <f t="shared" si="129"/>
        <v>138.32819999999998</v>
      </c>
    </row>
    <row r="8311" spans="1:3" x14ac:dyDescent="0.25">
      <c r="A8311" s="2" t="s">
        <v>3884</v>
      </c>
      <c r="B8311" s="6">
        <v>138344.84999999998</v>
      </c>
      <c r="C8311" s="7">
        <f t="shared" si="129"/>
        <v>138.34484999999998</v>
      </c>
    </row>
    <row r="8312" spans="1:3" x14ac:dyDescent="0.25">
      <c r="A8312" s="2" t="s">
        <v>3885</v>
      </c>
      <c r="B8312" s="6">
        <v>138361.5</v>
      </c>
      <c r="C8312" s="7">
        <f t="shared" si="129"/>
        <v>138.36150000000001</v>
      </c>
    </row>
    <row r="8313" spans="1:3" x14ac:dyDescent="0.25">
      <c r="A8313" s="2" t="s">
        <v>3886</v>
      </c>
      <c r="B8313" s="6">
        <v>138378.15</v>
      </c>
      <c r="C8313" s="7">
        <f t="shared" si="129"/>
        <v>138.37815000000001</v>
      </c>
    </row>
    <row r="8314" spans="1:3" x14ac:dyDescent="0.25">
      <c r="A8314" s="2" t="s">
        <v>3887</v>
      </c>
      <c r="B8314" s="6">
        <v>138394.79999999999</v>
      </c>
      <c r="C8314" s="7">
        <f t="shared" si="129"/>
        <v>138.39479999999998</v>
      </c>
    </row>
    <row r="8315" spans="1:3" x14ac:dyDescent="0.25">
      <c r="A8315" s="2" t="s">
        <v>3888</v>
      </c>
      <c r="B8315" s="6">
        <v>138411.44999999998</v>
      </c>
      <c r="C8315" s="7">
        <f t="shared" si="129"/>
        <v>138.41144999999997</v>
      </c>
    </row>
    <row r="8316" spans="1:3" x14ac:dyDescent="0.25">
      <c r="A8316" s="2" t="s">
        <v>3889</v>
      </c>
      <c r="B8316" s="6">
        <v>138428.09999999998</v>
      </c>
      <c r="C8316" s="7">
        <f t="shared" si="129"/>
        <v>138.42809999999997</v>
      </c>
    </row>
    <row r="8317" spans="1:3" x14ac:dyDescent="0.25">
      <c r="A8317" s="2" t="s">
        <v>3890</v>
      </c>
      <c r="B8317" s="6">
        <v>138444.75</v>
      </c>
      <c r="C8317" s="7">
        <f t="shared" si="129"/>
        <v>138.44475</v>
      </c>
    </row>
    <row r="8318" spans="1:3" x14ac:dyDescent="0.25">
      <c r="A8318" s="2" t="s">
        <v>3891</v>
      </c>
      <c r="B8318" s="6">
        <v>138461.4</v>
      </c>
      <c r="C8318" s="7">
        <f t="shared" si="129"/>
        <v>138.4614</v>
      </c>
    </row>
    <row r="8319" spans="1:3" x14ac:dyDescent="0.25">
      <c r="A8319" s="2" t="s">
        <v>3892</v>
      </c>
      <c r="B8319" s="6">
        <v>138478.04999999999</v>
      </c>
      <c r="C8319" s="7">
        <f t="shared" si="129"/>
        <v>138.47805</v>
      </c>
    </row>
    <row r="8320" spans="1:3" x14ac:dyDescent="0.25">
      <c r="A8320" s="2" t="s">
        <v>3893</v>
      </c>
      <c r="B8320" s="6">
        <v>138494.69999999998</v>
      </c>
      <c r="C8320" s="7">
        <f t="shared" si="129"/>
        <v>138.49469999999999</v>
      </c>
    </row>
    <row r="8321" spans="1:3" x14ac:dyDescent="0.25">
      <c r="A8321" s="2" t="s">
        <v>3894</v>
      </c>
      <c r="B8321" s="6">
        <v>138511.34999999998</v>
      </c>
      <c r="C8321" s="7">
        <f t="shared" si="129"/>
        <v>138.51134999999996</v>
      </c>
    </row>
    <row r="8322" spans="1:3" x14ac:dyDescent="0.25">
      <c r="A8322" s="2" t="s">
        <v>3895</v>
      </c>
      <c r="B8322" s="6">
        <v>138528</v>
      </c>
      <c r="C8322" s="7">
        <f t="shared" si="129"/>
        <v>138.52799999999999</v>
      </c>
    </row>
    <row r="8323" spans="1:3" x14ac:dyDescent="0.25">
      <c r="A8323" s="2" t="s">
        <v>3896</v>
      </c>
      <c r="B8323" s="6">
        <v>138544.65</v>
      </c>
      <c r="C8323" s="7">
        <f t="shared" ref="C8323:C8386" si="130">B8323/1000</f>
        <v>138.54464999999999</v>
      </c>
    </row>
    <row r="8324" spans="1:3" x14ac:dyDescent="0.25">
      <c r="A8324" s="2" t="s">
        <v>3897</v>
      </c>
      <c r="B8324" s="6">
        <v>138561.29999999999</v>
      </c>
      <c r="C8324" s="7">
        <f t="shared" si="130"/>
        <v>138.56129999999999</v>
      </c>
    </row>
    <row r="8325" spans="1:3" x14ac:dyDescent="0.25">
      <c r="A8325" s="2" t="s">
        <v>3898</v>
      </c>
      <c r="B8325" s="6">
        <v>138577.94999999998</v>
      </c>
      <c r="C8325" s="7">
        <f t="shared" si="130"/>
        <v>138.57794999999999</v>
      </c>
    </row>
    <row r="8326" spans="1:3" x14ac:dyDescent="0.25">
      <c r="A8326" s="2" t="s">
        <v>3899</v>
      </c>
      <c r="B8326" s="6">
        <v>138594.59999999998</v>
      </c>
      <c r="C8326" s="7">
        <f t="shared" si="130"/>
        <v>138.59459999999999</v>
      </c>
    </row>
    <row r="8327" spans="1:3" x14ac:dyDescent="0.25">
      <c r="A8327" s="2" t="s">
        <v>3900</v>
      </c>
      <c r="B8327" s="6">
        <v>138611.25</v>
      </c>
      <c r="C8327" s="7">
        <f t="shared" si="130"/>
        <v>138.61125000000001</v>
      </c>
    </row>
    <row r="8328" spans="1:3" x14ac:dyDescent="0.25">
      <c r="A8328" s="2" t="s">
        <v>3901</v>
      </c>
      <c r="B8328" s="6">
        <v>138627.9</v>
      </c>
      <c r="C8328" s="7">
        <f t="shared" si="130"/>
        <v>138.62789999999998</v>
      </c>
    </row>
    <row r="8329" spans="1:3" x14ac:dyDescent="0.25">
      <c r="A8329" s="2" t="s">
        <v>3902</v>
      </c>
      <c r="B8329" s="6">
        <v>138644.54999999999</v>
      </c>
      <c r="C8329" s="7">
        <f t="shared" si="130"/>
        <v>138.64454999999998</v>
      </c>
    </row>
    <row r="8330" spans="1:3" x14ac:dyDescent="0.25">
      <c r="A8330" s="2" t="s">
        <v>3903</v>
      </c>
      <c r="B8330" s="6">
        <v>138661.19999999998</v>
      </c>
      <c r="C8330" s="7">
        <f t="shared" si="130"/>
        <v>138.66119999999998</v>
      </c>
    </row>
    <row r="8331" spans="1:3" x14ac:dyDescent="0.25">
      <c r="A8331" s="2" t="s">
        <v>3904</v>
      </c>
      <c r="B8331" s="6">
        <v>138677.84999999998</v>
      </c>
      <c r="C8331" s="7">
        <f t="shared" si="130"/>
        <v>138.67784999999998</v>
      </c>
    </row>
    <row r="8332" spans="1:3" x14ac:dyDescent="0.25">
      <c r="A8332" s="2" t="s">
        <v>3905</v>
      </c>
      <c r="B8332" s="6">
        <v>138694.5</v>
      </c>
      <c r="C8332" s="7">
        <f t="shared" si="130"/>
        <v>138.69450000000001</v>
      </c>
    </row>
    <row r="8333" spans="1:3" x14ac:dyDescent="0.25">
      <c r="A8333" s="2" t="s">
        <v>3906</v>
      </c>
      <c r="B8333" s="6">
        <v>138711.15</v>
      </c>
      <c r="C8333" s="7">
        <f t="shared" si="130"/>
        <v>138.71115</v>
      </c>
    </row>
    <row r="8334" spans="1:3" x14ac:dyDescent="0.25">
      <c r="A8334" s="2" t="s">
        <v>3907</v>
      </c>
      <c r="B8334" s="6">
        <v>138727.79999999999</v>
      </c>
      <c r="C8334" s="7">
        <f t="shared" si="130"/>
        <v>138.7278</v>
      </c>
    </row>
    <row r="8335" spans="1:3" x14ac:dyDescent="0.25">
      <c r="A8335" s="2" t="s">
        <v>3908</v>
      </c>
      <c r="B8335" s="6">
        <v>138744.44999999998</v>
      </c>
      <c r="C8335" s="7">
        <f t="shared" si="130"/>
        <v>138.74444999999997</v>
      </c>
    </row>
    <row r="8336" spans="1:3" x14ac:dyDescent="0.25">
      <c r="A8336" s="2" t="s">
        <v>3909</v>
      </c>
      <c r="B8336" s="6">
        <v>138761.09999999998</v>
      </c>
      <c r="C8336" s="7">
        <f t="shared" si="130"/>
        <v>138.76109999999997</v>
      </c>
    </row>
    <row r="8337" spans="1:3" x14ac:dyDescent="0.25">
      <c r="A8337" s="2" t="s">
        <v>3910</v>
      </c>
      <c r="B8337" s="6">
        <v>138777.75</v>
      </c>
      <c r="C8337" s="7">
        <f t="shared" si="130"/>
        <v>138.77775</v>
      </c>
    </row>
    <row r="8338" spans="1:3" x14ac:dyDescent="0.25">
      <c r="A8338" s="2" t="s">
        <v>3911</v>
      </c>
      <c r="B8338" s="6">
        <v>138794.4</v>
      </c>
      <c r="C8338" s="7">
        <f t="shared" si="130"/>
        <v>138.7944</v>
      </c>
    </row>
    <row r="8339" spans="1:3" x14ac:dyDescent="0.25">
      <c r="A8339" s="2" t="s">
        <v>3912</v>
      </c>
      <c r="B8339" s="6">
        <v>138811.04999999999</v>
      </c>
      <c r="C8339" s="7">
        <f t="shared" si="130"/>
        <v>138.81104999999999</v>
      </c>
    </row>
    <row r="8340" spans="1:3" x14ac:dyDescent="0.25">
      <c r="A8340" s="2" t="s">
        <v>3913</v>
      </c>
      <c r="B8340" s="6">
        <v>138827.69999999998</v>
      </c>
      <c r="C8340" s="7">
        <f t="shared" si="130"/>
        <v>138.82769999999999</v>
      </c>
    </row>
    <row r="8341" spans="1:3" x14ac:dyDescent="0.25">
      <c r="A8341" s="2" t="s">
        <v>3914</v>
      </c>
      <c r="B8341" s="6">
        <v>138844.34999999998</v>
      </c>
      <c r="C8341" s="7">
        <f t="shared" si="130"/>
        <v>138.84434999999996</v>
      </c>
    </row>
    <row r="8342" spans="1:3" x14ac:dyDescent="0.25">
      <c r="A8342" s="2" t="s">
        <v>3915</v>
      </c>
      <c r="B8342" s="6">
        <v>138861</v>
      </c>
      <c r="C8342" s="7">
        <f t="shared" si="130"/>
        <v>138.86099999999999</v>
      </c>
    </row>
    <row r="8343" spans="1:3" x14ac:dyDescent="0.25">
      <c r="A8343" s="2" t="s">
        <v>3916</v>
      </c>
      <c r="B8343" s="6">
        <v>138877.65</v>
      </c>
      <c r="C8343" s="7">
        <f t="shared" si="130"/>
        <v>138.87764999999999</v>
      </c>
    </row>
    <row r="8344" spans="1:3" x14ac:dyDescent="0.25">
      <c r="A8344" s="2" t="s">
        <v>3917</v>
      </c>
      <c r="B8344" s="6">
        <v>138894.29999999999</v>
      </c>
      <c r="C8344" s="7">
        <f t="shared" si="130"/>
        <v>138.89429999999999</v>
      </c>
    </row>
    <row r="8345" spans="1:3" x14ac:dyDescent="0.25">
      <c r="A8345" s="2" t="s">
        <v>3918</v>
      </c>
      <c r="B8345" s="6">
        <v>138910.94999999998</v>
      </c>
      <c r="C8345" s="7">
        <f t="shared" si="130"/>
        <v>138.91094999999999</v>
      </c>
    </row>
    <row r="8346" spans="1:3" x14ac:dyDescent="0.25">
      <c r="A8346" s="2" t="s">
        <v>3919</v>
      </c>
      <c r="B8346" s="6">
        <v>138927.59999999998</v>
      </c>
      <c r="C8346" s="7">
        <f t="shared" si="130"/>
        <v>138.92759999999998</v>
      </c>
    </row>
    <row r="8347" spans="1:3" x14ac:dyDescent="0.25">
      <c r="A8347" s="2" t="s">
        <v>3920</v>
      </c>
      <c r="B8347" s="6">
        <v>138944.25</v>
      </c>
      <c r="C8347" s="7">
        <f t="shared" si="130"/>
        <v>138.94425000000001</v>
      </c>
    </row>
    <row r="8348" spans="1:3" x14ac:dyDescent="0.25">
      <c r="A8348" s="2" t="s">
        <v>3921</v>
      </c>
      <c r="B8348" s="6">
        <v>138960.9</v>
      </c>
      <c r="C8348" s="7">
        <f t="shared" si="130"/>
        <v>138.96089999999998</v>
      </c>
    </row>
    <row r="8349" spans="1:3" x14ac:dyDescent="0.25">
      <c r="A8349" s="2" t="s">
        <v>3922</v>
      </c>
      <c r="B8349" s="6">
        <v>138977.54999999999</v>
      </c>
      <c r="C8349" s="7">
        <f t="shared" si="130"/>
        <v>138.97754999999998</v>
      </c>
    </row>
    <row r="8350" spans="1:3" x14ac:dyDescent="0.25">
      <c r="A8350" s="2" t="s">
        <v>3923</v>
      </c>
      <c r="B8350" s="6">
        <v>138994.19999999998</v>
      </c>
      <c r="C8350" s="7">
        <f t="shared" si="130"/>
        <v>138.99419999999998</v>
      </c>
    </row>
    <row r="8351" spans="1:3" x14ac:dyDescent="0.25">
      <c r="A8351" s="2" t="s">
        <v>3924</v>
      </c>
      <c r="B8351" s="6">
        <v>139010.84999999998</v>
      </c>
      <c r="C8351" s="7">
        <f t="shared" si="130"/>
        <v>139.01084999999998</v>
      </c>
    </row>
    <row r="8352" spans="1:3" x14ac:dyDescent="0.25">
      <c r="A8352" s="2" t="s">
        <v>3925</v>
      </c>
      <c r="B8352" s="6">
        <v>139027.5</v>
      </c>
      <c r="C8352" s="7">
        <f t="shared" si="130"/>
        <v>139.0275</v>
      </c>
    </row>
    <row r="8353" spans="1:3" x14ac:dyDescent="0.25">
      <c r="A8353" s="2" t="s">
        <v>3926</v>
      </c>
      <c r="B8353" s="6">
        <v>139044.15</v>
      </c>
      <c r="C8353" s="7">
        <f t="shared" si="130"/>
        <v>139.04415</v>
      </c>
    </row>
    <row r="8354" spans="1:3" x14ac:dyDescent="0.25">
      <c r="A8354" s="2" t="s">
        <v>3927</v>
      </c>
      <c r="B8354" s="6">
        <v>139060.79999999999</v>
      </c>
      <c r="C8354" s="7">
        <f t="shared" si="130"/>
        <v>139.0608</v>
      </c>
    </row>
    <row r="8355" spans="1:3" x14ac:dyDescent="0.25">
      <c r="A8355" s="2" t="s">
        <v>3928</v>
      </c>
      <c r="B8355" s="6">
        <v>139077.44999999998</v>
      </c>
      <c r="C8355" s="7">
        <f t="shared" si="130"/>
        <v>139.07744999999997</v>
      </c>
    </row>
    <row r="8356" spans="1:3" x14ac:dyDescent="0.25">
      <c r="A8356" s="2" t="s">
        <v>3929</v>
      </c>
      <c r="B8356" s="6">
        <v>139094.09999999998</v>
      </c>
      <c r="C8356" s="7">
        <f t="shared" si="130"/>
        <v>139.09409999999997</v>
      </c>
    </row>
    <row r="8357" spans="1:3" x14ac:dyDescent="0.25">
      <c r="A8357" s="2" t="s">
        <v>3930</v>
      </c>
      <c r="B8357" s="6">
        <v>139110.75</v>
      </c>
      <c r="C8357" s="7">
        <f t="shared" si="130"/>
        <v>139.11075</v>
      </c>
    </row>
    <row r="8358" spans="1:3" x14ac:dyDescent="0.25">
      <c r="A8358" s="2" t="s">
        <v>3931</v>
      </c>
      <c r="B8358" s="6">
        <v>139127.4</v>
      </c>
      <c r="C8358" s="7">
        <f t="shared" si="130"/>
        <v>139.12739999999999</v>
      </c>
    </row>
    <row r="8359" spans="1:3" x14ac:dyDescent="0.25">
      <c r="A8359" s="2" t="s">
        <v>3932</v>
      </c>
      <c r="B8359" s="6">
        <v>139144.04999999999</v>
      </c>
      <c r="C8359" s="7">
        <f t="shared" si="130"/>
        <v>139.14404999999999</v>
      </c>
    </row>
    <row r="8360" spans="1:3" x14ac:dyDescent="0.25">
      <c r="A8360" s="2" t="s">
        <v>3933</v>
      </c>
      <c r="B8360" s="6">
        <v>139160.69999999998</v>
      </c>
      <c r="C8360" s="7">
        <f t="shared" si="130"/>
        <v>139.16069999999999</v>
      </c>
    </row>
    <row r="8361" spans="1:3" x14ac:dyDescent="0.25">
      <c r="A8361" s="2" t="s">
        <v>3934</v>
      </c>
      <c r="B8361" s="6">
        <v>139177.34999999998</v>
      </c>
      <c r="C8361" s="7">
        <f t="shared" si="130"/>
        <v>139.17734999999999</v>
      </c>
    </row>
    <row r="8362" spans="1:3" x14ac:dyDescent="0.25">
      <c r="A8362" s="2" t="s">
        <v>3935</v>
      </c>
      <c r="B8362" s="6">
        <v>139194</v>
      </c>
      <c r="C8362" s="7">
        <f t="shared" si="130"/>
        <v>139.19399999999999</v>
      </c>
    </row>
    <row r="8363" spans="1:3" x14ac:dyDescent="0.25">
      <c r="A8363" s="2" t="s">
        <v>3936</v>
      </c>
      <c r="B8363" s="6">
        <v>139210.65</v>
      </c>
      <c r="C8363" s="7">
        <f t="shared" si="130"/>
        <v>139.21064999999999</v>
      </c>
    </row>
    <row r="8364" spans="1:3" x14ac:dyDescent="0.25">
      <c r="A8364" s="2" t="s">
        <v>3937</v>
      </c>
      <c r="B8364" s="6">
        <v>139227.29999999999</v>
      </c>
      <c r="C8364" s="7">
        <f t="shared" si="130"/>
        <v>139.22729999999999</v>
      </c>
    </row>
    <row r="8365" spans="1:3" x14ac:dyDescent="0.25">
      <c r="A8365" s="2" t="s">
        <v>3938</v>
      </c>
      <c r="B8365" s="6">
        <v>139243.94999999998</v>
      </c>
      <c r="C8365" s="7">
        <f t="shared" si="130"/>
        <v>139.24394999999998</v>
      </c>
    </row>
    <row r="8366" spans="1:3" x14ac:dyDescent="0.25">
      <c r="A8366" s="2" t="s">
        <v>3939</v>
      </c>
      <c r="B8366" s="6">
        <v>139260.59999999998</v>
      </c>
      <c r="C8366" s="7">
        <f t="shared" si="130"/>
        <v>139.26059999999998</v>
      </c>
    </row>
    <row r="8367" spans="1:3" x14ac:dyDescent="0.25">
      <c r="A8367" s="2" t="s">
        <v>3940</v>
      </c>
      <c r="B8367" s="6">
        <v>139277.25</v>
      </c>
      <c r="C8367" s="7">
        <f t="shared" si="130"/>
        <v>139.27725000000001</v>
      </c>
    </row>
    <row r="8368" spans="1:3" x14ac:dyDescent="0.25">
      <c r="A8368" s="2" t="s">
        <v>3941</v>
      </c>
      <c r="B8368" s="6">
        <v>139293.9</v>
      </c>
      <c r="C8368" s="7">
        <f t="shared" si="130"/>
        <v>139.29390000000001</v>
      </c>
    </row>
    <row r="8369" spans="1:3" x14ac:dyDescent="0.25">
      <c r="A8369" s="2" t="s">
        <v>3942</v>
      </c>
      <c r="B8369" s="6">
        <v>139310.54999999999</v>
      </c>
      <c r="C8369" s="7">
        <f t="shared" si="130"/>
        <v>139.31054999999998</v>
      </c>
    </row>
    <row r="8370" spans="1:3" x14ac:dyDescent="0.25">
      <c r="A8370" s="2" t="s">
        <v>3943</v>
      </c>
      <c r="B8370" s="6">
        <v>139327.19999999998</v>
      </c>
      <c r="C8370" s="7">
        <f t="shared" si="130"/>
        <v>139.32719999999998</v>
      </c>
    </row>
    <row r="8371" spans="1:3" x14ac:dyDescent="0.25">
      <c r="A8371" s="2" t="s">
        <v>3944</v>
      </c>
      <c r="B8371" s="6">
        <v>139343.84999999998</v>
      </c>
      <c r="C8371" s="7">
        <f t="shared" si="130"/>
        <v>139.34384999999997</v>
      </c>
    </row>
    <row r="8372" spans="1:3" x14ac:dyDescent="0.25">
      <c r="A8372" s="2" t="s">
        <v>3945</v>
      </c>
      <c r="B8372" s="6">
        <v>139360.5</v>
      </c>
      <c r="C8372" s="7">
        <f t="shared" si="130"/>
        <v>139.3605</v>
      </c>
    </row>
    <row r="8373" spans="1:3" x14ac:dyDescent="0.25">
      <c r="A8373" s="2" t="s">
        <v>3946</v>
      </c>
      <c r="B8373" s="6">
        <v>139377.15</v>
      </c>
      <c r="C8373" s="7">
        <f t="shared" si="130"/>
        <v>139.37715</v>
      </c>
    </row>
    <row r="8374" spans="1:3" x14ac:dyDescent="0.25">
      <c r="A8374" s="2" t="s">
        <v>3947</v>
      </c>
      <c r="B8374" s="6">
        <v>139393.79999999999</v>
      </c>
      <c r="C8374" s="7">
        <f t="shared" si="130"/>
        <v>139.3938</v>
      </c>
    </row>
    <row r="8375" spans="1:3" x14ac:dyDescent="0.25">
      <c r="A8375" s="2" t="s">
        <v>3948</v>
      </c>
      <c r="B8375" s="6">
        <v>139410.44999999998</v>
      </c>
      <c r="C8375" s="7">
        <f t="shared" si="130"/>
        <v>139.41044999999997</v>
      </c>
    </row>
    <row r="8376" spans="1:3" x14ac:dyDescent="0.25">
      <c r="A8376" s="2" t="s">
        <v>3949</v>
      </c>
      <c r="B8376" s="6">
        <v>139427.09999999998</v>
      </c>
      <c r="C8376" s="7">
        <f t="shared" si="130"/>
        <v>139.42709999999997</v>
      </c>
    </row>
    <row r="8377" spans="1:3" x14ac:dyDescent="0.25">
      <c r="A8377" s="2" t="s">
        <v>3950</v>
      </c>
      <c r="B8377" s="6">
        <v>139443.75</v>
      </c>
      <c r="C8377" s="7">
        <f t="shared" si="130"/>
        <v>139.44374999999999</v>
      </c>
    </row>
    <row r="8378" spans="1:3" x14ac:dyDescent="0.25">
      <c r="A8378" s="2" t="s">
        <v>3951</v>
      </c>
      <c r="B8378" s="6">
        <v>139460.4</v>
      </c>
      <c r="C8378" s="7">
        <f t="shared" si="130"/>
        <v>139.46039999999999</v>
      </c>
    </row>
    <row r="8379" spans="1:3" x14ac:dyDescent="0.25">
      <c r="A8379" s="2" t="s">
        <v>3952</v>
      </c>
      <c r="B8379" s="6">
        <v>139477.04999999999</v>
      </c>
      <c r="C8379" s="7">
        <f t="shared" si="130"/>
        <v>139.47704999999999</v>
      </c>
    </row>
    <row r="8380" spans="1:3" x14ac:dyDescent="0.25">
      <c r="A8380" s="2" t="s">
        <v>3953</v>
      </c>
      <c r="B8380" s="6">
        <v>139493.69999999998</v>
      </c>
      <c r="C8380" s="7">
        <f t="shared" si="130"/>
        <v>139.49369999999999</v>
      </c>
    </row>
    <row r="8381" spans="1:3" x14ac:dyDescent="0.25">
      <c r="A8381" s="2" t="s">
        <v>3954</v>
      </c>
      <c r="B8381" s="6">
        <v>139510.34999999998</v>
      </c>
      <c r="C8381" s="7">
        <f t="shared" si="130"/>
        <v>139.51034999999999</v>
      </c>
    </row>
    <row r="8382" spans="1:3" x14ac:dyDescent="0.25">
      <c r="A8382" s="2" t="s">
        <v>3955</v>
      </c>
      <c r="B8382" s="6">
        <v>139527</v>
      </c>
      <c r="C8382" s="7">
        <f t="shared" si="130"/>
        <v>139.52699999999999</v>
      </c>
    </row>
    <row r="8383" spans="1:3" x14ac:dyDescent="0.25">
      <c r="A8383" s="2" t="s">
        <v>3956</v>
      </c>
      <c r="B8383" s="6">
        <v>139543.65</v>
      </c>
      <c r="C8383" s="7">
        <f t="shared" si="130"/>
        <v>139.54364999999999</v>
      </c>
    </row>
    <row r="8384" spans="1:3" x14ac:dyDescent="0.25">
      <c r="A8384" s="2" t="s">
        <v>3957</v>
      </c>
      <c r="B8384" s="6">
        <v>139560.29999999999</v>
      </c>
      <c r="C8384" s="7">
        <f t="shared" si="130"/>
        <v>139.56029999999998</v>
      </c>
    </row>
    <row r="8385" spans="1:3" x14ac:dyDescent="0.25">
      <c r="A8385" s="2" t="s">
        <v>3958</v>
      </c>
      <c r="B8385" s="6">
        <v>139576.94999999998</v>
      </c>
      <c r="C8385" s="7">
        <f t="shared" si="130"/>
        <v>139.57694999999998</v>
      </c>
    </row>
    <row r="8386" spans="1:3" x14ac:dyDescent="0.25">
      <c r="A8386" s="2" t="s">
        <v>3959</v>
      </c>
      <c r="B8386" s="6">
        <v>139593.59999999998</v>
      </c>
      <c r="C8386" s="7">
        <f t="shared" si="130"/>
        <v>139.59359999999998</v>
      </c>
    </row>
    <row r="8387" spans="1:3" x14ac:dyDescent="0.25">
      <c r="A8387" s="2" t="s">
        <v>3960</v>
      </c>
      <c r="B8387" s="6">
        <v>139610.25</v>
      </c>
      <c r="C8387" s="7">
        <f t="shared" ref="C8387:C8450" si="131">B8387/1000</f>
        <v>139.61025000000001</v>
      </c>
    </row>
    <row r="8388" spans="1:3" x14ac:dyDescent="0.25">
      <c r="A8388" s="2" t="s">
        <v>3961</v>
      </c>
      <c r="B8388" s="6">
        <v>139626.9</v>
      </c>
      <c r="C8388" s="7">
        <f t="shared" si="131"/>
        <v>139.62690000000001</v>
      </c>
    </row>
    <row r="8389" spans="1:3" x14ac:dyDescent="0.25">
      <c r="A8389" s="2" t="s">
        <v>3962</v>
      </c>
      <c r="B8389" s="6">
        <v>139643.54999999999</v>
      </c>
      <c r="C8389" s="7">
        <f t="shared" si="131"/>
        <v>139.64354999999998</v>
      </c>
    </row>
    <row r="8390" spans="1:3" x14ac:dyDescent="0.25">
      <c r="A8390" s="2" t="s">
        <v>3963</v>
      </c>
      <c r="B8390" s="6">
        <v>139660.19999999998</v>
      </c>
      <c r="C8390" s="7">
        <f t="shared" si="131"/>
        <v>139.66019999999997</v>
      </c>
    </row>
    <row r="8391" spans="1:3" x14ac:dyDescent="0.25">
      <c r="A8391" s="2" t="s">
        <v>3964</v>
      </c>
      <c r="B8391" s="6">
        <v>139676.84999999998</v>
      </c>
      <c r="C8391" s="7">
        <f t="shared" si="131"/>
        <v>139.67684999999997</v>
      </c>
    </row>
    <row r="8392" spans="1:3" x14ac:dyDescent="0.25">
      <c r="A8392" s="2" t="s">
        <v>3965</v>
      </c>
      <c r="B8392" s="6">
        <v>139693.5</v>
      </c>
      <c r="C8392" s="7">
        <f t="shared" si="131"/>
        <v>139.6935</v>
      </c>
    </row>
    <row r="8393" spans="1:3" x14ac:dyDescent="0.25">
      <c r="A8393" s="2" t="s">
        <v>3966</v>
      </c>
      <c r="B8393" s="6">
        <v>139710.15</v>
      </c>
      <c r="C8393" s="7">
        <f t="shared" si="131"/>
        <v>139.71015</v>
      </c>
    </row>
    <row r="8394" spans="1:3" x14ac:dyDescent="0.25">
      <c r="A8394" s="2" t="s">
        <v>3967</v>
      </c>
      <c r="B8394" s="6">
        <v>139726.79999999999</v>
      </c>
      <c r="C8394" s="7">
        <f t="shared" si="131"/>
        <v>139.7268</v>
      </c>
    </row>
    <row r="8395" spans="1:3" x14ac:dyDescent="0.25">
      <c r="A8395" s="2" t="s">
        <v>3968</v>
      </c>
      <c r="B8395" s="6">
        <v>139743.44999999998</v>
      </c>
      <c r="C8395" s="7">
        <f t="shared" si="131"/>
        <v>139.74345</v>
      </c>
    </row>
    <row r="8396" spans="1:3" x14ac:dyDescent="0.25">
      <c r="A8396" s="2" t="s">
        <v>3969</v>
      </c>
      <c r="B8396" s="6">
        <v>139760.09999999998</v>
      </c>
      <c r="C8396" s="7">
        <f t="shared" si="131"/>
        <v>139.76009999999997</v>
      </c>
    </row>
    <row r="8397" spans="1:3" x14ac:dyDescent="0.25">
      <c r="A8397" s="2" t="s">
        <v>3970</v>
      </c>
      <c r="B8397" s="6">
        <v>139776.75</v>
      </c>
      <c r="C8397" s="7">
        <f t="shared" si="131"/>
        <v>139.77674999999999</v>
      </c>
    </row>
    <row r="8398" spans="1:3" x14ac:dyDescent="0.25">
      <c r="A8398" s="2" t="s">
        <v>3971</v>
      </c>
      <c r="B8398" s="6">
        <v>139793.4</v>
      </c>
      <c r="C8398" s="7">
        <f t="shared" si="131"/>
        <v>139.79339999999999</v>
      </c>
    </row>
    <row r="8399" spans="1:3" x14ac:dyDescent="0.25">
      <c r="A8399" s="2" t="s">
        <v>3972</v>
      </c>
      <c r="B8399" s="6">
        <v>139810.04999999999</v>
      </c>
      <c r="C8399" s="7">
        <f t="shared" si="131"/>
        <v>139.81004999999999</v>
      </c>
    </row>
    <row r="8400" spans="1:3" x14ac:dyDescent="0.25">
      <c r="A8400" s="2" t="s">
        <v>3973</v>
      </c>
      <c r="B8400" s="6">
        <v>139826.69999999998</v>
      </c>
      <c r="C8400" s="7">
        <f t="shared" si="131"/>
        <v>139.82669999999999</v>
      </c>
    </row>
    <row r="8401" spans="1:3" x14ac:dyDescent="0.25">
      <c r="A8401" s="2" t="s">
        <v>3974</v>
      </c>
      <c r="B8401" s="6">
        <v>139843.34999999998</v>
      </c>
      <c r="C8401" s="7">
        <f t="shared" si="131"/>
        <v>139.84334999999999</v>
      </c>
    </row>
    <row r="8402" spans="1:3" x14ac:dyDescent="0.25">
      <c r="A8402" s="2" t="s">
        <v>3975</v>
      </c>
      <c r="B8402" s="6">
        <v>139860</v>
      </c>
      <c r="C8402" s="7">
        <f t="shared" si="131"/>
        <v>139.86000000000001</v>
      </c>
    </row>
    <row r="8403" spans="1:3" x14ac:dyDescent="0.25">
      <c r="A8403" s="2" t="s">
        <v>3976</v>
      </c>
      <c r="B8403" s="6">
        <v>139876.65</v>
      </c>
      <c r="C8403" s="7">
        <f t="shared" si="131"/>
        <v>139.87664999999998</v>
      </c>
    </row>
    <row r="8404" spans="1:3" x14ac:dyDescent="0.25">
      <c r="A8404" s="2" t="s">
        <v>3977</v>
      </c>
      <c r="B8404" s="6">
        <v>139893.29999999999</v>
      </c>
      <c r="C8404" s="7">
        <f t="shared" si="131"/>
        <v>139.89329999999998</v>
      </c>
    </row>
    <row r="8405" spans="1:3" x14ac:dyDescent="0.25">
      <c r="A8405" s="2" t="s">
        <v>3978</v>
      </c>
      <c r="B8405" s="6">
        <v>139909.94999999998</v>
      </c>
      <c r="C8405" s="7">
        <f t="shared" si="131"/>
        <v>139.90994999999998</v>
      </c>
    </row>
    <row r="8406" spans="1:3" x14ac:dyDescent="0.25">
      <c r="A8406" s="2" t="s">
        <v>3979</v>
      </c>
      <c r="B8406" s="6">
        <v>139926.59999999998</v>
      </c>
      <c r="C8406" s="7">
        <f t="shared" si="131"/>
        <v>139.92659999999998</v>
      </c>
    </row>
    <row r="8407" spans="1:3" x14ac:dyDescent="0.25">
      <c r="A8407" s="2" t="s">
        <v>3980</v>
      </c>
      <c r="B8407" s="6">
        <v>139943.25</v>
      </c>
      <c r="C8407" s="7">
        <f t="shared" si="131"/>
        <v>139.94325000000001</v>
      </c>
    </row>
    <row r="8408" spans="1:3" x14ac:dyDescent="0.25">
      <c r="A8408" s="2" t="s">
        <v>3981</v>
      </c>
      <c r="B8408" s="6">
        <v>139959.9</v>
      </c>
      <c r="C8408" s="7">
        <f t="shared" si="131"/>
        <v>139.9599</v>
      </c>
    </row>
    <row r="8409" spans="1:3" x14ac:dyDescent="0.25">
      <c r="A8409" s="2" t="s">
        <v>3982</v>
      </c>
      <c r="B8409" s="6">
        <v>139976.54999999999</v>
      </c>
      <c r="C8409" s="7">
        <f t="shared" si="131"/>
        <v>139.97654999999997</v>
      </c>
    </row>
    <row r="8410" spans="1:3" x14ac:dyDescent="0.25">
      <c r="A8410" s="2" t="s">
        <v>3983</v>
      </c>
      <c r="B8410" s="6">
        <v>139993.19999999998</v>
      </c>
      <c r="C8410" s="7">
        <f t="shared" si="131"/>
        <v>139.99319999999997</v>
      </c>
    </row>
    <row r="8411" spans="1:3" x14ac:dyDescent="0.25">
      <c r="A8411" s="2" t="s">
        <v>3984</v>
      </c>
      <c r="B8411" s="6">
        <v>140009.84999999998</v>
      </c>
      <c r="C8411" s="7">
        <f t="shared" si="131"/>
        <v>140.00984999999997</v>
      </c>
    </row>
    <row r="8412" spans="1:3" x14ac:dyDescent="0.25">
      <c r="A8412" s="2" t="s">
        <v>3985</v>
      </c>
      <c r="B8412" s="6">
        <v>140026.5</v>
      </c>
      <c r="C8412" s="7">
        <f t="shared" si="131"/>
        <v>140.0265</v>
      </c>
    </row>
    <row r="8413" spans="1:3" x14ac:dyDescent="0.25">
      <c r="A8413" s="2" t="s">
        <v>3986</v>
      </c>
      <c r="B8413" s="6">
        <v>140043.15</v>
      </c>
      <c r="C8413" s="7">
        <f t="shared" si="131"/>
        <v>140.04315</v>
      </c>
    </row>
    <row r="8414" spans="1:3" x14ac:dyDescent="0.25">
      <c r="A8414" s="2" t="s">
        <v>3987</v>
      </c>
      <c r="B8414" s="6">
        <v>140059.79999999999</v>
      </c>
      <c r="C8414" s="7">
        <f t="shared" si="131"/>
        <v>140.0598</v>
      </c>
    </row>
    <row r="8415" spans="1:3" x14ac:dyDescent="0.25">
      <c r="A8415" s="2" t="s">
        <v>3988</v>
      </c>
      <c r="B8415" s="6">
        <v>140076.44999999998</v>
      </c>
      <c r="C8415" s="7">
        <f t="shared" si="131"/>
        <v>140.07644999999999</v>
      </c>
    </row>
    <row r="8416" spans="1:3" x14ac:dyDescent="0.25">
      <c r="A8416" s="2" t="s">
        <v>3989</v>
      </c>
      <c r="B8416" s="6">
        <v>140093.09999999998</v>
      </c>
      <c r="C8416" s="7">
        <f t="shared" si="131"/>
        <v>140.09309999999996</v>
      </c>
    </row>
    <row r="8417" spans="1:3" x14ac:dyDescent="0.25">
      <c r="A8417" s="2" t="s">
        <v>3990</v>
      </c>
      <c r="B8417" s="6">
        <v>140109.75</v>
      </c>
      <c r="C8417" s="7">
        <f t="shared" si="131"/>
        <v>140.10974999999999</v>
      </c>
    </row>
    <row r="8418" spans="1:3" x14ac:dyDescent="0.25">
      <c r="A8418" s="2" t="s">
        <v>3991</v>
      </c>
      <c r="B8418" s="6">
        <v>140126.39999999999</v>
      </c>
      <c r="C8418" s="7">
        <f t="shared" si="131"/>
        <v>140.12639999999999</v>
      </c>
    </row>
    <row r="8419" spans="1:3" x14ac:dyDescent="0.25">
      <c r="A8419" s="2" t="s">
        <v>3992</v>
      </c>
      <c r="B8419" s="6">
        <v>140143.04999999999</v>
      </c>
      <c r="C8419" s="7">
        <f t="shared" si="131"/>
        <v>140.14304999999999</v>
      </c>
    </row>
    <row r="8420" spans="1:3" x14ac:dyDescent="0.25">
      <c r="A8420" s="2" t="s">
        <v>3993</v>
      </c>
      <c r="B8420" s="6">
        <v>140159.69999999998</v>
      </c>
      <c r="C8420" s="7">
        <f t="shared" si="131"/>
        <v>140.15969999999999</v>
      </c>
    </row>
    <row r="8421" spans="1:3" x14ac:dyDescent="0.25">
      <c r="A8421" s="2" t="s">
        <v>3994</v>
      </c>
      <c r="B8421" s="6">
        <v>140176.34999999998</v>
      </c>
      <c r="C8421" s="7">
        <f t="shared" si="131"/>
        <v>140.17634999999999</v>
      </c>
    </row>
    <row r="8422" spans="1:3" x14ac:dyDescent="0.25">
      <c r="A8422" s="2" t="s">
        <v>3995</v>
      </c>
      <c r="B8422" s="6">
        <v>140193</v>
      </c>
      <c r="C8422" s="7">
        <f t="shared" si="131"/>
        <v>140.19300000000001</v>
      </c>
    </row>
    <row r="8423" spans="1:3" x14ac:dyDescent="0.25">
      <c r="A8423" s="2" t="s">
        <v>3996</v>
      </c>
      <c r="B8423" s="6">
        <v>140209.65</v>
      </c>
      <c r="C8423" s="7">
        <f t="shared" si="131"/>
        <v>140.20964999999998</v>
      </c>
    </row>
    <row r="8424" spans="1:3" x14ac:dyDescent="0.25">
      <c r="A8424" s="2" t="s">
        <v>3997</v>
      </c>
      <c r="B8424" s="6">
        <v>140226.29999999999</v>
      </c>
      <c r="C8424" s="7">
        <f t="shared" si="131"/>
        <v>140.22629999999998</v>
      </c>
    </row>
    <row r="8425" spans="1:3" x14ac:dyDescent="0.25">
      <c r="A8425" s="2" t="s">
        <v>3998</v>
      </c>
      <c r="B8425" s="6">
        <v>140242.94999999998</v>
      </c>
      <c r="C8425" s="7">
        <f t="shared" si="131"/>
        <v>140.24294999999998</v>
      </c>
    </row>
    <row r="8426" spans="1:3" x14ac:dyDescent="0.25">
      <c r="A8426" s="2" t="s">
        <v>3999</v>
      </c>
      <c r="B8426" s="6">
        <v>140259.59999999998</v>
      </c>
      <c r="C8426" s="7">
        <f t="shared" si="131"/>
        <v>140.25959999999998</v>
      </c>
    </row>
    <row r="8427" spans="1:3" x14ac:dyDescent="0.25">
      <c r="A8427" s="2" t="s">
        <v>4000</v>
      </c>
      <c r="B8427" s="6">
        <v>140276.25</v>
      </c>
      <c r="C8427" s="7">
        <f t="shared" si="131"/>
        <v>140.27625</v>
      </c>
    </row>
    <row r="8428" spans="1:3" x14ac:dyDescent="0.25">
      <c r="A8428" s="2" t="s">
        <v>4001</v>
      </c>
      <c r="B8428" s="6">
        <v>140292.9</v>
      </c>
      <c r="C8428" s="7">
        <f t="shared" si="131"/>
        <v>140.2929</v>
      </c>
    </row>
    <row r="8429" spans="1:3" x14ac:dyDescent="0.25">
      <c r="A8429" s="2" t="s">
        <v>4002</v>
      </c>
      <c r="B8429" s="6">
        <v>140309.54999999999</v>
      </c>
      <c r="C8429" s="7">
        <f t="shared" si="131"/>
        <v>140.30955</v>
      </c>
    </row>
    <row r="8430" spans="1:3" x14ac:dyDescent="0.25">
      <c r="A8430" s="2" t="s">
        <v>4003</v>
      </c>
      <c r="B8430" s="6">
        <v>140326.19999999998</v>
      </c>
      <c r="C8430" s="7">
        <f t="shared" si="131"/>
        <v>140.32619999999997</v>
      </c>
    </row>
    <row r="8431" spans="1:3" x14ac:dyDescent="0.25">
      <c r="A8431" s="2" t="s">
        <v>4004</v>
      </c>
      <c r="B8431" s="6">
        <v>140342.84999999998</v>
      </c>
      <c r="C8431" s="7">
        <f t="shared" si="131"/>
        <v>140.34284999999997</v>
      </c>
    </row>
    <row r="8432" spans="1:3" x14ac:dyDescent="0.25">
      <c r="A8432" s="2" t="s">
        <v>4005</v>
      </c>
      <c r="B8432" s="6">
        <v>140359.5</v>
      </c>
      <c r="C8432" s="7">
        <f t="shared" si="131"/>
        <v>140.3595</v>
      </c>
    </row>
    <row r="8433" spans="1:3" x14ac:dyDescent="0.25">
      <c r="A8433" s="2" t="s">
        <v>4006</v>
      </c>
      <c r="B8433" s="6">
        <v>140376.15</v>
      </c>
      <c r="C8433" s="7">
        <f t="shared" si="131"/>
        <v>140.37615</v>
      </c>
    </row>
    <row r="8434" spans="1:3" x14ac:dyDescent="0.25">
      <c r="A8434" s="2" t="s">
        <v>4007</v>
      </c>
      <c r="B8434" s="6">
        <v>140392.79999999999</v>
      </c>
      <c r="C8434" s="7">
        <f t="shared" si="131"/>
        <v>140.39279999999999</v>
      </c>
    </row>
    <row r="8435" spans="1:3" x14ac:dyDescent="0.25">
      <c r="A8435" s="2" t="s">
        <v>4008</v>
      </c>
      <c r="B8435" s="6">
        <v>140409.44999999998</v>
      </c>
      <c r="C8435" s="7">
        <f t="shared" si="131"/>
        <v>140.40944999999999</v>
      </c>
    </row>
    <row r="8436" spans="1:3" x14ac:dyDescent="0.25">
      <c r="A8436" s="2" t="s">
        <v>4009</v>
      </c>
      <c r="B8436" s="6">
        <v>140426.09999999998</v>
      </c>
      <c r="C8436" s="7">
        <f t="shared" si="131"/>
        <v>140.42609999999996</v>
      </c>
    </row>
    <row r="8437" spans="1:3" x14ac:dyDescent="0.25">
      <c r="A8437" s="2" t="s">
        <v>4010</v>
      </c>
      <c r="B8437" s="6">
        <v>140442.75</v>
      </c>
      <c r="C8437" s="7">
        <f t="shared" si="131"/>
        <v>140.44274999999999</v>
      </c>
    </row>
    <row r="8438" spans="1:3" x14ac:dyDescent="0.25">
      <c r="A8438" s="2" t="s">
        <v>4011</v>
      </c>
      <c r="B8438" s="6">
        <v>140459.4</v>
      </c>
      <c r="C8438" s="7">
        <f t="shared" si="131"/>
        <v>140.45939999999999</v>
      </c>
    </row>
    <row r="8439" spans="1:3" x14ac:dyDescent="0.25">
      <c r="A8439" s="2" t="s">
        <v>4012</v>
      </c>
      <c r="B8439" s="6">
        <v>140476.04999999999</v>
      </c>
      <c r="C8439" s="7">
        <f t="shared" si="131"/>
        <v>140.47604999999999</v>
      </c>
    </row>
    <row r="8440" spans="1:3" x14ac:dyDescent="0.25">
      <c r="A8440" s="2" t="s">
        <v>4013</v>
      </c>
      <c r="B8440" s="6">
        <v>140492.69999999998</v>
      </c>
      <c r="C8440" s="7">
        <f t="shared" si="131"/>
        <v>140.49269999999999</v>
      </c>
    </row>
    <row r="8441" spans="1:3" x14ac:dyDescent="0.25">
      <c r="A8441" s="2" t="s">
        <v>4014</v>
      </c>
      <c r="B8441" s="6">
        <v>140509.34999999998</v>
      </c>
      <c r="C8441" s="7">
        <f t="shared" si="131"/>
        <v>140.50934999999998</v>
      </c>
    </row>
    <row r="8442" spans="1:3" x14ac:dyDescent="0.25">
      <c r="A8442" s="2" t="s">
        <v>4015</v>
      </c>
      <c r="B8442" s="6">
        <v>140526</v>
      </c>
      <c r="C8442" s="7">
        <f t="shared" si="131"/>
        <v>140.52600000000001</v>
      </c>
    </row>
    <row r="8443" spans="1:3" x14ac:dyDescent="0.25">
      <c r="A8443" s="2" t="s">
        <v>4016</v>
      </c>
      <c r="B8443" s="6">
        <v>140542.65</v>
      </c>
      <c r="C8443" s="7">
        <f t="shared" si="131"/>
        <v>140.54264999999998</v>
      </c>
    </row>
    <row r="8444" spans="1:3" x14ac:dyDescent="0.25">
      <c r="A8444" s="2" t="s">
        <v>4017</v>
      </c>
      <c r="B8444" s="6">
        <v>140559.29999999999</v>
      </c>
      <c r="C8444" s="7">
        <f t="shared" si="131"/>
        <v>140.55929999999998</v>
      </c>
    </row>
    <row r="8445" spans="1:3" x14ac:dyDescent="0.25">
      <c r="A8445" s="2" t="s">
        <v>4018</v>
      </c>
      <c r="B8445" s="6">
        <v>140575.94999999998</v>
      </c>
      <c r="C8445" s="7">
        <f t="shared" si="131"/>
        <v>140.57594999999998</v>
      </c>
    </row>
    <row r="8446" spans="1:3" x14ac:dyDescent="0.25">
      <c r="A8446" s="2" t="s">
        <v>4019</v>
      </c>
      <c r="B8446" s="6">
        <v>140592.59999999998</v>
      </c>
      <c r="C8446" s="7">
        <f t="shared" si="131"/>
        <v>140.59259999999998</v>
      </c>
    </row>
    <row r="8447" spans="1:3" x14ac:dyDescent="0.25">
      <c r="A8447" s="2" t="s">
        <v>4020</v>
      </c>
      <c r="B8447" s="6">
        <v>140609.25</v>
      </c>
      <c r="C8447" s="7">
        <f t="shared" si="131"/>
        <v>140.60925</v>
      </c>
    </row>
    <row r="8448" spans="1:3" x14ac:dyDescent="0.25">
      <c r="A8448" s="2" t="s">
        <v>4021</v>
      </c>
      <c r="B8448" s="6">
        <v>140625.9</v>
      </c>
      <c r="C8448" s="7">
        <f t="shared" si="131"/>
        <v>140.6259</v>
      </c>
    </row>
    <row r="8449" spans="1:3" x14ac:dyDescent="0.25">
      <c r="A8449" s="2" t="s">
        <v>4022</v>
      </c>
      <c r="B8449" s="6">
        <v>140642.54999999999</v>
      </c>
      <c r="C8449" s="7">
        <f t="shared" si="131"/>
        <v>140.64255</v>
      </c>
    </row>
    <row r="8450" spans="1:3" x14ac:dyDescent="0.25">
      <c r="A8450" s="2" t="s">
        <v>4023</v>
      </c>
      <c r="B8450" s="6">
        <v>140659.19999999998</v>
      </c>
      <c r="C8450" s="7">
        <f t="shared" si="131"/>
        <v>140.65919999999997</v>
      </c>
    </row>
    <row r="8451" spans="1:3" x14ac:dyDescent="0.25">
      <c r="A8451" s="2" t="s">
        <v>4024</v>
      </c>
      <c r="B8451" s="6">
        <v>140675.84999999998</v>
      </c>
      <c r="C8451" s="7">
        <f t="shared" ref="C8451:C8514" si="132">B8451/1000</f>
        <v>140.67584999999997</v>
      </c>
    </row>
    <row r="8452" spans="1:3" x14ac:dyDescent="0.25">
      <c r="A8452" s="2" t="s">
        <v>4025</v>
      </c>
      <c r="B8452" s="6">
        <v>140692.5</v>
      </c>
      <c r="C8452" s="7">
        <f t="shared" si="132"/>
        <v>140.6925</v>
      </c>
    </row>
    <row r="8453" spans="1:3" x14ac:dyDescent="0.25">
      <c r="A8453" s="2" t="s">
        <v>4026</v>
      </c>
      <c r="B8453" s="6">
        <v>140709.15</v>
      </c>
      <c r="C8453" s="7">
        <f t="shared" si="132"/>
        <v>140.70914999999999</v>
      </c>
    </row>
    <row r="8454" spans="1:3" x14ac:dyDescent="0.25">
      <c r="A8454" s="2" t="s">
        <v>4027</v>
      </c>
      <c r="B8454" s="6">
        <v>140725.79999999999</v>
      </c>
      <c r="C8454" s="7">
        <f t="shared" si="132"/>
        <v>140.72579999999999</v>
      </c>
    </row>
    <row r="8455" spans="1:3" x14ac:dyDescent="0.25">
      <c r="A8455" s="2" t="s">
        <v>4028</v>
      </c>
      <c r="B8455" s="6">
        <v>140742.44999999998</v>
      </c>
      <c r="C8455" s="7">
        <f t="shared" si="132"/>
        <v>140.74244999999999</v>
      </c>
    </row>
    <row r="8456" spans="1:3" x14ac:dyDescent="0.25">
      <c r="A8456" s="2" t="s">
        <v>4029</v>
      </c>
      <c r="B8456" s="6">
        <v>140759.09999999998</v>
      </c>
      <c r="C8456" s="7">
        <f t="shared" si="132"/>
        <v>140.75909999999999</v>
      </c>
    </row>
    <row r="8457" spans="1:3" x14ac:dyDescent="0.25">
      <c r="A8457" s="2" t="s">
        <v>4030</v>
      </c>
      <c r="B8457" s="6">
        <v>140775.75</v>
      </c>
      <c r="C8457" s="7">
        <f t="shared" si="132"/>
        <v>140.77574999999999</v>
      </c>
    </row>
    <row r="8458" spans="1:3" x14ac:dyDescent="0.25">
      <c r="A8458" s="2" t="s">
        <v>4031</v>
      </c>
      <c r="B8458" s="6">
        <v>140792.4</v>
      </c>
      <c r="C8458" s="7">
        <f t="shared" si="132"/>
        <v>140.79239999999999</v>
      </c>
    </row>
    <row r="8459" spans="1:3" x14ac:dyDescent="0.25">
      <c r="A8459" s="2" t="s">
        <v>4032</v>
      </c>
      <c r="B8459" s="6">
        <v>140809.04999999999</v>
      </c>
      <c r="C8459" s="7">
        <f t="shared" si="132"/>
        <v>140.80904999999998</v>
      </c>
    </row>
    <row r="8460" spans="1:3" x14ac:dyDescent="0.25">
      <c r="A8460" s="2" t="s">
        <v>4033</v>
      </c>
      <c r="B8460" s="6">
        <v>140825.69999999998</v>
      </c>
      <c r="C8460" s="7">
        <f t="shared" si="132"/>
        <v>140.82569999999998</v>
      </c>
    </row>
    <row r="8461" spans="1:3" x14ac:dyDescent="0.25">
      <c r="A8461" s="2" t="s">
        <v>4034</v>
      </c>
      <c r="B8461" s="6">
        <v>140842.34999999998</v>
      </c>
      <c r="C8461" s="7">
        <f t="shared" si="132"/>
        <v>140.84234999999998</v>
      </c>
    </row>
    <row r="8462" spans="1:3" x14ac:dyDescent="0.25">
      <c r="A8462" s="2" t="s">
        <v>4035</v>
      </c>
      <c r="B8462" s="6">
        <v>140859</v>
      </c>
      <c r="C8462" s="7">
        <f t="shared" si="132"/>
        <v>140.85900000000001</v>
      </c>
    </row>
    <row r="8463" spans="1:3" x14ac:dyDescent="0.25">
      <c r="A8463" s="2" t="s">
        <v>4036</v>
      </c>
      <c r="B8463" s="6">
        <v>140875.65</v>
      </c>
      <c r="C8463" s="7">
        <f t="shared" si="132"/>
        <v>140.87565000000001</v>
      </c>
    </row>
    <row r="8464" spans="1:3" x14ac:dyDescent="0.25">
      <c r="A8464" s="2" t="s">
        <v>4037</v>
      </c>
      <c r="B8464" s="6">
        <v>140892.29999999999</v>
      </c>
      <c r="C8464" s="7">
        <f t="shared" si="132"/>
        <v>140.89229999999998</v>
      </c>
    </row>
    <row r="8465" spans="1:3" x14ac:dyDescent="0.25">
      <c r="A8465" s="2" t="s">
        <v>4038</v>
      </c>
      <c r="B8465" s="6">
        <v>140908.94999999998</v>
      </c>
      <c r="C8465" s="7">
        <f t="shared" si="132"/>
        <v>140.90894999999998</v>
      </c>
    </row>
    <row r="8466" spans="1:3" x14ac:dyDescent="0.25">
      <c r="A8466" s="2" t="s">
        <v>4039</v>
      </c>
      <c r="B8466" s="6">
        <v>140925.59999999998</v>
      </c>
      <c r="C8466" s="7">
        <f t="shared" si="132"/>
        <v>140.92559999999997</v>
      </c>
    </row>
    <row r="8467" spans="1:3" x14ac:dyDescent="0.25">
      <c r="A8467" s="2" t="s">
        <v>4040</v>
      </c>
      <c r="B8467" s="6">
        <v>140942.25</v>
      </c>
      <c r="C8467" s="7">
        <f t="shared" si="132"/>
        <v>140.94225</v>
      </c>
    </row>
    <row r="8468" spans="1:3" x14ac:dyDescent="0.25">
      <c r="A8468" s="2" t="s">
        <v>4041</v>
      </c>
      <c r="B8468" s="6">
        <v>140958.9</v>
      </c>
      <c r="C8468" s="7">
        <f t="shared" si="132"/>
        <v>140.9589</v>
      </c>
    </row>
    <row r="8469" spans="1:3" x14ac:dyDescent="0.25">
      <c r="A8469" s="2" t="s">
        <v>4042</v>
      </c>
      <c r="B8469" s="6">
        <v>140975.54999999999</v>
      </c>
      <c r="C8469" s="7">
        <f t="shared" si="132"/>
        <v>140.97555</v>
      </c>
    </row>
    <row r="8470" spans="1:3" x14ac:dyDescent="0.25">
      <c r="A8470" s="2" t="s">
        <v>4043</v>
      </c>
      <c r="B8470" s="6">
        <v>140992.19999999998</v>
      </c>
      <c r="C8470" s="7">
        <f t="shared" si="132"/>
        <v>140.99219999999997</v>
      </c>
    </row>
    <row r="8471" spans="1:3" x14ac:dyDescent="0.25">
      <c r="A8471" s="2" t="s">
        <v>4044</v>
      </c>
      <c r="B8471" s="6">
        <v>141008.84999999998</v>
      </c>
      <c r="C8471" s="7">
        <f t="shared" si="132"/>
        <v>141.00884999999997</v>
      </c>
    </row>
    <row r="8472" spans="1:3" x14ac:dyDescent="0.25">
      <c r="A8472" s="2" t="s">
        <v>4045</v>
      </c>
      <c r="B8472" s="6">
        <v>141025.5</v>
      </c>
      <c r="C8472" s="7">
        <f t="shared" si="132"/>
        <v>141.02549999999999</v>
      </c>
    </row>
    <row r="8473" spans="1:3" x14ac:dyDescent="0.25">
      <c r="A8473" s="2" t="s">
        <v>4046</v>
      </c>
      <c r="B8473" s="6">
        <v>141042.15</v>
      </c>
      <c r="C8473" s="7">
        <f t="shared" si="132"/>
        <v>141.04214999999999</v>
      </c>
    </row>
    <row r="8474" spans="1:3" x14ac:dyDescent="0.25">
      <c r="A8474" s="2" t="s">
        <v>4047</v>
      </c>
      <c r="B8474" s="6">
        <v>141058.79999999999</v>
      </c>
      <c r="C8474" s="7">
        <f t="shared" si="132"/>
        <v>141.05879999999999</v>
      </c>
    </row>
    <row r="8475" spans="1:3" x14ac:dyDescent="0.25">
      <c r="A8475" s="2" t="s">
        <v>4048</v>
      </c>
      <c r="B8475" s="6">
        <v>141075.44999999998</v>
      </c>
      <c r="C8475" s="7">
        <f t="shared" si="132"/>
        <v>141.07544999999999</v>
      </c>
    </row>
    <row r="8476" spans="1:3" x14ac:dyDescent="0.25">
      <c r="A8476" s="2" t="s">
        <v>4049</v>
      </c>
      <c r="B8476" s="6">
        <v>141092.09999999998</v>
      </c>
      <c r="C8476" s="7">
        <f t="shared" si="132"/>
        <v>141.09209999999999</v>
      </c>
    </row>
    <row r="8477" spans="1:3" x14ac:dyDescent="0.25">
      <c r="A8477" s="2" t="s">
        <v>4050</v>
      </c>
      <c r="B8477" s="6">
        <v>141108.75</v>
      </c>
      <c r="C8477" s="7">
        <f t="shared" si="132"/>
        <v>141.10874999999999</v>
      </c>
    </row>
    <row r="8478" spans="1:3" x14ac:dyDescent="0.25">
      <c r="A8478" s="2" t="s">
        <v>4051</v>
      </c>
      <c r="B8478" s="6">
        <v>141125.4</v>
      </c>
      <c r="C8478" s="7">
        <f t="shared" si="132"/>
        <v>141.12539999999998</v>
      </c>
    </row>
    <row r="8479" spans="1:3" x14ac:dyDescent="0.25">
      <c r="A8479" s="2" t="s">
        <v>4052</v>
      </c>
      <c r="B8479" s="6">
        <v>141142.04999999999</v>
      </c>
      <c r="C8479" s="7">
        <f t="shared" si="132"/>
        <v>141.14204999999998</v>
      </c>
    </row>
    <row r="8480" spans="1:3" x14ac:dyDescent="0.25">
      <c r="A8480" s="2" t="s">
        <v>4053</v>
      </c>
      <c r="B8480" s="6">
        <v>141158.69999999998</v>
      </c>
      <c r="C8480" s="7">
        <f t="shared" si="132"/>
        <v>141.15869999999998</v>
      </c>
    </row>
    <row r="8481" spans="1:3" x14ac:dyDescent="0.25">
      <c r="A8481" s="2" t="s">
        <v>4054</v>
      </c>
      <c r="B8481" s="6">
        <v>141175.34999999998</v>
      </c>
      <c r="C8481" s="7">
        <f t="shared" si="132"/>
        <v>141.17534999999998</v>
      </c>
    </row>
    <row r="8482" spans="1:3" x14ac:dyDescent="0.25">
      <c r="A8482" s="2" t="s">
        <v>4055</v>
      </c>
      <c r="B8482" s="6">
        <v>141192</v>
      </c>
      <c r="C8482" s="7">
        <f t="shared" si="132"/>
        <v>141.19200000000001</v>
      </c>
    </row>
    <row r="8483" spans="1:3" x14ac:dyDescent="0.25">
      <c r="A8483" s="2" t="s">
        <v>4056</v>
      </c>
      <c r="B8483" s="6">
        <v>141208.65</v>
      </c>
      <c r="C8483" s="7">
        <f t="shared" si="132"/>
        <v>141.20865000000001</v>
      </c>
    </row>
    <row r="8484" spans="1:3" x14ac:dyDescent="0.25">
      <c r="A8484" s="2" t="s">
        <v>4057</v>
      </c>
      <c r="B8484" s="6">
        <v>141225.29999999999</v>
      </c>
      <c r="C8484" s="7">
        <f t="shared" si="132"/>
        <v>141.22529999999998</v>
      </c>
    </row>
    <row r="8485" spans="1:3" x14ac:dyDescent="0.25">
      <c r="A8485" s="2" t="s">
        <v>4058</v>
      </c>
      <c r="B8485" s="6">
        <v>141241.94999999998</v>
      </c>
      <c r="C8485" s="7">
        <f t="shared" si="132"/>
        <v>141.24194999999997</v>
      </c>
    </row>
    <row r="8486" spans="1:3" x14ac:dyDescent="0.25">
      <c r="A8486" s="2" t="s">
        <v>4059</v>
      </c>
      <c r="B8486" s="6">
        <v>141258.59999999998</v>
      </c>
      <c r="C8486" s="7">
        <f t="shared" si="132"/>
        <v>141.25859999999997</v>
      </c>
    </row>
    <row r="8487" spans="1:3" x14ac:dyDescent="0.25">
      <c r="A8487" s="2" t="s">
        <v>4060</v>
      </c>
      <c r="B8487" s="6">
        <v>141275.25</v>
      </c>
      <c r="C8487" s="7">
        <f t="shared" si="132"/>
        <v>141.27525</v>
      </c>
    </row>
    <row r="8488" spans="1:3" x14ac:dyDescent="0.25">
      <c r="A8488" s="2" t="s">
        <v>4061</v>
      </c>
      <c r="B8488" s="6">
        <v>141291.9</v>
      </c>
      <c r="C8488" s="7">
        <f t="shared" si="132"/>
        <v>141.2919</v>
      </c>
    </row>
    <row r="8489" spans="1:3" x14ac:dyDescent="0.25">
      <c r="A8489" s="2" t="s">
        <v>4062</v>
      </c>
      <c r="B8489" s="6">
        <v>141308.54999999999</v>
      </c>
      <c r="C8489" s="7">
        <f t="shared" si="132"/>
        <v>141.30855</v>
      </c>
    </row>
    <row r="8490" spans="1:3" x14ac:dyDescent="0.25">
      <c r="A8490" s="2" t="s">
        <v>4063</v>
      </c>
      <c r="B8490" s="6">
        <v>141325.19999999998</v>
      </c>
      <c r="C8490" s="7">
        <f t="shared" si="132"/>
        <v>141.3252</v>
      </c>
    </row>
    <row r="8491" spans="1:3" x14ac:dyDescent="0.25">
      <c r="A8491" s="2" t="s">
        <v>4064</v>
      </c>
      <c r="B8491" s="6">
        <v>141341.84999999998</v>
      </c>
      <c r="C8491" s="7">
        <f t="shared" si="132"/>
        <v>141.34184999999997</v>
      </c>
    </row>
    <row r="8492" spans="1:3" x14ac:dyDescent="0.25">
      <c r="A8492" s="2" t="s">
        <v>4065</v>
      </c>
      <c r="B8492" s="6">
        <v>141358.5</v>
      </c>
      <c r="C8492" s="7">
        <f t="shared" si="132"/>
        <v>141.35849999999999</v>
      </c>
    </row>
    <row r="8493" spans="1:3" x14ac:dyDescent="0.25">
      <c r="A8493" s="2" t="s">
        <v>4066</v>
      </c>
      <c r="B8493" s="6">
        <v>141375.15</v>
      </c>
      <c r="C8493" s="7">
        <f t="shared" si="132"/>
        <v>141.37514999999999</v>
      </c>
    </row>
    <row r="8494" spans="1:3" x14ac:dyDescent="0.25">
      <c r="A8494" s="2" t="s">
        <v>4067</v>
      </c>
      <c r="B8494" s="6">
        <v>141391.79999999999</v>
      </c>
      <c r="C8494" s="7">
        <f t="shared" si="132"/>
        <v>141.39179999999999</v>
      </c>
    </row>
    <row r="8495" spans="1:3" x14ac:dyDescent="0.25">
      <c r="A8495" s="2" t="s">
        <v>4068</v>
      </c>
      <c r="B8495" s="6">
        <v>141408.44999999998</v>
      </c>
      <c r="C8495" s="7">
        <f t="shared" si="132"/>
        <v>141.40844999999999</v>
      </c>
    </row>
    <row r="8496" spans="1:3" x14ac:dyDescent="0.25">
      <c r="A8496" s="2" t="s">
        <v>4069</v>
      </c>
      <c r="B8496" s="6">
        <v>141425.09999999998</v>
      </c>
      <c r="C8496" s="7">
        <f t="shared" si="132"/>
        <v>141.42509999999999</v>
      </c>
    </row>
    <row r="8497" spans="1:3" x14ac:dyDescent="0.25">
      <c r="A8497" s="2" t="s">
        <v>4070</v>
      </c>
      <c r="B8497" s="6">
        <v>141441.75</v>
      </c>
      <c r="C8497" s="7">
        <f t="shared" si="132"/>
        <v>141.44175000000001</v>
      </c>
    </row>
    <row r="8498" spans="1:3" x14ac:dyDescent="0.25">
      <c r="A8498" s="2" t="s">
        <v>4071</v>
      </c>
      <c r="B8498" s="6">
        <v>141458.4</v>
      </c>
      <c r="C8498" s="7">
        <f t="shared" si="132"/>
        <v>141.45839999999998</v>
      </c>
    </row>
    <row r="8499" spans="1:3" x14ac:dyDescent="0.25">
      <c r="A8499" s="2" t="s">
        <v>4072</v>
      </c>
      <c r="B8499" s="6">
        <v>141475.04999999999</v>
      </c>
      <c r="C8499" s="7">
        <f t="shared" si="132"/>
        <v>141.47504999999998</v>
      </c>
    </row>
    <row r="8500" spans="1:3" x14ac:dyDescent="0.25">
      <c r="A8500" s="2" t="s">
        <v>4073</v>
      </c>
      <c r="B8500" s="6">
        <v>141491.69999999998</v>
      </c>
      <c r="C8500" s="7">
        <f t="shared" si="132"/>
        <v>141.49169999999998</v>
      </c>
    </row>
    <row r="8501" spans="1:3" x14ac:dyDescent="0.25">
      <c r="A8501" s="2" t="s">
        <v>4074</v>
      </c>
      <c r="B8501" s="6">
        <v>141508.34999999998</v>
      </c>
      <c r="C8501" s="7">
        <f t="shared" si="132"/>
        <v>141.50834999999998</v>
      </c>
    </row>
    <row r="8502" spans="1:3" x14ac:dyDescent="0.25">
      <c r="A8502" s="2" t="s">
        <v>4075</v>
      </c>
      <c r="B8502" s="6">
        <v>141525</v>
      </c>
      <c r="C8502" s="7">
        <f t="shared" si="132"/>
        <v>141.52500000000001</v>
      </c>
    </row>
    <row r="8503" spans="1:3" x14ac:dyDescent="0.25">
      <c r="A8503" s="2" t="s">
        <v>4076</v>
      </c>
      <c r="B8503" s="6">
        <v>141541.65</v>
      </c>
      <c r="C8503" s="7">
        <f t="shared" si="132"/>
        <v>141.54165</v>
      </c>
    </row>
    <row r="8504" spans="1:3" x14ac:dyDescent="0.25">
      <c r="A8504" s="2" t="s">
        <v>4077</v>
      </c>
      <c r="B8504" s="6">
        <v>141558.29999999999</v>
      </c>
      <c r="C8504" s="7">
        <f t="shared" si="132"/>
        <v>141.55829999999997</v>
      </c>
    </row>
    <row r="8505" spans="1:3" x14ac:dyDescent="0.25">
      <c r="A8505" s="2" t="s">
        <v>4078</v>
      </c>
      <c r="B8505" s="6">
        <v>141574.94999999998</v>
      </c>
      <c r="C8505" s="7">
        <f t="shared" si="132"/>
        <v>141.57494999999997</v>
      </c>
    </row>
    <row r="8506" spans="1:3" x14ac:dyDescent="0.25">
      <c r="A8506" s="2" t="s">
        <v>4079</v>
      </c>
      <c r="B8506" s="6">
        <v>141591.59999999998</v>
      </c>
      <c r="C8506" s="7">
        <f t="shared" si="132"/>
        <v>141.59159999999997</v>
      </c>
    </row>
    <row r="8507" spans="1:3" x14ac:dyDescent="0.25">
      <c r="A8507" s="2" t="s">
        <v>4080</v>
      </c>
      <c r="B8507" s="6">
        <v>141608.25</v>
      </c>
      <c r="C8507" s="7">
        <f t="shared" si="132"/>
        <v>141.60825</v>
      </c>
    </row>
    <row r="8508" spans="1:3" x14ac:dyDescent="0.25">
      <c r="A8508" s="2" t="s">
        <v>4081</v>
      </c>
      <c r="B8508" s="6">
        <v>141624.9</v>
      </c>
      <c r="C8508" s="7">
        <f t="shared" si="132"/>
        <v>141.6249</v>
      </c>
    </row>
    <row r="8509" spans="1:3" x14ac:dyDescent="0.25">
      <c r="A8509" s="2" t="s">
        <v>4082</v>
      </c>
      <c r="B8509" s="6">
        <v>141641.54999999999</v>
      </c>
      <c r="C8509" s="7">
        <f t="shared" si="132"/>
        <v>141.64155</v>
      </c>
    </row>
    <row r="8510" spans="1:3" x14ac:dyDescent="0.25">
      <c r="A8510" s="2" t="s">
        <v>4083</v>
      </c>
      <c r="B8510" s="6">
        <v>141658.19999999998</v>
      </c>
      <c r="C8510" s="7">
        <f t="shared" si="132"/>
        <v>141.65819999999999</v>
      </c>
    </row>
    <row r="8511" spans="1:3" x14ac:dyDescent="0.25">
      <c r="A8511" s="2" t="s">
        <v>4084</v>
      </c>
      <c r="B8511" s="6">
        <v>141674.84999999998</v>
      </c>
      <c r="C8511" s="7">
        <f t="shared" si="132"/>
        <v>141.67484999999996</v>
      </c>
    </row>
    <row r="8512" spans="1:3" x14ac:dyDescent="0.25">
      <c r="A8512" s="2" t="s">
        <v>4085</v>
      </c>
      <c r="B8512" s="6">
        <v>141691.5</v>
      </c>
      <c r="C8512" s="7">
        <f t="shared" si="132"/>
        <v>141.69149999999999</v>
      </c>
    </row>
    <row r="8513" spans="1:3" x14ac:dyDescent="0.25">
      <c r="A8513" s="2" t="s">
        <v>4086</v>
      </c>
      <c r="B8513" s="6">
        <v>141708.15</v>
      </c>
      <c r="C8513" s="7">
        <f t="shared" si="132"/>
        <v>141.70814999999999</v>
      </c>
    </row>
    <row r="8514" spans="1:3" x14ac:dyDescent="0.25">
      <c r="A8514" s="2" t="s">
        <v>4087</v>
      </c>
      <c r="B8514" s="6">
        <v>141724.79999999999</v>
      </c>
      <c r="C8514" s="7">
        <f t="shared" si="132"/>
        <v>141.72479999999999</v>
      </c>
    </row>
    <row r="8515" spans="1:3" x14ac:dyDescent="0.25">
      <c r="A8515" s="2" t="s">
        <v>4088</v>
      </c>
      <c r="B8515" s="6">
        <v>141741.44999999998</v>
      </c>
      <c r="C8515" s="7">
        <f t="shared" ref="C8515:C8578" si="133">B8515/1000</f>
        <v>141.74144999999999</v>
      </c>
    </row>
    <row r="8516" spans="1:3" x14ac:dyDescent="0.25">
      <c r="A8516" s="2" t="s">
        <v>4089</v>
      </c>
      <c r="B8516" s="6">
        <v>141758.09999999998</v>
      </c>
      <c r="C8516" s="7">
        <f t="shared" si="133"/>
        <v>141.75809999999998</v>
      </c>
    </row>
    <row r="8517" spans="1:3" x14ac:dyDescent="0.25">
      <c r="A8517" s="2" t="s">
        <v>4090</v>
      </c>
      <c r="B8517" s="6">
        <v>141774.75</v>
      </c>
      <c r="C8517" s="7">
        <f t="shared" si="133"/>
        <v>141.77475000000001</v>
      </c>
    </row>
    <row r="8518" spans="1:3" x14ac:dyDescent="0.25">
      <c r="A8518" s="2" t="s">
        <v>4091</v>
      </c>
      <c r="B8518" s="6">
        <v>141791.4</v>
      </c>
      <c r="C8518" s="7">
        <f t="shared" si="133"/>
        <v>141.79139999999998</v>
      </c>
    </row>
    <row r="8519" spans="1:3" x14ac:dyDescent="0.25">
      <c r="A8519" s="2" t="s">
        <v>4092</v>
      </c>
      <c r="B8519" s="6">
        <v>141808.04999999999</v>
      </c>
      <c r="C8519" s="7">
        <f t="shared" si="133"/>
        <v>141.80804999999998</v>
      </c>
    </row>
    <row r="8520" spans="1:3" x14ac:dyDescent="0.25">
      <c r="A8520" s="2" t="s">
        <v>4093</v>
      </c>
      <c r="B8520" s="6">
        <v>141824.69999999998</v>
      </c>
      <c r="C8520" s="7">
        <f t="shared" si="133"/>
        <v>141.82469999999998</v>
      </c>
    </row>
    <row r="8521" spans="1:3" x14ac:dyDescent="0.25">
      <c r="A8521" s="2" t="s">
        <v>4094</v>
      </c>
      <c r="B8521" s="6">
        <v>141841.34999999998</v>
      </c>
      <c r="C8521" s="7">
        <f t="shared" si="133"/>
        <v>141.84134999999998</v>
      </c>
    </row>
    <row r="8522" spans="1:3" x14ac:dyDescent="0.25">
      <c r="A8522" s="2" t="s">
        <v>4095</v>
      </c>
      <c r="B8522" s="6">
        <v>141858</v>
      </c>
      <c r="C8522" s="7">
        <f t="shared" si="133"/>
        <v>141.858</v>
      </c>
    </row>
    <row r="8523" spans="1:3" x14ac:dyDescent="0.25">
      <c r="A8523" s="2" t="s">
        <v>4096</v>
      </c>
      <c r="B8523" s="6">
        <v>141874.65</v>
      </c>
      <c r="C8523" s="7">
        <f t="shared" si="133"/>
        <v>141.87465</v>
      </c>
    </row>
    <row r="8524" spans="1:3" x14ac:dyDescent="0.25">
      <c r="A8524" s="2" t="s">
        <v>4097</v>
      </c>
      <c r="B8524" s="6">
        <v>141891.29999999999</v>
      </c>
      <c r="C8524" s="7">
        <f t="shared" si="133"/>
        <v>141.8913</v>
      </c>
    </row>
    <row r="8525" spans="1:3" x14ac:dyDescent="0.25">
      <c r="A8525" s="2" t="s">
        <v>4098</v>
      </c>
      <c r="B8525" s="6">
        <v>141907.94999999998</v>
      </c>
      <c r="C8525" s="7">
        <f t="shared" si="133"/>
        <v>141.90794999999997</v>
      </c>
    </row>
    <row r="8526" spans="1:3" x14ac:dyDescent="0.25">
      <c r="A8526" s="2" t="s">
        <v>4099</v>
      </c>
      <c r="B8526" s="6">
        <v>141924.59999999998</v>
      </c>
      <c r="C8526" s="7">
        <f t="shared" si="133"/>
        <v>141.92459999999997</v>
      </c>
    </row>
    <row r="8527" spans="1:3" x14ac:dyDescent="0.25">
      <c r="A8527" s="2" t="s">
        <v>4100</v>
      </c>
      <c r="B8527" s="6">
        <v>141941.25</v>
      </c>
      <c r="C8527" s="7">
        <f t="shared" si="133"/>
        <v>141.94125</v>
      </c>
    </row>
    <row r="8528" spans="1:3" x14ac:dyDescent="0.25">
      <c r="A8528" s="2" t="s">
        <v>4101</v>
      </c>
      <c r="B8528" s="6">
        <v>141957.9</v>
      </c>
      <c r="C8528" s="7">
        <f t="shared" si="133"/>
        <v>141.9579</v>
      </c>
    </row>
    <row r="8529" spans="1:3" x14ac:dyDescent="0.25">
      <c r="A8529" s="2" t="s">
        <v>4102</v>
      </c>
      <c r="B8529" s="6">
        <v>141974.54999999999</v>
      </c>
      <c r="C8529" s="7">
        <f t="shared" si="133"/>
        <v>141.97454999999999</v>
      </c>
    </row>
    <row r="8530" spans="1:3" x14ac:dyDescent="0.25">
      <c r="A8530" s="2" t="s">
        <v>4103</v>
      </c>
      <c r="B8530" s="6">
        <v>141991.19999999998</v>
      </c>
      <c r="C8530" s="7">
        <f t="shared" si="133"/>
        <v>141.99119999999999</v>
      </c>
    </row>
    <row r="8531" spans="1:3" x14ac:dyDescent="0.25">
      <c r="A8531" s="2" t="s">
        <v>4104</v>
      </c>
      <c r="B8531" s="6">
        <v>142007.84999999998</v>
      </c>
      <c r="C8531" s="7">
        <f t="shared" si="133"/>
        <v>142.00784999999999</v>
      </c>
    </row>
    <row r="8532" spans="1:3" x14ac:dyDescent="0.25">
      <c r="A8532" s="2" t="s">
        <v>4105</v>
      </c>
      <c r="B8532" s="6">
        <v>142024.5</v>
      </c>
      <c r="C8532" s="7">
        <f t="shared" si="133"/>
        <v>142.02449999999999</v>
      </c>
    </row>
    <row r="8533" spans="1:3" x14ac:dyDescent="0.25">
      <c r="A8533" s="2" t="s">
        <v>4106</v>
      </c>
      <c r="B8533" s="6">
        <v>142041.15</v>
      </c>
      <c r="C8533" s="7">
        <f t="shared" si="133"/>
        <v>142.04114999999999</v>
      </c>
    </row>
    <row r="8534" spans="1:3" x14ac:dyDescent="0.25">
      <c r="A8534" s="2" t="s">
        <v>4107</v>
      </c>
      <c r="B8534" s="6">
        <v>142057.79999999999</v>
      </c>
      <c r="C8534" s="7">
        <f t="shared" si="133"/>
        <v>142.05779999999999</v>
      </c>
    </row>
    <row r="8535" spans="1:3" x14ac:dyDescent="0.25">
      <c r="A8535" s="2" t="s">
        <v>4108</v>
      </c>
      <c r="B8535" s="6">
        <v>142074.44999999998</v>
      </c>
      <c r="C8535" s="7">
        <f t="shared" si="133"/>
        <v>142.07444999999998</v>
      </c>
    </row>
    <row r="8536" spans="1:3" x14ac:dyDescent="0.25">
      <c r="A8536" s="2" t="s">
        <v>4109</v>
      </c>
      <c r="B8536" s="6">
        <v>142091.09999999998</v>
      </c>
      <c r="C8536" s="7">
        <f t="shared" si="133"/>
        <v>142.09109999999998</v>
      </c>
    </row>
    <row r="8537" spans="1:3" x14ac:dyDescent="0.25">
      <c r="A8537" s="2" t="s">
        <v>4110</v>
      </c>
      <c r="B8537" s="6">
        <v>142107.75</v>
      </c>
      <c r="C8537" s="7">
        <f t="shared" si="133"/>
        <v>142.10775000000001</v>
      </c>
    </row>
    <row r="8538" spans="1:3" x14ac:dyDescent="0.25">
      <c r="A8538" s="2" t="s">
        <v>4111</v>
      </c>
      <c r="B8538" s="6">
        <v>142124.4</v>
      </c>
      <c r="C8538" s="7">
        <f t="shared" si="133"/>
        <v>142.12439999999998</v>
      </c>
    </row>
    <row r="8539" spans="1:3" x14ac:dyDescent="0.25">
      <c r="A8539" s="2" t="s">
        <v>4112</v>
      </c>
      <c r="B8539" s="6">
        <v>142141.04999999999</v>
      </c>
      <c r="C8539" s="7">
        <f t="shared" si="133"/>
        <v>142.14104999999998</v>
      </c>
    </row>
    <row r="8540" spans="1:3" x14ac:dyDescent="0.25">
      <c r="A8540" s="2" t="s">
        <v>4113</v>
      </c>
      <c r="B8540" s="6">
        <v>142157.69999999998</v>
      </c>
      <c r="C8540" s="7">
        <f t="shared" si="133"/>
        <v>142.15769999999998</v>
      </c>
    </row>
    <row r="8541" spans="1:3" x14ac:dyDescent="0.25">
      <c r="A8541" s="2" t="s">
        <v>4114</v>
      </c>
      <c r="B8541" s="6">
        <v>142174.34999999998</v>
      </c>
      <c r="C8541" s="7">
        <f t="shared" si="133"/>
        <v>142.17434999999998</v>
      </c>
    </row>
    <row r="8542" spans="1:3" x14ac:dyDescent="0.25">
      <c r="A8542" s="2" t="s">
        <v>4115</v>
      </c>
      <c r="B8542" s="6">
        <v>142191</v>
      </c>
      <c r="C8542" s="7">
        <f t="shared" si="133"/>
        <v>142.191</v>
      </c>
    </row>
    <row r="8543" spans="1:3" x14ac:dyDescent="0.25">
      <c r="A8543" s="2" t="s">
        <v>4116</v>
      </c>
      <c r="B8543" s="6">
        <v>142207.65</v>
      </c>
      <c r="C8543" s="7">
        <f t="shared" si="133"/>
        <v>142.20765</v>
      </c>
    </row>
    <row r="8544" spans="1:3" x14ac:dyDescent="0.25">
      <c r="A8544" s="2" t="s">
        <v>4117</v>
      </c>
      <c r="B8544" s="6">
        <v>142224.29999999999</v>
      </c>
      <c r="C8544" s="7">
        <f t="shared" si="133"/>
        <v>142.2243</v>
      </c>
    </row>
    <row r="8545" spans="1:3" x14ac:dyDescent="0.25">
      <c r="A8545" s="2" t="s">
        <v>4118</v>
      </c>
      <c r="B8545" s="6">
        <v>142240.94999999998</v>
      </c>
      <c r="C8545" s="7">
        <f t="shared" si="133"/>
        <v>142.24094999999997</v>
      </c>
    </row>
    <row r="8546" spans="1:3" x14ac:dyDescent="0.25">
      <c r="A8546" s="2" t="s">
        <v>4119</v>
      </c>
      <c r="B8546" s="6">
        <v>142257.59999999998</v>
      </c>
      <c r="C8546" s="7">
        <f t="shared" si="133"/>
        <v>142.25759999999997</v>
      </c>
    </row>
    <row r="8547" spans="1:3" x14ac:dyDescent="0.25">
      <c r="A8547" s="2" t="s">
        <v>4120</v>
      </c>
      <c r="B8547" s="6">
        <v>142274.25</v>
      </c>
      <c r="C8547" s="7">
        <f t="shared" si="133"/>
        <v>142.27424999999999</v>
      </c>
    </row>
    <row r="8548" spans="1:3" x14ac:dyDescent="0.25">
      <c r="A8548" s="2" t="s">
        <v>4121</v>
      </c>
      <c r="B8548" s="6">
        <v>142290.9</v>
      </c>
      <c r="C8548" s="7">
        <f t="shared" si="133"/>
        <v>142.29089999999999</v>
      </c>
    </row>
    <row r="8549" spans="1:3" x14ac:dyDescent="0.25">
      <c r="A8549" s="2" t="s">
        <v>4122</v>
      </c>
      <c r="B8549" s="6">
        <v>142307.54999999999</v>
      </c>
      <c r="C8549" s="7">
        <f t="shared" si="133"/>
        <v>142.30754999999999</v>
      </c>
    </row>
    <row r="8550" spans="1:3" x14ac:dyDescent="0.25">
      <c r="A8550" s="2" t="s">
        <v>4123</v>
      </c>
      <c r="B8550" s="6">
        <v>142324.19999999998</v>
      </c>
      <c r="C8550" s="7">
        <f t="shared" si="133"/>
        <v>142.32419999999999</v>
      </c>
    </row>
    <row r="8551" spans="1:3" x14ac:dyDescent="0.25">
      <c r="A8551" s="2" t="s">
        <v>4124</v>
      </c>
      <c r="B8551" s="6">
        <v>142340.84999999998</v>
      </c>
      <c r="C8551" s="7">
        <f t="shared" si="133"/>
        <v>142.34084999999999</v>
      </c>
    </row>
    <row r="8552" spans="1:3" x14ac:dyDescent="0.25">
      <c r="A8552" s="2" t="s">
        <v>4125</v>
      </c>
      <c r="B8552" s="6">
        <v>142357.5</v>
      </c>
      <c r="C8552" s="7">
        <f t="shared" si="133"/>
        <v>142.35749999999999</v>
      </c>
    </row>
    <row r="8553" spans="1:3" x14ac:dyDescent="0.25">
      <c r="A8553" s="2" t="s">
        <v>4126</v>
      </c>
      <c r="B8553" s="6">
        <v>142374.15</v>
      </c>
      <c r="C8553" s="7">
        <f t="shared" si="133"/>
        <v>142.37414999999999</v>
      </c>
    </row>
    <row r="8554" spans="1:3" x14ac:dyDescent="0.25">
      <c r="A8554" s="2" t="s">
        <v>4127</v>
      </c>
      <c r="B8554" s="6">
        <v>142390.79999999999</v>
      </c>
      <c r="C8554" s="7">
        <f t="shared" si="133"/>
        <v>142.39079999999998</v>
      </c>
    </row>
    <row r="8555" spans="1:3" x14ac:dyDescent="0.25">
      <c r="A8555" s="2" t="s">
        <v>4128</v>
      </c>
      <c r="B8555" s="6">
        <v>142407.44999999998</v>
      </c>
      <c r="C8555" s="7">
        <f t="shared" si="133"/>
        <v>142.40744999999998</v>
      </c>
    </row>
    <row r="8556" spans="1:3" x14ac:dyDescent="0.25">
      <c r="A8556" s="2" t="s">
        <v>4129</v>
      </c>
      <c r="B8556" s="6">
        <v>142424.09999999998</v>
      </c>
      <c r="C8556" s="7">
        <f t="shared" si="133"/>
        <v>142.42409999999998</v>
      </c>
    </row>
    <row r="8557" spans="1:3" x14ac:dyDescent="0.25">
      <c r="A8557" s="2" t="s">
        <v>4130</v>
      </c>
      <c r="B8557" s="6">
        <v>142440.75</v>
      </c>
      <c r="C8557" s="7">
        <f t="shared" si="133"/>
        <v>142.44075000000001</v>
      </c>
    </row>
    <row r="8558" spans="1:3" x14ac:dyDescent="0.25">
      <c r="A8558" s="2" t="s">
        <v>4131</v>
      </c>
      <c r="B8558" s="6">
        <v>142457.4</v>
      </c>
      <c r="C8558" s="7">
        <f t="shared" si="133"/>
        <v>142.45740000000001</v>
      </c>
    </row>
    <row r="8559" spans="1:3" x14ac:dyDescent="0.25">
      <c r="A8559" s="2" t="s">
        <v>4132</v>
      </c>
      <c r="B8559" s="6">
        <v>142474.04999999999</v>
      </c>
      <c r="C8559" s="7">
        <f t="shared" si="133"/>
        <v>142.47404999999998</v>
      </c>
    </row>
    <row r="8560" spans="1:3" x14ac:dyDescent="0.25">
      <c r="A8560" s="2" t="s">
        <v>4133</v>
      </c>
      <c r="B8560" s="6">
        <v>142490.69999999998</v>
      </c>
      <c r="C8560" s="7">
        <f t="shared" si="133"/>
        <v>142.49069999999998</v>
      </c>
    </row>
    <row r="8561" spans="1:3" x14ac:dyDescent="0.25">
      <c r="A8561" s="2" t="s">
        <v>4134</v>
      </c>
      <c r="B8561" s="6">
        <v>142507.34999999998</v>
      </c>
      <c r="C8561" s="7">
        <f t="shared" si="133"/>
        <v>142.50734999999997</v>
      </c>
    </row>
    <row r="8562" spans="1:3" x14ac:dyDescent="0.25">
      <c r="A8562" s="2" t="s">
        <v>4135</v>
      </c>
      <c r="B8562" s="6">
        <v>142524</v>
      </c>
      <c r="C8562" s="7">
        <f t="shared" si="133"/>
        <v>142.524</v>
      </c>
    </row>
    <row r="8563" spans="1:3" x14ac:dyDescent="0.25">
      <c r="A8563" s="2" t="s">
        <v>4136</v>
      </c>
      <c r="B8563" s="6">
        <v>142540.65</v>
      </c>
      <c r="C8563" s="7">
        <f t="shared" si="133"/>
        <v>142.54065</v>
      </c>
    </row>
    <row r="8564" spans="1:3" x14ac:dyDescent="0.25">
      <c r="A8564" s="2" t="s">
        <v>4137</v>
      </c>
      <c r="B8564" s="6">
        <v>142557.29999999999</v>
      </c>
      <c r="C8564" s="7">
        <f t="shared" si="133"/>
        <v>142.5573</v>
      </c>
    </row>
    <row r="8565" spans="1:3" x14ac:dyDescent="0.25">
      <c r="A8565" s="2" t="s">
        <v>4138</v>
      </c>
      <c r="B8565" s="6">
        <v>142573.94999999998</v>
      </c>
      <c r="C8565" s="7">
        <f t="shared" si="133"/>
        <v>142.57395</v>
      </c>
    </row>
    <row r="8566" spans="1:3" x14ac:dyDescent="0.25">
      <c r="A8566" s="2" t="s">
        <v>4139</v>
      </c>
      <c r="B8566" s="6">
        <v>142590.59999999998</v>
      </c>
      <c r="C8566" s="7">
        <f t="shared" si="133"/>
        <v>142.59059999999997</v>
      </c>
    </row>
    <row r="8567" spans="1:3" x14ac:dyDescent="0.25">
      <c r="A8567" s="2" t="s">
        <v>4140</v>
      </c>
      <c r="B8567" s="6">
        <v>142607.25</v>
      </c>
      <c r="C8567" s="7">
        <f t="shared" si="133"/>
        <v>142.60724999999999</v>
      </c>
    </row>
    <row r="8568" spans="1:3" x14ac:dyDescent="0.25">
      <c r="A8568" s="2" t="s">
        <v>4141</v>
      </c>
      <c r="B8568" s="6">
        <v>142623.9</v>
      </c>
      <c r="C8568" s="7">
        <f t="shared" si="133"/>
        <v>142.62389999999999</v>
      </c>
    </row>
    <row r="8569" spans="1:3" x14ac:dyDescent="0.25">
      <c r="A8569" s="2" t="s">
        <v>4142</v>
      </c>
      <c r="B8569" s="6">
        <v>142640.54999999999</v>
      </c>
      <c r="C8569" s="7">
        <f t="shared" si="133"/>
        <v>142.64054999999999</v>
      </c>
    </row>
    <row r="8570" spans="1:3" x14ac:dyDescent="0.25">
      <c r="A8570" s="2" t="s">
        <v>4143</v>
      </c>
      <c r="B8570" s="6">
        <v>142657.19999999998</v>
      </c>
      <c r="C8570" s="7">
        <f t="shared" si="133"/>
        <v>142.65719999999999</v>
      </c>
    </row>
    <row r="8571" spans="1:3" x14ac:dyDescent="0.25">
      <c r="A8571" s="2" t="s">
        <v>4144</v>
      </c>
      <c r="B8571" s="6">
        <v>142673.84999999998</v>
      </c>
      <c r="C8571" s="7">
        <f t="shared" si="133"/>
        <v>142.67384999999999</v>
      </c>
    </row>
    <row r="8572" spans="1:3" x14ac:dyDescent="0.25">
      <c r="A8572" s="2" t="s">
        <v>4145</v>
      </c>
      <c r="B8572" s="6">
        <v>142690.5</v>
      </c>
      <c r="C8572" s="7">
        <f t="shared" si="133"/>
        <v>142.69049999999999</v>
      </c>
    </row>
    <row r="8573" spans="1:3" x14ac:dyDescent="0.25">
      <c r="A8573" s="2" t="s">
        <v>4146</v>
      </c>
      <c r="B8573" s="6">
        <v>142707.15</v>
      </c>
      <c r="C8573" s="7">
        <f t="shared" si="133"/>
        <v>142.70714999999998</v>
      </c>
    </row>
    <row r="8574" spans="1:3" x14ac:dyDescent="0.25">
      <c r="A8574" s="2" t="s">
        <v>4147</v>
      </c>
      <c r="B8574" s="6">
        <v>142723.79999999999</v>
      </c>
      <c r="C8574" s="7">
        <f t="shared" si="133"/>
        <v>142.72379999999998</v>
      </c>
    </row>
    <row r="8575" spans="1:3" x14ac:dyDescent="0.25">
      <c r="A8575" s="2" t="s">
        <v>4148</v>
      </c>
      <c r="B8575" s="6">
        <v>142740.44999999998</v>
      </c>
      <c r="C8575" s="7">
        <f t="shared" si="133"/>
        <v>142.74044999999998</v>
      </c>
    </row>
    <row r="8576" spans="1:3" x14ac:dyDescent="0.25">
      <c r="A8576" s="2" t="s">
        <v>4149</v>
      </c>
      <c r="B8576" s="6">
        <v>142757.09999999998</v>
      </c>
      <c r="C8576" s="7">
        <f t="shared" si="133"/>
        <v>142.75709999999998</v>
      </c>
    </row>
    <row r="8577" spans="1:3" x14ac:dyDescent="0.25">
      <c r="A8577" s="2" t="s">
        <v>4150</v>
      </c>
      <c r="B8577" s="6">
        <v>142773.75</v>
      </c>
      <c r="C8577" s="7">
        <f t="shared" si="133"/>
        <v>142.77375000000001</v>
      </c>
    </row>
    <row r="8578" spans="1:3" x14ac:dyDescent="0.25">
      <c r="A8578" s="2" t="s">
        <v>4151</v>
      </c>
      <c r="B8578" s="6">
        <v>142790.39999999999</v>
      </c>
      <c r="C8578" s="7">
        <f t="shared" si="133"/>
        <v>142.79040000000001</v>
      </c>
    </row>
    <row r="8579" spans="1:3" x14ac:dyDescent="0.25">
      <c r="A8579" s="2" t="s">
        <v>4152</v>
      </c>
      <c r="B8579" s="6">
        <v>142807.04999999999</v>
      </c>
      <c r="C8579" s="7">
        <f t="shared" ref="C8579:C8642" si="134">B8579/1000</f>
        <v>142.80704999999998</v>
      </c>
    </row>
    <row r="8580" spans="1:3" x14ac:dyDescent="0.25">
      <c r="A8580" s="2" t="s">
        <v>4153</v>
      </c>
      <c r="B8580" s="6">
        <v>142823.69999999998</v>
      </c>
      <c r="C8580" s="7">
        <f t="shared" si="134"/>
        <v>142.82369999999997</v>
      </c>
    </row>
    <row r="8581" spans="1:3" x14ac:dyDescent="0.25">
      <c r="A8581" s="2" t="s">
        <v>4154</v>
      </c>
      <c r="B8581" s="6">
        <v>142840.34999999998</v>
      </c>
      <c r="C8581" s="7">
        <f t="shared" si="134"/>
        <v>142.84034999999997</v>
      </c>
    </row>
    <row r="8582" spans="1:3" x14ac:dyDescent="0.25">
      <c r="A8582" s="2" t="s">
        <v>4155</v>
      </c>
      <c r="B8582" s="6">
        <v>142857</v>
      </c>
      <c r="C8582" s="7">
        <f t="shared" si="134"/>
        <v>142.857</v>
      </c>
    </row>
    <row r="8583" spans="1:3" x14ac:dyDescent="0.25">
      <c r="A8583" s="2" t="s">
        <v>4156</v>
      </c>
      <c r="B8583" s="6">
        <v>142873.65</v>
      </c>
      <c r="C8583" s="7">
        <f t="shared" si="134"/>
        <v>142.87365</v>
      </c>
    </row>
    <row r="8584" spans="1:3" x14ac:dyDescent="0.25">
      <c r="A8584" s="2" t="s">
        <v>4157</v>
      </c>
      <c r="B8584" s="6">
        <v>142890.29999999999</v>
      </c>
      <c r="C8584" s="7">
        <f t="shared" si="134"/>
        <v>142.8903</v>
      </c>
    </row>
    <row r="8585" spans="1:3" x14ac:dyDescent="0.25">
      <c r="A8585" s="2" t="s">
        <v>4158</v>
      </c>
      <c r="B8585" s="6">
        <v>142906.94999999998</v>
      </c>
      <c r="C8585" s="7">
        <f t="shared" si="134"/>
        <v>142.90694999999999</v>
      </c>
    </row>
    <row r="8586" spans="1:3" x14ac:dyDescent="0.25">
      <c r="A8586" s="2" t="s">
        <v>4159</v>
      </c>
      <c r="B8586" s="6">
        <v>142923.59999999998</v>
      </c>
      <c r="C8586" s="7">
        <f t="shared" si="134"/>
        <v>142.92359999999996</v>
      </c>
    </row>
    <row r="8587" spans="1:3" x14ac:dyDescent="0.25">
      <c r="A8587" s="2" t="s">
        <v>4160</v>
      </c>
      <c r="B8587" s="6">
        <v>142940.25</v>
      </c>
      <c r="C8587" s="7">
        <f t="shared" si="134"/>
        <v>142.94024999999999</v>
      </c>
    </row>
    <row r="8588" spans="1:3" x14ac:dyDescent="0.25">
      <c r="A8588" s="2" t="s">
        <v>4161</v>
      </c>
      <c r="B8588" s="6">
        <v>142956.9</v>
      </c>
      <c r="C8588" s="7">
        <f t="shared" si="134"/>
        <v>142.95689999999999</v>
      </c>
    </row>
    <row r="8589" spans="1:3" x14ac:dyDescent="0.25">
      <c r="A8589" s="2" t="s">
        <v>4162</v>
      </c>
      <c r="B8589" s="6">
        <v>142973.54999999999</v>
      </c>
      <c r="C8589" s="7">
        <f t="shared" si="134"/>
        <v>142.97354999999999</v>
      </c>
    </row>
    <row r="8590" spans="1:3" x14ac:dyDescent="0.25">
      <c r="A8590" s="2" t="s">
        <v>4163</v>
      </c>
      <c r="B8590" s="6">
        <v>142990.19999999998</v>
      </c>
      <c r="C8590" s="7">
        <f t="shared" si="134"/>
        <v>142.99019999999999</v>
      </c>
    </row>
    <row r="8591" spans="1:3" x14ac:dyDescent="0.25">
      <c r="A8591" s="2" t="s">
        <v>4164</v>
      </c>
      <c r="B8591" s="6">
        <v>143006.84999999998</v>
      </c>
      <c r="C8591" s="7">
        <f t="shared" si="134"/>
        <v>143.00684999999999</v>
      </c>
    </row>
    <row r="8592" spans="1:3" x14ac:dyDescent="0.25">
      <c r="A8592" s="2" t="s">
        <v>4165</v>
      </c>
      <c r="B8592" s="6">
        <v>143023.5</v>
      </c>
      <c r="C8592" s="7">
        <f t="shared" si="134"/>
        <v>143.02350000000001</v>
      </c>
    </row>
    <row r="8593" spans="1:3" x14ac:dyDescent="0.25">
      <c r="A8593" s="2" t="s">
        <v>4166</v>
      </c>
      <c r="B8593" s="6">
        <v>143040.15</v>
      </c>
      <c r="C8593" s="7">
        <f t="shared" si="134"/>
        <v>143.04014999999998</v>
      </c>
    </row>
    <row r="8594" spans="1:3" x14ac:dyDescent="0.25">
      <c r="A8594" s="2" t="s">
        <v>4167</v>
      </c>
      <c r="B8594" s="6">
        <v>143056.79999999999</v>
      </c>
      <c r="C8594" s="7">
        <f t="shared" si="134"/>
        <v>143.05679999999998</v>
      </c>
    </row>
    <row r="8595" spans="1:3" x14ac:dyDescent="0.25">
      <c r="A8595" s="2" t="s">
        <v>4168</v>
      </c>
      <c r="B8595" s="6">
        <v>143073.44999999998</v>
      </c>
      <c r="C8595" s="7">
        <f t="shared" si="134"/>
        <v>143.07344999999998</v>
      </c>
    </row>
    <row r="8596" spans="1:3" x14ac:dyDescent="0.25">
      <c r="A8596" s="2" t="s">
        <v>4169</v>
      </c>
      <c r="B8596" s="6">
        <v>143090.09999999998</v>
      </c>
      <c r="C8596" s="7">
        <f t="shared" si="134"/>
        <v>143.09009999999998</v>
      </c>
    </row>
    <row r="8597" spans="1:3" x14ac:dyDescent="0.25">
      <c r="A8597" s="2" t="s">
        <v>4170</v>
      </c>
      <c r="B8597" s="6">
        <v>143106.75</v>
      </c>
      <c r="C8597" s="7">
        <f t="shared" si="134"/>
        <v>143.10675000000001</v>
      </c>
    </row>
    <row r="8598" spans="1:3" x14ac:dyDescent="0.25">
      <c r="A8598" s="2" t="s">
        <v>4171</v>
      </c>
      <c r="B8598" s="6">
        <v>143123.4</v>
      </c>
      <c r="C8598" s="7">
        <f t="shared" si="134"/>
        <v>143.1234</v>
      </c>
    </row>
    <row r="8599" spans="1:3" x14ac:dyDescent="0.25">
      <c r="A8599" s="2" t="s">
        <v>4172</v>
      </c>
      <c r="B8599" s="6">
        <v>143140.04999999999</v>
      </c>
      <c r="C8599" s="7">
        <f t="shared" si="134"/>
        <v>143.14005</v>
      </c>
    </row>
    <row r="8600" spans="1:3" x14ac:dyDescent="0.25">
      <c r="A8600" s="2" t="s">
        <v>4173</v>
      </c>
      <c r="B8600" s="6">
        <v>143156.69999999998</v>
      </c>
      <c r="C8600" s="7">
        <f t="shared" si="134"/>
        <v>143.15669999999997</v>
      </c>
    </row>
    <row r="8601" spans="1:3" x14ac:dyDescent="0.25">
      <c r="A8601" s="2" t="s">
        <v>4174</v>
      </c>
      <c r="B8601" s="6">
        <v>143173.34999999998</v>
      </c>
      <c r="C8601" s="7">
        <f t="shared" si="134"/>
        <v>143.17334999999997</v>
      </c>
    </row>
    <row r="8602" spans="1:3" x14ac:dyDescent="0.25">
      <c r="A8602" s="2" t="s">
        <v>4175</v>
      </c>
      <c r="B8602" s="6">
        <v>143190</v>
      </c>
      <c r="C8602" s="7">
        <f t="shared" si="134"/>
        <v>143.19</v>
      </c>
    </row>
    <row r="8603" spans="1:3" x14ac:dyDescent="0.25">
      <c r="A8603" s="2" t="s">
        <v>4176</v>
      </c>
      <c r="B8603" s="6">
        <v>143206.65</v>
      </c>
      <c r="C8603" s="7">
        <f t="shared" si="134"/>
        <v>143.20665</v>
      </c>
    </row>
    <row r="8604" spans="1:3" x14ac:dyDescent="0.25">
      <c r="A8604" s="2" t="s">
        <v>4177</v>
      </c>
      <c r="B8604" s="6">
        <v>143223.29999999999</v>
      </c>
      <c r="C8604" s="7">
        <f t="shared" si="134"/>
        <v>143.22329999999999</v>
      </c>
    </row>
    <row r="8605" spans="1:3" x14ac:dyDescent="0.25">
      <c r="A8605" s="2" t="s">
        <v>4178</v>
      </c>
      <c r="B8605" s="6">
        <v>143239.94999999998</v>
      </c>
      <c r="C8605" s="7">
        <f t="shared" si="134"/>
        <v>143.23994999999999</v>
      </c>
    </row>
    <row r="8606" spans="1:3" x14ac:dyDescent="0.25">
      <c r="A8606" s="2" t="s">
        <v>4179</v>
      </c>
      <c r="B8606" s="6">
        <v>143256.59999999998</v>
      </c>
      <c r="C8606" s="7">
        <f t="shared" si="134"/>
        <v>143.25659999999996</v>
      </c>
    </row>
    <row r="8607" spans="1:3" x14ac:dyDescent="0.25">
      <c r="A8607" s="2" t="s">
        <v>4180</v>
      </c>
      <c r="B8607" s="6">
        <v>143273.25</v>
      </c>
      <c r="C8607" s="7">
        <f t="shared" si="134"/>
        <v>143.27324999999999</v>
      </c>
    </row>
    <row r="8608" spans="1:3" x14ac:dyDescent="0.25">
      <c r="A8608" s="2" t="s">
        <v>4181</v>
      </c>
      <c r="B8608" s="6">
        <v>143289.9</v>
      </c>
      <c r="C8608" s="7">
        <f t="shared" si="134"/>
        <v>143.28989999999999</v>
      </c>
    </row>
    <row r="8609" spans="1:9" x14ac:dyDescent="0.25">
      <c r="A8609" s="2" t="s">
        <v>4182</v>
      </c>
      <c r="B8609" s="6">
        <v>143306.54999999999</v>
      </c>
      <c r="C8609" s="7">
        <f t="shared" si="134"/>
        <v>143.30654999999999</v>
      </c>
    </row>
    <row r="8610" spans="1:9" x14ac:dyDescent="0.25">
      <c r="A8610" s="2" t="s">
        <v>4183</v>
      </c>
      <c r="B8610" s="6">
        <v>143323.19999999998</v>
      </c>
      <c r="C8610" s="7">
        <f t="shared" si="134"/>
        <v>143.32319999999999</v>
      </c>
    </row>
    <row r="8611" spans="1:9" x14ac:dyDescent="0.25">
      <c r="A8611" s="2" t="s">
        <v>4184</v>
      </c>
      <c r="B8611" s="6">
        <v>143339.84999999998</v>
      </c>
      <c r="C8611" s="7">
        <f t="shared" si="134"/>
        <v>143.33984999999998</v>
      </c>
    </row>
    <row r="8612" spans="1:9" x14ac:dyDescent="0.25">
      <c r="A8612" s="2" t="s">
        <v>4185</v>
      </c>
      <c r="B8612" s="6">
        <v>143356.5</v>
      </c>
      <c r="C8612" s="7">
        <f t="shared" si="134"/>
        <v>143.35650000000001</v>
      </c>
    </row>
    <row r="8613" spans="1:9" x14ac:dyDescent="0.25">
      <c r="A8613" s="2" t="s">
        <v>4186</v>
      </c>
      <c r="B8613" s="6">
        <v>143373.15</v>
      </c>
      <c r="C8613" s="7">
        <f t="shared" si="134"/>
        <v>143.37314999999998</v>
      </c>
    </row>
    <row r="8614" spans="1:9" x14ac:dyDescent="0.25">
      <c r="A8614" s="2" t="s">
        <v>4187</v>
      </c>
      <c r="B8614" s="6">
        <v>143389.79999999999</v>
      </c>
      <c r="C8614" s="7">
        <f t="shared" si="134"/>
        <v>143.38979999999998</v>
      </c>
    </row>
    <row r="8615" spans="1:9" x14ac:dyDescent="0.25">
      <c r="A8615" s="2" t="s">
        <v>4188</v>
      </c>
      <c r="B8615" s="6">
        <v>143406.44999999998</v>
      </c>
      <c r="C8615" s="7">
        <f t="shared" si="134"/>
        <v>143.40644999999998</v>
      </c>
    </row>
    <row r="8616" spans="1:9" x14ac:dyDescent="0.25">
      <c r="A8616" s="2" t="s">
        <v>4189</v>
      </c>
      <c r="B8616" s="6">
        <v>143423.09999999998</v>
      </c>
      <c r="C8616" s="7">
        <f t="shared" si="134"/>
        <v>143.42309999999998</v>
      </c>
    </row>
    <row r="8617" spans="1:9" x14ac:dyDescent="0.25">
      <c r="A8617" s="2" t="s">
        <v>4190</v>
      </c>
      <c r="B8617" s="6">
        <v>143439.75</v>
      </c>
      <c r="C8617" s="7">
        <f t="shared" si="134"/>
        <v>143.43975</v>
      </c>
    </row>
    <row r="8618" spans="1:9" x14ac:dyDescent="0.25">
      <c r="A8618" s="2" t="s">
        <v>4191</v>
      </c>
      <c r="B8618" s="6">
        <v>143456.4</v>
      </c>
      <c r="C8618" s="7">
        <f t="shared" si="134"/>
        <v>143.4564</v>
      </c>
    </row>
    <row r="8619" spans="1:9" x14ac:dyDescent="0.25">
      <c r="A8619" s="2" t="s">
        <v>4192</v>
      </c>
      <c r="B8619" s="6">
        <v>143473.04999999999</v>
      </c>
      <c r="C8619" s="7">
        <f t="shared" si="134"/>
        <v>143.47305</v>
      </c>
    </row>
    <row r="8620" spans="1:9" x14ac:dyDescent="0.25">
      <c r="A8620" s="2" t="s">
        <v>4193</v>
      </c>
      <c r="B8620" s="6">
        <v>143489.69999999998</v>
      </c>
      <c r="C8620" s="7">
        <f t="shared" si="134"/>
        <v>143.48969999999997</v>
      </c>
    </row>
    <row r="8621" spans="1:9" x14ac:dyDescent="0.25">
      <c r="A8621" s="3">
        <v>41644.330300925925</v>
      </c>
      <c r="B8621" s="6">
        <v>143506.34999999998</v>
      </c>
      <c r="C8621" s="7">
        <f t="shared" si="134"/>
        <v>143.50634999999997</v>
      </c>
      <c r="I8621" s="1"/>
    </row>
    <row r="8622" spans="1:9" x14ac:dyDescent="0.25">
      <c r="A8622" s="3">
        <v>41644.330659722225</v>
      </c>
      <c r="B8622" s="6">
        <v>143523</v>
      </c>
      <c r="C8622" s="7">
        <f t="shared" si="134"/>
        <v>143.523</v>
      </c>
      <c r="I8622" s="1"/>
    </row>
    <row r="8623" spans="1:9" x14ac:dyDescent="0.25">
      <c r="A8623" s="3">
        <v>41644.340821759259</v>
      </c>
      <c r="B8623" s="6">
        <v>143539.65</v>
      </c>
      <c r="C8623" s="7">
        <f t="shared" si="134"/>
        <v>143.53964999999999</v>
      </c>
      <c r="I8623" s="1"/>
    </row>
    <row r="8624" spans="1:9" x14ac:dyDescent="0.25">
      <c r="A8624" s="3">
        <v>41644.34302083333</v>
      </c>
      <c r="B8624" s="6">
        <v>143556.29999999999</v>
      </c>
      <c r="C8624" s="7">
        <f t="shared" si="134"/>
        <v>143.55629999999999</v>
      </c>
      <c r="I8624" s="1"/>
    </row>
    <row r="8625" spans="1:9" x14ac:dyDescent="0.25">
      <c r="A8625" s="3">
        <v>41644.362708333334</v>
      </c>
      <c r="B8625" s="6">
        <v>143572.94999999998</v>
      </c>
      <c r="C8625" s="7">
        <f t="shared" si="134"/>
        <v>143.57294999999999</v>
      </c>
      <c r="I8625" s="1"/>
    </row>
    <row r="8626" spans="1:9" x14ac:dyDescent="0.25">
      <c r="A8626" s="3">
        <v>41644.363888888889</v>
      </c>
      <c r="B8626" s="6">
        <v>143589.59999999998</v>
      </c>
      <c r="C8626" s="7">
        <f t="shared" si="134"/>
        <v>143.58959999999999</v>
      </c>
      <c r="I8626" s="1"/>
    </row>
    <row r="8627" spans="1:9" x14ac:dyDescent="0.25">
      <c r="A8627" s="3">
        <v>41644.375567129631</v>
      </c>
      <c r="B8627" s="6">
        <v>143606.25</v>
      </c>
      <c r="C8627" s="7">
        <f t="shared" si="134"/>
        <v>143.60624999999999</v>
      </c>
      <c r="I8627" s="1"/>
    </row>
    <row r="8628" spans="1:9" x14ac:dyDescent="0.25">
      <c r="A8628" s="3">
        <v>41644.377083333333</v>
      </c>
      <c r="B8628" s="6">
        <v>143622.9</v>
      </c>
      <c r="C8628" s="7">
        <f t="shared" si="134"/>
        <v>143.62289999999999</v>
      </c>
      <c r="I8628" s="1"/>
    </row>
    <row r="8629" spans="1:9" x14ac:dyDescent="0.25">
      <c r="A8629" s="3">
        <v>41644.383472222224</v>
      </c>
      <c r="B8629" s="6">
        <v>143639.54999999999</v>
      </c>
      <c r="C8629" s="7">
        <f t="shared" si="134"/>
        <v>143.63954999999999</v>
      </c>
      <c r="I8629" s="1"/>
    </row>
    <row r="8630" spans="1:9" x14ac:dyDescent="0.25">
      <c r="A8630" s="3">
        <v>41644.383738425924</v>
      </c>
      <c r="B8630" s="6">
        <v>143656.19999999998</v>
      </c>
      <c r="C8630" s="7">
        <f t="shared" si="134"/>
        <v>143.65619999999998</v>
      </c>
      <c r="I8630" s="1"/>
    </row>
    <row r="8631" spans="1:9" x14ac:dyDescent="0.25">
      <c r="A8631" s="3">
        <v>41644.387731481482</v>
      </c>
      <c r="B8631" s="6">
        <v>143672.84999999998</v>
      </c>
      <c r="C8631" s="7">
        <f t="shared" si="134"/>
        <v>143.67284999999998</v>
      </c>
      <c r="I8631" s="1"/>
    </row>
    <row r="8632" spans="1:9" x14ac:dyDescent="0.25">
      <c r="A8632" s="3">
        <v>41644.387881944444</v>
      </c>
      <c r="B8632" s="6">
        <v>143689.5</v>
      </c>
      <c r="C8632" s="7">
        <f t="shared" si="134"/>
        <v>143.68950000000001</v>
      </c>
      <c r="I8632" s="1"/>
    </row>
    <row r="8633" spans="1:9" x14ac:dyDescent="0.25">
      <c r="A8633" s="3">
        <v>41644.394976851851</v>
      </c>
      <c r="B8633" s="6">
        <v>143706.15</v>
      </c>
      <c r="C8633" s="7">
        <f t="shared" si="134"/>
        <v>143.70615000000001</v>
      </c>
      <c r="I8633" s="1"/>
    </row>
    <row r="8634" spans="1:9" x14ac:dyDescent="0.25">
      <c r="A8634" s="3">
        <v>41644.396817129629</v>
      </c>
      <c r="B8634" s="6">
        <v>143722.79999999999</v>
      </c>
      <c r="C8634" s="7">
        <f t="shared" si="134"/>
        <v>143.72279999999998</v>
      </c>
      <c r="I8634" s="1"/>
    </row>
    <row r="8635" spans="1:9" x14ac:dyDescent="0.25">
      <c r="A8635" s="3">
        <v>41644.405509259261</v>
      </c>
      <c r="B8635" s="6">
        <v>143739.44999999998</v>
      </c>
      <c r="C8635" s="7">
        <f t="shared" si="134"/>
        <v>143.73944999999998</v>
      </c>
      <c r="I8635" s="1"/>
    </row>
    <row r="8636" spans="1:9" x14ac:dyDescent="0.25">
      <c r="A8636" s="3">
        <v>41644.405752314815</v>
      </c>
      <c r="B8636" s="6">
        <v>143756.09999999998</v>
      </c>
      <c r="C8636" s="7">
        <f t="shared" si="134"/>
        <v>143.75609999999998</v>
      </c>
      <c r="I8636" s="1"/>
    </row>
    <row r="8637" spans="1:9" x14ac:dyDescent="0.25">
      <c r="A8637" s="3">
        <v>41644.412094907406</v>
      </c>
      <c r="B8637" s="6">
        <v>143772.75</v>
      </c>
      <c r="C8637" s="7">
        <f t="shared" si="134"/>
        <v>143.77275</v>
      </c>
      <c r="I8637" s="1"/>
    </row>
    <row r="8638" spans="1:9" x14ac:dyDescent="0.25">
      <c r="A8638" s="3">
        <v>41644.412442129629</v>
      </c>
      <c r="B8638" s="6">
        <v>143789.4</v>
      </c>
      <c r="C8638" s="7">
        <f t="shared" si="134"/>
        <v>143.7894</v>
      </c>
      <c r="I8638" s="1"/>
    </row>
    <row r="8639" spans="1:9" x14ac:dyDescent="0.25">
      <c r="A8639" s="3">
        <v>41644.41542824074</v>
      </c>
      <c r="B8639" s="6">
        <v>143806.04999999999</v>
      </c>
      <c r="C8639" s="7">
        <f t="shared" si="134"/>
        <v>143.80605</v>
      </c>
      <c r="I8639" s="1"/>
    </row>
    <row r="8640" spans="1:9" x14ac:dyDescent="0.25">
      <c r="A8640" s="3">
        <v>41644.415729166663</v>
      </c>
      <c r="B8640" s="6">
        <v>143822.69999999998</v>
      </c>
      <c r="C8640" s="7">
        <f t="shared" si="134"/>
        <v>143.82269999999997</v>
      </c>
      <c r="I8640" s="1"/>
    </row>
    <row r="8641" spans="1:9" x14ac:dyDescent="0.25">
      <c r="A8641" s="3">
        <v>41644.418090277781</v>
      </c>
      <c r="B8641" s="6">
        <v>143839.34999999998</v>
      </c>
      <c r="C8641" s="7">
        <f t="shared" si="134"/>
        <v>143.83934999999997</v>
      </c>
      <c r="I8641" s="1"/>
    </row>
    <row r="8642" spans="1:9" x14ac:dyDescent="0.25">
      <c r="A8642" s="3">
        <v>41644.418611111112</v>
      </c>
      <c r="B8642" s="6">
        <v>143856</v>
      </c>
      <c r="C8642" s="7">
        <f t="shared" si="134"/>
        <v>143.85599999999999</v>
      </c>
      <c r="I8642" s="1"/>
    </row>
    <row r="8643" spans="1:9" x14ac:dyDescent="0.25">
      <c r="A8643" s="3">
        <v>41644.419733796298</v>
      </c>
      <c r="B8643" s="6">
        <v>143872.65</v>
      </c>
      <c r="C8643" s="7">
        <f t="shared" ref="C8643:C8706" si="135">B8643/1000</f>
        <v>143.87264999999999</v>
      </c>
      <c r="I8643" s="1"/>
    </row>
    <row r="8644" spans="1:9" x14ac:dyDescent="0.25">
      <c r="A8644" s="3">
        <v>41644.421006944445</v>
      </c>
      <c r="B8644" s="6">
        <v>143889.29999999999</v>
      </c>
      <c r="C8644" s="7">
        <f t="shared" si="135"/>
        <v>143.88929999999999</v>
      </c>
      <c r="I8644" s="1"/>
    </row>
    <row r="8645" spans="1:9" x14ac:dyDescent="0.25">
      <c r="A8645" s="3">
        <v>41644.426655092589</v>
      </c>
      <c r="B8645" s="6">
        <v>143905.94999999998</v>
      </c>
      <c r="C8645" s="7">
        <f t="shared" si="135"/>
        <v>143.90594999999999</v>
      </c>
      <c r="I8645" s="1"/>
    </row>
    <row r="8646" spans="1:9" x14ac:dyDescent="0.25">
      <c r="A8646" s="3">
        <v>41644.427141203705</v>
      </c>
      <c r="B8646" s="6">
        <v>143922.59999999998</v>
      </c>
      <c r="C8646" s="7">
        <f t="shared" si="135"/>
        <v>143.92259999999999</v>
      </c>
      <c r="I8646" s="1"/>
    </row>
    <row r="8647" spans="1:9" x14ac:dyDescent="0.25">
      <c r="A8647" s="3">
        <v>41644.431122685186</v>
      </c>
      <c r="B8647" s="6">
        <v>143939.25</v>
      </c>
      <c r="C8647" s="7">
        <f t="shared" si="135"/>
        <v>143.93924999999999</v>
      </c>
      <c r="I8647" s="1"/>
    </row>
    <row r="8648" spans="1:9" x14ac:dyDescent="0.25">
      <c r="A8648" s="3">
        <v>41644.431747685187</v>
      </c>
      <c r="B8648" s="6">
        <v>143955.9</v>
      </c>
      <c r="C8648" s="7">
        <f t="shared" si="135"/>
        <v>143.95589999999999</v>
      </c>
      <c r="I8648" s="1"/>
    </row>
    <row r="8649" spans="1:9" x14ac:dyDescent="0.25">
      <c r="A8649" s="3">
        <v>41644.441932870373</v>
      </c>
      <c r="B8649" s="6">
        <v>143972.54999999999</v>
      </c>
      <c r="C8649" s="7">
        <f t="shared" si="135"/>
        <v>143.97254999999998</v>
      </c>
      <c r="I8649" s="1"/>
    </row>
    <row r="8650" spans="1:9" x14ac:dyDescent="0.25">
      <c r="A8650" s="3">
        <v>41644.442962962959</v>
      </c>
      <c r="B8650" s="6">
        <v>143989.19999999998</v>
      </c>
      <c r="C8650" s="7">
        <f t="shared" si="135"/>
        <v>143.98919999999998</v>
      </c>
      <c r="I8650" s="1"/>
    </row>
    <row r="8651" spans="1:9" x14ac:dyDescent="0.25">
      <c r="A8651" s="3">
        <v>41644.445879629631</v>
      </c>
      <c r="B8651" s="6">
        <v>144005.84999999998</v>
      </c>
      <c r="C8651" s="7">
        <f t="shared" si="135"/>
        <v>144.00584999999998</v>
      </c>
      <c r="I8651" s="1"/>
    </row>
    <row r="8652" spans="1:9" x14ac:dyDescent="0.25">
      <c r="A8652" s="3">
        <v>41644.447592592594</v>
      </c>
      <c r="B8652" s="6">
        <v>144022.5</v>
      </c>
      <c r="C8652" s="7">
        <f t="shared" si="135"/>
        <v>144.02250000000001</v>
      </c>
      <c r="I8652" s="1"/>
    </row>
    <row r="8653" spans="1:9" x14ac:dyDescent="0.25">
      <c r="A8653" s="3">
        <v>41644.458749999998</v>
      </c>
      <c r="B8653" s="6">
        <v>144039.15</v>
      </c>
      <c r="C8653" s="7">
        <f t="shared" si="135"/>
        <v>144.03915000000001</v>
      </c>
      <c r="I8653" s="1"/>
    </row>
    <row r="8654" spans="1:9" x14ac:dyDescent="0.25">
      <c r="A8654" s="3">
        <v>41644.459004629629</v>
      </c>
      <c r="B8654" s="6">
        <v>144055.79999999999</v>
      </c>
      <c r="C8654" s="7">
        <f t="shared" si="135"/>
        <v>144.05579999999998</v>
      </c>
      <c r="I8654" s="1"/>
    </row>
    <row r="8655" spans="1:9" x14ac:dyDescent="0.25">
      <c r="A8655" s="3">
        <v>41644.462314814817</v>
      </c>
      <c r="B8655" s="6">
        <v>144072.44999999998</v>
      </c>
      <c r="C8655" s="7">
        <f t="shared" si="135"/>
        <v>144.07244999999998</v>
      </c>
      <c r="I8655" s="1"/>
    </row>
    <row r="8656" spans="1:9" x14ac:dyDescent="0.25">
      <c r="A8656" s="3">
        <v>41644.462534722225</v>
      </c>
      <c r="B8656" s="6">
        <v>144089.09999999998</v>
      </c>
      <c r="C8656" s="7">
        <f t="shared" si="135"/>
        <v>144.08909999999997</v>
      </c>
      <c r="I8656" s="1"/>
    </row>
    <row r="8657" spans="1:9" x14ac:dyDescent="0.25">
      <c r="A8657" s="3">
        <v>41644.475787037038</v>
      </c>
      <c r="B8657" s="6">
        <v>144105.75</v>
      </c>
      <c r="C8657" s="7">
        <f t="shared" si="135"/>
        <v>144.10575</v>
      </c>
      <c r="I8657" s="1"/>
    </row>
    <row r="8658" spans="1:9" x14ac:dyDescent="0.25">
      <c r="A8658" s="3">
        <v>41644.475902777776</v>
      </c>
      <c r="B8658" s="6">
        <v>144122.4</v>
      </c>
      <c r="C8658" s="7">
        <f t="shared" si="135"/>
        <v>144.1224</v>
      </c>
      <c r="I8658" s="1"/>
    </row>
    <row r="8659" spans="1:9" x14ac:dyDescent="0.25">
      <c r="A8659" s="3">
        <v>41644.481932870367</v>
      </c>
      <c r="B8659" s="6">
        <v>144139.04999999999</v>
      </c>
      <c r="C8659" s="7">
        <f t="shared" si="135"/>
        <v>144.13905</v>
      </c>
      <c r="I8659" s="1"/>
    </row>
    <row r="8660" spans="1:9" x14ac:dyDescent="0.25">
      <c r="A8660" s="3">
        <v>41644.482141203705</v>
      </c>
      <c r="B8660" s="6">
        <v>144155.69999999998</v>
      </c>
      <c r="C8660" s="7">
        <f t="shared" si="135"/>
        <v>144.1557</v>
      </c>
      <c r="I8660" s="1"/>
    </row>
    <row r="8661" spans="1:9" x14ac:dyDescent="0.25">
      <c r="A8661" s="3">
        <v>41644.487164351849</v>
      </c>
      <c r="B8661" s="6">
        <v>144172.34999999998</v>
      </c>
      <c r="C8661" s="7">
        <f t="shared" si="135"/>
        <v>144.17234999999997</v>
      </c>
      <c r="I8661" s="1"/>
    </row>
    <row r="8662" spans="1:9" x14ac:dyDescent="0.25">
      <c r="A8662" s="3">
        <v>41644.487280092595</v>
      </c>
      <c r="B8662" s="6">
        <v>144189</v>
      </c>
      <c r="C8662" s="7">
        <f t="shared" si="135"/>
        <v>144.18899999999999</v>
      </c>
      <c r="I8662" s="1"/>
    </row>
    <row r="8663" spans="1:9" x14ac:dyDescent="0.25">
      <c r="A8663" s="3">
        <v>41644.488541666666</v>
      </c>
      <c r="B8663" s="6">
        <v>144205.65</v>
      </c>
      <c r="C8663" s="7">
        <f t="shared" si="135"/>
        <v>144.20564999999999</v>
      </c>
      <c r="I8663" s="1"/>
    </row>
    <row r="8664" spans="1:9" x14ac:dyDescent="0.25">
      <c r="A8664" s="3">
        <v>41644.488657407404</v>
      </c>
      <c r="B8664" s="6">
        <v>144222.29999999999</v>
      </c>
      <c r="C8664" s="7">
        <f t="shared" si="135"/>
        <v>144.22229999999999</v>
      </c>
      <c r="I8664" s="1"/>
    </row>
    <row r="8665" spans="1:9" x14ac:dyDescent="0.25">
      <c r="A8665" s="3">
        <v>41644.490115740744</v>
      </c>
      <c r="B8665" s="6">
        <v>144238.94999999998</v>
      </c>
      <c r="C8665" s="7">
        <f t="shared" si="135"/>
        <v>144.23894999999999</v>
      </c>
      <c r="I8665" s="1"/>
    </row>
    <row r="8666" spans="1:9" x14ac:dyDescent="0.25">
      <c r="A8666" s="3">
        <v>41644.490208333336</v>
      </c>
      <c r="B8666" s="6">
        <v>144255.59999999998</v>
      </c>
      <c r="C8666" s="7">
        <f t="shared" si="135"/>
        <v>144.25559999999999</v>
      </c>
      <c r="I8666" s="1"/>
    </row>
    <row r="8667" spans="1:9" x14ac:dyDescent="0.25">
      <c r="A8667" s="3">
        <v>41644.4925</v>
      </c>
      <c r="B8667" s="6">
        <v>144272.25</v>
      </c>
      <c r="C8667" s="7">
        <f t="shared" si="135"/>
        <v>144.27225000000001</v>
      </c>
      <c r="I8667" s="1"/>
    </row>
    <row r="8668" spans="1:9" x14ac:dyDescent="0.25">
      <c r="A8668" s="3">
        <v>41644.493194444447</v>
      </c>
      <c r="B8668" s="6">
        <v>144288.9</v>
      </c>
      <c r="C8668" s="7">
        <f t="shared" si="135"/>
        <v>144.28889999999998</v>
      </c>
      <c r="I8668" s="1"/>
    </row>
    <row r="8669" spans="1:9" x14ac:dyDescent="0.25">
      <c r="A8669" s="3">
        <v>41644.499861111108</v>
      </c>
      <c r="B8669" s="6">
        <v>144305.54999999999</v>
      </c>
      <c r="C8669" s="7">
        <f t="shared" si="135"/>
        <v>144.30554999999998</v>
      </c>
      <c r="I8669" s="1"/>
    </row>
    <row r="8670" spans="1:9" x14ac:dyDescent="0.25">
      <c r="A8670" s="3">
        <v>41644.5000462963</v>
      </c>
      <c r="B8670" s="6">
        <v>144322.19999999998</v>
      </c>
      <c r="C8670" s="7">
        <f t="shared" si="135"/>
        <v>144.32219999999998</v>
      </c>
      <c r="I8670" s="1"/>
    </row>
    <row r="8671" spans="1:9" x14ac:dyDescent="0.25">
      <c r="A8671" s="3">
        <v>41644.501504629632</v>
      </c>
      <c r="B8671" s="6">
        <v>144338.84999999998</v>
      </c>
      <c r="C8671" s="7">
        <f t="shared" si="135"/>
        <v>144.33884999999998</v>
      </c>
      <c r="I8671" s="1"/>
    </row>
    <row r="8672" spans="1:9" x14ac:dyDescent="0.25">
      <c r="A8672" s="3">
        <v>41644.501736111109</v>
      </c>
      <c r="B8672" s="6">
        <v>144355.5</v>
      </c>
      <c r="C8672" s="7">
        <f t="shared" si="135"/>
        <v>144.35550000000001</v>
      </c>
      <c r="I8672" s="1"/>
    </row>
    <row r="8673" spans="1:9" x14ac:dyDescent="0.25">
      <c r="A8673" s="3">
        <v>41644.502789351849</v>
      </c>
      <c r="B8673" s="6">
        <v>144372.15</v>
      </c>
      <c r="C8673" s="7">
        <f t="shared" si="135"/>
        <v>144.37215</v>
      </c>
      <c r="I8673" s="1"/>
    </row>
    <row r="8674" spans="1:9" x14ac:dyDescent="0.25">
      <c r="A8674" s="3">
        <v>41644.502928240741</v>
      </c>
      <c r="B8674" s="6">
        <v>144388.79999999999</v>
      </c>
      <c r="C8674" s="7">
        <f t="shared" si="135"/>
        <v>144.38879999999997</v>
      </c>
      <c r="I8674" s="1"/>
    </row>
    <row r="8675" spans="1:9" x14ac:dyDescent="0.25">
      <c r="A8675" s="3">
        <v>41644.504629629628</v>
      </c>
      <c r="B8675" s="6">
        <v>144405.44999999998</v>
      </c>
      <c r="C8675" s="7">
        <f t="shared" si="135"/>
        <v>144.40544999999997</v>
      </c>
      <c r="I8675" s="1"/>
    </row>
    <row r="8676" spans="1:9" x14ac:dyDescent="0.25">
      <c r="A8676" s="3">
        <v>41644.504699074074</v>
      </c>
      <c r="B8676" s="6">
        <v>144422.09999999998</v>
      </c>
      <c r="C8676" s="7">
        <f t="shared" si="135"/>
        <v>144.42209999999997</v>
      </c>
      <c r="I8676" s="1"/>
    </row>
    <row r="8677" spans="1:9" x14ac:dyDescent="0.25">
      <c r="A8677" s="3">
        <v>41644.508449074077</v>
      </c>
      <c r="B8677" s="6">
        <v>144438.75</v>
      </c>
      <c r="C8677" s="7">
        <f t="shared" si="135"/>
        <v>144.43875</v>
      </c>
      <c r="I8677" s="1"/>
    </row>
    <row r="8678" spans="1:9" x14ac:dyDescent="0.25">
      <c r="A8678" s="3">
        <v>41644.508611111109</v>
      </c>
      <c r="B8678" s="6">
        <v>144455.4</v>
      </c>
      <c r="C8678" s="7">
        <f t="shared" si="135"/>
        <v>144.4554</v>
      </c>
      <c r="I8678" s="1"/>
    </row>
    <row r="8679" spans="1:9" x14ac:dyDescent="0.25">
      <c r="A8679" s="3">
        <v>41644.510925925926</v>
      </c>
      <c r="B8679" s="6">
        <v>144472.04999999999</v>
      </c>
      <c r="C8679" s="7">
        <f t="shared" si="135"/>
        <v>144.47205</v>
      </c>
      <c r="I8679" s="1"/>
    </row>
    <row r="8680" spans="1:9" x14ac:dyDescent="0.25">
      <c r="A8680" s="3">
        <v>41644.511030092595</v>
      </c>
      <c r="B8680" s="6">
        <v>144488.69999999998</v>
      </c>
      <c r="C8680" s="7">
        <f t="shared" si="135"/>
        <v>144.48869999999999</v>
      </c>
      <c r="I8680" s="1"/>
    </row>
    <row r="8681" spans="1:9" x14ac:dyDescent="0.25">
      <c r="A8681" s="3">
        <v>41644.51462962963</v>
      </c>
      <c r="B8681" s="6">
        <v>144505.34999999998</v>
      </c>
      <c r="C8681" s="7">
        <f t="shared" si="135"/>
        <v>144.50534999999996</v>
      </c>
      <c r="I8681" s="1"/>
    </row>
    <row r="8682" spans="1:9" x14ac:dyDescent="0.25">
      <c r="A8682" s="3">
        <v>41644.51494212963</v>
      </c>
      <c r="B8682" s="6">
        <v>144522</v>
      </c>
      <c r="C8682" s="7">
        <f t="shared" si="135"/>
        <v>144.52199999999999</v>
      </c>
      <c r="I8682" s="1"/>
    </row>
    <row r="8683" spans="1:9" x14ac:dyDescent="0.25">
      <c r="A8683" s="3">
        <v>41644.520381944443</v>
      </c>
      <c r="B8683" s="6">
        <v>144538.65</v>
      </c>
      <c r="C8683" s="7">
        <f t="shared" si="135"/>
        <v>144.53864999999999</v>
      </c>
      <c r="I8683" s="1"/>
    </row>
    <row r="8684" spans="1:9" x14ac:dyDescent="0.25">
      <c r="A8684" s="3">
        <v>41644.520624999997</v>
      </c>
      <c r="B8684" s="6">
        <v>144555.29999999999</v>
      </c>
      <c r="C8684" s="7">
        <f t="shared" si="135"/>
        <v>144.55529999999999</v>
      </c>
      <c r="I8684" s="1"/>
    </row>
    <row r="8685" spans="1:9" x14ac:dyDescent="0.25">
      <c r="A8685" s="3">
        <v>41644.523796296293</v>
      </c>
      <c r="B8685" s="6">
        <v>144571.94999999998</v>
      </c>
      <c r="C8685" s="7">
        <f t="shared" si="135"/>
        <v>144.57194999999999</v>
      </c>
      <c r="I8685" s="1"/>
    </row>
    <row r="8686" spans="1:9" x14ac:dyDescent="0.25">
      <c r="A8686" s="3">
        <v>41644.523923611108</v>
      </c>
      <c r="B8686" s="6">
        <v>144588.59999999998</v>
      </c>
      <c r="C8686" s="7">
        <f t="shared" si="135"/>
        <v>144.58859999999999</v>
      </c>
      <c r="I8686" s="1"/>
    </row>
    <row r="8687" spans="1:9" x14ac:dyDescent="0.25">
      <c r="A8687" s="3">
        <v>41644.527314814812</v>
      </c>
      <c r="B8687" s="6">
        <v>144605.25</v>
      </c>
      <c r="C8687" s="7">
        <f t="shared" si="135"/>
        <v>144.60525000000001</v>
      </c>
      <c r="I8687" s="1"/>
    </row>
    <row r="8688" spans="1:9" x14ac:dyDescent="0.25">
      <c r="A8688" s="3">
        <v>41644.527395833335</v>
      </c>
      <c r="B8688" s="6">
        <v>144621.9</v>
      </c>
      <c r="C8688" s="7">
        <f t="shared" si="135"/>
        <v>144.62189999999998</v>
      </c>
      <c r="I8688" s="1"/>
    </row>
    <row r="8689" spans="1:9" x14ac:dyDescent="0.25">
      <c r="A8689" s="3">
        <v>41644.528726851851</v>
      </c>
      <c r="B8689" s="6">
        <v>144638.54999999999</v>
      </c>
      <c r="C8689" s="7">
        <f t="shared" si="135"/>
        <v>144.63854999999998</v>
      </c>
      <c r="I8689" s="1"/>
    </row>
    <row r="8690" spans="1:9" x14ac:dyDescent="0.25">
      <c r="A8690" s="3">
        <v>41644.53056712963</v>
      </c>
      <c r="B8690" s="6">
        <v>144655.19999999998</v>
      </c>
      <c r="C8690" s="7">
        <f t="shared" si="135"/>
        <v>144.65519999999998</v>
      </c>
      <c r="I8690" s="1"/>
    </row>
    <row r="8691" spans="1:9" x14ac:dyDescent="0.25">
      <c r="A8691" s="3">
        <v>41644.53402777778</v>
      </c>
      <c r="B8691" s="6">
        <v>144671.84999999998</v>
      </c>
      <c r="C8691" s="7">
        <f t="shared" si="135"/>
        <v>144.67184999999998</v>
      </c>
      <c r="I8691" s="1"/>
    </row>
    <row r="8692" spans="1:9" x14ac:dyDescent="0.25">
      <c r="A8692" s="3">
        <v>41644.534120370372</v>
      </c>
      <c r="B8692" s="6">
        <v>144688.5</v>
      </c>
      <c r="C8692" s="7">
        <f t="shared" si="135"/>
        <v>144.6885</v>
      </c>
      <c r="I8692" s="1"/>
    </row>
    <row r="8693" spans="1:9" x14ac:dyDescent="0.25">
      <c r="A8693" s="3">
        <v>41644.535717592589</v>
      </c>
      <c r="B8693" s="6">
        <v>144705.15</v>
      </c>
      <c r="C8693" s="7">
        <f t="shared" si="135"/>
        <v>144.70515</v>
      </c>
      <c r="I8693" s="1"/>
    </row>
    <row r="8694" spans="1:9" x14ac:dyDescent="0.25">
      <c r="A8694" s="3">
        <v>41644.535810185182</v>
      </c>
      <c r="B8694" s="6">
        <v>144721.79999999999</v>
      </c>
      <c r="C8694" s="7">
        <f t="shared" si="135"/>
        <v>144.7218</v>
      </c>
      <c r="I8694" s="1"/>
    </row>
    <row r="8695" spans="1:9" x14ac:dyDescent="0.25">
      <c r="A8695" s="3">
        <v>41644.538553240738</v>
      </c>
      <c r="B8695" s="6">
        <v>144738.44999999998</v>
      </c>
      <c r="C8695" s="7">
        <f t="shared" si="135"/>
        <v>144.73844999999997</v>
      </c>
      <c r="I8695" s="1"/>
    </row>
    <row r="8696" spans="1:9" x14ac:dyDescent="0.25">
      <c r="A8696" s="3">
        <v>41644.538657407407</v>
      </c>
      <c r="B8696" s="6">
        <v>144755.09999999998</v>
      </c>
      <c r="C8696" s="7">
        <f t="shared" si="135"/>
        <v>144.75509999999997</v>
      </c>
      <c r="I8696" s="1"/>
    </row>
    <row r="8697" spans="1:9" x14ac:dyDescent="0.25">
      <c r="A8697" s="3">
        <v>41644.540266203701</v>
      </c>
      <c r="B8697" s="6">
        <v>144771.75</v>
      </c>
      <c r="C8697" s="7">
        <f t="shared" si="135"/>
        <v>144.77175</v>
      </c>
      <c r="I8697" s="1"/>
    </row>
    <row r="8698" spans="1:9" x14ac:dyDescent="0.25">
      <c r="A8698" s="3">
        <v>41644.540439814817</v>
      </c>
      <c r="B8698" s="6">
        <v>144788.4</v>
      </c>
      <c r="C8698" s="7">
        <f t="shared" si="135"/>
        <v>144.7884</v>
      </c>
      <c r="I8698" s="1"/>
    </row>
    <row r="8699" spans="1:9" x14ac:dyDescent="0.25">
      <c r="A8699" s="3">
        <v>41644.541979166665</v>
      </c>
      <c r="B8699" s="6">
        <v>144805.04999999999</v>
      </c>
      <c r="C8699" s="7">
        <f t="shared" si="135"/>
        <v>144.80504999999999</v>
      </c>
      <c r="I8699" s="1"/>
    </row>
    <row r="8700" spans="1:9" x14ac:dyDescent="0.25">
      <c r="A8700" s="3">
        <v>41644.542094907411</v>
      </c>
      <c r="B8700" s="6">
        <v>144821.69999999998</v>
      </c>
      <c r="C8700" s="7">
        <f t="shared" si="135"/>
        <v>144.82169999999999</v>
      </c>
      <c r="I8700" s="1"/>
    </row>
    <row r="8701" spans="1:9" x14ac:dyDescent="0.25">
      <c r="A8701" s="3">
        <v>41644.545219907406</v>
      </c>
      <c r="B8701" s="6">
        <v>144838.34999999998</v>
      </c>
      <c r="C8701" s="7">
        <f t="shared" si="135"/>
        <v>144.83834999999996</v>
      </c>
      <c r="I8701" s="1"/>
    </row>
    <row r="8702" spans="1:9" x14ac:dyDescent="0.25">
      <c r="A8702" s="3">
        <v>41644.545335648145</v>
      </c>
      <c r="B8702" s="6">
        <v>144855</v>
      </c>
      <c r="C8702" s="7">
        <f t="shared" si="135"/>
        <v>144.85499999999999</v>
      </c>
      <c r="I8702" s="1"/>
    </row>
    <row r="8703" spans="1:9" x14ac:dyDescent="0.25">
      <c r="A8703" s="3">
        <v>41644.550763888888</v>
      </c>
      <c r="B8703" s="6">
        <v>144871.65</v>
      </c>
      <c r="C8703" s="7">
        <f t="shared" si="135"/>
        <v>144.87164999999999</v>
      </c>
      <c r="I8703" s="1"/>
    </row>
    <row r="8704" spans="1:9" x14ac:dyDescent="0.25">
      <c r="A8704" s="3">
        <v>41644.550868055558</v>
      </c>
      <c r="B8704" s="6">
        <v>144888.29999999999</v>
      </c>
      <c r="C8704" s="7">
        <f t="shared" si="135"/>
        <v>144.88829999999999</v>
      </c>
      <c r="I8704" s="1"/>
    </row>
    <row r="8705" spans="1:9" x14ac:dyDescent="0.25">
      <c r="A8705" s="3">
        <v>41644.551585648151</v>
      </c>
      <c r="B8705" s="6">
        <v>144904.94999999998</v>
      </c>
      <c r="C8705" s="7">
        <f t="shared" si="135"/>
        <v>144.90494999999999</v>
      </c>
      <c r="I8705" s="1"/>
    </row>
    <row r="8706" spans="1:9" x14ac:dyDescent="0.25">
      <c r="A8706" s="3">
        <v>41644.551840277774</v>
      </c>
      <c r="B8706" s="6">
        <v>144921.59999999998</v>
      </c>
      <c r="C8706" s="7">
        <f t="shared" si="135"/>
        <v>144.92159999999998</v>
      </c>
      <c r="I8706" s="1"/>
    </row>
    <row r="8707" spans="1:9" x14ac:dyDescent="0.25">
      <c r="A8707" s="3">
        <v>41644.552997685183</v>
      </c>
      <c r="B8707" s="6">
        <v>144938.25</v>
      </c>
      <c r="C8707" s="7">
        <f t="shared" ref="C8707:C8770" si="136">B8707/1000</f>
        <v>144.93825000000001</v>
      </c>
      <c r="I8707" s="1"/>
    </row>
    <row r="8708" spans="1:9" x14ac:dyDescent="0.25">
      <c r="A8708" s="3">
        <v>41644.553124999999</v>
      </c>
      <c r="B8708" s="6">
        <v>144954.9</v>
      </c>
      <c r="C8708" s="7">
        <f t="shared" si="136"/>
        <v>144.95489999999998</v>
      </c>
      <c r="I8708" s="1"/>
    </row>
    <row r="8709" spans="1:9" x14ac:dyDescent="0.25">
      <c r="A8709" s="3">
        <v>41644.5544212963</v>
      </c>
      <c r="B8709" s="6">
        <v>144971.54999999999</v>
      </c>
      <c r="C8709" s="7">
        <f t="shared" si="136"/>
        <v>144.97154999999998</v>
      </c>
      <c r="I8709" s="1"/>
    </row>
    <row r="8710" spans="1:9" x14ac:dyDescent="0.25">
      <c r="A8710" s="3">
        <v>41644.554884259262</v>
      </c>
      <c r="B8710" s="6">
        <v>144988.19999999998</v>
      </c>
      <c r="C8710" s="7">
        <f t="shared" si="136"/>
        <v>144.98819999999998</v>
      </c>
      <c r="I8710" s="1"/>
    </row>
    <row r="8711" spans="1:9" x14ac:dyDescent="0.25">
      <c r="A8711" s="3">
        <v>41644.55672453704</v>
      </c>
      <c r="B8711" s="6">
        <v>145004.84999999998</v>
      </c>
      <c r="C8711" s="7">
        <f t="shared" si="136"/>
        <v>145.00484999999998</v>
      </c>
      <c r="I8711" s="1"/>
    </row>
    <row r="8712" spans="1:9" x14ac:dyDescent="0.25">
      <c r="A8712" s="3">
        <v>41644.556909722225</v>
      </c>
      <c r="B8712" s="6">
        <v>145021.5</v>
      </c>
      <c r="C8712" s="7">
        <f t="shared" si="136"/>
        <v>145.0215</v>
      </c>
      <c r="I8712" s="1"/>
    </row>
    <row r="8713" spans="1:9" x14ac:dyDescent="0.25">
      <c r="A8713" s="3">
        <v>41644.564652777779</v>
      </c>
      <c r="B8713" s="6">
        <v>145038.15</v>
      </c>
      <c r="C8713" s="7">
        <f t="shared" si="136"/>
        <v>145.03815</v>
      </c>
      <c r="I8713" s="1"/>
    </row>
    <row r="8714" spans="1:9" x14ac:dyDescent="0.25">
      <c r="A8714" s="3">
        <v>41644.564837962964</v>
      </c>
      <c r="B8714" s="6">
        <v>145054.79999999999</v>
      </c>
      <c r="C8714" s="7">
        <f t="shared" si="136"/>
        <v>145.0548</v>
      </c>
      <c r="I8714" s="1"/>
    </row>
    <row r="8715" spans="1:9" x14ac:dyDescent="0.25">
      <c r="A8715" s="3">
        <v>41644.572048611109</v>
      </c>
      <c r="B8715" s="6">
        <v>145071.44999999998</v>
      </c>
      <c r="C8715" s="7">
        <f t="shared" si="136"/>
        <v>145.07144999999997</v>
      </c>
      <c r="I8715" s="1"/>
    </row>
    <row r="8716" spans="1:9" x14ac:dyDescent="0.25">
      <c r="A8716" s="3">
        <v>41644.572245370371</v>
      </c>
      <c r="B8716" s="6">
        <v>145088.09999999998</v>
      </c>
      <c r="C8716" s="7">
        <f t="shared" si="136"/>
        <v>145.08809999999997</v>
      </c>
      <c r="I8716" s="1"/>
    </row>
    <row r="8717" spans="1:9" x14ac:dyDescent="0.25">
      <c r="A8717" s="3">
        <v>41644.574525462966</v>
      </c>
      <c r="B8717" s="6">
        <v>145104.75</v>
      </c>
      <c r="C8717" s="7">
        <f t="shared" si="136"/>
        <v>145.10475</v>
      </c>
      <c r="I8717" s="1"/>
    </row>
    <row r="8718" spans="1:9" x14ac:dyDescent="0.25">
      <c r="A8718" s="3">
        <v>41644.574583333335</v>
      </c>
      <c r="B8718" s="6">
        <v>145121.4</v>
      </c>
      <c r="C8718" s="7">
        <f t="shared" si="136"/>
        <v>145.12139999999999</v>
      </c>
      <c r="I8718" s="1"/>
    </row>
    <row r="8719" spans="1:9" x14ac:dyDescent="0.25">
      <c r="A8719" s="3">
        <v>41644.576365740744</v>
      </c>
      <c r="B8719" s="6">
        <v>145138.04999999999</v>
      </c>
      <c r="C8719" s="7">
        <f t="shared" si="136"/>
        <v>145.13804999999999</v>
      </c>
      <c r="I8719" s="1"/>
    </row>
    <row r="8720" spans="1:9" x14ac:dyDescent="0.25">
      <c r="A8720" s="3">
        <v>41644.576608796298</v>
      </c>
      <c r="B8720" s="6">
        <v>145154.69999999998</v>
      </c>
      <c r="C8720" s="7">
        <f t="shared" si="136"/>
        <v>145.15469999999999</v>
      </c>
      <c r="I8720" s="1"/>
    </row>
    <row r="8721" spans="1:9" x14ac:dyDescent="0.25">
      <c r="A8721" s="3">
        <v>41644.5780787037</v>
      </c>
      <c r="B8721" s="6">
        <v>145171.34999999998</v>
      </c>
      <c r="C8721" s="7">
        <f t="shared" si="136"/>
        <v>145.17134999999999</v>
      </c>
      <c r="I8721" s="1"/>
    </row>
    <row r="8722" spans="1:9" x14ac:dyDescent="0.25">
      <c r="A8722" s="3">
        <v>41644.578182870369</v>
      </c>
      <c r="B8722" s="6">
        <v>145188</v>
      </c>
      <c r="C8722" s="7">
        <f t="shared" si="136"/>
        <v>145.18799999999999</v>
      </c>
      <c r="I8722" s="1"/>
    </row>
    <row r="8723" spans="1:9" x14ac:dyDescent="0.25">
      <c r="A8723" s="3">
        <v>41644.579097222224</v>
      </c>
      <c r="B8723" s="6">
        <v>145204.65</v>
      </c>
      <c r="C8723" s="7">
        <f t="shared" si="136"/>
        <v>145.20464999999999</v>
      </c>
      <c r="I8723" s="1"/>
    </row>
    <row r="8724" spans="1:9" x14ac:dyDescent="0.25">
      <c r="A8724" s="3">
        <v>41644.579884259256</v>
      </c>
      <c r="B8724" s="6">
        <v>145221.29999999999</v>
      </c>
      <c r="C8724" s="7">
        <f t="shared" si="136"/>
        <v>145.22129999999999</v>
      </c>
      <c r="I8724" s="1"/>
    </row>
    <row r="8725" spans="1:9" x14ac:dyDescent="0.25">
      <c r="A8725" s="3">
        <v>41644.581863425927</v>
      </c>
      <c r="B8725" s="6">
        <v>145237.94999999998</v>
      </c>
      <c r="C8725" s="7">
        <f t="shared" si="136"/>
        <v>145.23794999999998</v>
      </c>
      <c r="I8725" s="1"/>
    </row>
    <row r="8726" spans="1:9" x14ac:dyDescent="0.25">
      <c r="A8726" s="3">
        <v>41644.581956018519</v>
      </c>
      <c r="B8726" s="6">
        <v>145254.59999999998</v>
      </c>
      <c r="C8726" s="7">
        <f t="shared" si="136"/>
        <v>145.25459999999998</v>
      </c>
      <c r="I8726" s="1"/>
    </row>
    <row r="8727" spans="1:9" x14ac:dyDescent="0.25">
      <c r="A8727" s="3">
        <v>41644.618622685186</v>
      </c>
      <c r="B8727" s="6">
        <v>145271.25</v>
      </c>
      <c r="C8727" s="7">
        <f t="shared" si="136"/>
        <v>145.27125000000001</v>
      </c>
      <c r="I8727" s="1"/>
    </row>
    <row r="8728" spans="1:9" x14ac:dyDescent="0.25">
      <c r="A8728" s="3">
        <v>41644.618761574071</v>
      </c>
      <c r="B8728" s="6">
        <v>145287.9</v>
      </c>
      <c r="C8728" s="7">
        <f t="shared" si="136"/>
        <v>145.28790000000001</v>
      </c>
      <c r="I8728" s="1"/>
    </row>
    <row r="8729" spans="1:9" x14ac:dyDescent="0.25">
      <c r="A8729" s="3">
        <v>41644.622118055559</v>
      </c>
      <c r="B8729" s="6">
        <v>145304.54999999999</v>
      </c>
      <c r="C8729" s="7">
        <f t="shared" si="136"/>
        <v>145.30454999999998</v>
      </c>
      <c r="I8729" s="1"/>
    </row>
    <row r="8730" spans="1:9" x14ac:dyDescent="0.25">
      <c r="A8730" s="3">
        <v>41644.622442129628</v>
      </c>
      <c r="B8730" s="6">
        <v>145321.19999999998</v>
      </c>
      <c r="C8730" s="7">
        <f t="shared" si="136"/>
        <v>145.32119999999998</v>
      </c>
      <c r="I8730" s="1"/>
    </row>
    <row r="8731" spans="1:9" x14ac:dyDescent="0.25">
      <c r="A8731" s="3">
        <v>41644.634594907409</v>
      </c>
      <c r="B8731" s="6">
        <v>145337.84999999998</v>
      </c>
      <c r="C8731" s="7">
        <f t="shared" si="136"/>
        <v>145.33784999999997</v>
      </c>
      <c r="I8731" s="1"/>
    </row>
    <row r="8732" spans="1:9" x14ac:dyDescent="0.25">
      <c r="A8732" s="3">
        <v>41644.634976851848</v>
      </c>
      <c r="B8732" s="6">
        <v>145354.5</v>
      </c>
      <c r="C8732" s="7">
        <f t="shared" si="136"/>
        <v>145.3545</v>
      </c>
      <c r="I8732" s="1"/>
    </row>
    <row r="8733" spans="1:9" x14ac:dyDescent="0.25">
      <c r="A8733" s="3">
        <v>41644.685983796298</v>
      </c>
      <c r="B8733" s="6">
        <v>145371.15</v>
      </c>
      <c r="C8733" s="7">
        <f t="shared" si="136"/>
        <v>145.37115</v>
      </c>
      <c r="I8733" s="1"/>
    </row>
    <row r="8734" spans="1:9" x14ac:dyDescent="0.25">
      <c r="A8734" s="3">
        <v>41644.691342592596</v>
      </c>
      <c r="B8734" s="6">
        <v>145387.79999999999</v>
      </c>
      <c r="C8734" s="7">
        <f t="shared" si="136"/>
        <v>145.3878</v>
      </c>
      <c r="I8734" s="1"/>
    </row>
    <row r="8735" spans="1:9" x14ac:dyDescent="0.25">
      <c r="A8735" s="3">
        <v>41644.708738425928</v>
      </c>
      <c r="B8735" s="6">
        <v>145404.44999999998</v>
      </c>
      <c r="C8735" s="7">
        <f t="shared" si="136"/>
        <v>145.40444999999997</v>
      </c>
      <c r="I8735" s="1"/>
    </row>
    <row r="8736" spans="1:9" x14ac:dyDescent="0.25">
      <c r="A8736" s="3">
        <v>41644.708935185183</v>
      </c>
      <c r="B8736" s="6">
        <v>145421.09999999998</v>
      </c>
      <c r="C8736" s="7">
        <f t="shared" si="136"/>
        <v>145.42109999999997</v>
      </c>
      <c r="I8736" s="1"/>
    </row>
    <row r="8737" spans="1:9" x14ac:dyDescent="0.25">
      <c r="A8737" s="3">
        <v>41644.711180555554</v>
      </c>
      <c r="B8737" s="6">
        <v>145437.75</v>
      </c>
      <c r="C8737" s="7">
        <f t="shared" si="136"/>
        <v>145.43774999999999</v>
      </c>
      <c r="I8737" s="1"/>
    </row>
    <row r="8738" spans="1:9" x14ac:dyDescent="0.25">
      <c r="A8738" s="3">
        <v>41644.711273148147</v>
      </c>
      <c r="B8738" s="6">
        <v>145454.39999999999</v>
      </c>
      <c r="C8738" s="7">
        <f t="shared" si="136"/>
        <v>145.45439999999999</v>
      </c>
      <c r="I8738" s="1"/>
    </row>
    <row r="8739" spans="1:9" x14ac:dyDescent="0.25">
      <c r="A8739" s="3">
        <v>41644.712604166663</v>
      </c>
      <c r="B8739" s="6">
        <v>145471.04999999999</v>
      </c>
      <c r="C8739" s="7">
        <f t="shared" si="136"/>
        <v>145.47104999999999</v>
      </c>
      <c r="I8739" s="1"/>
    </row>
    <row r="8740" spans="1:9" x14ac:dyDescent="0.25">
      <c r="A8740" s="3">
        <v>41644.712824074071</v>
      </c>
      <c r="B8740" s="6">
        <v>145487.69999999998</v>
      </c>
      <c r="C8740" s="7">
        <f t="shared" si="136"/>
        <v>145.48769999999999</v>
      </c>
      <c r="I8740" s="1"/>
    </row>
    <row r="8741" spans="1:9" x14ac:dyDescent="0.25">
      <c r="A8741" s="3">
        <v>41644.714525462965</v>
      </c>
      <c r="B8741" s="6">
        <v>145504.34999999998</v>
      </c>
      <c r="C8741" s="7">
        <f t="shared" si="136"/>
        <v>145.50434999999999</v>
      </c>
      <c r="I8741" s="1"/>
    </row>
    <row r="8742" spans="1:9" x14ac:dyDescent="0.25">
      <c r="A8742" s="3">
        <v>41644.714594907404</v>
      </c>
      <c r="B8742" s="6">
        <v>145521</v>
      </c>
      <c r="C8742" s="7">
        <f t="shared" si="136"/>
        <v>145.52099999999999</v>
      </c>
      <c r="I8742" s="1"/>
    </row>
    <row r="8743" spans="1:9" x14ac:dyDescent="0.25">
      <c r="A8743" s="3">
        <v>41644.717430555553</v>
      </c>
      <c r="B8743" s="6">
        <v>145537.65</v>
      </c>
      <c r="C8743" s="7">
        <f t="shared" si="136"/>
        <v>145.53764999999999</v>
      </c>
      <c r="I8743" s="1"/>
    </row>
    <row r="8744" spans="1:9" x14ac:dyDescent="0.25">
      <c r="A8744" s="3">
        <v>41644.717534722222</v>
      </c>
      <c r="B8744" s="6">
        <v>145554.29999999999</v>
      </c>
      <c r="C8744" s="7">
        <f t="shared" si="136"/>
        <v>145.55429999999998</v>
      </c>
      <c r="I8744" s="1"/>
    </row>
    <row r="8745" spans="1:9" x14ac:dyDescent="0.25">
      <c r="A8745" s="3">
        <v>41644.719849537039</v>
      </c>
      <c r="B8745" s="6">
        <v>145570.94999999998</v>
      </c>
      <c r="C8745" s="7">
        <f t="shared" si="136"/>
        <v>145.57094999999998</v>
      </c>
      <c r="I8745" s="1"/>
    </row>
    <row r="8746" spans="1:9" x14ac:dyDescent="0.25">
      <c r="A8746" s="3">
        <v>41644.72016203704</v>
      </c>
      <c r="B8746" s="6">
        <v>145587.59999999998</v>
      </c>
      <c r="C8746" s="7">
        <f t="shared" si="136"/>
        <v>145.58759999999998</v>
      </c>
      <c r="I8746" s="1"/>
    </row>
    <row r="8747" spans="1:9" x14ac:dyDescent="0.25">
      <c r="A8747" s="3">
        <v>41644.72148148148</v>
      </c>
      <c r="B8747" s="6">
        <v>145604.25</v>
      </c>
      <c r="C8747" s="7">
        <f t="shared" si="136"/>
        <v>145.60425000000001</v>
      </c>
      <c r="I8747" s="1"/>
    </row>
    <row r="8748" spans="1:9" x14ac:dyDescent="0.25">
      <c r="A8748" s="3">
        <v>41644.721562500003</v>
      </c>
      <c r="B8748" s="6">
        <v>145620.9</v>
      </c>
      <c r="C8748" s="7">
        <f t="shared" si="136"/>
        <v>145.62090000000001</v>
      </c>
      <c r="I8748" s="1"/>
    </row>
    <row r="8749" spans="1:9" x14ac:dyDescent="0.25">
      <c r="A8749" s="3">
        <v>41644.722002314818</v>
      </c>
      <c r="B8749" s="6">
        <v>145637.54999999999</v>
      </c>
      <c r="C8749" s="7">
        <f t="shared" si="136"/>
        <v>145.63754999999998</v>
      </c>
      <c r="I8749" s="1"/>
    </row>
    <row r="8750" spans="1:9" x14ac:dyDescent="0.25">
      <c r="A8750" s="3">
        <v>41644.722083333334</v>
      </c>
      <c r="B8750" s="6">
        <v>145654.19999999998</v>
      </c>
      <c r="C8750" s="7">
        <f t="shared" si="136"/>
        <v>145.65419999999997</v>
      </c>
      <c r="I8750" s="1"/>
    </row>
    <row r="8751" spans="1:9" x14ac:dyDescent="0.25">
      <c r="A8751" s="3">
        <v>41644.722858796296</v>
      </c>
      <c r="B8751" s="6">
        <v>145670.84999999998</v>
      </c>
      <c r="C8751" s="7">
        <f t="shared" si="136"/>
        <v>145.67084999999997</v>
      </c>
      <c r="I8751" s="1"/>
    </row>
    <row r="8752" spans="1:9" x14ac:dyDescent="0.25">
      <c r="A8752" s="3">
        <v>41644.722951388889</v>
      </c>
      <c r="B8752" s="6">
        <v>145687.5</v>
      </c>
      <c r="C8752" s="7">
        <f t="shared" si="136"/>
        <v>145.6875</v>
      </c>
      <c r="I8752" s="1"/>
    </row>
    <row r="8753" spans="1:9" x14ac:dyDescent="0.25">
      <c r="A8753" s="3">
        <v>41644.725937499999</v>
      </c>
      <c r="B8753" s="6">
        <v>145704.15</v>
      </c>
      <c r="C8753" s="7">
        <f t="shared" si="136"/>
        <v>145.70415</v>
      </c>
      <c r="I8753" s="1"/>
    </row>
    <row r="8754" spans="1:9" x14ac:dyDescent="0.25">
      <c r="A8754" s="3">
        <v>41644.726041666669</v>
      </c>
      <c r="B8754" s="6">
        <v>145720.79999999999</v>
      </c>
      <c r="C8754" s="7">
        <f t="shared" si="136"/>
        <v>145.7208</v>
      </c>
      <c r="I8754" s="1"/>
    </row>
    <row r="8755" spans="1:9" x14ac:dyDescent="0.25">
      <c r="A8755" s="3">
        <v>41644.728425925925</v>
      </c>
      <c r="B8755" s="6">
        <v>145737.44999999998</v>
      </c>
      <c r="C8755" s="7">
        <f t="shared" si="136"/>
        <v>145.73745</v>
      </c>
      <c r="I8755" s="1"/>
    </row>
    <row r="8756" spans="1:9" x14ac:dyDescent="0.25">
      <c r="A8756" s="3">
        <v>41644.728506944448</v>
      </c>
      <c r="B8756" s="6">
        <v>145754.09999999998</v>
      </c>
      <c r="C8756" s="7">
        <f t="shared" si="136"/>
        <v>145.75409999999997</v>
      </c>
      <c r="I8756" s="1"/>
    </row>
    <row r="8757" spans="1:9" x14ac:dyDescent="0.25">
      <c r="A8757" s="3">
        <v>41644.740833333337</v>
      </c>
      <c r="B8757" s="6">
        <v>145770.75</v>
      </c>
      <c r="C8757" s="7">
        <f t="shared" si="136"/>
        <v>145.77074999999999</v>
      </c>
      <c r="I8757" s="1"/>
    </row>
    <row r="8758" spans="1:9" x14ac:dyDescent="0.25">
      <c r="A8758" s="3">
        <v>41644.740960648145</v>
      </c>
      <c r="B8758" s="6">
        <v>145787.4</v>
      </c>
      <c r="C8758" s="7">
        <f t="shared" si="136"/>
        <v>145.78739999999999</v>
      </c>
      <c r="I8758" s="1"/>
    </row>
    <row r="8759" spans="1:9" x14ac:dyDescent="0.25">
      <c r="A8759" s="3">
        <v>41644.742719907408</v>
      </c>
      <c r="B8759" s="6">
        <v>145804.04999999999</v>
      </c>
      <c r="C8759" s="7">
        <f t="shared" si="136"/>
        <v>145.80404999999999</v>
      </c>
      <c r="I8759" s="1"/>
    </row>
    <row r="8760" spans="1:9" x14ac:dyDescent="0.25">
      <c r="A8760" s="3">
        <v>41644.742835648147</v>
      </c>
      <c r="B8760" s="6">
        <v>145820.69999999998</v>
      </c>
      <c r="C8760" s="7">
        <f t="shared" si="136"/>
        <v>145.82069999999999</v>
      </c>
      <c r="I8760" s="1"/>
    </row>
    <row r="8761" spans="1:9" x14ac:dyDescent="0.25">
      <c r="A8761" s="3">
        <v>41644.745011574072</v>
      </c>
      <c r="B8761" s="6">
        <v>145837.34999999998</v>
      </c>
      <c r="C8761" s="7">
        <f t="shared" si="136"/>
        <v>145.83734999999999</v>
      </c>
      <c r="I8761" s="1"/>
    </row>
    <row r="8762" spans="1:9" x14ac:dyDescent="0.25">
      <c r="A8762" s="3">
        <v>41644.745567129627</v>
      </c>
      <c r="B8762" s="6">
        <v>145854</v>
      </c>
      <c r="C8762" s="7">
        <f t="shared" si="136"/>
        <v>145.85400000000001</v>
      </c>
      <c r="I8762" s="1"/>
    </row>
    <row r="8763" spans="1:9" x14ac:dyDescent="0.25">
      <c r="A8763" s="3">
        <v>41644.765694444446</v>
      </c>
      <c r="B8763" s="6">
        <v>145870.65</v>
      </c>
      <c r="C8763" s="7">
        <f t="shared" si="136"/>
        <v>145.87064999999998</v>
      </c>
      <c r="I8763" s="1"/>
    </row>
    <row r="8764" spans="1:9" x14ac:dyDescent="0.25">
      <c r="A8764" s="3">
        <v>41644.765775462962</v>
      </c>
      <c r="B8764" s="6">
        <v>145887.29999999999</v>
      </c>
      <c r="C8764" s="7">
        <f t="shared" si="136"/>
        <v>145.88729999999998</v>
      </c>
      <c r="I8764" s="1"/>
    </row>
    <row r="8765" spans="1:9" x14ac:dyDescent="0.25">
      <c r="A8765" s="3">
        <v>41644.768217592595</v>
      </c>
      <c r="B8765" s="6">
        <v>145903.94999999998</v>
      </c>
      <c r="C8765" s="7">
        <f t="shared" si="136"/>
        <v>145.90394999999998</v>
      </c>
      <c r="I8765" s="1"/>
    </row>
    <row r="8766" spans="1:9" x14ac:dyDescent="0.25">
      <c r="A8766" s="3">
        <v>41644.768368055556</v>
      </c>
      <c r="B8766" s="6">
        <v>145920.59999999998</v>
      </c>
      <c r="C8766" s="7">
        <f t="shared" si="136"/>
        <v>145.92059999999998</v>
      </c>
      <c r="I8766" s="1"/>
    </row>
    <row r="8767" spans="1:9" x14ac:dyDescent="0.25">
      <c r="A8767" s="3">
        <v>41644.783819444441</v>
      </c>
      <c r="B8767" s="6">
        <v>145937.25</v>
      </c>
      <c r="C8767" s="7">
        <f t="shared" si="136"/>
        <v>145.93725000000001</v>
      </c>
      <c r="I8767" s="1"/>
    </row>
    <row r="8768" spans="1:9" x14ac:dyDescent="0.25">
      <c r="A8768" s="3">
        <v>41644.78392361111</v>
      </c>
      <c r="B8768" s="6">
        <v>145953.9</v>
      </c>
      <c r="C8768" s="7">
        <f t="shared" si="136"/>
        <v>145.9539</v>
      </c>
      <c r="I8768" s="1"/>
    </row>
    <row r="8769" spans="1:9" x14ac:dyDescent="0.25">
      <c r="A8769" s="3">
        <v>41675.314571759256</v>
      </c>
      <c r="B8769" s="6">
        <v>145970.54999999999</v>
      </c>
      <c r="C8769" s="7">
        <f t="shared" si="136"/>
        <v>145.97054999999997</v>
      </c>
      <c r="I8769" s="1"/>
    </row>
    <row r="8770" spans="1:9" x14ac:dyDescent="0.25">
      <c r="A8770" s="3">
        <v>41675.325023148151</v>
      </c>
      <c r="B8770" s="6">
        <v>145987.19999999998</v>
      </c>
      <c r="C8770" s="7">
        <f t="shared" si="136"/>
        <v>145.98719999999997</v>
      </c>
      <c r="I8770" s="1"/>
    </row>
    <row r="8771" spans="1:9" x14ac:dyDescent="0.25">
      <c r="A8771" s="3">
        <v>41675.342303240737</v>
      </c>
      <c r="B8771" s="6">
        <v>146003.84999999998</v>
      </c>
      <c r="C8771" s="7">
        <f t="shared" ref="C8771:C8834" si="137">B8771/1000</f>
        <v>146.00384999999997</v>
      </c>
      <c r="I8771" s="1"/>
    </row>
    <row r="8772" spans="1:9" x14ac:dyDescent="0.25">
      <c r="A8772" s="3">
        <v>41675.342905092592</v>
      </c>
      <c r="B8772" s="6">
        <v>146020.5</v>
      </c>
      <c r="C8772" s="7">
        <f t="shared" si="137"/>
        <v>146.0205</v>
      </c>
      <c r="I8772" s="1"/>
    </row>
    <row r="8773" spans="1:9" x14ac:dyDescent="0.25">
      <c r="A8773" s="3">
        <v>41675.34983796296</v>
      </c>
      <c r="B8773" s="6">
        <v>146037.15</v>
      </c>
      <c r="C8773" s="7">
        <f t="shared" si="137"/>
        <v>146.03715</v>
      </c>
      <c r="I8773" s="1"/>
    </row>
    <row r="8774" spans="1:9" x14ac:dyDescent="0.25">
      <c r="A8774" s="3">
        <v>41675.351273148146</v>
      </c>
      <c r="B8774" s="6">
        <v>146053.79999999999</v>
      </c>
      <c r="C8774" s="7">
        <f t="shared" si="137"/>
        <v>146.0538</v>
      </c>
      <c r="I8774" s="1"/>
    </row>
    <row r="8775" spans="1:9" x14ac:dyDescent="0.25">
      <c r="A8775" s="3">
        <v>41675.352800925924</v>
      </c>
      <c r="B8775" s="6">
        <v>146070.44999999998</v>
      </c>
      <c r="C8775" s="7">
        <f t="shared" si="137"/>
        <v>146.07044999999999</v>
      </c>
      <c r="I8775" s="1"/>
    </row>
    <row r="8776" spans="1:9" x14ac:dyDescent="0.25">
      <c r="A8776" s="3">
        <v>41675.353043981479</v>
      </c>
      <c r="B8776" s="6">
        <v>146087.09999999998</v>
      </c>
      <c r="C8776" s="7">
        <f t="shared" si="137"/>
        <v>146.08709999999996</v>
      </c>
      <c r="I8776" s="1"/>
    </row>
    <row r="8777" spans="1:9" x14ac:dyDescent="0.25">
      <c r="A8777" s="3">
        <v>41675.360358796293</v>
      </c>
      <c r="B8777" s="6">
        <v>146103.75</v>
      </c>
      <c r="C8777" s="7">
        <f t="shared" si="137"/>
        <v>146.10374999999999</v>
      </c>
      <c r="I8777" s="1"/>
    </row>
    <row r="8778" spans="1:9" x14ac:dyDescent="0.25">
      <c r="A8778" s="3">
        <v>41675.360648148147</v>
      </c>
      <c r="B8778" s="6">
        <v>146120.4</v>
      </c>
      <c r="C8778" s="7">
        <f t="shared" si="137"/>
        <v>146.12039999999999</v>
      </c>
      <c r="I8778" s="1"/>
    </row>
    <row r="8779" spans="1:9" x14ac:dyDescent="0.25">
      <c r="A8779" s="3">
        <v>41675.363958333335</v>
      </c>
      <c r="B8779" s="6">
        <v>146137.04999999999</v>
      </c>
      <c r="C8779" s="7">
        <f t="shared" si="137"/>
        <v>146.13704999999999</v>
      </c>
      <c r="I8779" s="1"/>
    </row>
    <row r="8780" spans="1:9" x14ac:dyDescent="0.25">
      <c r="A8780" s="3">
        <v>41675.364050925928</v>
      </c>
      <c r="B8780" s="6">
        <v>146153.69999999998</v>
      </c>
      <c r="C8780" s="7">
        <f t="shared" si="137"/>
        <v>146.15369999999999</v>
      </c>
      <c r="I8780" s="1"/>
    </row>
    <row r="8781" spans="1:9" x14ac:dyDescent="0.25">
      <c r="A8781" s="3">
        <v>41675.365173611113</v>
      </c>
      <c r="B8781" s="6">
        <v>146170.34999999998</v>
      </c>
      <c r="C8781" s="7">
        <f t="shared" si="137"/>
        <v>146.17034999999998</v>
      </c>
      <c r="I8781" s="1"/>
    </row>
    <row r="8782" spans="1:9" x14ac:dyDescent="0.25">
      <c r="A8782" s="3">
        <v>41675.3672337963</v>
      </c>
      <c r="B8782" s="6">
        <v>146187</v>
      </c>
      <c r="C8782" s="7">
        <f t="shared" si="137"/>
        <v>146.18700000000001</v>
      </c>
      <c r="I8782" s="1"/>
    </row>
    <row r="8783" spans="1:9" x14ac:dyDescent="0.25">
      <c r="A8783" s="3">
        <v>41675.372453703705</v>
      </c>
      <c r="B8783" s="6">
        <v>146203.65</v>
      </c>
      <c r="C8783" s="7">
        <f t="shared" si="137"/>
        <v>146.20364999999998</v>
      </c>
      <c r="I8783" s="1"/>
    </row>
    <row r="8784" spans="1:9" x14ac:dyDescent="0.25">
      <c r="A8784" s="3">
        <v>41675.374363425923</v>
      </c>
      <c r="B8784" s="6">
        <v>146220.29999999999</v>
      </c>
      <c r="C8784" s="7">
        <f t="shared" si="137"/>
        <v>146.22029999999998</v>
      </c>
      <c r="I8784" s="1"/>
    </row>
    <row r="8785" spans="1:9" x14ac:dyDescent="0.25">
      <c r="A8785" s="3">
        <v>41675.38045138889</v>
      </c>
      <c r="B8785" s="6">
        <v>146236.94999999998</v>
      </c>
      <c r="C8785" s="7">
        <f t="shared" si="137"/>
        <v>146.23694999999998</v>
      </c>
      <c r="I8785" s="1"/>
    </row>
    <row r="8786" spans="1:9" x14ac:dyDescent="0.25">
      <c r="A8786" s="3">
        <v>41675.380601851852</v>
      </c>
      <c r="B8786" s="6">
        <v>146253.59999999998</v>
      </c>
      <c r="C8786" s="7">
        <f t="shared" si="137"/>
        <v>146.25359999999998</v>
      </c>
      <c r="I8786" s="1"/>
    </row>
    <row r="8787" spans="1:9" x14ac:dyDescent="0.25">
      <c r="A8787" s="3">
        <v>41675.385729166665</v>
      </c>
      <c r="B8787" s="6">
        <v>146270.25</v>
      </c>
      <c r="C8787" s="7">
        <f t="shared" si="137"/>
        <v>146.27025</v>
      </c>
      <c r="I8787" s="1"/>
    </row>
    <row r="8788" spans="1:9" x14ac:dyDescent="0.25">
      <c r="A8788" s="3">
        <v>41675.38590277778</v>
      </c>
      <c r="B8788" s="6">
        <v>146286.9</v>
      </c>
      <c r="C8788" s="7">
        <f t="shared" si="137"/>
        <v>146.2869</v>
      </c>
      <c r="I8788" s="1"/>
    </row>
    <row r="8789" spans="1:9" x14ac:dyDescent="0.25">
      <c r="A8789" s="3">
        <v>41675.389930555553</v>
      </c>
      <c r="B8789" s="6">
        <v>146303.54999999999</v>
      </c>
      <c r="C8789" s="7">
        <f t="shared" si="137"/>
        <v>146.30355</v>
      </c>
      <c r="I8789" s="1"/>
    </row>
    <row r="8790" spans="1:9" x14ac:dyDescent="0.25">
      <c r="A8790" s="3">
        <v>41675.391192129631</v>
      </c>
      <c r="B8790" s="6">
        <v>146320.19999999998</v>
      </c>
      <c r="C8790" s="7">
        <f t="shared" si="137"/>
        <v>146.32019999999997</v>
      </c>
      <c r="I8790" s="1"/>
    </row>
    <row r="8791" spans="1:9" x14ac:dyDescent="0.25">
      <c r="A8791" s="3">
        <v>41675.402175925927</v>
      </c>
      <c r="B8791" s="6">
        <v>146336.84999999998</v>
      </c>
      <c r="C8791" s="7">
        <f t="shared" si="137"/>
        <v>146.33684999999997</v>
      </c>
      <c r="I8791" s="1"/>
    </row>
    <row r="8792" spans="1:9" x14ac:dyDescent="0.25">
      <c r="A8792" s="3">
        <v>41675.402418981481</v>
      </c>
      <c r="B8792" s="6">
        <v>146353.5</v>
      </c>
      <c r="C8792" s="7">
        <f t="shared" si="137"/>
        <v>146.3535</v>
      </c>
      <c r="I8792" s="1"/>
    </row>
    <row r="8793" spans="1:9" x14ac:dyDescent="0.25">
      <c r="A8793" s="3">
        <v>41675.407766203702</v>
      </c>
      <c r="B8793" s="6">
        <v>146370.15</v>
      </c>
      <c r="C8793" s="7">
        <f t="shared" si="137"/>
        <v>146.37015</v>
      </c>
      <c r="I8793" s="1"/>
    </row>
    <row r="8794" spans="1:9" x14ac:dyDescent="0.25">
      <c r="A8794" s="3">
        <v>41675.40792824074</v>
      </c>
      <c r="B8794" s="6">
        <v>146386.79999999999</v>
      </c>
      <c r="C8794" s="7">
        <f t="shared" si="137"/>
        <v>146.38679999999999</v>
      </c>
      <c r="I8794" s="1"/>
    </row>
    <row r="8795" spans="1:9" x14ac:dyDescent="0.25">
      <c r="A8795" s="3">
        <v>41675.412881944445</v>
      </c>
      <c r="B8795" s="6">
        <v>146403.44999999998</v>
      </c>
      <c r="C8795" s="7">
        <f t="shared" si="137"/>
        <v>146.40344999999999</v>
      </c>
      <c r="I8795" s="1"/>
    </row>
    <row r="8796" spans="1:9" x14ac:dyDescent="0.25">
      <c r="A8796" s="3">
        <v>41675.413136574076</v>
      </c>
      <c r="B8796" s="6">
        <v>146420.09999999998</v>
      </c>
      <c r="C8796" s="7">
        <f t="shared" si="137"/>
        <v>146.42009999999999</v>
      </c>
      <c r="I8796" s="1"/>
    </row>
    <row r="8797" spans="1:9" x14ac:dyDescent="0.25">
      <c r="A8797" s="3">
        <v>41675.416932870372</v>
      </c>
      <c r="B8797" s="6">
        <v>146436.75</v>
      </c>
      <c r="C8797" s="7">
        <f t="shared" si="137"/>
        <v>146.43674999999999</v>
      </c>
      <c r="I8797" s="1"/>
    </row>
    <row r="8798" spans="1:9" x14ac:dyDescent="0.25">
      <c r="A8798" s="3">
        <v>41675.417083333334</v>
      </c>
      <c r="B8798" s="6">
        <v>146453.4</v>
      </c>
      <c r="C8798" s="7">
        <f t="shared" si="137"/>
        <v>146.45339999999999</v>
      </c>
      <c r="I8798" s="1"/>
    </row>
    <row r="8799" spans="1:9" x14ac:dyDescent="0.25">
      <c r="A8799" s="3">
        <v>41675.422430555554</v>
      </c>
      <c r="B8799" s="6">
        <v>146470.04999999999</v>
      </c>
      <c r="C8799" s="7">
        <f t="shared" si="137"/>
        <v>146.47004999999999</v>
      </c>
      <c r="I8799" s="1"/>
    </row>
    <row r="8800" spans="1:9" x14ac:dyDescent="0.25">
      <c r="A8800" s="3">
        <v>41675.425567129627</v>
      </c>
      <c r="B8800" s="6">
        <v>146486.69999999998</v>
      </c>
      <c r="C8800" s="7">
        <f t="shared" si="137"/>
        <v>146.48669999999998</v>
      </c>
      <c r="I8800" s="1"/>
    </row>
    <row r="8801" spans="1:9" x14ac:dyDescent="0.25">
      <c r="A8801" s="3">
        <v>41675.442928240744</v>
      </c>
      <c r="B8801" s="6">
        <v>146503.34999999998</v>
      </c>
      <c r="C8801" s="7">
        <f t="shared" si="137"/>
        <v>146.50334999999998</v>
      </c>
      <c r="I8801" s="1"/>
    </row>
    <row r="8802" spans="1:9" x14ac:dyDescent="0.25">
      <c r="A8802" s="3">
        <v>41675.445208333331</v>
      </c>
      <c r="B8802" s="6">
        <v>146520</v>
      </c>
      <c r="C8802" s="7">
        <f t="shared" si="137"/>
        <v>146.52000000000001</v>
      </c>
      <c r="I8802" s="1"/>
    </row>
    <row r="8803" spans="1:9" x14ac:dyDescent="0.25">
      <c r="A8803" s="3">
        <v>41675.454525462963</v>
      </c>
      <c r="B8803" s="6">
        <v>146536.65</v>
      </c>
      <c r="C8803" s="7">
        <f t="shared" si="137"/>
        <v>146.53664999999998</v>
      </c>
      <c r="I8803" s="1"/>
    </row>
    <row r="8804" spans="1:9" x14ac:dyDescent="0.25">
      <c r="A8804" s="3">
        <v>41675.454756944448</v>
      </c>
      <c r="B8804" s="6">
        <v>146553.29999999999</v>
      </c>
      <c r="C8804" s="7">
        <f t="shared" si="137"/>
        <v>146.55329999999998</v>
      </c>
      <c r="I8804" s="1"/>
    </row>
    <row r="8805" spans="1:9" x14ac:dyDescent="0.25">
      <c r="A8805" s="3">
        <v>41675.458923611113</v>
      </c>
      <c r="B8805" s="6">
        <v>146569.94999999998</v>
      </c>
      <c r="C8805" s="7">
        <f t="shared" si="137"/>
        <v>146.56994999999998</v>
      </c>
      <c r="I8805" s="1"/>
    </row>
    <row r="8806" spans="1:9" x14ac:dyDescent="0.25">
      <c r="A8806" s="3">
        <v>41675.459189814814</v>
      </c>
      <c r="B8806" s="6">
        <v>146586.59999999998</v>
      </c>
      <c r="C8806" s="7">
        <f t="shared" si="137"/>
        <v>146.58659999999998</v>
      </c>
      <c r="I8806" s="1"/>
    </row>
    <row r="8807" spans="1:9" x14ac:dyDescent="0.25">
      <c r="A8807" s="3">
        <v>41675.463773148149</v>
      </c>
      <c r="B8807" s="6">
        <v>146603.25</v>
      </c>
      <c r="C8807" s="7">
        <f t="shared" si="137"/>
        <v>146.60325</v>
      </c>
      <c r="I8807" s="1"/>
    </row>
    <row r="8808" spans="1:9" x14ac:dyDescent="0.25">
      <c r="A8808" s="3">
        <v>41675.464999999997</v>
      </c>
      <c r="B8808" s="6">
        <v>146619.9</v>
      </c>
      <c r="C8808" s="7">
        <f t="shared" si="137"/>
        <v>146.6199</v>
      </c>
      <c r="I8808" s="1"/>
    </row>
    <row r="8809" spans="1:9" x14ac:dyDescent="0.25">
      <c r="A8809" s="3">
        <v>41675.471574074072</v>
      </c>
      <c r="B8809" s="6">
        <v>146636.54999999999</v>
      </c>
      <c r="C8809" s="7">
        <f t="shared" si="137"/>
        <v>146.63655</v>
      </c>
      <c r="I8809" s="1"/>
    </row>
    <row r="8810" spans="1:9" x14ac:dyDescent="0.25">
      <c r="A8810" s="3">
        <v>41675.471701388888</v>
      </c>
      <c r="B8810" s="6">
        <v>146653.19999999998</v>
      </c>
      <c r="C8810" s="7">
        <f t="shared" si="137"/>
        <v>146.65319999999997</v>
      </c>
      <c r="I8810" s="1"/>
    </row>
    <row r="8811" spans="1:9" x14ac:dyDescent="0.25">
      <c r="A8811" s="3">
        <v>41675.476678240739</v>
      </c>
      <c r="B8811" s="6">
        <v>146669.84999999998</v>
      </c>
      <c r="C8811" s="7">
        <f t="shared" si="137"/>
        <v>146.66984999999997</v>
      </c>
      <c r="I8811" s="1"/>
    </row>
    <row r="8812" spans="1:9" x14ac:dyDescent="0.25">
      <c r="A8812" s="3">
        <v>41675.477175925924</v>
      </c>
      <c r="B8812" s="6">
        <v>146686.5</v>
      </c>
      <c r="C8812" s="7">
        <f t="shared" si="137"/>
        <v>146.6865</v>
      </c>
      <c r="I8812" s="1"/>
    </row>
    <row r="8813" spans="1:9" x14ac:dyDescent="0.25">
      <c r="A8813" s="3">
        <v>41675.481481481482</v>
      </c>
      <c r="B8813" s="6">
        <v>146703.15</v>
      </c>
      <c r="C8813" s="7">
        <f t="shared" si="137"/>
        <v>146.70314999999999</v>
      </c>
      <c r="I8813" s="1"/>
    </row>
    <row r="8814" spans="1:9" x14ac:dyDescent="0.25">
      <c r="A8814" s="3">
        <v>41675.48170138889</v>
      </c>
      <c r="B8814" s="6">
        <v>146719.79999999999</v>
      </c>
      <c r="C8814" s="7">
        <f t="shared" si="137"/>
        <v>146.71979999999999</v>
      </c>
      <c r="I8814" s="1"/>
    </row>
    <row r="8815" spans="1:9" x14ac:dyDescent="0.25">
      <c r="A8815" s="3">
        <v>41675.485578703701</v>
      </c>
      <c r="B8815" s="6">
        <v>146736.44999999998</v>
      </c>
      <c r="C8815" s="7">
        <f t="shared" si="137"/>
        <v>146.73644999999999</v>
      </c>
      <c r="I8815" s="1"/>
    </row>
    <row r="8816" spans="1:9" x14ac:dyDescent="0.25">
      <c r="A8816" s="3">
        <v>41675.48574074074</v>
      </c>
      <c r="B8816" s="6">
        <v>146753.09999999998</v>
      </c>
      <c r="C8816" s="7">
        <f t="shared" si="137"/>
        <v>146.75309999999999</v>
      </c>
      <c r="I8816" s="1"/>
    </row>
    <row r="8817" spans="1:9" x14ac:dyDescent="0.25">
      <c r="A8817" s="3">
        <v>41675.494872685187</v>
      </c>
      <c r="B8817" s="6">
        <v>146769.75</v>
      </c>
      <c r="C8817" s="7">
        <f t="shared" si="137"/>
        <v>146.76974999999999</v>
      </c>
      <c r="I8817" s="1"/>
    </row>
    <row r="8818" spans="1:9" x14ac:dyDescent="0.25">
      <c r="A8818" s="3">
        <v>41675.494976851849</v>
      </c>
      <c r="B8818" s="6">
        <v>146786.4</v>
      </c>
      <c r="C8818" s="7">
        <f t="shared" si="137"/>
        <v>146.78639999999999</v>
      </c>
      <c r="I8818" s="1"/>
    </row>
    <row r="8819" spans="1:9" x14ac:dyDescent="0.25">
      <c r="A8819" s="3">
        <v>41675.497731481482</v>
      </c>
      <c r="B8819" s="6">
        <v>146803.04999999999</v>
      </c>
      <c r="C8819" s="7">
        <f t="shared" si="137"/>
        <v>146.80304999999998</v>
      </c>
      <c r="I8819" s="1"/>
    </row>
    <row r="8820" spans="1:9" x14ac:dyDescent="0.25">
      <c r="A8820" s="3">
        <v>41675.497928240744</v>
      </c>
      <c r="B8820" s="6">
        <v>146819.69999999998</v>
      </c>
      <c r="C8820" s="7">
        <f t="shared" si="137"/>
        <v>146.81969999999998</v>
      </c>
      <c r="I8820" s="1"/>
    </row>
    <row r="8821" spans="1:9" x14ac:dyDescent="0.25">
      <c r="A8821" s="3">
        <v>41675.504930555559</v>
      </c>
      <c r="B8821" s="6">
        <v>146836.34999999998</v>
      </c>
      <c r="C8821" s="7">
        <f t="shared" si="137"/>
        <v>146.83634999999998</v>
      </c>
      <c r="I8821" s="1"/>
    </row>
    <row r="8822" spans="1:9" x14ac:dyDescent="0.25">
      <c r="A8822" s="3">
        <v>41675.505057870374</v>
      </c>
      <c r="B8822" s="6">
        <v>146853</v>
      </c>
      <c r="C8822" s="7">
        <f t="shared" si="137"/>
        <v>146.85300000000001</v>
      </c>
      <c r="I8822" s="1"/>
    </row>
    <row r="8823" spans="1:9" x14ac:dyDescent="0.25">
      <c r="A8823" s="3">
        <v>41675.510682870372</v>
      </c>
      <c r="B8823" s="6">
        <v>146869.65</v>
      </c>
      <c r="C8823" s="7">
        <f t="shared" si="137"/>
        <v>146.86965000000001</v>
      </c>
      <c r="I8823" s="1"/>
    </row>
    <row r="8824" spans="1:9" x14ac:dyDescent="0.25">
      <c r="A8824" s="3">
        <v>41675.511412037034</v>
      </c>
      <c r="B8824" s="6">
        <v>146886.29999999999</v>
      </c>
      <c r="C8824" s="7">
        <f t="shared" si="137"/>
        <v>146.88629999999998</v>
      </c>
      <c r="I8824" s="1"/>
    </row>
    <row r="8825" spans="1:9" x14ac:dyDescent="0.25">
      <c r="A8825" s="3">
        <v>41675.51326388889</v>
      </c>
      <c r="B8825" s="6">
        <v>146902.94999999998</v>
      </c>
      <c r="C8825" s="7">
        <f t="shared" si="137"/>
        <v>146.90294999999998</v>
      </c>
      <c r="I8825" s="1"/>
    </row>
    <row r="8826" spans="1:9" x14ac:dyDescent="0.25">
      <c r="A8826" s="3">
        <v>41675.513692129629</v>
      </c>
      <c r="B8826" s="6">
        <v>146919.59999999998</v>
      </c>
      <c r="C8826" s="7">
        <f t="shared" si="137"/>
        <v>146.91959999999997</v>
      </c>
      <c r="I8826" s="1"/>
    </row>
    <row r="8827" spans="1:9" x14ac:dyDescent="0.25">
      <c r="A8827" s="3">
        <v>41675.515243055554</v>
      </c>
      <c r="B8827" s="6">
        <v>146936.25</v>
      </c>
      <c r="C8827" s="7">
        <f t="shared" si="137"/>
        <v>146.93625</v>
      </c>
      <c r="I8827" s="1"/>
    </row>
    <row r="8828" spans="1:9" x14ac:dyDescent="0.25">
      <c r="A8828" s="3">
        <v>41675.515347222223</v>
      </c>
      <c r="B8828" s="6">
        <v>146952.9</v>
      </c>
      <c r="C8828" s="7">
        <f t="shared" si="137"/>
        <v>146.9529</v>
      </c>
      <c r="I8828" s="1"/>
    </row>
    <row r="8829" spans="1:9" x14ac:dyDescent="0.25">
      <c r="A8829" s="3">
        <v>41675.517638888887</v>
      </c>
      <c r="B8829" s="6">
        <v>146969.54999999999</v>
      </c>
      <c r="C8829" s="7">
        <f t="shared" si="137"/>
        <v>146.96955</v>
      </c>
      <c r="I8829" s="1"/>
    </row>
    <row r="8830" spans="1:9" x14ac:dyDescent="0.25">
      <c r="A8830" s="3">
        <v>41675.517835648148</v>
      </c>
      <c r="B8830" s="6">
        <v>146986.19999999998</v>
      </c>
      <c r="C8830" s="7">
        <f t="shared" si="137"/>
        <v>146.9862</v>
      </c>
      <c r="I8830" s="1"/>
    </row>
    <row r="8831" spans="1:9" x14ac:dyDescent="0.25">
      <c r="A8831" s="3">
        <v>41675.518865740742</v>
      </c>
      <c r="B8831" s="6">
        <v>147002.84999999998</v>
      </c>
      <c r="C8831" s="7">
        <f t="shared" si="137"/>
        <v>147.00284999999997</v>
      </c>
      <c r="I8831" s="1"/>
    </row>
    <row r="8832" spans="1:9" x14ac:dyDescent="0.25">
      <c r="A8832" s="3">
        <v>41675.518946759257</v>
      </c>
      <c r="B8832" s="6">
        <v>147019.5</v>
      </c>
      <c r="C8832" s="7">
        <f t="shared" si="137"/>
        <v>147.01949999999999</v>
      </c>
      <c r="I8832" s="1"/>
    </row>
    <row r="8833" spans="1:9" x14ac:dyDescent="0.25">
      <c r="A8833" s="3">
        <v>41675.520405092589</v>
      </c>
      <c r="B8833" s="6">
        <v>147036.15</v>
      </c>
      <c r="C8833" s="7">
        <f t="shared" si="137"/>
        <v>147.03614999999999</v>
      </c>
      <c r="I8833" s="1"/>
    </row>
    <row r="8834" spans="1:9" x14ac:dyDescent="0.25">
      <c r="A8834" s="3">
        <v>41675.520497685182</v>
      </c>
      <c r="B8834" s="6">
        <v>147052.79999999999</v>
      </c>
      <c r="C8834" s="7">
        <f t="shared" si="137"/>
        <v>147.05279999999999</v>
      </c>
      <c r="I8834" s="1"/>
    </row>
    <row r="8835" spans="1:9" x14ac:dyDescent="0.25">
      <c r="A8835" s="3">
        <v>41675.523831018516</v>
      </c>
      <c r="B8835" s="6">
        <v>147069.44999999998</v>
      </c>
      <c r="C8835" s="7">
        <f t="shared" ref="C8835:C8898" si="138">B8835/1000</f>
        <v>147.06944999999999</v>
      </c>
      <c r="I8835" s="1"/>
    </row>
    <row r="8836" spans="1:9" x14ac:dyDescent="0.25">
      <c r="A8836" s="3">
        <v>41675.523935185185</v>
      </c>
      <c r="B8836" s="6">
        <v>147086.09999999998</v>
      </c>
      <c r="C8836" s="7">
        <f t="shared" si="138"/>
        <v>147.08609999999999</v>
      </c>
      <c r="I8836" s="1"/>
    </row>
    <row r="8837" spans="1:9" x14ac:dyDescent="0.25">
      <c r="A8837" s="3">
        <v>41675.527326388888</v>
      </c>
      <c r="B8837" s="6">
        <v>147102.75</v>
      </c>
      <c r="C8837" s="7">
        <f t="shared" si="138"/>
        <v>147.10274999999999</v>
      </c>
      <c r="I8837" s="1"/>
    </row>
    <row r="8838" spans="1:9" x14ac:dyDescent="0.25">
      <c r="A8838" s="3">
        <v>41675.527627314812</v>
      </c>
      <c r="B8838" s="6">
        <v>147119.4</v>
      </c>
      <c r="C8838" s="7">
        <f t="shared" si="138"/>
        <v>147.11939999999998</v>
      </c>
      <c r="I8838" s="1"/>
    </row>
    <row r="8839" spans="1:9" x14ac:dyDescent="0.25">
      <c r="A8839" s="3">
        <v>41675.530381944445</v>
      </c>
      <c r="B8839" s="6">
        <v>147136.04999999999</v>
      </c>
      <c r="C8839" s="7">
        <f t="shared" si="138"/>
        <v>147.13604999999998</v>
      </c>
      <c r="I8839" s="1"/>
    </row>
    <row r="8840" spans="1:9" x14ac:dyDescent="0.25">
      <c r="A8840" s="3">
        <v>41675.530474537038</v>
      </c>
      <c r="B8840" s="6">
        <v>147152.69999999998</v>
      </c>
      <c r="C8840" s="7">
        <f t="shared" si="138"/>
        <v>147.15269999999998</v>
      </c>
      <c r="I8840" s="1"/>
    </row>
    <row r="8841" spans="1:9" x14ac:dyDescent="0.25">
      <c r="A8841" s="3">
        <v>41675.531990740739</v>
      </c>
      <c r="B8841" s="6">
        <v>147169.34999999998</v>
      </c>
      <c r="C8841" s="7">
        <f t="shared" si="138"/>
        <v>147.16934999999998</v>
      </c>
      <c r="I8841" s="1"/>
    </row>
    <row r="8842" spans="1:9" x14ac:dyDescent="0.25">
      <c r="A8842" s="3">
        <v>41675.532094907408</v>
      </c>
      <c r="B8842" s="6">
        <v>147186</v>
      </c>
      <c r="C8842" s="7">
        <f t="shared" si="138"/>
        <v>147.18600000000001</v>
      </c>
      <c r="I8842" s="1"/>
    </row>
    <row r="8843" spans="1:9" x14ac:dyDescent="0.25">
      <c r="A8843" s="3">
        <v>41675.533483796295</v>
      </c>
      <c r="B8843" s="6">
        <v>147202.65</v>
      </c>
      <c r="C8843" s="7">
        <f t="shared" si="138"/>
        <v>147.20265000000001</v>
      </c>
      <c r="I8843" s="1"/>
    </row>
    <row r="8844" spans="1:9" x14ac:dyDescent="0.25">
      <c r="A8844" s="3">
        <v>41675.53361111111</v>
      </c>
      <c r="B8844" s="6">
        <v>147219.29999999999</v>
      </c>
      <c r="C8844" s="7">
        <f t="shared" si="138"/>
        <v>147.21929999999998</v>
      </c>
      <c r="I8844" s="1"/>
    </row>
    <row r="8845" spans="1:9" x14ac:dyDescent="0.25">
      <c r="A8845" s="3">
        <v>41675.534618055557</v>
      </c>
      <c r="B8845" s="6">
        <v>147235.94999999998</v>
      </c>
      <c r="C8845" s="7">
        <f t="shared" si="138"/>
        <v>147.23594999999997</v>
      </c>
      <c r="I8845" s="1"/>
    </row>
    <row r="8846" spans="1:9" x14ac:dyDescent="0.25">
      <c r="A8846" s="3">
        <v>41675.534745370373</v>
      </c>
      <c r="B8846" s="6">
        <v>147252.59999999998</v>
      </c>
      <c r="C8846" s="7">
        <f t="shared" si="138"/>
        <v>147.25259999999997</v>
      </c>
      <c r="I8846" s="1"/>
    </row>
    <row r="8847" spans="1:9" x14ac:dyDescent="0.25">
      <c r="A8847" s="3">
        <v>41675.535752314812</v>
      </c>
      <c r="B8847" s="6">
        <v>147269.25</v>
      </c>
      <c r="C8847" s="7">
        <f t="shared" si="138"/>
        <v>147.26925</v>
      </c>
      <c r="I8847" s="1"/>
    </row>
    <row r="8848" spans="1:9" x14ac:dyDescent="0.25">
      <c r="A8848" s="3">
        <v>41675.536053240743</v>
      </c>
      <c r="B8848" s="6">
        <v>147285.9</v>
      </c>
      <c r="C8848" s="7">
        <f t="shared" si="138"/>
        <v>147.2859</v>
      </c>
      <c r="I8848" s="1"/>
    </row>
    <row r="8849" spans="1:9" x14ac:dyDescent="0.25">
      <c r="A8849" s="3">
        <v>41675.537372685183</v>
      </c>
      <c r="B8849" s="6">
        <v>147302.54999999999</v>
      </c>
      <c r="C8849" s="7">
        <f t="shared" si="138"/>
        <v>147.30255</v>
      </c>
      <c r="I8849" s="1"/>
    </row>
    <row r="8850" spans="1:9" x14ac:dyDescent="0.25">
      <c r="A8850" s="3">
        <v>41675.537476851852</v>
      </c>
      <c r="B8850" s="6">
        <v>147319.19999999998</v>
      </c>
      <c r="C8850" s="7">
        <f t="shared" si="138"/>
        <v>147.3192</v>
      </c>
      <c r="I8850" s="1"/>
    </row>
    <row r="8851" spans="1:9" x14ac:dyDescent="0.25">
      <c r="A8851" s="3">
        <v>41675.538564814815</v>
      </c>
      <c r="B8851" s="6">
        <v>147335.84999999998</v>
      </c>
      <c r="C8851" s="7">
        <f t="shared" si="138"/>
        <v>147.33584999999997</v>
      </c>
      <c r="I8851" s="1"/>
    </row>
    <row r="8852" spans="1:9" x14ac:dyDescent="0.25">
      <c r="A8852" s="3">
        <v>41675.538680555554</v>
      </c>
      <c r="B8852" s="6">
        <v>147352.5</v>
      </c>
      <c r="C8852" s="7">
        <f t="shared" si="138"/>
        <v>147.35249999999999</v>
      </c>
      <c r="I8852" s="1"/>
    </row>
    <row r="8853" spans="1:9" x14ac:dyDescent="0.25">
      <c r="A8853" s="3">
        <v>41675.539872685185</v>
      </c>
      <c r="B8853" s="6">
        <v>147369.15</v>
      </c>
      <c r="C8853" s="7">
        <f t="shared" si="138"/>
        <v>147.36914999999999</v>
      </c>
      <c r="I8853" s="1"/>
    </row>
    <row r="8854" spans="1:9" x14ac:dyDescent="0.25">
      <c r="A8854" s="3">
        <v>41675.540601851855</v>
      </c>
      <c r="B8854" s="6">
        <v>147385.79999999999</v>
      </c>
      <c r="C8854" s="7">
        <f t="shared" si="138"/>
        <v>147.38579999999999</v>
      </c>
      <c r="I8854" s="1"/>
    </row>
    <row r="8855" spans="1:9" x14ac:dyDescent="0.25">
      <c r="A8855" s="3">
        <v>41675.542766203704</v>
      </c>
      <c r="B8855" s="6">
        <v>147402.44999999998</v>
      </c>
      <c r="C8855" s="7">
        <f t="shared" si="138"/>
        <v>147.40244999999999</v>
      </c>
      <c r="I8855" s="1"/>
    </row>
    <row r="8856" spans="1:9" x14ac:dyDescent="0.25">
      <c r="A8856" s="3">
        <v>41675.542858796296</v>
      </c>
      <c r="B8856" s="6">
        <v>147419.09999999998</v>
      </c>
      <c r="C8856" s="7">
        <f t="shared" si="138"/>
        <v>147.41909999999999</v>
      </c>
      <c r="I8856" s="1"/>
    </row>
    <row r="8857" spans="1:9" x14ac:dyDescent="0.25">
      <c r="A8857" s="3">
        <v>41675.544525462959</v>
      </c>
      <c r="B8857" s="6">
        <v>147435.75</v>
      </c>
      <c r="C8857" s="7">
        <f t="shared" si="138"/>
        <v>147.43575000000001</v>
      </c>
      <c r="I8857" s="1"/>
    </row>
    <row r="8858" spans="1:9" x14ac:dyDescent="0.25">
      <c r="A8858" s="3">
        <v>41675.544606481482</v>
      </c>
      <c r="B8858" s="6">
        <v>147452.4</v>
      </c>
      <c r="C8858" s="7">
        <f t="shared" si="138"/>
        <v>147.45239999999998</v>
      </c>
      <c r="I8858" s="1"/>
    </row>
    <row r="8859" spans="1:9" x14ac:dyDescent="0.25">
      <c r="A8859" s="3">
        <v>41675.545763888891</v>
      </c>
      <c r="B8859" s="6">
        <v>147469.04999999999</v>
      </c>
      <c r="C8859" s="7">
        <f t="shared" si="138"/>
        <v>147.46904999999998</v>
      </c>
      <c r="I8859" s="1"/>
    </row>
    <row r="8860" spans="1:9" x14ac:dyDescent="0.25">
      <c r="A8860" s="3">
        <v>41675.545960648145</v>
      </c>
      <c r="B8860" s="6">
        <v>147485.69999999998</v>
      </c>
      <c r="C8860" s="7">
        <f t="shared" si="138"/>
        <v>147.48569999999998</v>
      </c>
      <c r="I8860" s="1"/>
    </row>
    <row r="8861" spans="1:9" x14ac:dyDescent="0.25">
      <c r="A8861" s="3">
        <v>41675.548483796294</v>
      </c>
      <c r="B8861" s="6">
        <v>147502.34999999998</v>
      </c>
      <c r="C8861" s="7">
        <f t="shared" si="138"/>
        <v>147.50234999999998</v>
      </c>
      <c r="I8861" s="1"/>
    </row>
    <row r="8862" spans="1:9" x14ac:dyDescent="0.25">
      <c r="A8862" s="3">
        <v>41675.54859953704</v>
      </c>
      <c r="B8862" s="6">
        <v>147519</v>
      </c>
      <c r="C8862" s="7">
        <f t="shared" si="138"/>
        <v>147.51900000000001</v>
      </c>
      <c r="I8862" s="1"/>
    </row>
    <row r="8863" spans="1:9" x14ac:dyDescent="0.25">
      <c r="A8863" s="3">
        <v>41675.550555555557</v>
      </c>
      <c r="B8863" s="6">
        <v>147535.65</v>
      </c>
      <c r="C8863" s="7">
        <f t="shared" si="138"/>
        <v>147.53565</v>
      </c>
      <c r="I8863" s="1"/>
    </row>
    <row r="8864" spans="1:9" x14ac:dyDescent="0.25">
      <c r="A8864" s="3">
        <v>41675.550671296296</v>
      </c>
      <c r="B8864" s="6">
        <v>147552.29999999999</v>
      </c>
      <c r="C8864" s="7">
        <f t="shared" si="138"/>
        <v>147.5523</v>
      </c>
      <c r="I8864" s="1"/>
    </row>
    <row r="8865" spans="1:9" x14ac:dyDescent="0.25">
      <c r="A8865" s="3">
        <v>41675.552395833336</v>
      </c>
      <c r="B8865" s="6">
        <v>147568.94999999998</v>
      </c>
      <c r="C8865" s="7">
        <f t="shared" si="138"/>
        <v>147.56894999999997</v>
      </c>
      <c r="I8865" s="1"/>
    </row>
    <row r="8866" spans="1:9" x14ac:dyDescent="0.25">
      <c r="A8866" s="3">
        <v>41675.552685185183</v>
      </c>
      <c r="B8866" s="6">
        <v>147585.59999999998</v>
      </c>
      <c r="C8866" s="7">
        <f t="shared" si="138"/>
        <v>147.58559999999997</v>
      </c>
      <c r="I8866" s="1"/>
    </row>
    <row r="8867" spans="1:9" x14ac:dyDescent="0.25">
      <c r="A8867" s="3">
        <v>41675.554814814815</v>
      </c>
      <c r="B8867" s="6">
        <v>147602.25</v>
      </c>
      <c r="C8867" s="7">
        <f t="shared" si="138"/>
        <v>147.60225</v>
      </c>
      <c r="I8867" s="1"/>
    </row>
    <row r="8868" spans="1:9" x14ac:dyDescent="0.25">
      <c r="A8868" s="3">
        <v>41675.555104166669</v>
      </c>
      <c r="B8868" s="6">
        <v>147618.9</v>
      </c>
      <c r="C8868" s="7">
        <f t="shared" si="138"/>
        <v>147.6189</v>
      </c>
      <c r="I8868" s="1"/>
    </row>
    <row r="8869" spans="1:9" x14ac:dyDescent="0.25">
      <c r="A8869" s="3">
        <v>41675.556192129632</v>
      </c>
      <c r="B8869" s="6">
        <v>147635.54999999999</v>
      </c>
      <c r="C8869" s="7">
        <f t="shared" si="138"/>
        <v>147.63554999999999</v>
      </c>
      <c r="I8869" s="1"/>
    </row>
    <row r="8870" spans="1:9" x14ac:dyDescent="0.25">
      <c r="A8870" s="3">
        <v>41675.556284722225</v>
      </c>
      <c r="B8870" s="6">
        <v>147652.19999999998</v>
      </c>
      <c r="C8870" s="7">
        <f t="shared" si="138"/>
        <v>147.65219999999999</v>
      </c>
      <c r="I8870" s="1"/>
    </row>
    <row r="8871" spans="1:9" x14ac:dyDescent="0.25">
      <c r="A8871" s="3">
        <v>41675.557638888888</v>
      </c>
      <c r="B8871" s="6">
        <v>147668.84999999998</v>
      </c>
      <c r="C8871" s="7">
        <f t="shared" si="138"/>
        <v>147.66884999999996</v>
      </c>
      <c r="I8871" s="1"/>
    </row>
    <row r="8872" spans="1:9" x14ac:dyDescent="0.25">
      <c r="A8872" s="3">
        <v>41675.557743055557</v>
      </c>
      <c r="B8872" s="6">
        <v>147685.5</v>
      </c>
      <c r="C8872" s="7">
        <f t="shared" si="138"/>
        <v>147.68549999999999</v>
      </c>
      <c r="I8872" s="1"/>
    </row>
    <row r="8873" spans="1:9" x14ac:dyDescent="0.25">
      <c r="A8873" s="3">
        <v>41675.55878472222</v>
      </c>
      <c r="B8873" s="6">
        <v>147702.15</v>
      </c>
      <c r="C8873" s="7">
        <f t="shared" si="138"/>
        <v>147.70214999999999</v>
      </c>
      <c r="I8873" s="1"/>
    </row>
    <row r="8874" spans="1:9" x14ac:dyDescent="0.25">
      <c r="A8874" s="3">
        <v>41675.558865740742</v>
      </c>
      <c r="B8874" s="6">
        <v>147718.79999999999</v>
      </c>
      <c r="C8874" s="7">
        <f t="shared" si="138"/>
        <v>147.71879999999999</v>
      </c>
      <c r="I8874" s="1"/>
    </row>
    <row r="8875" spans="1:9" x14ac:dyDescent="0.25">
      <c r="A8875" s="3">
        <v>41675.560428240744</v>
      </c>
      <c r="B8875" s="6">
        <v>147735.44999999998</v>
      </c>
      <c r="C8875" s="7">
        <f t="shared" si="138"/>
        <v>147.73544999999999</v>
      </c>
      <c r="I8875" s="1"/>
    </row>
    <row r="8876" spans="1:9" x14ac:dyDescent="0.25">
      <c r="A8876" s="3">
        <v>41675.56050925926</v>
      </c>
      <c r="B8876" s="6">
        <v>147752.09999999998</v>
      </c>
      <c r="C8876" s="7">
        <f t="shared" si="138"/>
        <v>147.75209999999998</v>
      </c>
      <c r="I8876" s="1"/>
    </row>
    <row r="8877" spans="1:9" x14ac:dyDescent="0.25">
      <c r="A8877" s="3">
        <v>41675.561944444446</v>
      </c>
      <c r="B8877" s="6">
        <v>147768.75</v>
      </c>
      <c r="C8877" s="7">
        <f t="shared" si="138"/>
        <v>147.76875000000001</v>
      </c>
      <c r="I8877" s="1"/>
    </row>
    <row r="8878" spans="1:9" x14ac:dyDescent="0.25">
      <c r="A8878" s="3">
        <v>41675.562094907407</v>
      </c>
      <c r="B8878" s="6">
        <v>147785.4</v>
      </c>
      <c r="C8878" s="7">
        <f t="shared" si="138"/>
        <v>147.78539999999998</v>
      </c>
      <c r="I8878" s="1"/>
    </row>
    <row r="8879" spans="1:9" x14ac:dyDescent="0.25">
      <c r="A8879" s="3">
        <v>41675.563842592594</v>
      </c>
      <c r="B8879" s="6">
        <v>147802.04999999999</v>
      </c>
      <c r="C8879" s="7">
        <f t="shared" si="138"/>
        <v>147.80204999999998</v>
      </c>
      <c r="I8879" s="1"/>
    </row>
    <row r="8880" spans="1:9" x14ac:dyDescent="0.25">
      <c r="A8880" s="3">
        <v>41675.563923611109</v>
      </c>
      <c r="B8880" s="6">
        <v>147818.69999999998</v>
      </c>
      <c r="C8880" s="7">
        <f t="shared" si="138"/>
        <v>147.81869999999998</v>
      </c>
      <c r="I8880" s="1"/>
    </row>
    <row r="8881" spans="1:9" x14ac:dyDescent="0.25">
      <c r="A8881" s="3">
        <v>41675.564803240741</v>
      </c>
      <c r="B8881" s="6">
        <v>147835.34999999998</v>
      </c>
      <c r="C8881" s="7">
        <f t="shared" si="138"/>
        <v>147.83534999999998</v>
      </c>
      <c r="I8881" s="1"/>
    </row>
    <row r="8882" spans="1:9" x14ac:dyDescent="0.25">
      <c r="A8882" s="3">
        <v>41675.565520833334</v>
      </c>
      <c r="B8882" s="6">
        <v>147852</v>
      </c>
      <c r="C8882" s="7">
        <f t="shared" si="138"/>
        <v>147.852</v>
      </c>
      <c r="I8882" s="1"/>
    </row>
    <row r="8883" spans="1:9" x14ac:dyDescent="0.25">
      <c r="A8883" s="3">
        <v>41675.566782407404</v>
      </c>
      <c r="B8883" s="6">
        <v>147868.65</v>
      </c>
      <c r="C8883" s="7">
        <f t="shared" si="138"/>
        <v>147.86865</v>
      </c>
      <c r="I8883" s="1"/>
    </row>
    <row r="8884" spans="1:9" x14ac:dyDescent="0.25">
      <c r="A8884" s="3">
        <v>41675.567094907405</v>
      </c>
      <c r="B8884" s="6">
        <v>147885.29999999999</v>
      </c>
      <c r="C8884" s="7">
        <f t="shared" si="138"/>
        <v>147.8853</v>
      </c>
      <c r="I8884" s="1"/>
    </row>
    <row r="8885" spans="1:9" x14ac:dyDescent="0.25">
      <c r="A8885" s="3">
        <v>41675.568981481483</v>
      </c>
      <c r="B8885" s="6">
        <v>147901.94999999998</v>
      </c>
      <c r="C8885" s="7">
        <f t="shared" si="138"/>
        <v>147.90194999999997</v>
      </c>
      <c r="I8885" s="1"/>
    </row>
    <row r="8886" spans="1:9" x14ac:dyDescent="0.25">
      <c r="A8886" s="3">
        <v>41675.569166666668</v>
      </c>
      <c r="B8886" s="6">
        <v>147918.59999999998</v>
      </c>
      <c r="C8886" s="7">
        <f t="shared" si="138"/>
        <v>147.91859999999997</v>
      </c>
      <c r="I8886" s="1"/>
    </row>
    <row r="8887" spans="1:9" x14ac:dyDescent="0.25">
      <c r="A8887" s="3">
        <v>41675.572210648148</v>
      </c>
      <c r="B8887" s="6">
        <v>147935.25</v>
      </c>
      <c r="C8887" s="7">
        <f t="shared" si="138"/>
        <v>147.93525</v>
      </c>
      <c r="I8887" s="1"/>
    </row>
    <row r="8888" spans="1:9" x14ac:dyDescent="0.25">
      <c r="A8888" s="3">
        <v>41675.572291666664</v>
      </c>
      <c r="B8888" s="6">
        <v>147951.9</v>
      </c>
      <c r="C8888" s="7">
        <f t="shared" si="138"/>
        <v>147.95189999999999</v>
      </c>
      <c r="I8888" s="1"/>
    </row>
    <row r="8889" spans="1:9" x14ac:dyDescent="0.25">
      <c r="A8889" s="3">
        <v>41675.573831018519</v>
      </c>
      <c r="B8889" s="6">
        <v>147968.54999999999</v>
      </c>
      <c r="C8889" s="7">
        <f t="shared" si="138"/>
        <v>147.96854999999999</v>
      </c>
      <c r="I8889" s="1"/>
    </row>
    <row r="8890" spans="1:9" x14ac:dyDescent="0.25">
      <c r="A8890" s="3">
        <v>41675.573946759258</v>
      </c>
      <c r="B8890" s="6">
        <v>147985.19999999998</v>
      </c>
      <c r="C8890" s="7">
        <f t="shared" si="138"/>
        <v>147.98519999999999</v>
      </c>
      <c r="I8890" s="1"/>
    </row>
    <row r="8891" spans="1:9" x14ac:dyDescent="0.25">
      <c r="A8891" s="3">
        <v>41675.575983796298</v>
      </c>
      <c r="B8891" s="6">
        <v>148001.84999999998</v>
      </c>
      <c r="C8891" s="7">
        <f t="shared" si="138"/>
        <v>148.00184999999999</v>
      </c>
      <c r="I8891" s="1"/>
    </row>
    <row r="8892" spans="1:9" x14ac:dyDescent="0.25">
      <c r="A8892" s="3">
        <v>41675.576111111113</v>
      </c>
      <c r="B8892" s="6">
        <v>148018.5</v>
      </c>
      <c r="C8892" s="7">
        <f t="shared" si="138"/>
        <v>148.01849999999999</v>
      </c>
      <c r="I8892" s="1"/>
    </row>
    <row r="8893" spans="1:9" x14ac:dyDescent="0.25">
      <c r="A8893" s="3">
        <v>41675.576944444445</v>
      </c>
      <c r="B8893" s="6">
        <v>148035.15</v>
      </c>
      <c r="C8893" s="7">
        <f t="shared" si="138"/>
        <v>148.03514999999999</v>
      </c>
      <c r="I8893" s="1"/>
    </row>
    <row r="8894" spans="1:9" x14ac:dyDescent="0.25">
      <c r="A8894" s="3">
        <v>41675.577060185184</v>
      </c>
      <c r="B8894" s="6">
        <v>148051.79999999999</v>
      </c>
      <c r="C8894" s="7">
        <f t="shared" si="138"/>
        <v>148.05179999999999</v>
      </c>
      <c r="I8894" s="1"/>
    </row>
    <row r="8895" spans="1:9" x14ac:dyDescent="0.25">
      <c r="A8895" s="3">
        <v>41675.579594907409</v>
      </c>
      <c r="B8895" s="6">
        <v>148068.44999999998</v>
      </c>
      <c r="C8895" s="7">
        <f t="shared" si="138"/>
        <v>148.06844999999998</v>
      </c>
      <c r="I8895" s="1"/>
    </row>
    <row r="8896" spans="1:9" x14ac:dyDescent="0.25">
      <c r="A8896" s="3">
        <v>41675.579664351855</v>
      </c>
      <c r="B8896" s="6">
        <v>148085.09999999998</v>
      </c>
      <c r="C8896" s="7">
        <f t="shared" si="138"/>
        <v>148.08509999999998</v>
      </c>
      <c r="I8896" s="1"/>
    </row>
    <row r="8897" spans="1:9" x14ac:dyDescent="0.25">
      <c r="A8897" s="3">
        <v>41675.581122685187</v>
      </c>
      <c r="B8897" s="6">
        <v>148101.75</v>
      </c>
      <c r="C8897" s="7">
        <f t="shared" si="138"/>
        <v>148.10175000000001</v>
      </c>
      <c r="I8897" s="1"/>
    </row>
    <row r="8898" spans="1:9" x14ac:dyDescent="0.25">
      <c r="A8898" s="3">
        <v>41675.581180555557</v>
      </c>
      <c r="B8898" s="6">
        <v>148118.39999999999</v>
      </c>
      <c r="C8898" s="7">
        <f t="shared" si="138"/>
        <v>148.11840000000001</v>
      </c>
      <c r="I8898" s="1"/>
    </row>
    <row r="8899" spans="1:9" x14ac:dyDescent="0.25">
      <c r="A8899" s="3">
        <v>41675.582152777781</v>
      </c>
      <c r="B8899" s="6">
        <v>148135.04999999999</v>
      </c>
      <c r="C8899" s="7">
        <f t="shared" ref="C8899:C8962" si="139">B8899/1000</f>
        <v>148.13504999999998</v>
      </c>
      <c r="I8899" s="1"/>
    </row>
    <row r="8900" spans="1:9" x14ac:dyDescent="0.25">
      <c r="A8900" s="3">
        <v>41675.582268518519</v>
      </c>
      <c r="B8900" s="6">
        <v>148151.69999999998</v>
      </c>
      <c r="C8900" s="7">
        <f t="shared" si="139"/>
        <v>148.15169999999998</v>
      </c>
      <c r="I8900" s="1"/>
    </row>
    <row r="8901" spans="1:9" x14ac:dyDescent="0.25">
      <c r="A8901" s="3">
        <v>41675.584328703706</v>
      </c>
      <c r="B8901" s="6">
        <v>148168.34999999998</v>
      </c>
      <c r="C8901" s="7">
        <f t="shared" si="139"/>
        <v>148.16834999999998</v>
      </c>
      <c r="I8901" s="1"/>
    </row>
    <row r="8902" spans="1:9" x14ac:dyDescent="0.25">
      <c r="A8902" s="3">
        <v>41675.584606481483</v>
      </c>
      <c r="B8902" s="6">
        <v>148185</v>
      </c>
      <c r="C8902" s="7">
        <f t="shared" si="139"/>
        <v>148.185</v>
      </c>
      <c r="I8902" s="1"/>
    </row>
    <row r="8903" spans="1:9" x14ac:dyDescent="0.25">
      <c r="A8903" s="3">
        <v>41675.586921296293</v>
      </c>
      <c r="B8903" s="6">
        <v>148201.65</v>
      </c>
      <c r="C8903" s="7">
        <f t="shared" si="139"/>
        <v>148.20165</v>
      </c>
      <c r="I8903" s="1"/>
    </row>
    <row r="8904" spans="1:9" x14ac:dyDescent="0.25">
      <c r="A8904" s="3">
        <v>41675.587372685186</v>
      </c>
      <c r="B8904" s="6">
        <v>148218.29999999999</v>
      </c>
      <c r="C8904" s="7">
        <f t="shared" si="139"/>
        <v>148.2183</v>
      </c>
      <c r="I8904" s="1"/>
    </row>
    <row r="8905" spans="1:9" x14ac:dyDescent="0.25">
      <c r="A8905" s="3">
        <v>41675.58861111111</v>
      </c>
      <c r="B8905" s="6">
        <v>148234.94999999998</v>
      </c>
      <c r="C8905" s="7">
        <f t="shared" si="139"/>
        <v>148.23494999999997</v>
      </c>
      <c r="I8905" s="1"/>
    </row>
    <row r="8906" spans="1:9" x14ac:dyDescent="0.25">
      <c r="A8906" s="3">
        <v>41675.588819444441</v>
      </c>
      <c r="B8906" s="6">
        <v>148251.59999999998</v>
      </c>
      <c r="C8906" s="7">
        <f t="shared" si="139"/>
        <v>148.25159999999997</v>
      </c>
      <c r="I8906" s="1"/>
    </row>
    <row r="8907" spans="1:9" x14ac:dyDescent="0.25">
      <c r="A8907" s="3">
        <v>41675.590555555558</v>
      </c>
      <c r="B8907" s="6">
        <v>148268.25</v>
      </c>
      <c r="C8907" s="7">
        <f t="shared" si="139"/>
        <v>148.26824999999999</v>
      </c>
      <c r="I8907" s="1"/>
    </row>
    <row r="8908" spans="1:9" x14ac:dyDescent="0.25">
      <c r="A8908" s="3">
        <v>41675.590775462966</v>
      </c>
      <c r="B8908" s="6">
        <v>148284.9</v>
      </c>
      <c r="C8908" s="7">
        <f t="shared" si="139"/>
        <v>148.28489999999999</v>
      </c>
      <c r="I8908" s="1"/>
    </row>
    <row r="8909" spans="1:9" x14ac:dyDescent="0.25">
      <c r="A8909" s="3">
        <v>41675.592986111114</v>
      </c>
      <c r="B8909" s="6">
        <v>148301.54999999999</v>
      </c>
      <c r="C8909" s="7">
        <f t="shared" si="139"/>
        <v>148.30154999999999</v>
      </c>
      <c r="I8909" s="1"/>
    </row>
    <row r="8910" spans="1:9" x14ac:dyDescent="0.25">
      <c r="A8910" s="3">
        <v>41675.593043981484</v>
      </c>
      <c r="B8910" s="6">
        <v>148318.19999999998</v>
      </c>
      <c r="C8910" s="7">
        <f t="shared" si="139"/>
        <v>148.31819999999999</v>
      </c>
      <c r="I8910" s="1"/>
    </row>
    <row r="8911" spans="1:9" x14ac:dyDescent="0.25">
      <c r="A8911" s="3">
        <v>41675.594722222224</v>
      </c>
      <c r="B8911" s="6">
        <v>148334.84999999998</v>
      </c>
      <c r="C8911" s="7">
        <f t="shared" si="139"/>
        <v>148.33484999999999</v>
      </c>
      <c r="I8911" s="1"/>
    </row>
    <row r="8912" spans="1:9" x14ac:dyDescent="0.25">
      <c r="A8912" s="3">
        <v>41675.594768518517</v>
      </c>
      <c r="B8912" s="6">
        <v>148351.5</v>
      </c>
      <c r="C8912" s="7">
        <f t="shared" si="139"/>
        <v>148.35149999999999</v>
      </c>
      <c r="I8912" s="1"/>
    </row>
    <row r="8913" spans="1:9" x14ac:dyDescent="0.25">
      <c r="A8913" s="3">
        <v>41675.595763888887</v>
      </c>
      <c r="B8913" s="6">
        <v>148368.15</v>
      </c>
      <c r="C8913" s="7">
        <f t="shared" si="139"/>
        <v>148.36814999999999</v>
      </c>
      <c r="I8913" s="1"/>
    </row>
    <row r="8914" spans="1:9" x14ac:dyDescent="0.25">
      <c r="A8914" s="3">
        <v>41675.596134259256</v>
      </c>
      <c r="B8914" s="6">
        <v>148384.79999999999</v>
      </c>
      <c r="C8914" s="7">
        <f t="shared" si="139"/>
        <v>148.38479999999998</v>
      </c>
      <c r="I8914" s="1"/>
    </row>
    <row r="8915" spans="1:9" x14ac:dyDescent="0.25">
      <c r="A8915" s="3">
        <v>41675.598946759259</v>
      </c>
      <c r="B8915" s="6">
        <v>148401.44999999998</v>
      </c>
      <c r="C8915" s="7">
        <f t="shared" si="139"/>
        <v>148.40144999999998</v>
      </c>
      <c r="I8915" s="1"/>
    </row>
    <row r="8916" spans="1:9" x14ac:dyDescent="0.25">
      <c r="A8916" s="3">
        <v>41675.599212962959</v>
      </c>
      <c r="B8916" s="6">
        <v>148418.09999999998</v>
      </c>
      <c r="C8916" s="7">
        <f t="shared" si="139"/>
        <v>148.41809999999998</v>
      </c>
      <c r="I8916" s="1"/>
    </row>
    <row r="8917" spans="1:9" x14ac:dyDescent="0.25">
      <c r="A8917" s="3">
        <v>41675.600578703707</v>
      </c>
      <c r="B8917" s="6">
        <v>148434.75</v>
      </c>
      <c r="C8917" s="7">
        <f t="shared" si="139"/>
        <v>148.43475000000001</v>
      </c>
      <c r="I8917" s="1"/>
    </row>
    <row r="8918" spans="1:9" x14ac:dyDescent="0.25">
      <c r="A8918" s="3">
        <v>41675.600706018522</v>
      </c>
      <c r="B8918" s="6">
        <v>148451.4</v>
      </c>
      <c r="C8918" s="7">
        <f t="shared" si="139"/>
        <v>148.45140000000001</v>
      </c>
      <c r="I8918" s="1"/>
    </row>
    <row r="8919" spans="1:9" x14ac:dyDescent="0.25">
      <c r="A8919" s="3">
        <v>41675.60292824074</v>
      </c>
      <c r="B8919" s="6">
        <v>148468.04999999999</v>
      </c>
      <c r="C8919" s="7">
        <f t="shared" si="139"/>
        <v>148.46804999999998</v>
      </c>
      <c r="I8919" s="1"/>
    </row>
    <row r="8920" spans="1:9" x14ac:dyDescent="0.25">
      <c r="A8920" s="3">
        <v>41675.603113425925</v>
      </c>
      <c r="B8920" s="6">
        <v>148484.69999999998</v>
      </c>
      <c r="C8920" s="7">
        <f t="shared" si="139"/>
        <v>148.48469999999998</v>
      </c>
      <c r="I8920" s="1"/>
    </row>
    <row r="8921" spans="1:9" x14ac:dyDescent="0.25">
      <c r="A8921" s="3">
        <v>41675.604375000003</v>
      </c>
      <c r="B8921" s="6">
        <v>148501.34999999998</v>
      </c>
      <c r="C8921" s="7">
        <f t="shared" si="139"/>
        <v>148.50134999999997</v>
      </c>
      <c r="I8921" s="1"/>
    </row>
    <row r="8922" spans="1:9" x14ac:dyDescent="0.25">
      <c r="A8922" s="3">
        <v>41675.604513888888</v>
      </c>
      <c r="B8922" s="6">
        <v>148518</v>
      </c>
      <c r="C8922" s="7">
        <f t="shared" si="139"/>
        <v>148.518</v>
      </c>
      <c r="I8922" s="1"/>
    </row>
    <row r="8923" spans="1:9" x14ac:dyDescent="0.25">
      <c r="A8923" s="3">
        <v>41675.605706018519</v>
      </c>
      <c r="B8923" s="6">
        <v>148534.65</v>
      </c>
      <c r="C8923" s="7">
        <f t="shared" si="139"/>
        <v>148.53465</v>
      </c>
      <c r="I8923" s="1"/>
    </row>
    <row r="8924" spans="1:9" x14ac:dyDescent="0.25">
      <c r="A8924" s="3">
        <v>41675.605787037035</v>
      </c>
      <c r="B8924" s="6">
        <v>148551.29999999999</v>
      </c>
      <c r="C8924" s="7">
        <f t="shared" si="139"/>
        <v>148.5513</v>
      </c>
      <c r="I8924" s="1"/>
    </row>
    <row r="8925" spans="1:9" x14ac:dyDescent="0.25">
      <c r="A8925" s="3">
        <v>41675.606886574074</v>
      </c>
      <c r="B8925" s="6">
        <v>148567.94999999998</v>
      </c>
      <c r="C8925" s="7">
        <f t="shared" si="139"/>
        <v>148.56795</v>
      </c>
      <c r="I8925" s="1"/>
    </row>
    <row r="8926" spans="1:9" x14ac:dyDescent="0.25">
      <c r="A8926" s="3">
        <v>41675.60701388889</v>
      </c>
      <c r="B8926" s="6">
        <v>148584.59999999998</v>
      </c>
      <c r="C8926" s="7">
        <f t="shared" si="139"/>
        <v>148.58459999999997</v>
      </c>
      <c r="I8926" s="1"/>
    </row>
    <row r="8927" spans="1:9" x14ac:dyDescent="0.25">
      <c r="A8927" s="3">
        <v>41675.608391203707</v>
      </c>
      <c r="B8927" s="6">
        <v>148601.25</v>
      </c>
      <c r="C8927" s="7">
        <f t="shared" si="139"/>
        <v>148.60124999999999</v>
      </c>
      <c r="I8927" s="1"/>
    </row>
    <row r="8928" spans="1:9" x14ac:dyDescent="0.25">
      <c r="A8928" s="3">
        <v>41675.608518518522</v>
      </c>
      <c r="B8928" s="6">
        <v>148617.9</v>
      </c>
      <c r="C8928" s="7">
        <f t="shared" si="139"/>
        <v>148.61789999999999</v>
      </c>
      <c r="I8928" s="1"/>
    </row>
    <row r="8929" spans="1:9" x14ac:dyDescent="0.25">
      <c r="A8929" s="3">
        <v>41675.609699074077</v>
      </c>
      <c r="B8929" s="6">
        <v>148634.54999999999</v>
      </c>
      <c r="C8929" s="7">
        <f t="shared" si="139"/>
        <v>148.63454999999999</v>
      </c>
      <c r="I8929" s="1"/>
    </row>
    <row r="8930" spans="1:9" x14ac:dyDescent="0.25">
      <c r="A8930" s="3">
        <v>41675.609895833331</v>
      </c>
      <c r="B8930" s="6">
        <v>148651.19999999998</v>
      </c>
      <c r="C8930" s="7">
        <f t="shared" si="139"/>
        <v>148.65119999999999</v>
      </c>
      <c r="I8930" s="1"/>
    </row>
    <row r="8931" spans="1:9" x14ac:dyDescent="0.25">
      <c r="A8931" s="3">
        <v>41675.612870370373</v>
      </c>
      <c r="B8931" s="6">
        <v>148667.84999999998</v>
      </c>
      <c r="C8931" s="7">
        <f t="shared" si="139"/>
        <v>148.66784999999999</v>
      </c>
      <c r="I8931" s="1"/>
    </row>
    <row r="8932" spans="1:9" x14ac:dyDescent="0.25">
      <c r="A8932" s="3">
        <v>41675.612962962965</v>
      </c>
      <c r="B8932" s="6">
        <v>148684.5</v>
      </c>
      <c r="C8932" s="7">
        <f t="shared" si="139"/>
        <v>148.68450000000001</v>
      </c>
      <c r="I8932" s="1"/>
    </row>
    <row r="8933" spans="1:9" x14ac:dyDescent="0.25">
      <c r="A8933" s="3">
        <v>41675.622129629628</v>
      </c>
      <c r="B8933" s="6">
        <v>148701.15</v>
      </c>
      <c r="C8933" s="7">
        <f t="shared" si="139"/>
        <v>148.70114999999998</v>
      </c>
      <c r="I8933" s="1"/>
    </row>
    <row r="8934" spans="1:9" x14ac:dyDescent="0.25">
      <c r="A8934" s="3">
        <v>41675.622303240743</v>
      </c>
      <c r="B8934" s="6">
        <v>148717.79999999999</v>
      </c>
      <c r="C8934" s="7">
        <f t="shared" si="139"/>
        <v>148.71779999999998</v>
      </c>
      <c r="I8934" s="1"/>
    </row>
    <row r="8935" spans="1:9" x14ac:dyDescent="0.25">
      <c r="A8935" s="3">
        <v>41675.625243055554</v>
      </c>
      <c r="B8935" s="6">
        <v>148734.44999999998</v>
      </c>
      <c r="C8935" s="7">
        <f t="shared" si="139"/>
        <v>148.73444999999998</v>
      </c>
      <c r="I8935" s="1"/>
    </row>
    <row r="8936" spans="1:9" x14ac:dyDescent="0.25">
      <c r="A8936" s="3">
        <v>41675.625439814816</v>
      </c>
      <c r="B8936" s="6">
        <v>148751.09999999998</v>
      </c>
      <c r="C8936" s="7">
        <f t="shared" si="139"/>
        <v>148.75109999999998</v>
      </c>
      <c r="I8936" s="1"/>
    </row>
    <row r="8937" spans="1:9" x14ac:dyDescent="0.25">
      <c r="A8937" s="3">
        <v>41675.629293981481</v>
      </c>
      <c r="B8937" s="6">
        <v>148767.75</v>
      </c>
      <c r="C8937" s="7">
        <f t="shared" si="139"/>
        <v>148.76775000000001</v>
      </c>
      <c r="I8937" s="1"/>
    </row>
    <row r="8938" spans="1:9" x14ac:dyDescent="0.25">
      <c r="A8938" s="3">
        <v>41675.629490740743</v>
      </c>
      <c r="B8938" s="6">
        <v>148784.4</v>
      </c>
      <c r="C8938" s="7">
        <f t="shared" si="139"/>
        <v>148.78440000000001</v>
      </c>
      <c r="I8938" s="1"/>
    </row>
    <row r="8939" spans="1:9" x14ac:dyDescent="0.25">
      <c r="A8939" s="3">
        <v>41675.64266203704</v>
      </c>
      <c r="B8939" s="6">
        <v>148801.04999999999</v>
      </c>
      <c r="C8939" s="7">
        <f t="shared" si="139"/>
        <v>148.80104999999998</v>
      </c>
      <c r="I8939" s="1"/>
    </row>
    <row r="8940" spans="1:9" x14ac:dyDescent="0.25">
      <c r="A8940" s="3">
        <v>41675.642754629633</v>
      </c>
      <c r="B8940" s="6">
        <v>148817.69999999998</v>
      </c>
      <c r="C8940" s="7">
        <f t="shared" si="139"/>
        <v>148.81769999999997</v>
      </c>
      <c r="I8940" s="1"/>
    </row>
    <row r="8941" spans="1:9" x14ac:dyDescent="0.25">
      <c r="A8941" s="3">
        <v>41675.643900462965</v>
      </c>
      <c r="B8941" s="6">
        <v>148834.34999999998</v>
      </c>
      <c r="C8941" s="7">
        <f t="shared" si="139"/>
        <v>148.83434999999997</v>
      </c>
      <c r="I8941" s="1"/>
    </row>
    <row r="8942" spans="1:9" x14ac:dyDescent="0.25">
      <c r="A8942" s="3">
        <v>41675.643969907411</v>
      </c>
      <c r="B8942" s="6">
        <v>148851</v>
      </c>
      <c r="C8942" s="7">
        <f t="shared" si="139"/>
        <v>148.851</v>
      </c>
      <c r="I8942" s="1"/>
    </row>
    <row r="8943" spans="1:9" x14ac:dyDescent="0.25">
      <c r="A8943" s="3">
        <v>41675.645219907405</v>
      </c>
      <c r="B8943" s="6">
        <v>148867.65</v>
      </c>
      <c r="C8943" s="7">
        <f t="shared" si="139"/>
        <v>148.86765</v>
      </c>
      <c r="I8943" s="1"/>
    </row>
    <row r="8944" spans="1:9" x14ac:dyDescent="0.25">
      <c r="A8944" s="3">
        <v>41675.645312499997</v>
      </c>
      <c r="B8944" s="6">
        <v>148884.29999999999</v>
      </c>
      <c r="C8944" s="7">
        <f t="shared" si="139"/>
        <v>148.8843</v>
      </c>
      <c r="I8944" s="1"/>
    </row>
    <row r="8945" spans="1:9" x14ac:dyDescent="0.25">
      <c r="A8945" s="3">
        <v>41675.646863425929</v>
      </c>
      <c r="B8945" s="6">
        <v>148900.94999999998</v>
      </c>
      <c r="C8945" s="7">
        <f t="shared" si="139"/>
        <v>148.90094999999999</v>
      </c>
      <c r="I8945" s="1"/>
    </row>
    <row r="8946" spans="1:9" x14ac:dyDescent="0.25">
      <c r="A8946" s="3">
        <v>41675.647094907406</v>
      </c>
      <c r="B8946" s="6">
        <v>148917.59999999998</v>
      </c>
      <c r="C8946" s="7">
        <f t="shared" si="139"/>
        <v>148.91759999999996</v>
      </c>
      <c r="I8946" s="1"/>
    </row>
    <row r="8947" spans="1:9" x14ac:dyDescent="0.25">
      <c r="A8947" s="3">
        <v>41675.648738425924</v>
      </c>
      <c r="B8947" s="6">
        <v>148934.25</v>
      </c>
      <c r="C8947" s="7">
        <f t="shared" si="139"/>
        <v>148.93424999999999</v>
      </c>
      <c r="I8947" s="1"/>
    </row>
    <row r="8948" spans="1:9" x14ac:dyDescent="0.25">
      <c r="A8948" s="3">
        <v>41675.648935185185</v>
      </c>
      <c r="B8948" s="6">
        <v>148950.9</v>
      </c>
      <c r="C8948" s="7">
        <f t="shared" si="139"/>
        <v>148.95089999999999</v>
      </c>
      <c r="I8948" s="1"/>
    </row>
    <row r="8949" spans="1:9" x14ac:dyDescent="0.25">
      <c r="A8949" s="3">
        <v>41675.650196759256</v>
      </c>
      <c r="B8949" s="6">
        <v>148967.54999999999</v>
      </c>
      <c r="C8949" s="7">
        <f t="shared" si="139"/>
        <v>148.96754999999999</v>
      </c>
      <c r="I8949" s="1"/>
    </row>
    <row r="8950" spans="1:9" x14ac:dyDescent="0.25">
      <c r="A8950" s="3">
        <v>41675.650335648148</v>
      </c>
      <c r="B8950" s="6">
        <v>148984.19999999998</v>
      </c>
      <c r="C8950" s="7">
        <f t="shared" si="139"/>
        <v>148.98419999999999</v>
      </c>
      <c r="I8950" s="1"/>
    </row>
    <row r="8951" spans="1:9" x14ac:dyDescent="0.25">
      <c r="A8951" s="3">
        <v>41675.652199074073</v>
      </c>
      <c r="B8951" s="6">
        <v>149000.84999999998</v>
      </c>
      <c r="C8951" s="7">
        <f t="shared" si="139"/>
        <v>149.00084999999999</v>
      </c>
      <c r="I8951" s="1"/>
    </row>
    <row r="8952" spans="1:9" x14ac:dyDescent="0.25">
      <c r="A8952" s="3">
        <v>41675.652407407404</v>
      </c>
      <c r="B8952" s="6">
        <v>149017.5</v>
      </c>
      <c r="C8952" s="7">
        <f t="shared" si="139"/>
        <v>149.01750000000001</v>
      </c>
      <c r="I8952" s="1"/>
    </row>
    <row r="8953" spans="1:9" x14ac:dyDescent="0.25">
      <c r="A8953" s="3">
        <v>41675.656087962961</v>
      </c>
      <c r="B8953" s="6">
        <v>149034.15</v>
      </c>
      <c r="C8953" s="7">
        <f t="shared" si="139"/>
        <v>149.03414999999998</v>
      </c>
      <c r="I8953" s="1"/>
    </row>
    <row r="8954" spans="1:9" x14ac:dyDescent="0.25">
      <c r="A8954" s="3">
        <v>41675.656192129631</v>
      </c>
      <c r="B8954" s="6">
        <v>149050.79999999999</v>
      </c>
      <c r="C8954" s="7">
        <f t="shared" si="139"/>
        <v>149.05079999999998</v>
      </c>
      <c r="I8954" s="1"/>
    </row>
    <row r="8955" spans="1:9" x14ac:dyDescent="0.25">
      <c r="A8955" s="3">
        <v>41675.658391203702</v>
      </c>
      <c r="B8955" s="6">
        <v>149067.44999999998</v>
      </c>
      <c r="C8955" s="7">
        <f t="shared" si="139"/>
        <v>149.06744999999998</v>
      </c>
      <c r="I8955" s="1"/>
    </row>
    <row r="8956" spans="1:9" x14ac:dyDescent="0.25">
      <c r="A8956" s="3">
        <v>41675.658495370371</v>
      </c>
      <c r="B8956" s="6">
        <v>149084.09999999998</v>
      </c>
      <c r="C8956" s="7">
        <f t="shared" si="139"/>
        <v>149.08409999999998</v>
      </c>
      <c r="I8956" s="1"/>
    </row>
    <row r="8957" spans="1:9" x14ac:dyDescent="0.25">
      <c r="A8957" s="3">
        <v>41675.659236111111</v>
      </c>
      <c r="B8957" s="6">
        <v>149100.75</v>
      </c>
      <c r="C8957" s="7">
        <f t="shared" si="139"/>
        <v>149.10075000000001</v>
      </c>
      <c r="I8957" s="1"/>
    </row>
    <row r="8958" spans="1:9" x14ac:dyDescent="0.25">
      <c r="A8958" s="3">
        <v>41675.659282407411</v>
      </c>
      <c r="B8958" s="6">
        <v>149117.4</v>
      </c>
      <c r="C8958" s="7">
        <f t="shared" si="139"/>
        <v>149.1174</v>
      </c>
      <c r="I8958" s="1"/>
    </row>
    <row r="8959" spans="1:9" x14ac:dyDescent="0.25">
      <c r="A8959" s="3">
        <v>41675.659699074073</v>
      </c>
      <c r="B8959" s="6">
        <v>149134.04999999999</v>
      </c>
      <c r="C8959" s="7">
        <f t="shared" si="139"/>
        <v>149.13405</v>
      </c>
      <c r="I8959" s="1"/>
    </row>
    <row r="8960" spans="1:9" x14ac:dyDescent="0.25">
      <c r="A8960" s="3">
        <v>41675.659745370373</v>
      </c>
      <c r="B8960" s="6">
        <v>149150.69999999998</v>
      </c>
      <c r="C8960" s="7">
        <f t="shared" si="139"/>
        <v>149.15069999999997</v>
      </c>
      <c r="I8960" s="1"/>
    </row>
    <row r="8961" spans="1:9" x14ac:dyDescent="0.25">
      <c r="A8961" s="3">
        <v>41675.660474537035</v>
      </c>
      <c r="B8961" s="6">
        <v>149167.34999999998</v>
      </c>
      <c r="C8961" s="7">
        <f t="shared" si="139"/>
        <v>149.16734999999997</v>
      </c>
      <c r="I8961" s="1"/>
    </row>
    <row r="8962" spans="1:9" x14ac:dyDescent="0.25">
      <c r="A8962" s="3">
        <v>41675.660590277781</v>
      </c>
      <c r="B8962" s="6">
        <v>149184</v>
      </c>
      <c r="C8962" s="7">
        <f t="shared" si="139"/>
        <v>149.184</v>
      </c>
      <c r="I8962" s="1"/>
    </row>
    <row r="8963" spans="1:9" x14ac:dyDescent="0.25">
      <c r="A8963" s="3">
        <v>41675.663206018522</v>
      </c>
      <c r="B8963" s="6">
        <v>149200.65</v>
      </c>
      <c r="C8963" s="7">
        <f t="shared" ref="C8963:C9026" si="140">B8963/1000</f>
        <v>149.20065</v>
      </c>
      <c r="I8963" s="1"/>
    </row>
    <row r="8964" spans="1:9" x14ac:dyDescent="0.25">
      <c r="A8964" s="3">
        <v>41675.665567129632</v>
      </c>
      <c r="B8964" s="6">
        <v>149217.29999999999</v>
      </c>
      <c r="C8964" s="7">
        <f t="shared" si="140"/>
        <v>149.21729999999999</v>
      </c>
      <c r="I8964" s="1"/>
    </row>
    <row r="8965" spans="1:9" x14ac:dyDescent="0.25">
      <c r="A8965" s="3">
        <v>41675.677974537037</v>
      </c>
      <c r="B8965" s="6">
        <v>149233.94999999998</v>
      </c>
      <c r="C8965" s="7">
        <f t="shared" si="140"/>
        <v>149.23394999999999</v>
      </c>
      <c r="I8965" s="1"/>
    </row>
    <row r="8966" spans="1:9" x14ac:dyDescent="0.25">
      <c r="A8966" s="3">
        <v>41675.678055555552</v>
      </c>
      <c r="B8966" s="6">
        <v>149250.59999999998</v>
      </c>
      <c r="C8966" s="7">
        <f t="shared" si="140"/>
        <v>149.25059999999996</v>
      </c>
      <c r="I8966" s="1"/>
    </row>
    <row r="8967" spans="1:9" x14ac:dyDescent="0.25">
      <c r="A8967" s="3">
        <v>41675.678587962961</v>
      </c>
      <c r="B8967" s="6">
        <v>149267.25</v>
      </c>
      <c r="C8967" s="7">
        <f t="shared" si="140"/>
        <v>149.26724999999999</v>
      </c>
      <c r="I8967" s="1"/>
    </row>
    <row r="8968" spans="1:9" x14ac:dyDescent="0.25">
      <c r="A8968" s="3">
        <v>41675.678657407407</v>
      </c>
      <c r="B8968" s="6">
        <v>149283.9</v>
      </c>
      <c r="C8968" s="7">
        <f t="shared" si="140"/>
        <v>149.28389999999999</v>
      </c>
      <c r="I8968" s="1"/>
    </row>
    <row r="8969" spans="1:9" x14ac:dyDescent="0.25">
      <c r="A8969" s="3">
        <v>41675.679351851853</v>
      </c>
      <c r="B8969" s="6">
        <v>149300.54999999999</v>
      </c>
      <c r="C8969" s="7">
        <f t="shared" si="140"/>
        <v>149.30054999999999</v>
      </c>
      <c r="I8969" s="1"/>
    </row>
    <row r="8970" spans="1:9" x14ac:dyDescent="0.25">
      <c r="A8970" s="3">
        <v>41675.6794212963</v>
      </c>
      <c r="B8970" s="6">
        <v>149317.19999999998</v>
      </c>
      <c r="C8970" s="7">
        <f t="shared" si="140"/>
        <v>149.31719999999999</v>
      </c>
      <c r="I8970" s="1"/>
    </row>
    <row r="8971" spans="1:9" x14ac:dyDescent="0.25">
      <c r="A8971" s="3">
        <v>41675.679942129631</v>
      </c>
      <c r="B8971" s="6">
        <v>149333.84999999998</v>
      </c>
      <c r="C8971" s="7">
        <f t="shared" si="140"/>
        <v>149.33384999999998</v>
      </c>
      <c r="I8971" s="1"/>
    </row>
    <row r="8972" spans="1:9" x14ac:dyDescent="0.25">
      <c r="A8972" s="3">
        <v>41675.680011574077</v>
      </c>
      <c r="B8972" s="6">
        <v>149350.5</v>
      </c>
      <c r="C8972" s="7">
        <f t="shared" si="140"/>
        <v>149.35050000000001</v>
      </c>
      <c r="I8972" s="1"/>
    </row>
    <row r="8973" spans="1:9" x14ac:dyDescent="0.25">
      <c r="A8973" s="3">
        <v>41675.691342592596</v>
      </c>
      <c r="B8973" s="6">
        <v>149367.15</v>
      </c>
      <c r="C8973" s="7">
        <f t="shared" si="140"/>
        <v>149.36714999999998</v>
      </c>
      <c r="I8973" s="1"/>
    </row>
    <row r="8974" spans="1:9" x14ac:dyDescent="0.25">
      <c r="A8974" s="3">
        <v>41675.693206018521</v>
      </c>
      <c r="B8974" s="6">
        <v>149383.79999999999</v>
      </c>
      <c r="C8974" s="7">
        <f t="shared" si="140"/>
        <v>149.38379999999998</v>
      </c>
      <c r="I8974" s="1"/>
    </row>
    <row r="8975" spans="1:9" x14ac:dyDescent="0.25">
      <c r="A8975" s="3">
        <v>41675.699016203704</v>
      </c>
      <c r="B8975" s="6">
        <v>149400.44999999998</v>
      </c>
      <c r="C8975" s="7">
        <f t="shared" si="140"/>
        <v>149.40044999999998</v>
      </c>
      <c r="I8975" s="1"/>
    </row>
    <row r="8976" spans="1:9" x14ac:dyDescent="0.25">
      <c r="A8976" s="3">
        <v>41675.699189814812</v>
      </c>
      <c r="B8976" s="6">
        <v>149417.09999999998</v>
      </c>
      <c r="C8976" s="7">
        <f t="shared" si="140"/>
        <v>149.41709999999998</v>
      </c>
      <c r="I8976" s="1"/>
    </row>
    <row r="8977" spans="1:9" x14ac:dyDescent="0.25">
      <c r="A8977" s="3">
        <v>41675.700509259259</v>
      </c>
      <c r="B8977" s="6">
        <v>149433.75</v>
      </c>
      <c r="C8977" s="7">
        <f t="shared" si="140"/>
        <v>149.43375</v>
      </c>
      <c r="I8977" s="1"/>
    </row>
    <row r="8978" spans="1:9" x14ac:dyDescent="0.25">
      <c r="A8978" s="3">
        <v>41675.700636574074</v>
      </c>
      <c r="B8978" s="6">
        <v>149450.4</v>
      </c>
      <c r="C8978" s="7">
        <f t="shared" si="140"/>
        <v>149.4504</v>
      </c>
      <c r="I8978" s="1"/>
    </row>
    <row r="8979" spans="1:9" x14ac:dyDescent="0.25">
      <c r="A8979" s="3">
        <v>41675.711875000001</v>
      </c>
      <c r="B8979" s="6">
        <v>149467.04999999999</v>
      </c>
      <c r="C8979" s="7">
        <f t="shared" si="140"/>
        <v>149.46705</v>
      </c>
      <c r="I8979" s="1"/>
    </row>
    <row r="8980" spans="1:9" x14ac:dyDescent="0.25">
      <c r="A8980" s="3">
        <v>41675.712025462963</v>
      </c>
      <c r="B8980" s="6">
        <v>149483.69999999998</v>
      </c>
      <c r="C8980" s="7">
        <f t="shared" si="140"/>
        <v>149.48369999999997</v>
      </c>
      <c r="I8980" s="1"/>
    </row>
    <row r="8981" spans="1:9" x14ac:dyDescent="0.25">
      <c r="A8981" s="3">
        <v>41675.714803240742</v>
      </c>
      <c r="B8981" s="6">
        <v>149500.34999999998</v>
      </c>
      <c r="C8981" s="7">
        <f t="shared" si="140"/>
        <v>149.50034999999997</v>
      </c>
      <c r="I8981" s="1"/>
    </row>
    <row r="8982" spans="1:9" x14ac:dyDescent="0.25">
      <c r="A8982" s="3">
        <v>41675.71503472222</v>
      </c>
      <c r="B8982" s="6">
        <v>149517</v>
      </c>
      <c r="C8982" s="7">
        <f t="shared" si="140"/>
        <v>149.517</v>
      </c>
      <c r="I8982" s="1"/>
    </row>
    <row r="8983" spans="1:9" x14ac:dyDescent="0.25">
      <c r="A8983" s="3">
        <v>41675.723668981482</v>
      </c>
      <c r="B8983" s="6">
        <v>149533.65</v>
      </c>
      <c r="C8983" s="7">
        <f t="shared" si="140"/>
        <v>149.53364999999999</v>
      </c>
      <c r="I8983" s="1"/>
    </row>
    <row r="8984" spans="1:9" x14ac:dyDescent="0.25">
      <c r="A8984" s="3">
        <v>41675.723865740743</v>
      </c>
      <c r="B8984" s="6">
        <v>149550.29999999999</v>
      </c>
      <c r="C8984" s="7">
        <f t="shared" si="140"/>
        <v>149.55029999999999</v>
      </c>
      <c r="I8984" s="1"/>
    </row>
    <row r="8985" spans="1:9" x14ac:dyDescent="0.25">
      <c r="A8985" s="3">
        <v>41675.726840277777</v>
      </c>
      <c r="B8985" s="6">
        <v>149566.94999999998</v>
      </c>
      <c r="C8985" s="7">
        <f t="shared" si="140"/>
        <v>149.56694999999999</v>
      </c>
      <c r="I8985" s="1"/>
    </row>
    <row r="8986" spans="1:9" x14ac:dyDescent="0.25">
      <c r="A8986" s="3">
        <v>41675.727048611108</v>
      </c>
      <c r="B8986" s="6">
        <v>149583.59999999998</v>
      </c>
      <c r="C8986" s="7">
        <f t="shared" si="140"/>
        <v>149.58359999999999</v>
      </c>
      <c r="I8986" s="1"/>
    </row>
    <row r="8987" spans="1:9" x14ac:dyDescent="0.25">
      <c r="A8987" s="3">
        <v>41675.734398148146</v>
      </c>
      <c r="B8987" s="6">
        <v>149600.25</v>
      </c>
      <c r="C8987" s="7">
        <f t="shared" si="140"/>
        <v>149.60024999999999</v>
      </c>
      <c r="I8987" s="1"/>
    </row>
    <row r="8988" spans="1:9" x14ac:dyDescent="0.25">
      <c r="A8988" s="3">
        <v>41675.734606481485</v>
      </c>
      <c r="B8988" s="6">
        <v>149616.9</v>
      </c>
      <c r="C8988" s="7">
        <f t="shared" si="140"/>
        <v>149.61689999999999</v>
      </c>
      <c r="I8988" s="1"/>
    </row>
    <row r="8989" spans="1:9" x14ac:dyDescent="0.25">
      <c r="A8989" s="3">
        <v>41675.736527777779</v>
      </c>
      <c r="B8989" s="6">
        <v>149633.54999999999</v>
      </c>
      <c r="C8989" s="7">
        <f t="shared" si="140"/>
        <v>149.63354999999999</v>
      </c>
      <c r="I8989" s="1"/>
    </row>
    <row r="8990" spans="1:9" x14ac:dyDescent="0.25">
      <c r="A8990" s="3">
        <v>41675.736597222225</v>
      </c>
      <c r="B8990" s="6">
        <v>149650.19999999998</v>
      </c>
      <c r="C8990" s="7">
        <f t="shared" si="140"/>
        <v>149.65019999999998</v>
      </c>
      <c r="I8990" s="1"/>
    </row>
    <row r="8991" spans="1:9" x14ac:dyDescent="0.25">
      <c r="A8991" s="3">
        <v>41675.737685185188</v>
      </c>
      <c r="B8991" s="6">
        <v>149666.84999999998</v>
      </c>
      <c r="C8991" s="7">
        <f t="shared" si="140"/>
        <v>149.66684999999998</v>
      </c>
      <c r="I8991" s="1"/>
    </row>
    <row r="8992" spans="1:9" x14ac:dyDescent="0.25">
      <c r="A8992" s="3">
        <v>41675.749212962961</v>
      </c>
      <c r="B8992" s="6">
        <v>149683.5</v>
      </c>
      <c r="C8992" s="7">
        <f t="shared" si="140"/>
        <v>149.68350000000001</v>
      </c>
      <c r="I8992" s="1"/>
    </row>
    <row r="8993" spans="1:9" x14ac:dyDescent="0.25">
      <c r="A8993" s="3">
        <v>41675.872546296298</v>
      </c>
      <c r="B8993" s="6">
        <v>149700.15</v>
      </c>
      <c r="C8993" s="7">
        <f t="shared" si="140"/>
        <v>149.70015000000001</v>
      </c>
      <c r="I8993" s="1"/>
    </row>
    <row r="8994" spans="1:9" x14ac:dyDescent="0.25">
      <c r="A8994" s="3">
        <v>41703.09034722222</v>
      </c>
      <c r="B8994" s="6">
        <v>149716.79999999999</v>
      </c>
      <c r="C8994" s="7">
        <f t="shared" si="140"/>
        <v>149.71679999999998</v>
      </c>
      <c r="I8994" s="1"/>
    </row>
    <row r="8995" spans="1:9" x14ac:dyDescent="0.25">
      <c r="A8995" s="3">
        <v>41703.361331018517</v>
      </c>
      <c r="B8995" s="6">
        <v>149733.44999999998</v>
      </c>
      <c r="C8995" s="7">
        <f t="shared" si="140"/>
        <v>149.73344999999998</v>
      </c>
      <c r="I8995" s="1"/>
    </row>
    <row r="8996" spans="1:9" x14ac:dyDescent="0.25">
      <c r="A8996" s="3">
        <v>41703.38208333333</v>
      </c>
      <c r="B8996" s="6">
        <v>149750.09999999998</v>
      </c>
      <c r="C8996" s="7">
        <f t="shared" si="140"/>
        <v>149.75009999999997</v>
      </c>
      <c r="I8996" s="1"/>
    </row>
    <row r="8997" spans="1:9" x14ac:dyDescent="0.25">
      <c r="A8997" s="3">
        <v>41703.411030092589</v>
      </c>
      <c r="B8997" s="6">
        <v>149766.75</v>
      </c>
      <c r="C8997" s="7">
        <f t="shared" si="140"/>
        <v>149.76675</v>
      </c>
      <c r="I8997" s="1"/>
    </row>
    <row r="8998" spans="1:9" x14ac:dyDescent="0.25">
      <c r="A8998" s="3">
        <v>41703.411157407405</v>
      </c>
      <c r="B8998" s="6">
        <v>149783.4</v>
      </c>
      <c r="C8998" s="7">
        <f t="shared" si="140"/>
        <v>149.7834</v>
      </c>
      <c r="I8998" s="1"/>
    </row>
    <row r="8999" spans="1:9" x14ac:dyDescent="0.25">
      <c r="A8999" s="3">
        <v>41703.428761574076</v>
      </c>
      <c r="B8999" s="6">
        <v>149800.04999999999</v>
      </c>
      <c r="C8999" s="7">
        <f t="shared" si="140"/>
        <v>149.80005</v>
      </c>
      <c r="I8999" s="1"/>
    </row>
    <row r="9000" spans="1:9" x14ac:dyDescent="0.25">
      <c r="A9000" s="3">
        <v>41703.432199074072</v>
      </c>
      <c r="B9000" s="6">
        <v>149816.69999999998</v>
      </c>
      <c r="C9000" s="7">
        <f t="shared" si="140"/>
        <v>149.81669999999997</v>
      </c>
      <c r="I9000" s="1"/>
    </row>
    <row r="9001" spans="1:9" x14ac:dyDescent="0.25">
      <c r="A9001" s="3">
        <v>41703.471203703702</v>
      </c>
      <c r="B9001" s="6">
        <v>149833.34999999998</v>
      </c>
      <c r="C9001" s="7">
        <f t="shared" si="140"/>
        <v>149.83334999999997</v>
      </c>
      <c r="I9001" s="1"/>
    </row>
    <row r="9002" spans="1:9" x14ac:dyDescent="0.25">
      <c r="A9002" s="3">
        <v>41703.471631944441</v>
      </c>
      <c r="B9002" s="6">
        <v>149850</v>
      </c>
      <c r="C9002" s="7">
        <f t="shared" si="140"/>
        <v>149.85</v>
      </c>
      <c r="I9002" s="1"/>
    </row>
    <row r="9003" spans="1:9" x14ac:dyDescent="0.25">
      <c r="A9003" s="3">
        <v>41703.474942129629</v>
      </c>
      <c r="B9003" s="6">
        <v>149866.65</v>
      </c>
      <c r="C9003" s="7">
        <f t="shared" si="140"/>
        <v>149.86664999999999</v>
      </c>
      <c r="I9003" s="1"/>
    </row>
    <row r="9004" spans="1:9" x14ac:dyDescent="0.25">
      <c r="A9004" s="3">
        <v>41703.475266203706</v>
      </c>
      <c r="B9004" s="6">
        <v>149883.29999999999</v>
      </c>
      <c r="C9004" s="7">
        <f t="shared" si="140"/>
        <v>149.88329999999999</v>
      </c>
      <c r="I9004" s="1"/>
    </row>
    <row r="9005" spans="1:9" x14ac:dyDescent="0.25">
      <c r="A9005" s="3">
        <v>41703.477048611108</v>
      </c>
      <c r="B9005" s="6">
        <v>149899.94999999998</v>
      </c>
      <c r="C9005" s="7">
        <f t="shared" si="140"/>
        <v>149.89994999999999</v>
      </c>
      <c r="I9005" s="1"/>
    </row>
    <row r="9006" spans="1:9" x14ac:dyDescent="0.25">
      <c r="A9006" s="3">
        <v>41703.477500000001</v>
      </c>
      <c r="B9006" s="6">
        <v>149916.59999999998</v>
      </c>
      <c r="C9006" s="7">
        <f t="shared" si="140"/>
        <v>149.91659999999999</v>
      </c>
      <c r="I9006" s="1"/>
    </row>
    <row r="9007" spans="1:9" x14ac:dyDescent="0.25">
      <c r="A9007" s="3">
        <v>41703.481793981482</v>
      </c>
      <c r="B9007" s="6">
        <v>149933.25</v>
      </c>
      <c r="C9007" s="7">
        <f t="shared" si="140"/>
        <v>149.93324999999999</v>
      </c>
      <c r="I9007" s="1"/>
    </row>
    <row r="9008" spans="1:9" x14ac:dyDescent="0.25">
      <c r="A9008" s="3">
        <v>41703.482037037036</v>
      </c>
      <c r="B9008" s="6">
        <v>149949.9</v>
      </c>
      <c r="C9008" s="7">
        <f t="shared" si="140"/>
        <v>149.94989999999999</v>
      </c>
      <c r="I9008" s="1"/>
    </row>
    <row r="9009" spans="1:9" x14ac:dyDescent="0.25">
      <c r="A9009" s="3">
        <v>41703.483981481484</v>
      </c>
      <c r="B9009" s="6">
        <v>149966.54999999999</v>
      </c>
      <c r="C9009" s="7">
        <f t="shared" si="140"/>
        <v>149.96654999999998</v>
      </c>
      <c r="I9009" s="1"/>
    </row>
    <row r="9010" spans="1:9" x14ac:dyDescent="0.25">
      <c r="A9010" s="3">
        <v>41703.484120370369</v>
      </c>
      <c r="B9010" s="6">
        <v>149983.19999999998</v>
      </c>
      <c r="C9010" s="7">
        <f t="shared" si="140"/>
        <v>149.98319999999998</v>
      </c>
      <c r="I9010" s="1"/>
    </row>
    <row r="9011" spans="1:9" x14ac:dyDescent="0.25">
      <c r="A9011" s="3">
        <v>41703.485312500001</v>
      </c>
      <c r="B9011" s="6">
        <v>149999.84999999998</v>
      </c>
      <c r="C9011" s="7">
        <f t="shared" si="140"/>
        <v>149.99984999999998</v>
      </c>
      <c r="I9011" s="1"/>
    </row>
    <row r="9012" spans="1:9" x14ac:dyDescent="0.25">
      <c r="A9012" s="3">
        <v>41703.485671296294</v>
      </c>
      <c r="B9012" s="6">
        <v>150016.5</v>
      </c>
      <c r="C9012" s="7">
        <f t="shared" si="140"/>
        <v>150.01650000000001</v>
      </c>
      <c r="I9012" s="1"/>
    </row>
    <row r="9013" spans="1:9" x14ac:dyDescent="0.25">
      <c r="A9013" s="3">
        <v>41703.486817129633</v>
      </c>
      <c r="B9013" s="6">
        <v>150033.15</v>
      </c>
      <c r="C9013" s="7">
        <f t="shared" si="140"/>
        <v>150.03315000000001</v>
      </c>
      <c r="I9013" s="1"/>
    </row>
    <row r="9014" spans="1:9" x14ac:dyDescent="0.25">
      <c r="A9014" s="3">
        <v>41703.486956018518</v>
      </c>
      <c r="B9014" s="6">
        <v>150049.79999999999</v>
      </c>
      <c r="C9014" s="7">
        <f t="shared" si="140"/>
        <v>150.04979999999998</v>
      </c>
      <c r="I9014" s="1"/>
    </row>
    <row r="9015" spans="1:9" x14ac:dyDescent="0.25">
      <c r="A9015" s="3">
        <v>41703.489733796298</v>
      </c>
      <c r="B9015" s="6">
        <v>150066.44999999998</v>
      </c>
      <c r="C9015" s="7">
        <f t="shared" si="140"/>
        <v>150.06644999999997</v>
      </c>
      <c r="I9015" s="1"/>
    </row>
    <row r="9016" spans="1:9" x14ac:dyDescent="0.25">
      <c r="A9016" s="3">
        <v>41703.490613425929</v>
      </c>
      <c r="B9016" s="6">
        <v>150083.09999999998</v>
      </c>
      <c r="C9016" s="7">
        <f t="shared" si="140"/>
        <v>150.08309999999997</v>
      </c>
      <c r="I9016" s="1"/>
    </row>
    <row r="9017" spans="1:9" x14ac:dyDescent="0.25">
      <c r="A9017" s="3">
        <v>41703.49291666667</v>
      </c>
      <c r="B9017" s="6">
        <v>150099.75</v>
      </c>
      <c r="C9017" s="7">
        <f t="shared" si="140"/>
        <v>150.09975</v>
      </c>
      <c r="I9017" s="1"/>
    </row>
    <row r="9018" spans="1:9" x14ac:dyDescent="0.25">
      <c r="A9018" s="3">
        <v>41703.493113425924</v>
      </c>
      <c r="B9018" s="6">
        <v>150116.4</v>
      </c>
      <c r="C9018" s="7">
        <f t="shared" si="140"/>
        <v>150.1164</v>
      </c>
      <c r="I9018" s="1"/>
    </row>
    <row r="9019" spans="1:9" x14ac:dyDescent="0.25">
      <c r="A9019" s="3">
        <v>41703.494884259257</v>
      </c>
      <c r="B9019" s="6">
        <v>150133.04999999999</v>
      </c>
      <c r="C9019" s="7">
        <f t="shared" si="140"/>
        <v>150.13305</v>
      </c>
      <c r="I9019" s="1"/>
    </row>
    <row r="9020" spans="1:9" x14ac:dyDescent="0.25">
      <c r="A9020" s="3">
        <v>41703.495011574072</v>
      </c>
      <c r="B9020" s="6">
        <v>150149.69999999998</v>
      </c>
      <c r="C9020" s="7">
        <f t="shared" si="140"/>
        <v>150.1497</v>
      </c>
      <c r="I9020" s="1"/>
    </row>
    <row r="9021" spans="1:9" x14ac:dyDescent="0.25">
      <c r="A9021" s="3">
        <v>41703.497060185182</v>
      </c>
      <c r="B9021" s="6">
        <v>150166.34999999998</v>
      </c>
      <c r="C9021" s="7">
        <f t="shared" si="140"/>
        <v>150.16634999999997</v>
      </c>
      <c r="I9021" s="1"/>
    </row>
    <row r="9022" spans="1:9" x14ac:dyDescent="0.25">
      <c r="A9022" s="3">
        <v>41703.497303240743</v>
      </c>
      <c r="B9022" s="6">
        <v>150183</v>
      </c>
      <c r="C9022" s="7">
        <f t="shared" si="140"/>
        <v>150.18299999999999</v>
      </c>
      <c r="I9022" s="1"/>
    </row>
    <row r="9023" spans="1:9" x14ac:dyDescent="0.25">
      <c r="A9023" s="3">
        <v>41703.498738425929</v>
      </c>
      <c r="B9023" s="6">
        <v>150199.65</v>
      </c>
      <c r="C9023" s="7">
        <f t="shared" si="140"/>
        <v>150.19964999999999</v>
      </c>
      <c r="I9023" s="1"/>
    </row>
    <row r="9024" spans="1:9" x14ac:dyDescent="0.25">
      <c r="A9024" s="3">
        <v>41703.498993055553</v>
      </c>
      <c r="B9024" s="6">
        <v>150216.29999999999</v>
      </c>
      <c r="C9024" s="7">
        <f t="shared" si="140"/>
        <v>150.21629999999999</v>
      </c>
      <c r="I9024" s="1"/>
    </row>
    <row r="9025" spans="1:9" x14ac:dyDescent="0.25">
      <c r="A9025" s="3">
        <v>41703.502962962964</v>
      </c>
      <c r="B9025" s="6">
        <v>150232.94999999998</v>
      </c>
      <c r="C9025" s="7">
        <f t="shared" si="140"/>
        <v>150.23294999999999</v>
      </c>
      <c r="I9025" s="1"/>
    </row>
    <row r="9026" spans="1:9" x14ac:dyDescent="0.25">
      <c r="A9026" s="3">
        <v>41703.503483796296</v>
      </c>
      <c r="B9026" s="6">
        <v>150249.59999999998</v>
      </c>
      <c r="C9026" s="7">
        <f t="shared" si="140"/>
        <v>150.24959999999999</v>
      </c>
      <c r="I9026" s="1"/>
    </row>
    <row r="9027" spans="1:9" x14ac:dyDescent="0.25">
      <c r="A9027" s="3">
        <v>41703.510150462964</v>
      </c>
      <c r="B9027" s="6">
        <v>150266.25</v>
      </c>
      <c r="C9027" s="7">
        <f t="shared" ref="C9027:C9090" si="141">B9027/1000</f>
        <v>150.26625000000001</v>
      </c>
      <c r="I9027" s="1"/>
    </row>
    <row r="9028" spans="1:9" x14ac:dyDescent="0.25">
      <c r="A9028" s="3">
        <v>41703.510300925926</v>
      </c>
      <c r="B9028" s="6">
        <v>150282.9</v>
      </c>
      <c r="C9028" s="7">
        <f t="shared" si="141"/>
        <v>150.28289999999998</v>
      </c>
      <c r="I9028" s="1"/>
    </row>
    <row r="9029" spans="1:9" x14ac:dyDescent="0.25">
      <c r="A9029" s="3">
        <v>41703.51358796296</v>
      </c>
      <c r="B9029" s="6">
        <v>150299.54999999999</v>
      </c>
      <c r="C9029" s="7">
        <f t="shared" si="141"/>
        <v>150.29954999999998</v>
      </c>
      <c r="I9029" s="1"/>
    </row>
    <row r="9030" spans="1:9" x14ac:dyDescent="0.25">
      <c r="A9030" s="3">
        <v>41703.513796296298</v>
      </c>
      <c r="B9030" s="6">
        <v>150316.19999999998</v>
      </c>
      <c r="C9030" s="7">
        <f t="shared" si="141"/>
        <v>150.31619999999998</v>
      </c>
      <c r="I9030" s="1"/>
    </row>
    <row r="9031" spans="1:9" x14ac:dyDescent="0.25">
      <c r="A9031" s="3">
        <v>41703.518587962964</v>
      </c>
      <c r="B9031" s="6">
        <v>150332.84999999998</v>
      </c>
      <c r="C9031" s="7">
        <f t="shared" si="141"/>
        <v>150.33284999999998</v>
      </c>
      <c r="I9031" s="1"/>
    </row>
    <row r="9032" spans="1:9" x14ac:dyDescent="0.25">
      <c r="A9032" s="3">
        <v>41703.518796296295</v>
      </c>
      <c r="B9032" s="6">
        <v>150349.5</v>
      </c>
      <c r="C9032" s="7">
        <f t="shared" si="141"/>
        <v>150.34950000000001</v>
      </c>
      <c r="I9032" s="1"/>
    </row>
    <row r="9033" spans="1:9" x14ac:dyDescent="0.25">
      <c r="A9033" s="3">
        <v>41703.522581018522</v>
      </c>
      <c r="B9033" s="6">
        <v>150366.15</v>
      </c>
      <c r="C9033" s="7">
        <f t="shared" si="141"/>
        <v>150.36615</v>
      </c>
      <c r="I9033" s="1"/>
    </row>
    <row r="9034" spans="1:9" x14ac:dyDescent="0.25">
      <c r="A9034" s="3">
        <v>41703.522916666669</v>
      </c>
      <c r="B9034" s="6">
        <v>150382.79999999999</v>
      </c>
      <c r="C9034" s="7">
        <f t="shared" si="141"/>
        <v>150.38279999999997</v>
      </c>
      <c r="I9034" s="1"/>
    </row>
    <row r="9035" spans="1:9" x14ac:dyDescent="0.25">
      <c r="A9035" s="3">
        <v>41703.526655092595</v>
      </c>
      <c r="B9035" s="6">
        <v>150399.44999999998</v>
      </c>
      <c r="C9035" s="7">
        <f t="shared" si="141"/>
        <v>150.39944999999997</v>
      </c>
      <c r="I9035" s="1"/>
    </row>
    <row r="9036" spans="1:9" x14ac:dyDescent="0.25">
      <c r="A9036" s="3">
        <v>41703.527083333334</v>
      </c>
      <c r="B9036" s="6">
        <v>150416.09999999998</v>
      </c>
      <c r="C9036" s="7">
        <f t="shared" si="141"/>
        <v>150.41609999999997</v>
      </c>
      <c r="I9036" s="1"/>
    </row>
    <row r="9037" spans="1:9" x14ac:dyDescent="0.25">
      <c r="A9037" s="3">
        <v>41703.529143518521</v>
      </c>
      <c r="B9037" s="6">
        <v>150432.75</v>
      </c>
      <c r="C9037" s="7">
        <f t="shared" si="141"/>
        <v>150.43275</v>
      </c>
      <c r="I9037" s="1"/>
    </row>
    <row r="9038" spans="1:9" x14ac:dyDescent="0.25">
      <c r="A9038" s="3">
        <v>41703.529293981483</v>
      </c>
      <c r="B9038" s="6">
        <v>150449.4</v>
      </c>
      <c r="C9038" s="7">
        <f t="shared" si="141"/>
        <v>150.4494</v>
      </c>
      <c r="I9038" s="1"/>
    </row>
    <row r="9039" spans="1:9" x14ac:dyDescent="0.25">
      <c r="A9039" s="3">
        <v>41703.533043981479</v>
      </c>
      <c r="B9039" s="6">
        <v>150466.04999999999</v>
      </c>
      <c r="C9039" s="7">
        <f t="shared" si="141"/>
        <v>150.46605</v>
      </c>
      <c r="I9039" s="1"/>
    </row>
    <row r="9040" spans="1:9" x14ac:dyDescent="0.25">
      <c r="A9040" s="3">
        <v>41703.534328703703</v>
      </c>
      <c r="B9040" s="6">
        <v>150482.69999999998</v>
      </c>
      <c r="C9040" s="7">
        <f t="shared" si="141"/>
        <v>150.48269999999999</v>
      </c>
      <c r="I9040" s="1"/>
    </row>
    <row r="9041" spans="1:9" x14ac:dyDescent="0.25">
      <c r="A9041" s="3">
        <v>41703.536562499998</v>
      </c>
      <c r="B9041" s="6">
        <v>150499.34999999998</v>
      </c>
      <c r="C9041" s="7">
        <f t="shared" si="141"/>
        <v>150.49934999999996</v>
      </c>
      <c r="I9041" s="1"/>
    </row>
    <row r="9042" spans="1:9" x14ac:dyDescent="0.25">
      <c r="A9042" s="3">
        <v>41703.53665509259</v>
      </c>
      <c r="B9042" s="6">
        <v>150516</v>
      </c>
      <c r="C9042" s="7">
        <f t="shared" si="141"/>
        <v>150.51599999999999</v>
      </c>
      <c r="I9042" s="1"/>
    </row>
    <row r="9043" spans="1:9" x14ac:dyDescent="0.25">
      <c r="A9043" s="3">
        <v>41703.544236111113</v>
      </c>
      <c r="B9043" s="6">
        <v>150532.65</v>
      </c>
      <c r="C9043" s="7">
        <f t="shared" si="141"/>
        <v>150.53264999999999</v>
      </c>
      <c r="I9043" s="1"/>
    </row>
    <row r="9044" spans="1:9" x14ac:dyDescent="0.25">
      <c r="A9044" s="3">
        <v>41703.54483796296</v>
      </c>
      <c r="B9044" s="6">
        <v>150549.29999999999</v>
      </c>
      <c r="C9044" s="7">
        <f t="shared" si="141"/>
        <v>150.54929999999999</v>
      </c>
      <c r="I9044" s="1"/>
    </row>
    <row r="9045" spans="1:9" x14ac:dyDescent="0.25">
      <c r="A9045" s="3">
        <v>41703.549699074072</v>
      </c>
      <c r="B9045" s="6">
        <v>150565.94999999998</v>
      </c>
      <c r="C9045" s="7">
        <f t="shared" si="141"/>
        <v>150.56594999999999</v>
      </c>
      <c r="I9045" s="1"/>
    </row>
    <row r="9046" spans="1:9" x14ac:dyDescent="0.25">
      <c r="A9046" s="3">
        <v>41703.549814814818</v>
      </c>
      <c r="B9046" s="6">
        <v>150582.59999999998</v>
      </c>
      <c r="C9046" s="7">
        <f t="shared" si="141"/>
        <v>150.58259999999999</v>
      </c>
      <c r="I9046" s="1"/>
    </row>
    <row r="9047" spans="1:9" x14ac:dyDescent="0.25">
      <c r="A9047" s="3">
        <v>41703.551192129627</v>
      </c>
      <c r="B9047" s="6">
        <v>150599.25</v>
      </c>
      <c r="C9047" s="7">
        <f t="shared" si="141"/>
        <v>150.59925000000001</v>
      </c>
      <c r="I9047" s="1"/>
    </row>
    <row r="9048" spans="1:9" x14ac:dyDescent="0.25">
      <c r="A9048" s="3">
        <v>41703.551319444443</v>
      </c>
      <c r="B9048" s="6">
        <v>150615.9</v>
      </c>
      <c r="C9048" s="7">
        <f t="shared" si="141"/>
        <v>150.61589999999998</v>
      </c>
      <c r="I9048" s="1"/>
    </row>
    <row r="9049" spans="1:9" x14ac:dyDescent="0.25">
      <c r="A9049" s="3">
        <v>41703.557442129626</v>
      </c>
      <c r="B9049" s="6">
        <v>150632.54999999999</v>
      </c>
      <c r="C9049" s="7">
        <f t="shared" si="141"/>
        <v>150.63254999999998</v>
      </c>
      <c r="I9049" s="1"/>
    </row>
    <row r="9050" spans="1:9" x14ac:dyDescent="0.25">
      <c r="A9050" s="3">
        <v>41703.559224537035</v>
      </c>
      <c r="B9050" s="6">
        <v>150649.19999999998</v>
      </c>
      <c r="C9050" s="7">
        <f t="shared" si="141"/>
        <v>150.64919999999998</v>
      </c>
      <c r="I9050" s="1"/>
    </row>
    <row r="9051" spans="1:9" x14ac:dyDescent="0.25">
      <c r="A9051" s="3">
        <v>41703.560752314814</v>
      </c>
      <c r="B9051" s="6">
        <v>150665.84999999998</v>
      </c>
      <c r="C9051" s="7">
        <f t="shared" si="141"/>
        <v>150.66584999999998</v>
      </c>
      <c r="I9051" s="1"/>
    </row>
    <row r="9052" spans="1:9" x14ac:dyDescent="0.25">
      <c r="A9052" s="3">
        <v>41703.561145833337</v>
      </c>
      <c r="B9052" s="6">
        <v>150682.5</v>
      </c>
      <c r="C9052" s="7">
        <f t="shared" si="141"/>
        <v>150.6825</v>
      </c>
      <c r="I9052" s="1"/>
    </row>
    <row r="9053" spans="1:9" x14ac:dyDescent="0.25">
      <c r="A9053" s="3">
        <v>41703.563518518517</v>
      </c>
      <c r="B9053" s="6">
        <v>150699.15</v>
      </c>
      <c r="C9053" s="7">
        <f t="shared" si="141"/>
        <v>150.69915</v>
      </c>
      <c r="I9053" s="1"/>
    </row>
    <row r="9054" spans="1:9" x14ac:dyDescent="0.25">
      <c r="A9054" s="3">
        <v>41703.563923611109</v>
      </c>
      <c r="B9054" s="6">
        <v>150715.79999999999</v>
      </c>
      <c r="C9054" s="7">
        <f t="shared" si="141"/>
        <v>150.7158</v>
      </c>
      <c r="I9054" s="1"/>
    </row>
    <row r="9055" spans="1:9" x14ac:dyDescent="0.25">
      <c r="A9055" s="3">
        <v>41703.567847222221</v>
      </c>
      <c r="B9055" s="6">
        <v>150732.44999999998</v>
      </c>
      <c r="C9055" s="7">
        <f t="shared" si="141"/>
        <v>150.73244999999997</v>
      </c>
      <c r="I9055" s="1"/>
    </row>
    <row r="9056" spans="1:9" x14ac:dyDescent="0.25">
      <c r="A9056" s="3">
        <v>41703.567986111113</v>
      </c>
      <c r="B9056" s="6">
        <v>150749.09999999998</v>
      </c>
      <c r="C9056" s="7">
        <f t="shared" si="141"/>
        <v>150.74909999999997</v>
      </c>
      <c r="I9056" s="1"/>
    </row>
    <row r="9057" spans="1:9" x14ac:dyDescent="0.25">
      <c r="A9057" s="3">
        <v>41703.573263888888</v>
      </c>
      <c r="B9057" s="6">
        <v>150765.75</v>
      </c>
      <c r="C9057" s="7">
        <f t="shared" si="141"/>
        <v>150.76575</v>
      </c>
      <c r="I9057" s="1"/>
    </row>
    <row r="9058" spans="1:9" x14ac:dyDescent="0.25">
      <c r="A9058" s="3">
        <v>41703.573449074072</v>
      </c>
      <c r="B9058" s="6">
        <v>150782.39999999999</v>
      </c>
      <c r="C9058" s="7">
        <f t="shared" si="141"/>
        <v>150.7824</v>
      </c>
      <c r="I9058" s="1"/>
    </row>
    <row r="9059" spans="1:9" x14ac:dyDescent="0.25">
      <c r="A9059" s="3">
        <v>41703.576967592591</v>
      </c>
      <c r="B9059" s="6">
        <v>150799.04999999999</v>
      </c>
      <c r="C9059" s="7">
        <f t="shared" si="141"/>
        <v>150.79904999999999</v>
      </c>
      <c r="I9059" s="1"/>
    </row>
    <row r="9060" spans="1:9" x14ac:dyDescent="0.25">
      <c r="A9060" s="3">
        <v>41703.577835648146</v>
      </c>
      <c r="B9060" s="6">
        <v>150815.69999999998</v>
      </c>
      <c r="C9060" s="7">
        <f t="shared" si="141"/>
        <v>150.81569999999999</v>
      </c>
      <c r="I9060" s="1"/>
    </row>
    <row r="9061" spans="1:9" x14ac:dyDescent="0.25">
      <c r="A9061" s="3">
        <v>41703.58221064815</v>
      </c>
      <c r="B9061" s="6">
        <v>150832.34999999998</v>
      </c>
      <c r="C9061" s="7">
        <f t="shared" si="141"/>
        <v>150.83234999999996</v>
      </c>
      <c r="I9061" s="1"/>
    </row>
    <row r="9062" spans="1:9" x14ac:dyDescent="0.25">
      <c r="A9062" s="3">
        <v>41703.583101851851</v>
      </c>
      <c r="B9062" s="6">
        <v>150849</v>
      </c>
      <c r="C9062" s="7">
        <f t="shared" si="141"/>
        <v>150.84899999999999</v>
      </c>
      <c r="I9062" s="1"/>
    </row>
    <row r="9063" spans="1:9" x14ac:dyDescent="0.25">
      <c r="A9063" s="3">
        <v>41703.586712962962</v>
      </c>
      <c r="B9063" s="6">
        <v>150865.65</v>
      </c>
      <c r="C9063" s="7">
        <f t="shared" si="141"/>
        <v>150.86564999999999</v>
      </c>
      <c r="I9063" s="1"/>
    </row>
    <row r="9064" spans="1:9" x14ac:dyDescent="0.25">
      <c r="A9064" s="3">
        <v>41703.586944444447</v>
      </c>
      <c r="B9064" s="6">
        <v>150882.29999999999</v>
      </c>
      <c r="C9064" s="7">
        <f t="shared" si="141"/>
        <v>150.88229999999999</v>
      </c>
      <c r="I9064" s="1"/>
    </row>
    <row r="9065" spans="1:9" x14ac:dyDescent="0.25">
      <c r="A9065" s="3">
        <v>41703.590856481482</v>
      </c>
      <c r="B9065" s="6">
        <v>150898.94999999998</v>
      </c>
      <c r="C9065" s="7">
        <f t="shared" si="141"/>
        <v>150.89894999999999</v>
      </c>
      <c r="I9065" s="1"/>
    </row>
    <row r="9066" spans="1:9" x14ac:dyDescent="0.25">
      <c r="A9066" s="3">
        <v>41703.591331018521</v>
      </c>
      <c r="B9066" s="6">
        <v>150915.59999999998</v>
      </c>
      <c r="C9066" s="7">
        <f t="shared" si="141"/>
        <v>150.91559999999998</v>
      </c>
      <c r="I9066" s="1"/>
    </row>
    <row r="9067" spans="1:9" x14ac:dyDescent="0.25">
      <c r="A9067" s="3">
        <v>41703.593912037039</v>
      </c>
      <c r="B9067" s="6">
        <v>150932.25</v>
      </c>
      <c r="C9067" s="7">
        <f t="shared" si="141"/>
        <v>150.93225000000001</v>
      </c>
      <c r="I9067" s="1"/>
    </row>
    <row r="9068" spans="1:9" x14ac:dyDescent="0.25">
      <c r="A9068" s="3">
        <v>41703.594155092593</v>
      </c>
      <c r="B9068" s="6">
        <v>150948.9</v>
      </c>
      <c r="C9068" s="7">
        <f t="shared" si="141"/>
        <v>150.94889999999998</v>
      </c>
      <c r="I9068" s="1"/>
    </row>
    <row r="9069" spans="1:9" x14ac:dyDescent="0.25">
      <c r="A9069" s="3">
        <v>41703.597291666665</v>
      </c>
      <c r="B9069" s="6">
        <v>150965.54999999999</v>
      </c>
      <c r="C9069" s="7">
        <f t="shared" si="141"/>
        <v>150.96554999999998</v>
      </c>
      <c r="I9069" s="1"/>
    </row>
    <row r="9070" spans="1:9" x14ac:dyDescent="0.25">
      <c r="A9070" s="3">
        <v>41703.597407407404</v>
      </c>
      <c r="B9070" s="6">
        <v>150982.19999999998</v>
      </c>
      <c r="C9070" s="7">
        <f t="shared" si="141"/>
        <v>150.98219999999998</v>
      </c>
      <c r="I9070" s="1"/>
    </row>
    <row r="9071" spans="1:9" x14ac:dyDescent="0.25">
      <c r="A9071" s="3">
        <v>41703.598946759259</v>
      </c>
      <c r="B9071" s="6">
        <v>150998.84999999998</v>
      </c>
      <c r="C9071" s="7">
        <f t="shared" si="141"/>
        <v>150.99884999999998</v>
      </c>
      <c r="I9071" s="1"/>
    </row>
    <row r="9072" spans="1:9" x14ac:dyDescent="0.25">
      <c r="A9072" s="3">
        <v>41703.599120370367</v>
      </c>
      <c r="B9072" s="6">
        <v>151015.5</v>
      </c>
      <c r="C9072" s="7">
        <f t="shared" si="141"/>
        <v>151.0155</v>
      </c>
      <c r="I9072" s="1"/>
    </row>
    <row r="9073" spans="1:9" x14ac:dyDescent="0.25">
      <c r="A9073" s="3">
        <v>41703.600648148145</v>
      </c>
      <c r="B9073" s="6">
        <v>151032.15</v>
      </c>
      <c r="C9073" s="7">
        <f t="shared" si="141"/>
        <v>151.03215</v>
      </c>
      <c r="I9073" s="1"/>
    </row>
    <row r="9074" spans="1:9" x14ac:dyDescent="0.25">
      <c r="A9074" s="3">
        <v>41703.601180555554</v>
      </c>
      <c r="B9074" s="6">
        <v>151048.79999999999</v>
      </c>
      <c r="C9074" s="7">
        <f t="shared" si="141"/>
        <v>151.0488</v>
      </c>
      <c r="I9074" s="1"/>
    </row>
    <row r="9075" spans="1:9" x14ac:dyDescent="0.25">
      <c r="A9075" s="3">
        <v>41703.604062500002</v>
      </c>
      <c r="B9075" s="6">
        <v>151065.44999999998</v>
      </c>
      <c r="C9075" s="7">
        <f t="shared" si="141"/>
        <v>151.06544999999997</v>
      </c>
      <c r="I9075" s="1"/>
    </row>
    <row r="9076" spans="1:9" x14ac:dyDescent="0.25">
      <c r="A9076" s="3">
        <v>41703.604201388887</v>
      </c>
      <c r="B9076" s="6">
        <v>151082.09999999998</v>
      </c>
      <c r="C9076" s="7">
        <f t="shared" si="141"/>
        <v>151.08209999999997</v>
      </c>
      <c r="I9076" s="1"/>
    </row>
    <row r="9077" spans="1:9" x14ac:dyDescent="0.25">
      <c r="A9077" s="3">
        <v>41703.605613425927</v>
      </c>
      <c r="B9077" s="6">
        <v>151098.75</v>
      </c>
      <c r="C9077" s="7">
        <f t="shared" si="141"/>
        <v>151.09875</v>
      </c>
      <c r="I9077" s="1"/>
    </row>
    <row r="9078" spans="1:9" x14ac:dyDescent="0.25">
      <c r="A9078" s="3">
        <v>41703.605856481481</v>
      </c>
      <c r="B9078" s="6">
        <v>151115.4</v>
      </c>
      <c r="C9078" s="7">
        <f t="shared" si="141"/>
        <v>151.11539999999999</v>
      </c>
      <c r="I9078" s="1"/>
    </row>
    <row r="9079" spans="1:9" x14ac:dyDescent="0.25">
      <c r="A9079" s="3">
        <v>41703.607592592591</v>
      </c>
      <c r="B9079" s="6">
        <v>151132.04999999999</v>
      </c>
      <c r="C9079" s="7">
        <f t="shared" si="141"/>
        <v>151.13204999999999</v>
      </c>
      <c r="I9079" s="1"/>
    </row>
    <row r="9080" spans="1:9" x14ac:dyDescent="0.25">
      <c r="A9080" s="3">
        <v>41703.60769675926</v>
      </c>
      <c r="B9080" s="6">
        <v>151148.69999999998</v>
      </c>
      <c r="C9080" s="7">
        <f t="shared" si="141"/>
        <v>151.14869999999999</v>
      </c>
      <c r="I9080" s="1"/>
    </row>
    <row r="9081" spans="1:9" x14ac:dyDescent="0.25">
      <c r="A9081" s="3">
        <v>41703.608819444446</v>
      </c>
      <c r="B9081" s="6">
        <v>151165.34999999998</v>
      </c>
      <c r="C9081" s="7">
        <f t="shared" si="141"/>
        <v>151.16534999999999</v>
      </c>
      <c r="I9081" s="1"/>
    </row>
    <row r="9082" spans="1:9" x14ac:dyDescent="0.25">
      <c r="A9082" s="3">
        <v>41703.609120370369</v>
      </c>
      <c r="B9082" s="6">
        <v>151182</v>
      </c>
      <c r="C9082" s="7">
        <f t="shared" si="141"/>
        <v>151.18199999999999</v>
      </c>
      <c r="I9082" s="1"/>
    </row>
    <row r="9083" spans="1:9" x14ac:dyDescent="0.25">
      <c r="A9083" s="3">
        <v>41703.611250000002</v>
      </c>
      <c r="B9083" s="6">
        <v>151198.65</v>
      </c>
      <c r="C9083" s="7">
        <f t="shared" si="141"/>
        <v>151.19864999999999</v>
      </c>
      <c r="I9083" s="1"/>
    </row>
    <row r="9084" spans="1:9" x14ac:dyDescent="0.25">
      <c r="A9084" s="3">
        <v>41703.611319444448</v>
      </c>
      <c r="B9084" s="6">
        <v>151215.29999999999</v>
      </c>
      <c r="C9084" s="7">
        <f t="shared" si="141"/>
        <v>151.21529999999998</v>
      </c>
      <c r="I9084" s="1"/>
    </row>
    <row r="9085" spans="1:9" x14ac:dyDescent="0.25">
      <c r="A9085" s="3">
        <v>41703.612662037034</v>
      </c>
      <c r="B9085" s="6">
        <v>151231.94999999998</v>
      </c>
      <c r="C9085" s="7">
        <f t="shared" si="141"/>
        <v>151.23194999999998</v>
      </c>
      <c r="I9085" s="1"/>
    </row>
    <row r="9086" spans="1:9" x14ac:dyDescent="0.25">
      <c r="A9086" s="3">
        <v>41703.612881944442</v>
      </c>
      <c r="B9086" s="6">
        <v>151248.59999999998</v>
      </c>
      <c r="C9086" s="7">
        <f t="shared" si="141"/>
        <v>151.24859999999998</v>
      </c>
      <c r="I9086" s="1"/>
    </row>
    <row r="9087" spans="1:9" x14ac:dyDescent="0.25">
      <c r="A9087" s="3">
        <v>41703.614953703705</v>
      </c>
      <c r="B9087" s="6">
        <v>151265.25</v>
      </c>
      <c r="C9087" s="7">
        <f t="shared" si="141"/>
        <v>151.26525000000001</v>
      </c>
      <c r="I9087" s="1"/>
    </row>
    <row r="9088" spans="1:9" x14ac:dyDescent="0.25">
      <c r="A9088" s="3">
        <v>41703.615104166667</v>
      </c>
      <c r="B9088" s="6">
        <v>151281.9</v>
      </c>
      <c r="C9088" s="7">
        <f t="shared" si="141"/>
        <v>151.28190000000001</v>
      </c>
      <c r="I9088" s="1"/>
    </row>
    <row r="9089" spans="1:9" x14ac:dyDescent="0.25">
      <c r="A9089" s="3">
        <v>41703.617812500001</v>
      </c>
      <c r="B9089" s="6">
        <v>151298.54999999999</v>
      </c>
      <c r="C9089" s="7">
        <f t="shared" si="141"/>
        <v>151.29854999999998</v>
      </c>
      <c r="I9089" s="1"/>
    </row>
    <row r="9090" spans="1:9" x14ac:dyDescent="0.25">
      <c r="A9090" s="3">
        <v>41703.618564814817</v>
      </c>
      <c r="B9090" s="6">
        <v>151315.19999999998</v>
      </c>
      <c r="C9090" s="7">
        <f t="shared" si="141"/>
        <v>151.31519999999998</v>
      </c>
      <c r="I9090" s="1"/>
    </row>
    <row r="9091" spans="1:9" x14ac:dyDescent="0.25">
      <c r="A9091" s="3">
        <v>41703.620937500003</v>
      </c>
      <c r="B9091" s="6">
        <v>151331.84999999998</v>
      </c>
      <c r="C9091" s="7">
        <f t="shared" ref="C9091:C9154" si="142">B9091/1000</f>
        <v>151.33184999999997</v>
      </c>
      <c r="I9091" s="1"/>
    </row>
    <row r="9092" spans="1:9" x14ac:dyDescent="0.25">
      <c r="A9092" s="3">
        <v>41703.621215277781</v>
      </c>
      <c r="B9092" s="6">
        <v>151348.5</v>
      </c>
      <c r="C9092" s="7">
        <f t="shared" si="142"/>
        <v>151.3485</v>
      </c>
      <c r="I9092" s="1"/>
    </row>
    <row r="9093" spans="1:9" x14ac:dyDescent="0.25">
      <c r="A9093" s="3">
        <v>41703.623645833337</v>
      </c>
      <c r="B9093" s="6">
        <v>151365.15</v>
      </c>
      <c r="C9093" s="7">
        <f t="shared" si="142"/>
        <v>151.36515</v>
      </c>
      <c r="I9093" s="1"/>
    </row>
    <row r="9094" spans="1:9" x14ac:dyDescent="0.25">
      <c r="A9094" s="3">
        <v>41703.623726851853</v>
      </c>
      <c r="B9094" s="6">
        <v>151381.79999999999</v>
      </c>
      <c r="C9094" s="7">
        <f t="shared" si="142"/>
        <v>151.3818</v>
      </c>
      <c r="I9094" s="1"/>
    </row>
    <row r="9095" spans="1:9" x14ac:dyDescent="0.25">
      <c r="A9095" s="3">
        <v>41703.627141203702</v>
      </c>
      <c r="B9095" s="6">
        <v>151398.44999999998</v>
      </c>
      <c r="C9095" s="7">
        <f t="shared" si="142"/>
        <v>151.39844999999997</v>
      </c>
      <c r="I9095" s="1"/>
    </row>
    <row r="9096" spans="1:9" x14ac:dyDescent="0.25">
      <c r="A9096" s="3">
        <v>41703.627604166664</v>
      </c>
      <c r="B9096" s="6">
        <v>151415.09999999998</v>
      </c>
      <c r="C9096" s="7">
        <f t="shared" si="142"/>
        <v>151.41509999999997</v>
      </c>
      <c r="I9096" s="1"/>
    </row>
    <row r="9097" spans="1:9" x14ac:dyDescent="0.25">
      <c r="A9097" s="3">
        <v>41703.629629629628</v>
      </c>
      <c r="B9097" s="6">
        <v>151431.75</v>
      </c>
      <c r="C9097" s="7">
        <f t="shared" si="142"/>
        <v>151.43174999999999</v>
      </c>
      <c r="I9097" s="1"/>
    </row>
    <row r="9098" spans="1:9" x14ac:dyDescent="0.25">
      <c r="A9098" s="3">
        <v>41703.62976851852</v>
      </c>
      <c r="B9098" s="6">
        <v>151448.4</v>
      </c>
      <c r="C9098" s="7">
        <f t="shared" si="142"/>
        <v>151.44839999999999</v>
      </c>
      <c r="I9098" s="1"/>
    </row>
    <row r="9099" spans="1:9" x14ac:dyDescent="0.25">
      <c r="A9099" s="3">
        <v>41703.631747685184</v>
      </c>
      <c r="B9099" s="6">
        <v>151465.04999999999</v>
      </c>
      <c r="C9099" s="7">
        <f t="shared" si="142"/>
        <v>151.46504999999999</v>
      </c>
      <c r="I9099" s="1"/>
    </row>
    <row r="9100" spans="1:9" x14ac:dyDescent="0.25">
      <c r="A9100" s="3">
        <v>41703.631886574076</v>
      </c>
      <c r="B9100" s="6">
        <v>151481.69999999998</v>
      </c>
      <c r="C9100" s="7">
        <f t="shared" si="142"/>
        <v>151.48169999999999</v>
      </c>
      <c r="I9100" s="1"/>
    </row>
    <row r="9101" spans="1:9" x14ac:dyDescent="0.25">
      <c r="A9101" s="3">
        <v>41703.633819444447</v>
      </c>
      <c r="B9101" s="6">
        <v>151498.34999999998</v>
      </c>
      <c r="C9101" s="7">
        <f t="shared" si="142"/>
        <v>151.49834999999999</v>
      </c>
      <c r="I9101" s="1"/>
    </row>
    <row r="9102" spans="1:9" x14ac:dyDescent="0.25">
      <c r="A9102" s="3">
        <v>41703.633900462963</v>
      </c>
      <c r="B9102" s="6">
        <v>151515</v>
      </c>
      <c r="C9102" s="7">
        <f t="shared" si="142"/>
        <v>151.51499999999999</v>
      </c>
      <c r="I9102" s="1"/>
    </row>
    <row r="9103" spans="1:9" x14ac:dyDescent="0.25">
      <c r="A9103" s="3">
        <v>41703.635879629626</v>
      </c>
      <c r="B9103" s="6">
        <v>151531.65</v>
      </c>
      <c r="C9103" s="7">
        <f t="shared" si="142"/>
        <v>151.53164999999998</v>
      </c>
      <c r="I9103" s="1"/>
    </row>
    <row r="9104" spans="1:9" x14ac:dyDescent="0.25">
      <c r="A9104" s="3">
        <v>41703.636006944442</v>
      </c>
      <c r="B9104" s="6">
        <v>151548.29999999999</v>
      </c>
      <c r="C9104" s="7">
        <f t="shared" si="142"/>
        <v>151.54829999999998</v>
      </c>
      <c r="I9104" s="1"/>
    </row>
    <row r="9105" spans="1:9" x14ac:dyDescent="0.25">
      <c r="A9105" s="3">
        <v>41703.637650462966</v>
      </c>
      <c r="B9105" s="6">
        <v>151564.94999999998</v>
      </c>
      <c r="C9105" s="7">
        <f t="shared" si="142"/>
        <v>151.56494999999998</v>
      </c>
      <c r="I9105" s="1"/>
    </row>
    <row r="9106" spans="1:9" x14ac:dyDescent="0.25">
      <c r="A9106" s="3">
        <v>41703.637800925928</v>
      </c>
      <c r="B9106" s="6">
        <v>151581.59999999998</v>
      </c>
      <c r="C9106" s="7">
        <f t="shared" si="142"/>
        <v>151.58159999999998</v>
      </c>
      <c r="I9106" s="1"/>
    </row>
    <row r="9107" spans="1:9" x14ac:dyDescent="0.25">
      <c r="A9107" s="3">
        <v>41703.639444444445</v>
      </c>
      <c r="B9107" s="6">
        <v>151598.25</v>
      </c>
      <c r="C9107" s="7">
        <f t="shared" si="142"/>
        <v>151.59825000000001</v>
      </c>
      <c r="I9107" s="1"/>
    </row>
    <row r="9108" spans="1:9" x14ac:dyDescent="0.25">
      <c r="A9108" s="3">
        <v>41703.640011574076</v>
      </c>
      <c r="B9108" s="6">
        <v>151614.9</v>
      </c>
      <c r="C9108" s="7">
        <f t="shared" si="142"/>
        <v>151.61490000000001</v>
      </c>
      <c r="I9108" s="1"/>
    </row>
    <row r="9109" spans="1:9" x14ac:dyDescent="0.25">
      <c r="A9109" s="3">
        <v>41703.641759259262</v>
      </c>
      <c r="B9109" s="6">
        <v>151631.54999999999</v>
      </c>
      <c r="C9109" s="7">
        <f t="shared" si="142"/>
        <v>151.63154999999998</v>
      </c>
      <c r="I9109" s="1"/>
    </row>
    <row r="9110" spans="1:9" x14ac:dyDescent="0.25">
      <c r="A9110" s="3">
        <v>41703.641932870371</v>
      </c>
      <c r="B9110" s="6">
        <v>151648.19999999998</v>
      </c>
      <c r="C9110" s="7">
        <f t="shared" si="142"/>
        <v>151.64819999999997</v>
      </c>
      <c r="I9110" s="1"/>
    </row>
    <row r="9111" spans="1:9" x14ac:dyDescent="0.25">
      <c r="A9111" s="3">
        <v>41703.643946759257</v>
      </c>
      <c r="B9111" s="6">
        <v>151664.84999999998</v>
      </c>
      <c r="C9111" s="7">
        <f t="shared" si="142"/>
        <v>151.66484999999997</v>
      </c>
      <c r="I9111" s="1"/>
    </row>
    <row r="9112" spans="1:9" x14ac:dyDescent="0.25">
      <c r="A9112" s="3">
        <v>41703.644652777781</v>
      </c>
      <c r="B9112" s="6">
        <v>151681.5</v>
      </c>
      <c r="C9112" s="7">
        <f t="shared" si="142"/>
        <v>151.6815</v>
      </c>
      <c r="I9112" s="1"/>
    </row>
    <row r="9113" spans="1:9" x14ac:dyDescent="0.25">
      <c r="A9113" s="3">
        <v>41703.647141203706</v>
      </c>
      <c r="B9113" s="6">
        <v>151698.15</v>
      </c>
      <c r="C9113" s="7">
        <f t="shared" si="142"/>
        <v>151.69815</v>
      </c>
      <c r="I9113" s="1"/>
    </row>
    <row r="9114" spans="1:9" x14ac:dyDescent="0.25">
      <c r="A9114" s="3">
        <v>41703.64744212963</v>
      </c>
      <c r="B9114" s="6">
        <v>151714.79999999999</v>
      </c>
      <c r="C9114" s="7">
        <f t="shared" si="142"/>
        <v>151.7148</v>
      </c>
      <c r="I9114" s="1"/>
    </row>
    <row r="9115" spans="1:9" x14ac:dyDescent="0.25">
      <c r="A9115" s="3">
        <v>41703.64947916667</v>
      </c>
      <c r="B9115" s="6">
        <v>151731.44999999998</v>
      </c>
      <c r="C9115" s="7">
        <f t="shared" si="142"/>
        <v>151.73145</v>
      </c>
      <c r="I9115" s="1"/>
    </row>
    <row r="9116" spans="1:9" x14ac:dyDescent="0.25">
      <c r="A9116" s="3">
        <v>41703.649664351855</v>
      </c>
      <c r="B9116" s="6">
        <v>151748.09999999998</v>
      </c>
      <c r="C9116" s="7">
        <f t="shared" si="142"/>
        <v>151.74809999999997</v>
      </c>
      <c r="I9116" s="1"/>
    </row>
    <row r="9117" spans="1:9" x14ac:dyDescent="0.25">
      <c r="A9117" s="3">
        <v>41703.654317129629</v>
      </c>
      <c r="B9117" s="6">
        <v>151764.75</v>
      </c>
      <c r="C9117" s="7">
        <f t="shared" si="142"/>
        <v>151.76474999999999</v>
      </c>
      <c r="I9117" s="1"/>
    </row>
    <row r="9118" spans="1:9" x14ac:dyDescent="0.25">
      <c r="A9118" s="3">
        <v>41703.654560185183</v>
      </c>
      <c r="B9118" s="6">
        <v>151781.4</v>
      </c>
      <c r="C9118" s="7">
        <f t="shared" si="142"/>
        <v>151.78139999999999</v>
      </c>
      <c r="I9118" s="1"/>
    </row>
    <row r="9119" spans="1:9" x14ac:dyDescent="0.25">
      <c r="A9119" s="3">
        <v>41703.65724537037</v>
      </c>
      <c r="B9119" s="6">
        <v>151798.04999999999</v>
      </c>
      <c r="C9119" s="7">
        <f t="shared" si="142"/>
        <v>151.79804999999999</v>
      </c>
      <c r="I9119" s="1"/>
    </row>
    <row r="9120" spans="1:9" x14ac:dyDescent="0.25">
      <c r="A9120" s="3">
        <v>41703.657430555555</v>
      </c>
      <c r="B9120" s="6">
        <v>151814.69999999998</v>
      </c>
      <c r="C9120" s="7">
        <f t="shared" si="142"/>
        <v>151.81469999999999</v>
      </c>
      <c r="I9120" s="1"/>
    </row>
    <row r="9121" spans="1:9" x14ac:dyDescent="0.25">
      <c r="A9121" s="3">
        <v>41703.662233796298</v>
      </c>
      <c r="B9121" s="6">
        <v>151831.34999999998</v>
      </c>
      <c r="C9121" s="7">
        <f t="shared" si="142"/>
        <v>151.83134999999999</v>
      </c>
      <c r="I9121" s="1"/>
    </row>
    <row r="9122" spans="1:9" x14ac:dyDescent="0.25">
      <c r="A9122" s="3">
        <v>41703.663472222222</v>
      </c>
      <c r="B9122" s="6">
        <v>151848</v>
      </c>
      <c r="C9122" s="7">
        <f t="shared" si="142"/>
        <v>151.84800000000001</v>
      </c>
      <c r="I9122" s="1"/>
    </row>
    <row r="9123" spans="1:9" x14ac:dyDescent="0.25">
      <c r="A9123" s="3">
        <v>41703.665891203702</v>
      </c>
      <c r="B9123" s="6">
        <v>151864.65</v>
      </c>
      <c r="C9123" s="7">
        <f t="shared" si="142"/>
        <v>151.86464999999998</v>
      </c>
      <c r="I9123" s="1"/>
    </row>
    <row r="9124" spans="1:9" x14ac:dyDescent="0.25">
      <c r="A9124" s="3">
        <v>41703.666400462964</v>
      </c>
      <c r="B9124" s="6">
        <v>151881.29999999999</v>
      </c>
      <c r="C9124" s="7">
        <f t="shared" si="142"/>
        <v>151.88129999999998</v>
      </c>
      <c r="I9124" s="1"/>
    </row>
    <row r="9125" spans="1:9" x14ac:dyDescent="0.25">
      <c r="A9125" s="3">
        <v>41703.668287037035</v>
      </c>
      <c r="B9125" s="6">
        <v>151897.94999999998</v>
      </c>
      <c r="C9125" s="7">
        <f t="shared" si="142"/>
        <v>151.89794999999998</v>
      </c>
      <c r="I9125" s="1"/>
    </row>
    <row r="9126" spans="1:9" x14ac:dyDescent="0.25">
      <c r="A9126" s="3">
        <v>41703.668379629627</v>
      </c>
      <c r="B9126" s="6">
        <v>151914.59999999998</v>
      </c>
      <c r="C9126" s="7">
        <f t="shared" si="142"/>
        <v>151.91459999999998</v>
      </c>
      <c r="I9126" s="1"/>
    </row>
    <row r="9127" spans="1:9" x14ac:dyDescent="0.25">
      <c r="A9127" s="3">
        <v>41703.671400462961</v>
      </c>
      <c r="B9127" s="6">
        <v>151931.25</v>
      </c>
      <c r="C9127" s="7">
        <f t="shared" si="142"/>
        <v>151.93125000000001</v>
      </c>
      <c r="I9127" s="1"/>
    </row>
    <row r="9128" spans="1:9" x14ac:dyDescent="0.25">
      <c r="A9128" s="3">
        <v>41703.671539351853</v>
      </c>
      <c r="B9128" s="6">
        <v>151947.9</v>
      </c>
      <c r="C9128" s="7">
        <f t="shared" si="142"/>
        <v>151.9479</v>
      </c>
      <c r="I9128" s="1"/>
    </row>
    <row r="9129" spans="1:9" x14ac:dyDescent="0.25">
      <c r="A9129" s="3">
        <v>41703.673206018517</v>
      </c>
      <c r="B9129" s="6">
        <v>151964.54999999999</v>
      </c>
      <c r="C9129" s="7">
        <f t="shared" si="142"/>
        <v>151.96454999999997</v>
      </c>
      <c r="I9129" s="1"/>
    </row>
    <row r="9130" spans="1:9" x14ac:dyDescent="0.25">
      <c r="A9130" s="3">
        <v>41703.674027777779</v>
      </c>
      <c r="B9130" s="6">
        <v>151981.19999999998</v>
      </c>
      <c r="C9130" s="7">
        <f t="shared" si="142"/>
        <v>151.98119999999997</v>
      </c>
      <c r="I9130" s="1"/>
    </row>
    <row r="9131" spans="1:9" x14ac:dyDescent="0.25">
      <c r="A9131" s="3">
        <v>41703.675671296296</v>
      </c>
      <c r="B9131" s="6">
        <v>151997.84999999998</v>
      </c>
      <c r="C9131" s="7">
        <f t="shared" si="142"/>
        <v>151.99784999999997</v>
      </c>
      <c r="I9131" s="1"/>
    </row>
    <row r="9132" spans="1:9" x14ac:dyDescent="0.25">
      <c r="A9132" s="3">
        <v>41703.67591435185</v>
      </c>
      <c r="B9132" s="6">
        <v>152014.5</v>
      </c>
      <c r="C9132" s="7">
        <f t="shared" si="142"/>
        <v>152.0145</v>
      </c>
      <c r="I9132" s="1"/>
    </row>
    <row r="9133" spans="1:9" x14ac:dyDescent="0.25">
      <c r="A9133" s="3">
        <v>41703.67827546296</v>
      </c>
      <c r="B9133" s="6">
        <v>152031.15</v>
      </c>
      <c r="C9133" s="7">
        <f t="shared" si="142"/>
        <v>152.03115</v>
      </c>
      <c r="I9133" s="1"/>
    </row>
    <row r="9134" spans="1:9" x14ac:dyDescent="0.25">
      <c r="A9134" s="3">
        <v>41703.678495370368</v>
      </c>
      <c r="B9134" s="6">
        <v>152047.79999999999</v>
      </c>
      <c r="C9134" s="7">
        <f t="shared" si="142"/>
        <v>152.0478</v>
      </c>
      <c r="I9134" s="1"/>
    </row>
    <row r="9135" spans="1:9" x14ac:dyDescent="0.25">
      <c r="A9135" s="3">
        <v>41703.679768518516</v>
      </c>
      <c r="B9135" s="6">
        <v>152064.44999999998</v>
      </c>
      <c r="C9135" s="7">
        <f t="shared" si="142"/>
        <v>152.06444999999999</v>
      </c>
      <c r="I9135" s="1"/>
    </row>
    <row r="9136" spans="1:9" x14ac:dyDescent="0.25">
      <c r="A9136" s="3">
        <v>41703.679895833331</v>
      </c>
      <c r="B9136" s="6">
        <v>152081.09999999998</v>
      </c>
      <c r="C9136" s="7">
        <f t="shared" si="142"/>
        <v>152.08109999999996</v>
      </c>
      <c r="I9136" s="1"/>
    </row>
    <row r="9137" spans="1:9" x14ac:dyDescent="0.25">
      <c r="A9137" s="3">
        <v>41703.682199074072</v>
      </c>
      <c r="B9137" s="6">
        <v>152097.75</v>
      </c>
      <c r="C9137" s="7">
        <f t="shared" si="142"/>
        <v>152.09774999999999</v>
      </c>
      <c r="I9137" s="1"/>
    </row>
    <row r="9138" spans="1:9" x14ac:dyDescent="0.25">
      <c r="A9138" s="3">
        <v>41703.682349537034</v>
      </c>
      <c r="B9138" s="6">
        <v>152114.4</v>
      </c>
      <c r="C9138" s="7">
        <f t="shared" si="142"/>
        <v>152.11439999999999</v>
      </c>
      <c r="I9138" s="1"/>
    </row>
    <row r="9139" spans="1:9" x14ac:dyDescent="0.25">
      <c r="A9139" s="3">
        <v>41703.687152777777</v>
      </c>
      <c r="B9139" s="6">
        <v>152131.04999999999</v>
      </c>
      <c r="C9139" s="7">
        <f t="shared" si="142"/>
        <v>152.13104999999999</v>
      </c>
      <c r="I9139" s="1"/>
    </row>
    <row r="9140" spans="1:9" x14ac:dyDescent="0.25">
      <c r="A9140" s="3">
        <v>41703.6872337963</v>
      </c>
      <c r="B9140" s="6">
        <v>152147.69999999998</v>
      </c>
      <c r="C9140" s="7">
        <f t="shared" si="142"/>
        <v>152.14769999999999</v>
      </c>
      <c r="I9140" s="1"/>
    </row>
    <row r="9141" spans="1:9" x14ac:dyDescent="0.25">
      <c r="A9141" s="3">
        <v>41703.69189814815</v>
      </c>
      <c r="B9141" s="6">
        <v>152164.34999999998</v>
      </c>
      <c r="C9141" s="7">
        <f t="shared" si="142"/>
        <v>152.16434999999998</v>
      </c>
      <c r="I9141" s="1"/>
    </row>
    <row r="9142" spans="1:9" x14ac:dyDescent="0.25">
      <c r="A9142" s="3">
        <v>41703.692083333335</v>
      </c>
      <c r="B9142" s="6">
        <v>152181</v>
      </c>
      <c r="C9142" s="7">
        <f t="shared" si="142"/>
        <v>152.18100000000001</v>
      </c>
      <c r="I9142" s="1"/>
    </row>
    <row r="9143" spans="1:9" x14ac:dyDescent="0.25">
      <c r="A9143" s="3">
        <v>41703.69935185185</v>
      </c>
      <c r="B9143" s="6">
        <v>152197.65</v>
      </c>
      <c r="C9143" s="7">
        <f t="shared" si="142"/>
        <v>152.19764999999998</v>
      </c>
      <c r="I9143" s="1"/>
    </row>
    <row r="9144" spans="1:9" x14ac:dyDescent="0.25">
      <c r="A9144" s="3">
        <v>41703.699502314812</v>
      </c>
      <c r="B9144" s="6">
        <v>152214.29999999999</v>
      </c>
      <c r="C9144" s="7">
        <f t="shared" si="142"/>
        <v>152.21429999999998</v>
      </c>
      <c r="I9144" s="1"/>
    </row>
    <row r="9145" spans="1:9" x14ac:dyDescent="0.25">
      <c r="A9145" s="3">
        <v>41703.702523148146</v>
      </c>
      <c r="B9145" s="6">
        <v>152230.94999999998</v>
      </c>
      <c r="C9145" s="7">
        <f t="shared" si="142"/>
        <v>152.23094999999998</v>
      </c>
      <c r="I9145" s="1"/>
    </row>
    <row r="9146" spans="1:9" x14ac:dyDescent="0.25">
      <c r="A9146" s="3">
        <v>41703.702604166669</v>
      </c>
      <c r="B9146" s="6">
        <v>152247.59999999998</v>
      </c>
      <c r="C9146" s="7">
        <f t="shared" si="142"/>
        <v>152.24759999999998</v>
      </c>
      <c r="I9146" s="1"/>
    </row>
    <row r="9147" spans="1:9" x14ac:dyDescent="0.25">
      <c r="A9147" s="3">
        <v>41703.705266203702</v>
      </c>
      <c r="B9147" s="6">
        <v>152264.25</v>
      </c>
      <c r="C9147" s="7">
        <f t="shared" si="142"/>
        <v>152.26425</v>
      </c>
      <c r="I9147" s="1"/>
    </row>
    <row r="9148" spans="1:9" x14ac:dyDescent="0.25">
      <c r="A9148" s="3">
        <v>41703.70653935185</v>
      </c>
      <c r="B9148" s="6">
        <v>152280.9</v>
      </c>
      <c r="C9148" s="7">
        <f t="shared" si="142"/>
        <v>152.2809</v>
      </c>
      <c r="I9148" s="1"/>
    </row>
    <row r="9149" spans="1:9" x14ac:dyDescent="0.25">
      <c r="A9149" s="3">
        <v>41703.711458333331</v>
      </c>
      <c r="B9149" s="6">
        <v>152297.54999999999</v>
      </c>
      <c r="C9149" s="7">
        <f t="shared" si="142"/>
        <v>152.29755</v>
      </c>
      <c r="I9149" s="1"/>
    </row>
    <row r="9150" spans="1:9" x14ac:dyDescent="0.25">
      <c r="A9150" s="3">
        <v>41703.711678240739</v>
      </c>
      <c r="B9150" s="6">
        <v>152314.19999999998</v>
      </c>
      <c r="C9150" s="7">
        <f t="shared" si="142"/>
        <v>152.31419999999997</v>
      </c>
      <c r="I9150" s="1"/>
    </row>
    <row r="9151" spans="1:9" x14ac:dyDescent="0.25">
      <c r="A9151" s="3">
        <v>41703.715381944443</v>
      </c>
      <c r="B9151" s="6">
        <v>152330.84999999998</v>
      </c>
      <c r="C9151" s="7">
        <f t="shared" si="142"/>
        <v>152.33084999999997</v>
      </c>
      <c r="I9151" s="1"/>
    </row>
    <row r="9152" spans="1:9" x14ac:dyDescent="0.25">
      <c r="A9152" s="3">
        <v>41703.715451388889</v>
      </c>
      <c r="B9152" s="6">
        <v>152347.5</v>
      </c>
      <c r="C9152" s="7">
        <f t="shared" si="142"/>
        <v>152.3475</v>
      </c>
      <c r="I9152" s="1"/>
    </row>
    <row r="9153" spans="1:9" x14ac:dyDescent="0.25">
      <c r="A9153" s="3">
        <v>41703.717303240737</v>
      </c>
      <c r="B9153" s="6">
        <v>152364.15</v>
      </c>
      <c r="C9153" s="7">
        <f t="shared" si="142"/>
        <v>152.36415</v>
      </c>
      <c r="I9153" s="1"/>
    </row>
    <row r="9154" spans="1:9" x14ac:dyDescent="0.25">
      <c r="A9154" s="3">
        <v>41703.717488425929</v>
      </c>
      <c r="B9154" s="6">
        <v>152380.79999999999</v>
      </c>
      <c r="C9154" s="7">
        <f t="shared" si="142"/>
        <v>152.38079999999999</v>
      </c>
      <c r="I9154" s="1"/>
    </row>
    <row r="9155" spans="1:9" x14ac:dyDescent="0.25">
      <c r="A9155" s="3">
        <v>41703.720520833333</v>
      </c>
      <c r="B9155" s="6">
        <v>152397.44999999998</v>
      </c>
      <c r="C9155" s="7">
        <f t="shared" ref="C9155:C9218" si="143">B9155/1000</f>
        <v>152.39744999999999</v>
      </c>
      <c r="I9155" s="1"/>
    </row>
    <row r="9156" spans="1:9" x14ac:dyDescent="0.25">
      <c r="A9156" s="3">
        <v>41703.720636574071</v>
      </c>
      <c r="B9156" s="6">
        <v>152414.09999999998</v>
      </c>
      <c r="C9156" s="7">
        <f t="shared" si="143"/>
        <v>152.41409999999999</v>
      </c>
      <c r="I9156" s="1"/>
    </row>
    <row r="9157" spans="1:9" x14ac:dyDescent="0.25">
      <c r="A9157" s="3">
        <v>41703.722754629627</v>
      </c>
      <c r="B9157" s="6">
        <v>152430.75</v>
      </c>
      <c r="C9157" s="7">
        <f t="shared" si="143"/>
        <v>152.43074999999999</v>
      </c>
      <c r="I9157" s="1"/>
    </row>
    <row r="9158" spans="1:9" x14ac:dyDescent="0.25">
      <c r="A9158" s="3">
        <v>41703.722962962966</v>
      </c>
      <c r="B9158" s="6">
        <v>152447.4</v>
      </c>
      <c r="C9158" s="7">
        <f t="shared" si="143"/>
        <v>152.44739999999999</v>
      </c>
      <c r="I9158" s="1"/>
    </row>
    <row r="9159" spans="1:9" x14ac:dyDescent="0.25">
      <c r="A9159" s="3">
        <v>41703.726620370369</v>
      </c>
      <c r="B9159" s="6">
        <v>152464.04999999999</v>
      </c>
      <c r="C9159" s="7">
        <f t="shared" si="143"/>
        <v>152.46404999999999</v>
      </c>
      <c r="I9159" s="1"/>
    </row>
    <row r="9160" spans="1:9" x14ac:dyDescent="0.25">
      <c r="A9160" s="3">
        <v>41703.727349537039</v>
      </c>
      <c r="B9160" s="6">
        <v>152480.69999999998</v>
      </c>
      <c r="C9160" s="7">
        <f t="shared" si="143"/>
        <v>152.48069999999998</v>
      </c>
      <c r="I9160" s="1"/>
    </row>
    <row r="9161" spans="1:9" x14ac:dyDescent="0.25">
      <c r="A9161" s="3">
        <v>41703.729699074072</v>
      </c>
      <c r="B9161" s="6">
        <v>152497.34999999998</v>
      </c>
      <c r="C9161" s="7">
        <f t="shared" si="143"/>
        <v>152.49734999999998</v>
      </c>
      <c r="I9161" s="1"/>
    </row>
    <row r="9162" spans="1:9" x14ac:dyDescent="0.25">
      <c r="A9162" s="3">
        <v>41703.730497685188</v>
      </c>
      <c r="B9162" s="6">
        <v>152514</v>
      </c>
      <c r="C9162" s="7">
        <f t="shared" si="143"/>
        <v>152.51400000000001</v>
      </c>
      <c r="I9162" s="1"/>
    </row>
    <row r="9163" spans="1:9" x14ac:dyDescent="0.25">
      <c r="A9163" s="3">
        <v>41703.733483796299</v>
      </c>
      <c r="B9163" s="6">
        <v>152530.65</v>
      </c>
      <c r="C9163" s="7">
        <f t="shared" si="143"/>
        <v>152.53064999999998</v>
      </c>
      <c r="I9163" s="1"/>
    </row>
    <row r="9164" spans="1:9" x14ac:dyDescent="0.25">
      <c r="A9164" s="3">
        <v>41703.733553240738</v>
      </c>
      <c r="B9164" s="6">
        <v>152547.29999999999</v>
      </c>
      <c r="C9164" s="7">
        <f t="shared" si="143"/>
        <v>152.54729999999998</v>
      </c>
      <c r="I9164" s="1"/>
    </row>
    <row r="9165" spans="1:9" x14ac:dyDescent="0.25">
      <c r="A9165" s="3">
        <v>41703.735925925925</v>
      </c>
      <c r="B9165" s="6">
        <v>152563.94999999998</v>
      </c>
      <c r="C9165" s="7">
        <f t="shared" si="143"/>
        <v>152.56394999999998</v>
      </c>
      <c r="I9165" s="1"/>
    </row>
    <row r="9166" spans="1:9" x14ac:dyDescent="0.25">
      <c r="A9166" s="3">
        <v>41703.73636574074</v>
      </c>
      <c r="B9166" s="6">
        <v>152580.59999999998</v>
      </c>
      <c r="C9166" s="7">
        <f t="shared" si="143"/>
        <v>152.58059999999998</v>
      </c>
      <c r="I9166" s="1"/>
    </row>
    <row r="9167" spans="1:9" x14ac:dyDescent="0.25">
      <c r="A9167" s="3">
        <v>41703.739652777775</v>
      </c>
      <c r="B9167" s="6">
        <v>152597.25</v>
      </c>
      <c r="C9167" s="7">
        <f t="shared" si="143"/>
        <v>152.59725</v>
      </c>
      <c r="I9167" s="1"/>
    </row>
    <row r="9168" spans="1:9" x14ac:dyDescent="0.25">
      <c r="A9168" s="3">
        <v>41703.739814814813</v>
      </c>
      <c r="B9168" s="6">
        <v>152613.9</v>
      </c>
      <c r="C9168" s="7">
        <f t="shared" si="143"/>
        <v>152.6139</v>
      </c>
      <c r="I9168" s="1"/>
    </row>
    <row r="9169" spans="1:9" x14ac:dyDescent="0.25">
      <c r="A9169" s="3">
        <v>41703.741377314815</v>
      </c>
      <c r="B9169" s="6">
        <v>152630.54999999999</v>
      </c>
      <c r="C9169" s="7">
        <f t="shared" si="143"/>
        <v>152.63055</v>
      </c>
      <c r="I9169" s="1"/>
    </row>
    <row r="9170" spans="1:9" x14ac:dyDescent="0.25">
      <c r="A9170" s="3">
        <v>41703.741539351853</v>
      </c>
      <c r="B9170" s="6">
        <v>152647.19999999998</v>
      </c>
      <c r="C9170" s="7">
        <f t="shared" si="143"/>
        <v>152.64719999999997</v>
      </c>
      <c r="I9170" s="1"/>
    </row>
    <row r="9171" spans="1:9" x14ac:dyDescent="0.25">
      <c r="A9171" s="3">
        <v>41703.744143518517</v>
      </c>
      <c r="B9171" s="6">
        <v>152663.84999999998</v>
      </c>
      <c r="C9171" s="7">
        <f t="shared" si="143"/>
        <v>152.66384999999997</v>
      </c>
      <c r="I9171" s="1"/>
    </row>
    <row r="9172" spans="1:9" x14ac:dyDescent="0.25">
      <c r="A9172" s="3">
        <v>41703.744976851849</v>
      </c>
      <c r="B9172" s="6">
        <v>152680.5</v>
      </c>
      <c r="C9172" s="7">
        <f t="shared" si="143"/>
        <v>152.68049999999999</v>
      </c>
      <c r="I9172" s="1"/>
    </row>
    <row r="9173" spans="1:9" x14ac:dyDescent="0.25">
      <c r="A9173" s="3">
        <v>41703.750185185185</v>
      </c>
      <c r="B9173" s="6">
        <v>152697.15</v>
      </c>
      <c r="C9173" s="7">
        <f t="shared" si="143"/>
        <v>152.69714999999999</v>
      </c>
      <c r="I9173" s="1"/>
    </row>
    <row r="9174" spans="1:9" x14ac:dyDescent="0.25">
      <c r="A9174" s="3">
        <v>41703.750324074077</v>
      </c>
      <c r="B9174" s="6">
        <v>152713.79999999999</v>
      </c>
      <c r="C9174" s="7">
        <f t="shared" si="143"/>
        <v>152.71379999999999</v>
      </c>
      <c r="I9174" s="1"/>
    </row>
    <row r="9175" spans="1:9" x14ac:dyDescent="0.25">
      <c r="A9175" s="3">
        <v>41703.755011574074</v>
      </c>
      <c r="B9175" s="6">
        <v>152730.44999999998</v>
      </c>
      <c r="C9175" s="7">
        <f t="shared" si="143"/>
        <v>152.73044999999999</v>
      </c>
      <c r="I9175" s="1"/>
    </row>
    <row r="9176" spans="1:9" x14ac:dyDescent="0.25">
      <c r="A9176" s="3">
        <v>41703.755856481483</v>
      </c>
      <c r="B9176" s="6">
        <v>152747.09999999998</v>
      </c>
      <c r="C9176" s="7">
        <f t="shared" si="143"/>
        <v>152.74709999999999</v>
      </c>
      <c r="I9176" s="1"/>
    </row>
    <row r="9177" spans="1:9" x14ac:dyDescent="0.25">
      <c r="A9177" s="3">
        <v>41703.760567129626</v>
      </c>
      <c r="B9177" s="6">
        <v>152763.75</v>
      </c>
      <c r="C9177" s="7">
        <f t="shared" si="143"/>
        <v>152.76374999999999</v>
      </c>
      <c r="I9177" s="1"/>
    </row>
    <row r="9178" spans="1:9" x14ac:dyDescent="0.25">
      <c r="A9178" s="3">
        <v>41703.760648148149</v>
      </c>
      <c r="B9178" s="6">
        <v>152780.4</v>
      </c>
      <c r="C9178" s="7">
        <f t="shared" si="143"/>
        <v>152.78039999999999</v>
      </c>
      <c r="I9178" s="1"/>
    </row>
    <row r="9179" spans="1:9" x14ac:dyDescent="0.25">
      <c r="A9179" s="3">
        <v>41703.763275462959</v>
      </c>
      <c r="B9179" s="6">
        <v>152797.04999999999</v>
      </c>
      <c r="C9179" s="7">
        <f t="shared" si="143"/>
        <v>152.79704999999998</v>
      </c>
      <c r="I9179" s="1"/>
    </row>
    <row r="9180" spans="1:9" x14ac:dyDescent="0.25">
      <c r="A9180" s="3">
        <v>41703.766365740739</v>
      </c>
      <c r="B9180" s="6">
        <v>152813.69999999998</v>
      </c>
      <c r="C9180" s="7">
        <f t="shared" si="143"/>
        <v>152.81369999999998</v>
      </c>
      <c r="I9180" s="1"/>
    </row>
    <row r="9181" spans="1:9" x14ac:dyDescent="0.25">
      <c r="A9181" s="3">
        <v>41703.77853009259</v>
      </c>
      <c r="B9181" s="6">
        <v>152830.34999999998</v>
      </c>
      <c r="C9181" s="7">
        <f t="shared" si="143"/>
        <v>152.83034999999998</v>
      </c>
      <c r="I9181" s="1"/>
    </row>
    <row r="9182" spans="1:9" x14ac:dyDescent="0.25">
      <c r="A9182" s="3">
        <v>41703.781643518516</v>
      </c>
      <c r="B9182" s="6">
        <v>152847</v>
      </c>
      <c r="C9182" s="7">
        <f t="shared" si="143"/>
        <v>152.84700000000001</v>
      </c>
      <c r="I9182" s="1"/>
    </row>
    <row r="9183" spans="1:9" x14ac:dyDescent="0.25">
      <c r="A9183" s="3">
        <v>41703.786956018521</v>
      </c>
      <c r="B9183" s="6">
        <v>152863.65</v>
      </c>
      <c r="C9183" s="7">
        <f t="shared" si="143"/>
        <v>152.86365000000001</v>
      </c>
      <c r="I9183" s="1"/>
    </row>
    <row r="9184" spans="1:9" x14ac:dyDescent="0.25">
      <c r="A9184" s="3">
        <v>41703.788993055554</v>
      </c>
      <c r="B9184" s="6">
        <v>152880.29999999999</v>
      </c>
      <c r="C9184" s="7">
        <f t="shared" si="143"/>
        <v>152.88029999999998</v>
      </c>
      <c r="I9184" s="1"/>
    </row>
    <row r="9185" spans="1:9" x14ac:dyDescent="0.25">
      <c r="A9185" s="3">
        <v>41703.812916666669</v>
      </c>
      <c r="B9185" s="6">
        <v>152896.94999999998</v>
      </c>
      <c r="C9185" s="7">
        <f t="shared" si="143"/>
        <v>152.89694999999998</v>
      </c>
      <c r="I9185" s="1"/>
    </row>
    <row r="9186" spans="1:9" x14ac:dyDescent="0.25">
      <c r="A9186" s="3">
        <v>41703.813043981485</v>
      </c>
      <c r="B9186" s="6">
        <v>152913.59999999998</v>
      </c>
      <c r="C9186" s="7">
        <f t="shared" si="143"/>
        <v>152.91359999999997</v>
      </c>
      <c r="I9186" s="1"/>
    </row>
    <row r="9187" spans="1:9" x14ac:dyDescent="0.25">
      <c r="A9187" s="3">
        <v>41703.858900462961</v>
      </c>
      <c r="B9187" s="6">
        <v>152930.25</v>
      </c>
      <c r="C9187" s="7">
        <f t="shared" si="143"/>
        <v>152.93025</v>
      </c>
      <c r="I9187" s="1"/>
    </row>
    <row r="9188" spans="1:9" x14ac:dyDescent="0.25">
      <c r="A9188" s="3">
        <v>41703.876909722225</v>
      </c>
      <c r="B9188" s="6">
        <v>152946.9</v>
      </c>
      <c r="C9188" s="7">
        <f t="shared" si="143"/>
        <v>152.9469</v>
      </c>
      <c r="I9188" s="1"/>
    </row>
    <row r="9189" spans="1:9" x14ac:dyDescent="0.25">
      <c r="A9189" s="3">
        <v>41734.07608796296</v>
      </c>
      <c r="B9189" s="6">
        <v>152963.54999999999</v>
      </c>
      <c r="C9189" s="7">
        <f t="shared" si="143"/>
        <v>152.96355</v>
      </c>
      <c r="I9189" s="1"/>
    </row>
    <row r="9190" spans="1:9" x14ac:dyDescent="0.25">
      <c r="A9190" s="3">
        <v>41734.07644675926</v>
      </c>
      <c r="B9190" s="6">
        <v>152980.19999999998</v>
      </c>
      <c r="C9190" s="7">
        <f t="shared" si="143"/>
        <v>152.9802</v>
      </c>
      <c r="I9190" s="1"/>
    </row>
    <row r="9191" spans="1:9" x14ac:dyDescent="0.25">
      <c r="A9191" s="3">
        <v>41734.081493055557</v>
      </c>
      <c r="B9191" s="6">
        <v>152996.84999999998</v>
      </c>
      <c r="C9191" s="7">
        <f t="shared" si="143"/>
        <v>152.99684999999997</v>
      </c>
      <c r="I9191" s="1"/>
    </row>
    <row r="9192" spans="1:9" x14ac:dyDescent="0.25">
      <c r="A9192" s="3">
        <v>41734.081643518519</v>
      </c>
      <c r="B9192" s="6">
        <v>153013.5</v>
      </c>
      <c r="C9192" s="7">
        <f t="shared" si="143"/>
        <v>153.01349999999999</v>
      </c>
      <c r="I9192" s="1"/>
    </row>
    <row r="9193" spans="1:9" x14ac:dyDescent="0.25">
      <c r="A9193" s="3">
        <v>41734.086863425924</v>
      </c>
      <c r="B9193" s="6">
        <v>153030.15</v>
      </c>
      <c r="C9193" s="7">
        <f t="shared" si="143"/>
        <v>153.03014999999999</v>
      </c>
      <c r="I9193" s="1"/>
    </row>
    <row r="9194" spans="1:9" x14ac:dyDescent="0.25">
      <c r="A9194" s="3">
        <v>41734.087164351855</v>
      </c>
      <c r="B9194" s="6">
        <v>153046.79999999999</v>
      </c>
      <c r="C9194" s="7">
        <f t="shared" si="143"/>
        <v>153.04679999999999</v>
      </c>
      <c r="I9194" s="1"/>
    </row>
    <row r="9195" spans="1:9" x14ac:dyDescent="0.25">
      <c r="A9195" s="3">
        <v>41734.098009259258</v>
      </c>
      <c r="B9195" s="6">
        <v>153063.44999999998</v>
      </c>
      <c r="C9195" s="7">
        <f t="shared" si="143"/>
        <v>153.06344999999999</v>
      </c>
      <c r="I9195" s="1"/>
    </row>
    <row r="9196" spans="1:9" x14ac:dyDescent="0.25">
      <c r="A9196" s="3">
        <v>41734.099305555559</v>
      </c>
      <c r="B9196" s="6">
        <v>153080.09999999998</v>
      </c>
      <c r="C9196" s="7">
        <f t="shared" si="143"/>
        <v>153.08009999999999</v>
      </c>
      <c r="I9196" s="1"/>
    </row>
    <row r="9197" spans="1:9" x14ac:dyDescent="0.25">
      <c r="A9197" s="3">
        <v>41734.115324074075</v>
      </c>
      <c r="B9197" s="6">
        <v>153096.75</v>
      </c>
      <c r="C9197" s="7">
        <f t="shared" si="143"/>
        <v>153.09674999999999</v>
      </c>
      <c r="I9197" s="1"/>
    </row>
    <row r="9198" spans="1:9" x14ac:dyDescent="0.25">
      <c r="A9198" s="3">
        <v>41734.116898148146</v>
      </c>
      <c r="B9198" s="6">
        <v>153113.4</v>
      </c>
      <c r="C9198" s="7">
        <f t="shared" si="143"/>
        <v>153.11339999999998</v>
      </c>
      <c r="I9198" s="1"/>
    </row>
    <row r="9199" spans="1:9" x14ac:dyDescent="0.25">
      <c r="A9199" s="3">
        <v>41734.127685185187</v>
      </c>
      <c r="B9199" s="6">
        <v>153130.04999999999</v>
      </c>
      <c r="C9199" s="7">
        <f t="shared" si="143"/>
        <v>153.13004999999998</v>
      </c>
      <c r="I9199" s="1"/>
    </row>
    <row r="9200" spans="1:9" x14ac:dyDescent="0.25">
      <c r="A9200" s="3">
        <v>41734.129027777781</v>
      </c>
      <c r="B9200" s="6">
        <v>153146.69999999998</v>
      </c>
      <c r="C9200" s="7">
        <f t="shared" si="143"/>
        <v>153.14669999999998</v>
      </c>
      <c r="I9200" s="1"/>
    </row>
    <row r="9201" spans="1:9" x14ac:dyDescent="0.25">
      <c r="A9201" s="3">
        <v>41734.302754629629</v>
      </c>
      <c r="B9201" s="6">
        <v>153163.34999999998</v>
      </c>
      <c r="C9201" s="7">
        <f t="shared" si="143"/>
        <v>153.16334999999998</v>
      </c>
      <c r="I9201" s="1"/>
    </row>
    <row r="9202" spans="1:9" x14ac:dyDescent="0.25">
      <c r="A9202" s="3">
        <v>41734.303182870368</v>
      </c>
      <c r="B9202" s="6">
        <v>153180</v>
      </c>
      <c r="C9202" s="7">
        <f t="shared" si="143"/>
        <v>153.18</v>
      </c>
      <c r="I9202" s="1"/>
    </row>
    <row r="9203" spans="1:9" x14ac:dyDescent="0.25">
      <c r="A9203" s="3">
        <v>41734.319618055553</v>
      </c>
      <c r="B9203" s="6">
        <v>153196.65</v>
      </c>
      <c r="C9203" s="7">
        <f t="shared" si="143"/>
        <v>153.19665000000001</v>
      </c>
      <c r="I9203" s="1"/>
    </row>
    <row r="9204" spans="1:9" x14ac:dyDescent="0.25">
      <c r="A9204" s="3">
        <v>41734.319699074076</v>
      </c>
      <c r="B9204" s="6">
        <v>153213.29999999999</v>
      </c>
      <c r="C9204" s="7">
        <f t="shared" si="143"/>
        <v>153.21329999999998</v>
      </c>
      <c r="I9204" s="1"/>
    </row>
    <row r="9205" spans="1:9" x14ac:dyDescent="0.25">
      <c r="A9205" s="3">
        <v>41734.320868055554</v>
      </c>
      <c r="B9205" s="6">
        <v>153229.94999999998</v>
      </c>
      <c r="C9205" s="7">
        <f t="shared" si="143"/>
        <v>153.22994999999997</v>
      </c>
      <c r="I9205" s="1"/>
    </row>
    <row r="9206" spans="1:9" x14ac:dyDescent="0.25">
      <c r="A9206" s="3">
        <v>41734.32267361111</v>
      </c>
      <c r="B9206" s="6">
        <v>153246.59999999998</v>
      </c>
      <c r="C9206" s="7">
        <f t="shared" si="143"/>
        <v>153.24659999999997</v>
      </c>
      <c r="I9206" s="1"/>
    </row>
    <row r="9207" spans="1:9" x14ac:dyDescent="0.25">
      <c r="A9207" s="3">
        <v>41734.326157407406</v>
      </c>
      <c r="B9207" s="6">
        <v>153263.25</v>
      </c>
      <c r="C9207" s="7">
        <f t="shared" si="143"/>
        <v>153.26325</v>
      </c>
      <c r="I9207" s="1"/>
    </row>
    <row r="9208" spans="1:9" x14ac:dyDescent="0.25">
      <c r="A9208" s="3">
        <v>41734.327233796299</v>
      </c>
      <c r="B9208" s="6">
        <v>153279.9</v>
      </c>
      <c r="C9208" s="7">
        <f t="shared" si="143"/>
        <v>153.2799</v>
      </c>
      <c r="I9208" s="1"/>
    </row>
    <row r="9209" spans="1:9" x14ac:dyDescent="0.25">
      <c r="A9209" s="3">
        <v>41734.334293981483</v>
      </c>
      <c r="B9209" s="6">
        <v>153296.54999999999</v>
      </c>
      <c r="C9209" s="7">
        <f t="shared" si="143"/>
        <v>153.29655</v>
      </c>
      <c r="I9209" s="1"/>
    </row>
    <row r="9210" spans="1:9" x14ac:dyDescent="0.25">
      <c r="A9210" s="3">
        <v>41734.335925925923</v>
      </c>
      <c r="B9210" s="6">
        <v>153313.19999999998</v>
      </c>
      <c r="C9210" s="7">
        <f t="shared" si="143"/>
        <v>153.31319999999999</v>
      </c>
      <c r="I9210" s="1"/>
    </row>
    <row r="9211" spans="1:9" x14ac:dyDescent="0.25">
      <c r="A9211" s="3">
        <v>41734.340752314813</v>
      </c>
      <c r="B9211" s="6">
        <v>153329.84999999998</v>
      </c>
      <c r="C9211" s="7">
        <f t="shared" si="143"/>
        <v>153.32984999999996</v>
      </c>
      <c r="I9211" s="1"/>
    </row>
    <row r="9212" spans="1:9" x14ac:dyDescent="0.25">
      <c r="A9212" s="3">
        <v>41734.341527777775</v>
      </c>
      <c r="B9212" s="6">
        <v>153346.5</v>
      </c>
      <c r="C9212" s="7">
        <f t="shared" si="143"/>
        <v>153.34649999999999</v>
      </c>
      <c r="I9212" s="1"/>
    </row>
    <row r="9213" spans="1:9" x14ac:dyDescent="0.25">
      <c r="A9213" s="3">
        <v>41734.348321759258</v>
      </c>
      <c r="B9213" s="6">
        <v>153363.15</v>
      </c>
      <c r="C9213" s="7">
        <f t="shared" si="143"/>
        <v>153.36314999999999</v>
      </c>
      <c r="I9213" s="1"/>
    </row>
    <row r="9214" spans="1:9" x14ac:dyDescent="0.25">
      <c r="A9214" s="3">
        <v>41734.348437499997</v>
      </c>
      <c r="B9214" s="6">
        <v>153379.79999999999</v>
      </c>
      <c r="C9214" s="7">
        <f t="shared" si="143"/>
        <v>153.37979999999999</v>
      </c>
      <c r="I9214" s="1"/>
    </row>
    <row r="9215" spans="1:9" x14ac:dyDescent="0.25">
      <c r="A9215" s="3">
        <v>41734.357777777775</v>
      </c>
      <c r="B9215" s="6">
        <v>153396.44999999998</v>
      </c>
      <c r="C9215" s="7">
        <f t="shared" si="143"/>
        <v>153.39644999999999</v>
      </c>
      <c r="I9215" s="1"/>
    </row>
    <row r="9216" spans="1:9" x14ac:dyDescent="0.25">
      <c r="A9216" s="3">
        <v>41734.358564814815</v>
      </c>
      <c r="B9216" s="6">
        <v>153413.09999999998</v>
      </c>
      <c r="C9216" s="7">
        <f t="shared" si="143"/>
        <v>153.41309999999999</v>
      </c>
      <c r="I9216" s="1"/>
    </row>
    <row r="9217" spans="1:9" x14ac:dyDescent="0.25">
      <c r="A9217" s="3">
        <v>41734.363726851851</v>
      </c>
      <c r="B9217" s="6">
        <v>153429.75</v>
      </c>
      <c r="C9217" s="7">
        <f t="shared" si="143"/>
        <v>153.42975000000001</v>
      </c>
      <c r="I9217" s="1"/>
    </row>
    <row r="9218" spans="1:9" x14ac:dyDescent="0.25">
      <c r="A9218" s="3">
        <v>41734.364652777775</v>
      </c>
      <c r="B9218" s="6">
        <v>153446.39999999999</v>
      </c>
      <c r="C9218" s="7">
        <f t="shared" si="143"/>
        <v>153.44639999999998</v>
      </c>
      <c r="I9218" s="1"/>
    </row>
    <row r="9219" spans="1:9" x14ac:dyDescent="0.25">
      <c r="A9219" s="3">
        <v>41734.371886574074</v>
      </c>
      <c r="B9219" s="6">
        <v>153463.04999999999</v>
      </c>
      <c r="C9219" s="7">
        <f t="shared" ref="C9219:C9282" si="144">B9219/1000</f>
        <v>153.46304999999998</v>
      </c>
      <c r="I9219" s="1"/>
    </row>
    <row r="9220" spans="1:9" x14ac:dyDescent="0.25">
      <c r="A9220" s="3">
        <v>41734.372048611112</v>
      </c>
      <c r="B9220" s="6">
        <v>153479.69999999998</v>
      </c>
      <c r="C9220" s="7">
        <f t="shared" si="144"/>
        <v>153.47969999999998</v>
      </c>
      <c r="I9220" s="1"/>
    </row>
    <row r="9221" spans="1:9" x14ac:dyDescent="0.25">
      <c r="A9221" s="3">
        <v>41734.37704861111</v>
      </c>
      <c r="B9221" s="6">
        <v>153496.34999999998</v>
      </c>
      <c r="C9221" s="7">
        <f t="shared" si="144"/>
        <v>153.49634999999998</v>
      </c>
      <c r="I9221" s="1"/>
    </row>
    <row r="9222" spans="1:9" x14ac:dyDescent="0.25">
      <c r="A9222" s="3">
        <v>41734.377187500002</v>
      </c>
      <c r="B9222" s="6">
        <v>153513</v>
      </c>
      <c r="C9222" s="7">
        <f t="shared" si="144"/>
        <v>153.51300000000001</v>
      </c>
      <c r="I9222" s="1"/>
    </row>
    <row r="9223" spans="1:9" x14ac:dyDescent="0.25">
      <c r="A9223" s="3">
        <v>41734.380277777775</v>
      </c>
      <c r="B9223" s="6">
        <v>153529.65</v>
      </c>
      <c r="C9223" s="7">
        <f t="shared" si="144"/>
        <v>153.52965</v>
      </c>
      <c r="I9223" s="1"/>
    </row>
    <row r="9224" spans="1:9" x14ac:dyDescent="0.25">
      <c r="A9224" s="3">
        <v>41734.381863425922</v>
      </c>
      <c r="B9224" s="6">
        <v>153546.29999999999</v>
      </c>
      <c r="C9224" s="7">
        <f t="shared" si="144"/>
        <v>153.5463</v>
      </c>
      <c r="I9224" s="1"/>
    </row>
    <row r="9225" spans="1:9" x14ac:dyDescent="0.25">
      <c r="A9225" s="3">
        <v>41734.384826388887</v>
      </c>
      <c r="B9225" s="6">
        <v>153562.94999999998</v>
      </c>
      <c r="C9225" s="7">
        <f t="shared" si="144"/>
        <v>153.56294999999997</v>
      </c>
      <c r="I9225" s="1"/>
    </row>
    <row r="9226" spans="1:9" x14ac:dyDescent="0.25">
      <c r="A9226" s="3">
        <v>41734.384988425925</v>
      </c>
      <c r="B9226" s="6">
        <v>153579.59999999998</v>
      </c>
      <c r="C9226" s="7">
        <f t="shared" si="144"/>
        <v>153.57959999999997</v>
      </c>
      <c r="I9226" s="1"/>
    </row>
    <row r="9227" spans="1:9" x14ac:dyDescent="0.25">
      <c r="A9227" s="3">
        <v>41734.393680555557</v>
      </c>
      <c r="B9227" s="6">
        <v>153596.25</v>
      </c>
      <c r="C9227" s="7">
        <f t="shared" si="144"/>
        <v>153.59625</v>
      </c>
      <c r="I9227" s="1"/>
    </row>
    <row r="9228" spans="1:9" x14ac:dyDescent="0.25">
      <c r="A9228" s="3">
        <v>41734.393900462965</v>
      </c>
      <c r="B9228" s="6">
        <v>153612.9</v>
      </c>
      <c r="C9228" s="7">
        <f t="shared" si="144"/>
        <v>153.6129</v>
      </c>
      <c r="I9228" s="1"/>
    </row>
    <row r="9229" spans="1:9" x14ac:dyDescent="0.25">
      <c r="A9229" s="3">
        <v>41734.400810185187</v>
      </c>
      <c r="B9229" s="6">
        <v>153629.54999999999</v>
      </c>
      <c r="C9229" s="7">
        <f t="shared" si="144"/>
        <v>153.62954999999999</v>
      </c>
      <c r="I9229" s="1"/>
    </row>
    <row r="9230" spans="1:9" x14ac:dyDescent="0.25">
      <c r="A9230" s="3">
        <v>41734.400960648149</v>
      </c>
      <c r="B9230" s="6">
        <v>153646.19999999998</v>
      </c>
      <c r="C9230" s="7">
        <f t="shared" si="144"/>
        <v>153.64619999999999</v>
      </c>
      <c r="I9230" s="1"/>
    </row>
    <row r="9231" spans="1:9" x14ac:dyDescent="0.25">
      <c r="A9231" s="3">
        <v>41734.410983796297</v>
      </c>
      <c r="B9231" s="6">
        <v>153662.84999999998</v>
      </c>
      <c r="C9231" s="7">
        <f t="shared" si="144"/>
        <v>153.66284999999996</v>
      </c>
      <c r="I9231" s="1"/>
    </row>
    <row r="9232" spans="1:9" x14ac:dyDescent="0.25">
      <c r="A9232" s="3">
        <v>41734.411134259259</v>
      </c>
      <c r="B9232" s="6">
        <v>153679.5</v>
      </c>
      <c r="C9232" s="7">
        <f t="shared" si="144"/>
        <v>153.67949999999999</v>
      </c>
      <c r="I9232" s="1"/>
    </row>
    <row r="9233" spans="1:9" x14ac:dyDescent="0.25">
      <c r="A9233" s="3">
        <v>41734.415983796294</v>
      </c>
      <c r="B9233" s="6">
        <v>153696.15</v>
      </c>
      <c r="C9233" s="7">
        <f t="shared" si="144"/>
        <v>153.69614999999999</v>
      </c>
      <c r="I9233" s="1"/>
    </row>
    <row r="9234" spans="1:9" x14ac:dyDescent="0.25">
      <c r="A9234" s="3">
        <v>41734.416481481479</v>
      </c>
      <c r="B9234" s="6">
        <v>153712.79999999999</v>
      </c>
      <c r="C9234" s="7">
        <f t="shared" si="144"/>
        <v>153.71279999999999</v>
      </c>
      <c r="I9234" s="1"/>
    </row>
    <row r="9235" spans="1:9" x14ac:dyDescent="0.25">
      <c r="A9235" s="3">
        <v>41734.420844907407</v>
      </c>
      <c r="B9235" s="6">
        <v>153729.44999999998</v>
      </c>
      <c r="C9235" s="7">
        <f t="shared" si="144"/>
        <v>153.72944999999999</v>
      </c>
      <c r="I9235" s="1"/>
    </row>
    <row r="9236" spans="1:9" x14ac:dyDescent="0.25">
      <c r="A9236" s="3">
        <v>41734.420995370368</v>
      </c>
      <c r="B9236" s="6">
        <v>153746.09999999998</v>
      </c>
      <c r="C9236" s="7">
        <f t="shared" si="144"/>
        <v>153.74609999999998</v>
      </c>
      <c r="I9236" s="1"/>
    </row>
    <row r="9237" spans="1:9" x14ac:dyDescent="0.25">
      <c r="A9237" s="3">
        <v>41734.427199074074</v>
      </c>
      <c r="B9237" s="6">
        <v>153762.75</v>
      </c>
      <c r="C9237" s="7">
        <f t="shared" si="144"/>
        <v>153.76275000000001</v>
      </c>
      <c r="I9237" s="1"/>
    </row>
    <row r="9238" spans="1:9" x14ac:dyDescent="0.25">
      <c r="A9238" s="3">
        <v>41734.427372685182</v>
      </c>
      <c r="B9238" s="6">
        <v>153779.4</v>
      </c>
      <c r="C9238" s="7">
        <f t="shared" si="144"/>
        <v>153.77939999999998</v>
      </c>
      <c r="I9238" s="1"/>
    </row>
    <row r="9239" spans="1:9" x14ac:dyDescent="0.25">
      <c r="A9239" s="3">
        <v>41734.431840277779</v>
      </c>
      <c r="B9239" s="6">
        <v>153796.04999999999</v>
      </c>
      <c r="C9239" s="7">
        <f t="shared" si="144"/>
        <v>153.79604999999998</v>
      </c>
      <c r="I9239" s="1"/>
    </row>
    <row r="9240" spans="1:9" x14ac:dyDescent="0.25">
      <c r="A9240" s="3">
        <v>41734.432002314818</v>
      </c>
      <c r="B9240" s="6">
        <v>153812.69999999998</v>
      </c>
      <c r="C9240" s="7">
        <f t="shared" si="144"/>
        <v>153.81269999999998</v>
      </c>
      <c r="I9240" s="1"/>
    </row>
    <row r="9241" spans="1:9" x14ac:dyDescent="0.25">
      <c r="A9241" s="3">
        <v>41734.434386574074</v>
      </c>
      <c r="B9241" s="6">
        <v>153829.34999999998</v>
      </c>
      <c r="C9241" s="7">
        <f t="shared" si="144"/>
        <v>153.82934999999998</v>
      </c>
      <c r="I9241" s="1"/>
    </row>
    <row r="9242" spans="1:9" x14ac:dyDescent="0.25">
      <c r="A9242" s="3">
        <v>41734.434606481482</v>
      </c>
      <c r="B9242" s="6">
        <v>153846</v>
      </c>
      <c r="C9242" s="7">
        <f t="shared" si="144"/>
        <v>153.846</v>
      </c>
      <c r="I9242" s="1"/>
    </row>
    <row r="9243" spans="1:9" x14ac:dyDescent="0.25">
      <c r="A9243" s="3">
        <v>41734.437615740739</v>
      </c>
      <c r="B9243" s="6">
        <v>153862.65</v>
      </c>
      <c r="C9243" s="7">
        <f t="shared" si="144"/>
        <v>153.86265</v>
      </c>
      <c r="I9243" s="1"/>
    </row>
    <row r="9244" spans="1:9" x14ac:dyDescent="0.25">
      <c r="A9244" s="3">
        <v>41734.437731481485</v>
      </c>
      <c r="B9244" s="6">
        <v>153879.29999999999</v>
      </c>
      <c r="C9244" s="7">
        <f t="shared" si="144"/>
        <v>153.8793</v>
      </c>
      <c r="I9244" s="1"/>
    </row>
    <row r="9245" spans="1:9" x14ac:dyDescent="0.25">
      <c r="A9245" s="3">
        <v>41734.43854166667</v>
      </c>
      <c r="B9245" s="6">
        <v>153895.94999999998</v>
      </c>
      <c r="C9245" s="7">
        <f t="shared" si="144"/>
        <v>153.89594999999997</v>
      </c>
      <c r="I9245" s="1"/>
    </row>
    <row r="9246" spans="1:9" x14ac:dyDescent="0.25">
      <c r="A9246" s="3">
        <v>41734.438715277778</v>
      </c>
      <c r="B9246" s="6">
        <v>153912.59999999998</v>
      </c>
      <c r="C9246" s="7">
        <f t="shared" si="144"/>
        <v>153.91259999999997</v>
      </c>
      <c r="I9246" s="1"/>
    </row>
    <row r="9247" spans="1:9" x14ac:dyDescent="0.25">
      <c r="A9247" s="3">
        <v>41734.440763888888</v>
      </c>
      <c r="B9247" s="6">
        <v>153929.25</v>
      </c>
      <c r="C9247" s="7">
        <f t="shared" si="144"/>
        <v>153.92925</v>
      </c>
      <c r="I9247" s="1"/>
    </row>
    <row r="9248" spans="1:9" x14ac:dyDescent="0.25">
      <c r="A9248" s="3">
        <v>41734.440972222219</v>
      </c>
      <c r="B9248" s="6">
        <v>153945.9</v>
      </c>
      <c r="C9248" s="7">
        <f t="shared" si="144"/>
        <v>153.94589999999999</v>
      </c>
      <c r="I9248" s="1"/>
    </row>
    <row r="9249" spans="1:9" x14ac:dyDescent="0.25">
      <c r="A9249" s="3">
        <v>41734.442465277774</v>
      </c>
      <c r="B9249" s="6">
        <v>153962.54999999999</v>
      </c>
      <c r="C9249" s="7">
        <f t="shared" si="144"/>
        <v>153.96254999999999</v>
      </c>
      <c r="I9249" s="1"/>
    </row>
    <row r="9250" spans="1:9" x14ac:dyDescent="0.25">
      <c r="A9250" s="3">
        <v>41734.442615740743</v>
      </c>
      <c r="B9250" s="6">
        <v>153979.19999999998</v>
      </c>
      <c r="C9250" s="7">
        <f t="shared" si="144"/>
        <v>153.97919999999999</v>
      </c>
      <c r="I9250" s="1"/>
    </row>
    <row r="9251" spans="1:9" x14ac:dyDescent="0.25">
      <c r="A9251" s="3">
        <v>41734.443356481483</v>
      </c>
      <c r="B9251" s="6">
        <v>153995.84999999998</v>
      </c>
      <c r="C9251" s="7">
        <f t="shared" si="144"/>
        <v>153.99584999999999</v>
      </c>
      <c r="I9251" s="1"/>
    </row>
    <row r="9252" spans="1:9" x14ac:dyDescent="0.25">
      <c r="A9252" s="3">
        <v>41734.443483796298</v>
      </c>
      <c r="B9252" s="6">
        <v>154012.5</v>
      </c>
      <c r="C9252" s="7">
        <f t="shared" si="144"/>
        <v>154.01249999999999</v>
      </c>
      <c r="I9252" s="1"/>
    </row>
    <row r="9253" spans="1:9" x14ac:dyDescent="0.25">
      <c r="A9253" s="3">
        <v>41734.446597222224</v>
      </c>
      <c r="B9253" s="6">
        <v>154029.15</v>
      </c>
      <c r="C9253" s="7">
        <f t="shared" si="144"/>
        <v>154.02914999999999</v>
      </c>
      <c r="I9253" s="1"/>
    </row>
    <row r="9254" spans="1:9" x14ac:dyDescent="0.25">
      <c r="A9254" s="3">
        <v>41734.446759259263</v>
      </c>
      <c r="B9254" s="6">
        <v>154045.79999999999</v>
      </c>
      <c r="C9254" s="7">
        <f t="shared" si="144"/>
        <v>154.04579999999999</v>
      </c>
      <c r="I9254" s="1"/>
    </row>
    <row r="9255" spans="1:9" x14ac:dyDescent="0.25">
      <c r="A9255" s="3">
        <v>41734.448101851849</v>
      </c>
      <c r="B9255" s="6">
        <v>154062.44999999998</v>
      </c>
      <c r="C9255" s="7">
        <f t="shared" si="144"/>
        <v>154.06244999999998</v>
      </c>
      <c r="I9255" s="1"/>
    </row>
    <row r="9256" spans="1:9" x14ac:dyDescent="0.25">
      <c r="A9256" s="3">
        <v>41734.448263888888</v>
      </c>
      <c r="B9256" s="6">
        <v>154079.09999999998</v>
      </c>
      <c r="C9256" s="7">
        <f t="shared" si="144"/>
        <v>154.07909999999998</v>
      </c>
      <c r="I9256" s="1"/>
    </row>
    <row r="9257" spans="1:9" x14ac:dyDescent="0.25">
      <c r="A9257" s="3">
        <v>41734.450821759259</v>
      </c>
      <c r="B9257" s="6">
        <v>154095.75</v>
      </c>
      <c r="C9257" s="7">
        <f t="shared" si="144"/>
        <v>154.09575000000001</v>
      </c>
      <c r="I9257" s="1"/>
    </row>
    <row r="9258" spans="1:9" x14ac:dyDescent="0.25">
      <c r="A9258" s="3">
        <v>41734.451493055552</v>
      </c>
      <c r="B9258" s="6">
        <v>154112.4</v>
      </c>
      <c r="C9258" s="7">
        <f t="shared" si="144"/>
        <v>154.11240000000001</v>
      </c>
      <c r="I9258" s="1"/>
    </row>
    <row r="9259" spans="1:9" x14ac:dyDescent="0.25">
      <c r="A9259" s="3">
        <v>41734.452719907407</v>
      </c>
      <c r="B9259" s="6">
        <v>154129.04999999999</v>
      </c>
      <c r="C9259" s="7">
        <f t="shared" si="144"/>
        <v>154.12904999999998</v>
      </c>
      <c r="I9259" s="1"/>
    </row>
    <row r="9260" spans="1:9" x14ac:dyDescent="0.25">
      <c r="A9260" s="3">
        <v>41734.452905092592</v>
      </c>
      <c r="B9260" s="6">
        <v>154145.69999999998</v>
      </c>
      <c r="C9260" s="7">
        <f t="shared" si="144"/>
        <v>154.14569999999998</v>
      </c>
      <c r="I9260" s="1"/>
    </row>
    <row r="9261" spans="1:9" x14ac:dyDescent="0.25">
      <c r="A9261" s="3">
        <v>41734.454293981478</v>
      </c>
      <c r="B9261" s="6">
        <v>154162.34999999998</v>
      </c>
      <c r="C9261" s="7">
        <f t="shared" si="144"/>
        <v>154.16234999999998</v>
      </c>
      <c r="I9261" s="1"/>
    </row>
    <row r="9262" spans="1:9" x14ac:dyDescent="0.25">
      <c r="A9262" s="3">
        <v>41734.454444444447</v>
      </c>
      <c r="B9262" s="6">
        <v>154179</v>
      </c>
      <c r="C9262" s="7">
        <f t="shared" si="144"/>
        <v>154.179</v>
      </c>
      <c r="I9262" s="1"/>
    </row>
    <row r="9263" spans="1:9" x14ac:dyDescent="0.25">
      <c r="A9263" s="3">
        <v>41734.456284722219</v>
      </c>
      <c r="B9263" s="6">
        <v>154195.65</v>
      </c>
      <c r="C9263" s="7">
        <f t="shared" si="144"/>
        <v>154.19565</v>
      </c>
      <c r="I9263" s="1"/>
    </row>
    <row r="9264" spans="1:9" x14ac:dyDescent="0.25">
      <c r="A9264" s="3">
        <v>41734.456365740742</v>
      </c>
      <c r="B9264" s="6">
        <v>154212.29999999999</v>
      </c>
      <c r="C9264" s="7">
        <f t="shared" si="144"/>
        <v>154.2123</v>
      </c>
      <c r="I9264" s="1"/>
    </row>
    <row r="9265" spans="1:9" x14ac:dyDescent="0.25">
      <c r="A9265" s="3">
        <v>41734.45758101852</v>
      </c>
      <c r="B9265" s="6">
        <v>154228.94999999998</v>
      </c>
      <c r="C9265" s="7">
        <f t="shared" si="144"/>
        <v>154.22894999999997</v>
      </c>
      <c r="I9265" s="1"/>
    </row>
    <row r="9266" spans="1:9" x14ac:dyDescent="0.25">
      <c r="A9266" s="3">
        <v>41734.457789351851</v>
      </c>
      <c r="B9266" s="6">
        <v>154245.59999999998</v>
      </c>
      <c r="C9266" s="7">
        <f t="shared" si="144"/>
        <v>154.24559999999997</v>
      </c>
      <c r="I9266" s="1"/>
    </row>
    <row r="9267" spans="1:9" x14ac:dyDescent="0.25">
      <c r="A9267" s="3">
        <v>41734.458761574075</v>
      </c>
      <c r="B9267" s="6">
        <v>154262.25</v>
      </c>
      <c r="C9267" s="7">
        <f t="shared" si="144"/>
        <v>154.26224999999999</v>
      </c>
      <c r="I9267" s="1"/>
    </row>
    <row r="9268" spans="1:9" x14ac:dyDescent="0.25">
      <c r="A9268" s="3">
        <v>41734.45888888889</v>
      </c>
      <c r="B9268" s="6">
        <v>154278.9</v>
      </c>
      <c r="C9268" s="7">
        <f t="shared" si="144"/>
        <v>154.27889999999999</v>
      </c>
      <c r="I9268" s="1"/>
    </row>
    <row r="9269" spans="1:9" x14ac:dyDescent="0.25">
      <c r="A9269" s="3">
        <v>41734.460601851853</v>
      </c>
      <c r="B9269" s="6">
        <v>154295.54999999999</v>
      </c>
      <c r="C9269" s="7">
        <f t="shared" si="144"/>
        <v>154.29554999999999</v>
      </c>
      <c r="I9269" s="1"/>
    </row>
    <row r="9270" spans="1:9" x14ac:dyDescent="0.25">
      <c r="A9270" s="3">
        <v>41734.460694444446</v>
      </c>
      <c r="B9270" s="6">
        <v>154312.19999999998</v>
      </c>
      <c r="C9270" s="7">
        <f t="shared" si="144"/>
        <v>154.31219999999999</v>
      </c>
      <c r="I9270" s="1"/>
    </row>
    <row r="9271" spans="1:9" x14ac:dyDescent="0.25">
      <c r="A9271" s="3">
        <v>41734.462418981479</v>
      </c>
      <c r="B9271" s="6">
        <v>154328.84999999998</v>
      </c>
      <c r="C9271" s="7">
        <f t="shared" si="144"/>
        <v>154.32884999999999</v>
      </c>
      <c r="I9271" s="1"/>
    </row>
    <row r="9272" spans="1:9" x14ac:dyDescent="0.25">
      <c r="A9272" s="3">
        <v>41734.462511574071</v>
      </c>
      <c r="B9272" s="6">
        <v>154345.5</v>
      </c>
      <c r="C9272" s="7">
        <f t="shared" si="144"/>
        <v>154.34549999999999</v>
      </c>
      <c r="I9272" s="1"/>
    </row>
    <row r="9273" spans="1:9" x14ac:dyDescent="0.25">
      <c r="A9273" s="3">
        <v>41734.463738425926</v>
      </c>
      <c r="B9273" s="6">
        <v>154362.15</v>
      </c>
      <c r="C9273" s="7">
        <f t="shared" si="144"/>
        <v>154.36214999999999</v>
      </c>
      <c r="I9273" s="1"/>
    </row>
    <row r="9274" spans="1:9" x14ac:dyDescent="0.25">
      <c r="A9274" s="3">
        <v>41734.463877314818</v>
      </c>
      <c r="B9274" s="6">
        <v>154378.79999999999</v>
      </c>
      <c r="C9274" s="7">
        <f t="shared" si="144"/>
        <v>154.37879999999998</v>
      </c>
      <c r="I9274" s="1"/>
    </row>
    <row r="9275" spans="1:9" x14ac:dyDescent="0.25">
      <c r="A9275" s="3">
        <v>41734.464999999997</v>
      </c>
      <c r="B9275" s="6">
        <v>154395.44999999998</v>
      </c>
      <c r="C9275" s="7">
        <f t="shared" si="144"/>
        <v>154.39544999999998</v>
      </c>
      <c r="I9275" s="1"/>
    </row>
    <row r="9276" spans="1:9" x14ac:dyDescent="0.25">
      <c r="A9276" s="3">
        <v>41734.465127314812</v>
      </c>
      <c r="B9276" s="6">
        <v>154412.09999999998</v>
      </c>
      <c r="C9276" s="7">
        <f t="shared" si="144"/>
        <v>154.41209999999998</v>
      </c>
      <c r="I9276" s="1"/>
    </row>
    <row r="9277" spans="1:9" x14ac:dyDescent="0.25">
      <c r="A9277" s="3">
        <v>41734.466400462959</v>
      </c>
      <c r="B9277" s="6">
        <v>154428.75</v>
      </c>
      <c r="C9277" s="7">
        <f t="shared" si="144"/>
        <v>154.42875000000001</v>
      </c>
      <c r="I9277" s="1"/>
    </row>
    <row r="9278" spans="1:9" x14ac:dyDescent="0.25">
      <c r="A9278" s="3">
        <v>41734.466527777775</v>
      </c>
      <c r="B9278" s="6">
        <v>154445.4</v>
      </c>
      <c r="C9278" s="7">
        <f t="shared" si="144"/>
        <v>154.44540000000001</v>
      </c>
      <c r="I9278" s="1"/>
    </row>
    <row r="9279" spans="1:9" x14ac:dyDescent="0.25">
      <c r="A9279" s="3">
        <v>41734.467615740738</v>
      </c>
      <c r="B9279" s="6">
        <v>154462.04999999999</v>
      </c>
      <c r="C9279" s="7">
        <f t="shared" si="144"/>
        <v>154.46204999999998</v>
      </c>
      <c r="I9279" s="1"/>
    </row>
    <row r="9280" spans="1:9" x14ac:dyDescent="0.25">
      <c r="A9280" s="3">
        <v>41734.467685185184</v>
      </c>
      <c r="B9280" s="6">
        <v>154478.69999999998</v>
      </c>
      <c r="C9280" s="7">
        <f t="shared" si="144"/>
        <v>154.47869999999998</v>
      </c>
      <c r="I9280" s="1"/>
    </row>
    <row r="9281" spans="1:9" x14ac:dyDescent="0.25">
      <c r="A9281" s="3">
        <v>41734.468668981484</v>
      </c>
      <c r="B9281" s="6">
        <v>154495.34999999998</v>
      </c>
      <c r="C9281" s="7">
        <f t="shared" si="144"/>
        <v>154.49534999999997</v>
      </c>
      <c r="I9281" s="1"/>
    </row>
    <row r="9282" spans="1:9" x14ac:dyDescent="0.25">
      <c r="A9282" s="3">
        <v>41734.468738425923</v>
      </c>
      <c r="B9282" s="6">
        <v>154512</v>
      </c>
      <c r="C9282" s="7">
        <f t="shared" si="144"/>
        <v>154.512</v>
      </c>
      <c r="I9282" s="1"/>
    </row>
    <row r="9283" spans="1:9" x14ac:dyDescent="0.25">
      <c r="A9283" s="3">
        <v>41734.470092592594</v>
      </c>
      <c r="B9283" s="6">
        <v>154528.65</v>
      </c>
      <c r="C9283" s="7">
        <f t="shared" ref="C9283:C9346" si="145">B9283/1000</f>
        <v>154.52865</v>
      </c>
      <c r="I9283" s="1"/>
    </row>
    <row r="9284" spans="1:9" x14ac:dyDescent="0.25">
      <c r="A9284" s="3">
        <v>41734.470219907409</v>
      </c>
      <c r="B9284" s="6">
        <v>154545.29999999999</v>
      </c>
      <c r="C9284" s="7">
        <f t="shared" si="145"/>
        <v>154.5453</v>
      </c>
      <c r="I9284" s="1"/>
    </row>
    <row r="9285" spans="1:9" x14ac:dyDescent="0.25">
      <c r="A9285" s="3">
        <v>41734.471053240741</v>
      </c>
      <c r="B9285" s="6">
        <v>154561.94999999998</v>
      </c>
      <c r="C9285" s="7">
        <f t="shared" si="145"/>
        <v>154.56195</v>
      </c>
      <c r="I9285" s="1"/>
    </row>
    <row r="9286" spans="1:9" x14ac:dyDescent="0.25">
      <c r="A9286" s="3">
        <v>41734.471168981479</v>
      </c>
      <c r="B9286" s="6">
        <v>154578.59999999998</v>
      </c>
      <c r="C9286" s="7">
        <f t="shared" si="145"/>
        <v>154.57859999999997</v>
      </c>
      <c r="I9286" s="1"/>
    </row>
    <row r="9287" spans="1:9" x14ac:dyDescent="0.25">
      <c r="A9287" s="3">
        <v>41734.472175925926</v>
      </c>
      <c r="B9287" s="6">
        <v>154595.25</v>
      </c>
      <c r="C9287" s="7">
        <f t="shared" si="145"/>
        <v>154.59524999999999</v>
      </c>
      <c r="I9287" s="1"/>
    </row>
    <row r="9288" spans="1:9" x14ac:dyDescent="0.25">
      <c r="A9288" s="3">
        <v>41734.472326388888</v>
      </c>
      <c r="B9288" s="6">
        <v>154611.9</v>
      </c>
      <c r="C9288" s="7">
        <f t="shared" si="145"/>
        <v>154.61189999999999</v>
      </c>
      <c r="I9288" s="1"/>
    </row>
    <row r="9289" spans="1:9" x14ac:dyDescent="0.25">
      <c r="A9289" s="3">
        <v>41734.473067129627</v>
      </c>
      <c r="B9289" s="6">
        <v>154628.54999999999</v>
      </c>
      <c r="C9289" s="7">
        <f t="shared" si="145"/>
        <v>154.62854999999999</v>
      </c>
      <c r="I9289" s="1"/>
    </row>
    <row r="9290" spans="1:9" x14ac:dyDescent="0.25">
      <c r="A9290" s="3">
        <v>41734.473182870373</v>
      </c>
      <c r="B9290" s="6">
        <v>154645.19999999998</v>
      </c>
      <c r="C9290" s="7">
        <f t="shared" si="145"/>
        <v>154.64519999999999</v>
      </c>
      <c r="I9290" s="1"/>
    </row>
    <row r="9291" spans="1:9" x14ac:dyDescent="0.25">
      <c r="A9291" s="3">
        <v>41734.474768518521</v>
      </c>
      <c r="B9291" s="6">
        <v>154661.84999999998</v>
      </c>
      <c r="C9291" s="7">
        <f t="shared" si="145"/>
        <v>154.66184999999999</v>
      </c>
      <c r="I9291" s="1"/>
    </row>
    <row r="9292" spans="1:9" x14ac:dyDescent="0.25">
      <c r="A9292" s="3">
        <v>41734.474976851852</v>
      </c>
      <c r="B9292" s="6">
        <v>154678.5</v>
      </c>
      <c r="C9292" s="7">
        <f t="shared" si="145"/>
        <v>154.67850000000001</v>
      </c>
      <c r="I9292" s="1"/>
    </row>
    <row r="9293" spans="1:9" x14ac:dyDescent="0.25">
      <c r="A9293" s="3">
        <v>41734.475960648146</v>
      </c>
      <c r="B9293" s="6">
        <v>154695.15</v>
      </c>
      <c r="C9293" s="7">
        <f t="shared" si="145"/>
        <v>154.69514999999998</v>
      </c>
      <c r="I9293" s="1"/>
    </row>
    <row r="9294" spans="1:9" x14ac:dyDescent="0.25">
      <c r="A9294" s="3">
        <v>41734.476134259261</v>
      </c>
      <c r="B9294" s="6">
        <v>154711.79999999999</v>
      </c>
      <c r="C9294" s="7">
        <f t="shared" si="145"/>
        <v>154.71179999999998</v>
      </c>
      <c r="I9294" s="1"/>
    </row>
    <row r="9295" spans="1:9" x14ac:dyDescent="0.25">
      <c r="A9295" s="3">
        <v>41734.47760416667</v>
      </c>
      <c r="B9295" s="6">
        <v>154728.44999999998</v>
      </c>
      <c r="C9295" s="7">
        <f t="shared" si="145"/>
        <v>154.72844999999998</v>
      </c>
      <c r="I9295" s="1"/>
    </row>
    <row r="9296" spans="1:9" x14ac:dyDescent="0.25">
      <c r="A9296" s="3">
        <v>41734.477766203701</v>
      </c>
      <c r="B9296" s="6">
        <v>154745.09999999998</v>
      </c>
      <c r="C9296" s="7">
        <f t="shared" si="145"/>
        <v>154.74509999999998</v>
      </c>
      <c r="I9296" s="1"/>
    </row>
    <row r="9297" spans="1:9" x14ac:dyDescent="0.25">
      <c r="A9297" s="3">
        <v>41734.480023148149</v>
      </c>
      <c r="B9297" s="6">
        <v>154761.75</v>
      </c>
      <c r="C9297" s="7">
        <f t="shared" si="145"/>
        <v>154.76175000000001</v>
      </c>
      <c r="I9297" s="1"/>
    </row>
    <row r="9298" spans="1:9" x14ac:dyDescent="0.25">
      <c r="A9298" s="3">
        <v>41734.480173611111</v>
      </c>
      <c r="B9298" s="6">
        <v>154778.4</v>
      </c>
      <c r="C9298" s="7">
        <f t="shared" si="145"/>
        <v>154.7784</v>
      </c>
      <c r="I9298" s="1"/>
    </row>
    <row r="9299" spans="1:9" x14ac:dyDescent="0.25">
      <c r="A9299" s="3">
        <v>41734.482175925928</v>
      </c>
      <c r="B9299" s="6">
        <v>154795.04999999999</v>
      </c>
      <c r="C9299" s="7">
        <f t="shared" si="145"/>
        <v>154.79504999999997</v>
      </c>
      <c r="I9299" s="1"/>
    </row>
    <row r="9300" spans="1:9" x14ac:dyDescent="0.25">
      <c r="A9300" s="3">
        <v>41734.482430555552</v>
      </c>
      <c r="B9300" s="6">
        <v>154811.69999999998</v>
      </c>
      <c r="C9300" s="7">
        <f t="shared" si="145"/>
        <v>154.81169999999997</v>
      </c>
      <c r="I9300" s="1"/>
    </row>
    <row r="9301" spans="1:9" x14ac:dyDescent="0.25">
      <c r="A9301" s="3">
        <v>41734.483553240738</v>
      </c>
      <c r="B9301" s="6">
        <v>154828.34999999998</v>
      </c>
      <c r="C9301" s="7">
        <f t="shared" si="145"/>
        <v>154.82834999999997</v>
      </c>
      <c r="I9301" s="1"/>
    </row>
    <row r="9302" spans="1:9" x14ac:dyDescent="0.25">
      <c r="A9302" s="3">
        <v>41734.483738425923</v>
      </c>
      <c r="B9302" s="6">
        <v>154845</v>
      </c>
      <c r="C9302" s="7">
        <f t="shared" si="145"/>
        <v>154.845</v>
      </c>
      <c r="I9302" s="1"/>
    </row>
    <row r="9303" spans="1:9" x14ac:dyDescent="0.25">
      <c r="A9303" s="3">
        <v>41734.486215277779</v>
      </c>
      <c r="B9303" s="6">
        <v>154861.65</v>
      </c>
      <c r="C9303" s="7">
        <f t="shared" si="145"/>
        <v>154.86165</v>
      </c>
      <c r="I9303" s="1"/>
    </row>
    <row r="9304" spans="1:9" x14ac:dyDescent="0.25">
      <c r="A9304" s="3">
        <v>41734.486377314817</v>
      </c>
      <c r="B9304" s="6">
        <v>154878.29999999999</v>
      </c>
      <c r="C9304" s="7">
        <f t="shared" si="145"/>
        <v>154.8783</v>
      </c>
      <c r="I9304" s="1"/>
    </row>
    <row r="9305" spans="1:9" x14ac:dyDescent="0.25">
      <c r="A9305" s="3">
        <v>41734.487881944442</v>
      </c>
      <c r="B9305" s="6">
        <v>154894.94999999998</v>
      </c>
      <c r="C9305" s="7">
        <f t="shared" si="145"/>
        <v>154.89494999999999</v>
      </c>
      <c r="I9305" s="1"/>
    </row>
    <row r="9306" spans="1:9" x14ac:dyDescent="0.25">
      <c r="A9306" s="3">
        <v>41734.488125000003</v>
      </c>
      <c r="B9306" s="6">
        <v>154911.59999999998</v>
      </c>
      <c r="C9306" s="7">
        <f t="shared" si="145"/>
        <v>154.91159999999996</v>
      </c>
      <c r="I9306" s="1"/>
    </row>
    <row r="9307" spans="1:9" x14ac:dyDescent="0.25">
      <c r="A9307" s="3">
        <v>41734.489502314813</v>
      </c>
      <c r="B9307" s="6">
        <v>154928.25</v>
      </c>
      <c r="C9307" s="7">
        <f t="shared" si="145"/>
        <v>154.92824999999999</v>
      </c>
      <c r="I9307" s="1"/>
    </row>
    <row r="9308" spans="1:9" x14ac:dyDescent="0.25">
      <c r="A9308" s="3">
        <v>41734.490057870367</v>
      </c>
      <c r="B9308" s="6">
        <v>154944.9</v>
      </c>
      <c r="C9308" s="7">
        <f t="shared" si="145"/>
        <v>154.94489999999999</v>
      </c>
      <c r="I9308" s="1"/>
    </row>
    <row r="9309" spans="1:9" x14ac:dyDescent="0.25">
      <c r="A9309" s="3">
        <v>41734.491550925923</v>
      </c>
      <c r="B9309" s="6">
        <v>154961.54999999999</v>
      </c>
      <c r="C9309" s="7">
        <f t="shared" si="145"/>
        <v>154.96154999999999</v>
      </c>
      <c r="I9309" s="1"/>
    </row>
    <row r="9310" spans="1:9" x14ac:dyDescent="0.25">
      <c r="A9310" s="3">
        <v>41734.491655092592</v>
      </c>
      <c r="B9310" s="6">
        <v>154978.19999999998</v>
      </c>
      <c r="C9310" s="7">
        <f t="shared" si="145"/>
        <v>154.97819999999999</v>
      </c>
      <c r="I9310" s="1"/>
    </row>
    <row r="9311" spans="1:9" x14ac:dyDescent="0.25">
      <c r="A9311" s="3">
        <v>41734.492650462962</v>
      </c>
      <c r="B9311" s="6">
        <v>154994.84999999998</v>
      </c>
      <c r="C9311" s="7">
        <f t="shared" si="145"/>
        <v>154.99484999999999</v>
      </c>
      <c r="I9311" s="1"/>
    </row>
    <row r="9312" spans="1:9" x14ac:dyDescent="0.25">
      <c r="A9312" s="3">
        <v>41734.492777777778</v>
      </c>
      <c r="B9312" s="6">
        <v>155011.5</v>
      </c>
      <c r="C9312" s="7">
        <f t="shared" si="145"/>
        <v>155.01150000000001</v>
      </c>
      <c r="I9312" s="1"/>
    </row>
    <row r="9313" spans="1:9" x14ac:dyDescent="0.25">
      <c r="A9313" s="3">
        <v>41734.494305555556</v>
      </c>
      <c r="B9313" s="6">
        <v>155028.15</v>
      </c>
      <c r="C9313" s="7">
        <f t="shared" si="145"/>
        <v>155.02814999999998</v>
      </c>
      <c r="I9313" s="1"/>
    </row>
    <row r="9314" spans="1:9" x14ac:dyDescent="0.25">
      <c r="A9314" s="3">
        <v>41734.494375000002</v>
      </c>
      <c r="B9314" s="6">
        <v>155044.79999999999</v>
      </c>
      <c r="C9314" s="7">
        <f t="shared" si="145"/>
        <v>155.04479999999998</v>
      </c>
      <c r="I9314" s="1"/>
    </row>
    <row r="9315" spans="1:9" x14ac:dyDescent="0.25">
      <c r="A9315" s="3">
        <v>41734.495162037034</v>
      </c>
      <c r="B9315" s="6">
        <v>155061.44999999998</v>
      </c>
      <c r="C9315" s="7">
        <f t="shared" si="145"/>
        <v>155.06144999999998</v>
      </c>
      <c r="I9315" s="1"/>
    </row>
    <row r="9316" spans="1:9" x14ac:dyDescent="0.25">
      <c r="A9316" s="3">
        <v>41734.495300925926</v>
      </c>
      <c r="B9316" s="6">
        <v>155078.09999999998</v>
      </c>
      <c r="C9316" s="7">
        <f t="shared" si="145"/>
        <v>155.07809999999998</v>
      </c>
      <c r="I9316" s="1"/>
    </row>
    <row r="9317" spans="1:9" x14ac:dyDescent="0.25">
      <c r="A9317" s="3">
        <v>41734.496423611112</v>
      </c>
      <c r="B9317" s="6">
        <v>155094.75</v>
      </c>
      <c r="C9317" s="7">
        <f t="shared" si="145"/>
        <v>155.09475</v>
      </c>
      <c r="I9317" s="1"/>
    </row>
    <row r="9318" spans="1:9" x14ac:dyDescent="0.25">
      <c r="A9318" s="3">
        <v>41734.496527777781</v>
      </c>
      <c r="B9318" s="6">
        <v>155111.4</v>
      </c>
      <c r="C9318" s="7">
        <f t="shared" si="145"/>
        <v>155.1114</v>
      </c>
      <c r="I9318" s="1"/>
    </row>
    <row r="9319" spans="1:9" x14ac:dyDescent="0.25">
      <c r="A9319" s="3">
        <v>41734.498182870368</v>
      </c>
      <c r="B9319" s="6">
        <v>155128.04999999999</v>
      </c>
      <c r="C9319" s="7">
        <f t="shared" si="145"/>
        <v>155.12805</v>
      </c>
      <c r="I9319" s="1"/>
    </row>
    <row r="9320" spans="1:9" x14ac:dyDescent="0.25">
      <c r="A9320" s="3">
        <v>41734.498287037037</v>
      </c>
      <c r="B9320" s="6">
        <v>155144.69999999998</v>
      </c>
      <c r="C9320" s="7">
        <f t="shared" si="145"/>
        <v>155.14469999999997</v>
      </c>
      <c r="I9320" s="1"/>
    </row>
    <row r="9321" spans="1:9" x14ac:dyDescent="0.25">
      <c r="A9321" s="3">
        <v>41734.499097222222</v>
      </c>
      <c r="B9321" s="6">
        <v>155161.34999999998</v>
      </c>
      <c r="C9321" s="7">
        <f t="shared" si="145"/>
        <v>155.16134999999997</v>
      </c>
      <c r="I9321" s="1"/>
    </row>
    <row r="9322" spans="1:9" x14ac:dyDescent="0.25">
      <c r="A9322" s="3">
        <v>41734.499212962961</v>
      </c>
      <c r="B9322" s="6">
        <v>155178</v>
      </c>
      <c r="C9322" s="7">
        <f t="shared" si="145"/>
        <v>155.178</v>
      </c>
      <c r="I9322" s="1"/>
    </row>
    <row r="9323" spans="1:9" x14ac:dyDescent="0.25">
      <c r="A9323" s="3">
        <v>41734.500509259262</v>
      </c>
      <c r="B9323" s="6">
        <v>155194.65</v>
      </c>
      <c r="C9323" s="7">
        <f t="shared" si="145"/>
        <v>155.19465</v>
      </c>
      <c r="I9323" s="1"/>
    </row>
    <row r="9324" spans="1:9" x14ac:dyDescent="0.25">
      <c r="A9324" s="3">
        <v>41734.500601851854</v>
      </c>
      <c r="B9324" s="6">
        <v>155211.29999999999</v>
      </c>
      <c r="C9324" s="7">
        <f t="shared" si="145"/>
        <v>155.21129999999999</v>
      </c>
      <c r="I9324" s="1"/>
    </row>
    <row r="9325" spans="1:9" x14ac:dyDescent="0.25">
      <c r="A9325" s="3">
        <v>41734.50309027778</v>
      </c>
      <c r="B9325" s="6">
        <v>155227.94999999998</v>
      </c>
      <c r="C9325" s="7">
        <f t="shared" si="145"/>
        <v>155.22794999999999</v>
      </c>
      <c r="I9325" s="1"/>
    </row>
    <row r="9326" spans="1:9" x14ac:dyDescent="0.25">
      <c r="A9326" s="3">
        <v>41734.503194444442</v>
      </c>
      <c r="B9326" s="6">
        <v>155244.59999999998</v>
      </c>
      <c r="C9326" s="7">
        <f t="shared" si="145"/>
        <v>155.24459999999996</v>
      </c>
      <c r="I9326" s="1"/>
    </row>
    <row r="9327" spans="1:9" x14ac:dyDescent="0.25">
      <c r="A9327" s="3">
        <v>41734.504594907405</v>
      </c>
      <c r="B9327" s="6">
        <v>155261.25</v>
      </c>
      <c r="C9327" s="7">
        <f t="shared" si="145"/>
        <v>155.26124999999999</v>
      </c>
      <c r="I9327" s="1"/>
    </row>
    <row r="9328" spans="1:9" x14ac:dyDescent="0.25">
      <c r="A9328" s="3">
        <v>41734.504699074074</v>
      </c>
      <c r="B9328" s="6">
        <v>155277.9</v>
      </c>
      <c r="C9328" s="7">
        <f t="shared" si="145"/>
        <v>155.27789999999999</v>
      </c>
      <c r="I9328" s="1"/>
    </row>
    <row r="9329" spans="1:9" x14ac:dyDescent="0.25">
      <c r="A9329" s="3">
        <v>41734.505902777775</v>
      </c>
      <c r="B9329" s="6">
        <v>155294.54999999999</v>
      </c>
      <c r="C9329" s="7">
        <f t="shared" si="145"/>
        <v>155.29454999999999</v>
      </c>
      <c r="I9329" s="1"/>
    </row>
    <row r="9330" spans="1:9" x14ac:dyDescent="0.25">
      <c r="A9330" s="3">
        <v>41734.50608796296</v>
      </c>
      <c r="B9330" s="6">
        <v>155311.19999999998</v>
      </c>
      <c r="C9330" s="7">
        <f t="shared" si="145"/>
        <v>155.31119999999999</v>
      </c>
      <c r="I9330" s="1"/>
    </row>
    <row r="9331" spans="1:9" x14ac:dyDescent="0.25">
      <c r="A9331" s="3">
        <v>41734.508344907408</v>
      </c>
      <c r="B9331" s="6">
        <v>155327.84999999998</v>
      </c>
      <c r="C9331" s="7">
        <f t="shared" si="145"/>
        <v>155.32784999999998</v>
      </c>
      <c r="I9331" s="1"/>
    </row>
    <row r="9332" spans="1:9" x14ac:dyDescent="0.25">
      <c r="A9332" s="3">
        <v>41734.508750000001</v>
      </c>
      <c r="B9332" s="6">
        <v>155344.5</v>
      </c>
      <c r="C9332" s="7">
        <f t="shared" si="145"/>
        <v>155.34450000000001</v>
      </c>
      <c r="I9332" s="1"/>
    </row>
    <row r="9333" spans="1:9" x14ac:dyDescent="0.25">
      <c r="A9333" s="3">
        <v>41734.510520833333</v>
      </c>
      <c r="B9333" s="6">
        <v>155361.15</v>
      </c>
      <c r="C9333" s="7">
        <f t="shared" si="145"/>
        <v>155.36114999999998</v>
      </c>
      <c r="I9333" s="1"/>
    </row>
    <row r="9334" spans="1:9" x14ac:dyDescent="0.25">
      <c r="A9334" s="3">
        <v>41734.511354166665</v>
      </c>
      <c r="B9334" s="6">
        <v>155377.79999999999</v>
      </c>
      <c r="C9334" s="7">
        <f t="shared" si="145"/>
        <v>155.37779999999998</v>
      </c>
      <c r="I9334" s="1"/>
    </row>
    <row r="9335" spans="1:9" x14ac:dyDescent="0.25">
      <c r="A9335" s="3">
        <v>41734.513831018521</v>
      </c>
      <c r="B9335" s="6">
        <v>155394.44999999998</v>
      </c>
      <c r="C9335" s="7">
        <f t="shared" si="145"/>
        <v>155.39444999999998</v>
      </c>
      <c r="I9335" s="1"/>
    </row>
    <row r="9336" spans="1:9" x14ac:dyDescent="0.25">
      <c r="A9336" s="3">
        <v>41734.513958333337</v>
      </c>
      <c r="B9336" s="6">
        <v>155411.09999999998</v>
      </c>
      <c r="C9336" s="7">
        <f t="shared" si="145"/>
        <v>155.41109999999998</v>
      </c>
      <c r="I9336" s="1"/>
    </row>
    <row r="9337" spans="1:9" x14ac:dyDescent="0.25">
      <c r="A9337" s="3">
        <v>41734.515682870369</v>
      </c>
      <c r="B9337" s="6">
        <v>155427.75</v>
      </c>
      <c r="C9337" s="7">
        <f t="shared" si="145"/>
        <v>155.42775</v>
      </c>
      <c r="I9337" s="1"/>
    </row>
    <row r="9338" spans="1:9" x14ac:dyDescent="0.25">
      <c r="A9338" s="3">
        <v>41734.515972222223</v>
      </c>
      <c r="B9338" s="6">
        <v>155444.4</v>
      </c>
      <c r="C9338" s="7">
        <f t="shared" si="145"/>
        <v>155.4444</v>
      </c>
      <c r="I9338" s="1"/>
    </row>
    <row r="9339" spans="1:9" x14ac:dyDescent="0.25">
      <c r="A9339" s="3">
        <v>41734.517291666663</v>
      </c>
      <c r="B9339" s="6">
        <v>155461.04999999999</v>
      </c>
      <c r="C9339" s="7">
        <f t="shared" si="145"/>
        <v>155.46105</v>
      </c>
      <c r="I9339" s="1"/>
    </row>
    <row r="9340" spans="1:9" x14ac:dyDescent="0.25">
      <c r="A9340" s="3">
        <v>41734.517453703702</v>
      </c>
      <c r="B9340" s="6">
        <v>155477.69999999998</v>
      </c>
      <c r="C9340" s="7">
        <f t="shared" si="145"/>
        <v>155.47769999999997</v>
      </c>
      <c r="I9340" s="1"/>
    </row>
    <row r="9341" spans="1:9" x14ac:dyDescent="0.25">
      <c r="A9341" s="3">
        <v>41734.519085648149</v>
      </c>
      <c r="B9341" s="6">
        <v>155494.34999999998</v>
      </c>
      <c r="C9341" s="7">
        <f t="shared" si="145"/>
        <v>155.49434999999997</v>
      </c>
      <c r="I9341" s="1"/>
    </row>
    <row r="9342" spans="1:9" x14ac:dyDescent="0.25">
      <c r="A9342" s="3">
        <v>41734.519236111111</v>
      </c>
      <c r="B9342" s="6">
        <v>155511</v>
      </c>
      <c r="C9342" s="7">
        <f t="shared" si="145"/>
        <v>155.511</v>
      </c>
      <c r="I9342" s="1"/>
    </row>
    <row r="9343" spans="1:9" x14ac:dyDescent="0.25">
      <c r="A9343" s="3">
        <v>41734.520543981482</v>
      </c>
      <c r="B9343" s="6">
        <v>155527.65</v>
      </c>
      <c r="C9343" s="7">
        <f t="shared" si="145"/>
        <v>155.52764999999999</v>
      </c>
      <c r="I9343" s="1"/>
    </row>
    <row r="9344" spans="1:9" x14ac:dyDescent="0.25">
      <c r="A9344" s="3">
        <v>41734.52070601852</v>
      </c>
      <c r="B9344" s="6">
        <v>155544.29999999999</v>
      </c>
      <c r="C9344" s="7">
        <f t="shared" si="145"/>
        <v>155.54429999999999</v>
      </c>
      <c r="I9344" s="1"/>
    </row>
    <row r="9345" spans="1:9" x14ac:dyDescent="0.25">
      <c r="A9345" s="3">
        <v>41734.523252314815</v>
      </c>
      <c r="B9345" s="6">
        <v>155560.94999999998</v>
      </c>
      <c r="C9345" s="7">
        <f t="shared" si="145"/>
        <v>155.56094999999999</v>
      </c>
      <c r="I9345" s="1"/>
    </row>
    <row r="9346" spans="1:9" x14ac:dyDescent="0.25">
      <c r="A9346" s="3">
        <v>41734.5233912037</v>
      </c>
      <c r="B9346" s="6">
        <v>155577.59999999998</v>
      </c>
      <c r="C9346" s="7">
        <f t="shared" si="145"/>
        <v>155.57759999999999</v>
      </c>
      <c r="I9346" s="1"/>
    </row>
    <row r="9347" spans="1:9" x14ac:dyDescent="0.25">
      <c r="A9347" s="3">
        <v>41734.527256944442</v>
      </c>
      <c r="B9347" s="6">
        <v>155594.25</v>
      </c>
      <c r="C9347" s="7">
        <f t="shared" ref="C9347:C9410" si="146">B9347/1000</f>
        <v>155.59424999999999</v>
      </c>
      <c r="I9347" s="1"/>
    </row>
    <row r="9348" spans="1:9" x14ac:dyDescent="0.25">
      <c r="A9348" s="3">
        <v>41734.527465277781</v>
      </c>
      <c r="B9348" s="6">
        <v>155610.9</v>
      </c>
      <c r="C9348" s="7">
        <f t="shared" si="146"/>
        <v>155.61089999999999</v>
      </c>
      <c r="I9348" s="1"/>
    </row>
    <row r="9349" spans="1:9" x14ac:dyDescent="0.25">
      <c r="A9349" s="3">
        <v>41734.529305555552</v>
      </c>
      <c r="B9349" s="6">
        <v>155627.54999999999</v>
      </c>
      <c r="C9349" s="7">
        <f t="shared" si="146"/>
        <v>155.62754999999999</v>
      </c>
      <c r="I9349" s="1"/>
    </row>
    <row r="9350" spans="1:9" x14ac:dyDescent="0.25">
      <c r="A9350" s="3">
        <v>41734.529432870368</v>
      </c>
      <c r="B9350" s="6">
        <v>155644.19999999998</v>
      </c>
      <c r="C9350" s="7">
        <f t="shared" si="146"/>
        <v>155.64419999999998</v>
      </c>
      <c r="I9350" s="1"/>
    </row>
    <row r="9351" spans="1:9" x14ac:dyDescent="0.25">
      <c r="A9351" s="3">
        <v>41734.532152777778</v>
      </c>
      <c r="B9351" s="6">
        <v>155660.84999999998</v>
      </c>
      <c r="C9351" s="7">
        <f t="shared" si="146"/>
        <v>155.66084999999998</v>
      </c>
      <c r="I9351" s="1"/>
    </row>
    <row r="9352" spans="1:9" x14ac:dyDescent="0.25">
      <c r="A9352" s="3">
        <v>41734.532858796294</v>
      </c>
      <c r="B9352" s="6">
        <v>155677.5</v>
      </c>
      <c r="C9352" s="7">
        <f t="shared" si="146"/>
        <v>155.67750000000001</v>
      </c>
      <c r="I9352" s="1"/>
    </row>
    <row r="9353" spans="1:9" x14ac:dyDescent="0.25">
      <c r="A9353" s="3">
        <v>41734.536111111112</v>
      </c>
      <c r="B9353" s="6">
        <v>155694.15</v>
      </c>
      <c r="C9353" s="7">
        <f t="shared" si="146"/>
        <v>155.69415000000001</v>
      </c>
      <c r="I9353" s="1"/>
    </row>
    <row r="9354" spans="1:9" x14ac:dyDescent="0.25">
      <c r="A9354" s="3">
        <v>41734.536296296297</v>
      </c>
      <c r="B9354" s="6">
        <v>155710.79999999999</v>
      </c>
      <c r="C9354" s="7">
        <f t="shared" si="146"/>
        <v>155.71079999999998</v>
      </c>
      <c r="I9354" s="1"/>
    </row>
    <row r="9355" spans="1:9" x14ac:dyDescent="0.25">
      <c r="A9355" s="3">
        <v>41734.539027777777</v>
      </c>
      <c r="B9355" s="6">
        <v>155727.44999999998</v>
      </c>
      <c r="C9355" s="7">
        <f t="shared" si="146"/>
        <v>155.72744999999998</v>
      </c>
      <c r="I9355" s="1"/>
    </row>
    <row r="9356" spans="1:9" x14ac:dyDescent="0.25">
      <c r="A9356" s="3">
        <v>41734.5391087963</v>
      </c>
      <c r="B9356" s="6">
        <v>155744.09999999998</v>
      </c>
      <c r="C9356" s="7">
        <f t="shared" si="146"/>
        <v>155.74409999999997</v>
      </c>
      <c r="I9356" s="1"/>
    </row>
    <row r="9357" spans="1:9" x14ac:dyDescent="0.25">
      <c r="A9357" s="3">
        <v>41734.542118055557</v>
      </c>
      <c r="B9357" s="6">
        <v>155760.75</v>
      </c>
      <c r="C9357" s="7">
        <f t="shared" si="146"/>
        <v>155.76075</v>
      </c>
      <c r="I9357" s="1"/>
    </row>
    <row r="9358" spans="1:9" x14ac:dyDescent="0.25">
      <c r="A9358" s="3">
        <v>41734.542569444442</v>
      </c>
      <c r="B9358" s="6">
        <v>155777.4</v>
      </c>
      <c r="C9358" s="7">
        <f t="shared" si="146"/>
        <v>155.7774</v>
      </c>
      <c r="I9358" s="1"/>
    </row>
    <row r="9359" spans="1:9" x14ac:dyDescent="0.25">
      <c r="A9359" s="3">
        <v>41734.544652777775</v>
      </c>
      <c r="B9359" s="6">
        <v>155794.04999999999</v>
      </c>
      <c r="C9359" s="7">
        <f t="shared" si="146"/>
        <v>155.79405</v>
      </c>
      <c r="I9359" s="1"/>
    </row>
    <row r="9360" spans="1:9" x14ac:dyDescent="0.25">
      <c r="A9360" s="3">
        <v>41734.545081018521</v>
      </c>
      <c r="B9360" s="6">
        <v>155810.69999999998</v>
      </c>
      <c r="C9360" s="7">
        <f t="shared" si="146"/>
        <v>155.81069999999997</v>
      </c>
      <c r="I9360" s="1"/>
    </row>
    <row r="9361" spans="1:9" x14ac:dyDescent="0.25">
      <c r="A9361" s="3">
        <v>41734.54755787037</v>
      </c>
      <c r="B9361" s="6">
        <v>155827.34999999998</v>
      </c>
      <c r="C9361" s="7">
        <f t="shared" si="146"/>
        <v>155.82734999999997</v>
      </c>
      <c r="I9361" s="1"/>
    </row>
    <row r="9362" spans="1:9" x14ac:dyDescent="0.25">
      <c r="A9362" s="3">
        <v>41734.547696759262</v>
      </c>
      <c r="B9362" s="6">
        <v>155844</v>
      </c>
      <c r="C9362" s="7">
        <f t="shared" si="146"/>
        <v>155.84399999999999</v>
      </c>
      <c r="I9362" s="1"/>
    </row>
    <row r="9363" spans="1:9" x14ac:dyDescent="0.25">
      <c r="A9363" s="3">
        <v>41734.549074074072</v>
      </c>
      <c r="B9363" s="6">
        <v>155860.65</v>
      </c>
      <c r="C9363" s="7">
        <f t="shared" si="146"/>
        <v>155.86064999999999</v>
      </c>
      <c r="I9363" s="1"/>
    </row>
    <row r="9364" spans="1:9" x14ac:dyDescent="0.25">
      <c r="A9364" s="3">
        <v>41734.549212962964</v>
      </c>
      <c r="B9364" s="6">
        <v>155877.29999999999</v>
      </c>
      <c r="C9364" s="7">
        <f t="shared" si="146"/>
        <v>155.87729999999999</v>
      </c>
      <c r="I9364" s="1"/>
    </row>
    <row r="9365" spans="1:9" x14ac:dyDescent="0.25">
      <c r="A9365" s="3">
        <v>41734.551550925928</v>
      </c>
      <c r="B9365" s="6">
        <v>155893.94999999998</v>
      </c>
      <c r="C9365" s="7">
        <f t="shared" si="146"/>
        <v>155.89394999999999</v>
      </c>
      <c r="I9365" s="1"/>
    </row>
    <row r="9366" spans="1:9" x14ac:dyDescent="0.25">
      <c r="A9366" s="3">
        <v>41734.551782407405</v>
      </c>
      <c r="B9366" s="6">
        <v>155910.59999999998</v>
      </c>
      <c r="C9366" s="7">
        <f t="shared" si="146"/>
        <v>155.91059999999999</v>
      </c>
      <c r="I9366" s="1"/>
    </row>
    <row r="9367" spans="1:9" x14ac:dyDescent="0.25">
      <c r="A9367" s="3">
        <v>41734.55300925926</v>
      </c>
      <c r="B9367" s="6">
        <v>155927.25</v>
      </c>
      <c r="C9367" s="7">
        <f t="shared" si="146"/>
        <v>155.92724999999999</v>
      </c>
      <c r="I9367" s="1"/>
    </row>
    <row r="9368" spans="1:9" x14ac:dyDescent="0.25">
      <c r="A9368" s="3">
        <v>41734.553240740737</v>
      </c>
      <c r="B9368" s="6">
        <v>155943.9</v>
      </c>
      <c r="C9368" s="7">
        <f t="shared" si="146"/>
        <v>155.94389999999999</v>
      </c>
      <c r="I9368" s="1"/>
    </row>
    <row r="9369" spans="1:9" x14ac:dyDescent="0.25">
      <c r="A9369" s="3">
        <v>41734.555844907409</v>
      </c>
      <c r="B9369" s="6">
        <v>155960.54999999999</v>
      </c>
      <c r="C9369" s="7">
        <f t="shared" si="146"/>
        <v>155.96054999999998</v>
      </c>
      <c r="I9369" s="1"/>
    </row>
    <row r="9370" spans="1:9" x14ac:dyDescent="0.25">
      <c r="A9370" s="3">
        <v>41734.556087962963</v>
      </c>
      <c r="B9370" s="6">
        <v>155977.19999999998</v>
      </c>
      <c r="C9370" s="7">
        <f t="shared" si="146"/>
        <v>155.97719999999998</v>
      </c>
      <c r="I9370" s="1"/>
    </row>
    <row r="9371" spans="1:9" x14ac:dyDescent="0.25">
      <c r="A9371" s="3">
        <v>41734.558206018519</v>
      </c>
      <c r="B9371" s="6">
        <v>155993.84999999998</v>
      </c>
      <c r="C9371" s="7">
        <f t="shared" si="146"/>
        <v>155.99384999999998</v>
      </c>
      <c r="I9371" s="1"/>
    </row>
    <row r="9372" spans="1:9" x14ac:dyDescent="0.25">
      <c r="A9372" s="3">
        <v>41734.558356481481</v>
      </c>
      <c r="B9372" s="6">
        <v>156010.5</v>
      </c>
      <c r="C9372" s="7">
        <f t="shared" si="146"/>
        <v>156.01050000000001</v>
      </c>
      <c r="I9372" s="1"/>
    </row>
    <row r="9373" spans="1:9" x14ac:dyDescent="0.25">
      <c r="A9373" s="3">
        <v>41734.56009259259</v>
      </c>
      <c r="B9373" s="6">
        <v>156027.15</v>
      </c>
      <c r="C9373" s="7">
        <f t="shared" si="146"/>
        <v>156.02715000000001</v>
      </c>
      <c r="I9373" s="1"/>
    </row>
    <row r="9374" spans="1:9" x14ac:dyDescent="0.25">
      <c r="A9374" s="3">
        <v>41734.560300925928</v>
      </c>
      <c r="B9374" s="6">
        <v>156043.79999999999</v>
      </c>
      <c r="C9374" s="7">
        <f t="shared" si="146"/>
        <v>156.04379999999998</v>
      </c>
      <c r="I9374" s="1"/>
    </row>
    <row r="9375" spans="1:9" x14ac:dyDescent="0.25">
      <c r="A9375" s="3">
        <v>41734.563414351855</v>
      </c>
      <c r="B9375" s="6">
        <v>156060.44999999998</v>
      </c>
      <c r="C9375" s="7">
        <f t="shared" si="146"/>
        <v>156.06044999999997</v>
      </c>
      <c r="I9375" s="1"/>
    </row>
    <row r="9376" spans="1:9" x14ac:dyDescent="0.25">
      <c r="A9376" s="3">
        <v>41734.563923611109</v>
      </c>
      <c r="B9376" s="6">
        <v>156077.09999999998</v>
      </c>
      <c r="C9376" s="7">
        <f t="shared" si="146"/>
        <v>156.07709999999997</v>
      </c>
      <c r="I9376" s="1"/>
    </row>
    <row r="9377" spans="1:9" x14ac:dyDescent="0.25">
      <c r="A9377" s="3">
        <v>41734.564930555556</v>
      </c>
      <c r="B9377" s="6">
        <v>156093.75</v>
      </c>
      <c r="C9377" s="7">
        <f t="shared" si="146"/>
        <v>156.09375</v>
      </c>
      <c r="I9377" s="1"/>
    </row>
    <row r="9378" spans="1:9" x14ac:dyDescent="0.25">
      <c r="A9378" s="3">
        <v>41734.56517361111</v>
      </c>
      <c r="B9378" s="6">
        <v>156110.39999999999</v>
      </c>
      <c r="C9378" s="7">
        <f t="shared" si="146"/>
        <v>156.1104</v>
      </c>
      <c r="I9378" s="1"/>
    </row>
    <row r="9379" spans="1:9" x14ac:dyDescent="0.25">
      <c r="A9379" s="3">
        <v>41734.567789351851</v>
      </c>
      <c r="B9379" s="6">
        <v>156127.04999999999</v>
      </c>
      <c r="C9379" s="7">
        <f t="shared" si="146"/>
        <v>156.12705</v>
      </c>
      <c r="I9379" s="1"/>
    </row>
    <row r="9380" spans="1:9" x14ac:dyDescent="0.25">
      <c r="A9380" s="3">
        <v>41734.567962962959</v>
      </c>
      <c r="B9380" s="6">
        <v>156143.69999999998</v>
      </c>
      <c r="C9380" s="7">
        <f t="shared" si="146"/>
        <v>156.1437</v>
      </c>
      <c r="I9380" s="1"/>
    </row>
    <row r="9381" spans="1:9" x14ac:dyDescent="0.25">
      <c r="A9381" s="3">
        <v>41734.571203703701</v>
      </c>
      <c r="B9381" s="6">
        <v>156160.34999999998</v>
      </c>
      <c r="C9381" s="7">
        <f t="shared" si="146"/>
        <v>156.16034999999997</v>
      </c>
      <c r="I9381" s="1"/>
    </row>
    <row r="9382" spans="1:9" x14ac:dyDescent="0.25">
      <c r="A9382" s="3">
        <v>41734.571597222224</v>
      </c>
      <c r="B9382" s="6">
        <v>156177</v>
      </c>
      <c r="C9382" s="7">
        <f t="shared" si="146"/>
        <v>156.17699999999999</v>
      </c>
      <c r="I9382" s="1"/>
    </row>
    <row r="9383" spans="1:9" x14ac:dyDescent="0.25">
      <c r="A9383" s="3">
        <v>41734.573472222219</v>
      </c>
      <c r="B9383" s="6">
        <v>156193.65</v>
      </c>
      <c r="C9383" s="7">
        <f t="shared" si="146"/>
        <v>156.19364999999999</v>
      </c>
      <c r="I9383" s="1"/>
    </row>
    <row r="9384" spans="1:9" x14ac:dyDescent="0.25">
      <c r="A9384" s="3">
        <v>41734.573622685188</v>
      </c>
      <c r="B9384" s="6">
        <v>156210.29999999999</v>
      </c>
      <c r="C9384" s="7">
        <f t="shared" si="146"/>
        <v>156.21029999999999</v>
      </c>
      <c r="I9384" s="1"/>
    </row>
    <row r="9385" spans="1:9" x14ac:dyDescent="0.25">
      <c r="A9385" s="3">
        <v>41734.580370370371</v>
      </c>
      <c r="B9385" s="6">
        <v>156226.94999999998</v>
      </c>
      <c r="C9385" s="7">
        <f t="shared" si="146"/>
        <v>156.22694999999999</v>
      </c>
      <c r="I9385" s="1"/>
    </row>
    <row r="9386" spans="1:9" x14ac:dyDescent="0.25">
      <c r="A9386" s="3">
        <v>41734.580578703702</v>
      </c>
      <c r="B9386" s="6">
        <v>156243.59999999998</v>
      </c>
      <c r="C9386" s="7">
        <f t="shared" si="146"/>
        <v>156.24359999999999</v>
      </c>
      <c r="I9386" s="1"/>
    </row>
    <row r="9387" spans="1:9" x14ac:dyDescent="0.25">
      <c r="A9387" s="3">
        <v>41734.583344907405</v>
      </c>
      <c r="B9387" s="6">
        <v>156260.25</v>
      </c>
      <c r="C9387" s="7">
        <f t="shared" si="146"/>
        <v>156.26025000000001</v>
      </c>
      <c r="I9387" s="1"/>
    </row>
    <row r="9388" spans="1:9" x14ac:dyDescent="0.25">
      <c r="A9388" s="3">
        <v>41734.583449074074</v>
      </c>
      <c r="B9388" s="6">
        <v>156276.9</v>
      </c>
      <c r="C9388" s="7">
        <f t="shared" si="146"/>
        <v>156.27689999999998</v>
      </c>
      <c r="I9388" s="1"/>
    </row>
    <row r="9389" spans="1:9" x14ac:dyDescent="0.25">
      <c r="A9389" s="3">
        <v>41734.585543981484</v>
      </c>
      <c r="B9389" s="6">
        <v>156293.54999999999</v>
      </c>
      <c r="C9389" s="7">
        <f t="shared" si="146"/>
        <v>156.29354999999998</v>
      </c>
      <c r="I9389" s="1"/>
    </row>
    <row r="9390" spans="1:9" x14ac:dyDescent="0.25">
      <c r="A9390" s="3">
        <v>41734.585659722223</v>
      </c>
      <c r="B9390" s="6">
        <v>156310.19999999998</v>
      </c>
      <c r="C9390" s="7">
        <f t="shared" si="146"/>
        <v>156.31019999999998</v>
      </c>
      <c r="I9390" s="1"/>
    </row>
    <row r="9391" spans="1:9" x14ac:dyDescent="0.25">
      <c r="A9391" s="3">
        <v>41734.590138888889</v>
      </c>
      <c r="B9391" s="6">
        <v>156326.84999999998</v>
      </c>
      <c r="C9391" s="7">
        <f t="shared" si="146"/>
        <v>156.32684999999998</v>
      </c>
      <c r="I9391" s="1"/>
    </row>
    <row r="9392" spans="1:9" x14ac:dyDescent="0.25">
      <c r="A9392" s="3">
        <v>41734.590752314813</v>
      </c>
      <c r="B9392" s="6">
        <v>156343.5</v>
      </c>
      <c r="C9392" s="7">
        <f t="shared" si="146"/>
        <v>156.34350000000001</v>
      </c>
      <c r="I9392" s="1"/>
    </row>
    <row r="9393" spans="1:9" x14ac:dyDescent="0.25">
      <c r="A9393" s="3">
        <v>41734.592916666668</v>
      </c>
      <c r="B9393" s="6">
        <v>156360.15</v>
      </c>
      <c r="C9393" s="7">
        <f t="shared" si="146"/>
        <v>156.36015</v>
      </c>
      <c r="I9393" s="1"/>
    </row>
    <row r="9394" spans="1:9" x14ac:dyDescent="0.25">
      <c r="A9394" s="3">
        <v>41734.593009259261</v>
      </c>
      <c r="B9394" s="6">
        <v>156376.79999999999</v>
      </c>
      <c r="C9394" s="7">
        <f t="shared" si="146"/>
        <v>156.37679999999997</v>
      </c>
      <c r="I9394" s="1"/>
    </row>
    <row r="9395" spans="1:9" x14ac:dyDescent="0.25">
      <c r="A9395" s="3">
        <v>41734.593923611108</v>
      </c>
      <c r="B9395" s="6">
        <v>156393.44999999998</v>
      </c>
      <c r="C9395" s="7">
        <f t="shared" si="146"/>
        <v>156.39344999999997</v>
      </c>
      <c r="I9395" s="1"/>
    </row>
    <row r="9396" spans="1:9" x14ac:dyDescent="0.25">
      <c r="A9396" s="3">
        <v>41734.594074074077</v>
      </c>
      <c r="B9396" s="6">
        <v>156410.09999999998</v>
      </c>
      <c r="C9396" s="7">
        <f t="shared" si="146"/>
        <v>156.41009999999997</v>
      </c>
      <c r="I9396" s="1"/>
    </row>
    <row r="9397" spans="1:9" x14ac:dyDescent="0.25">
      <c r="A9397" s="3">
        <v>41734.596574074072</v>
      </c>
      <c r="B9397" s="6">
        <v>156426.75</v>
      </c>
      <c r="C9397" s="7">
        <f t="shared" si="146"/>
        <v>156.42675</v>
      </c>
      <c r="I9397" s="1"/>
    </row>
    <row r="9398" spans="1:9" x14ac:dyDescent="0.25">
      <c r="A9398" s="3">
        <v>41734.597037037034</v>
      </c>
      <c r="B9398" s="6">
        <v>156443.4</v>
      </c>
      <c r="C9398" s="7">
        <f t="shared" si="146"/>
        <v>156.4434</v>
      </c>
      <c r="I9398" s="1"/>
    </row>
    <row r="9399" spans="1:9" x14ac:dyDescent="0.25">
      <c r="A9399" s="3">
        <v>41734.603761574072</v>
      </c>
      <c r="B9399" s="6">
        <v>156460.04999999999</v>
      </c>
      <c r="C9399" s="7">
        <f t="shared" si="146"/>
        <v>156.46005</v>
      </c>
      <c r="I9399" s="1"/>
    </row>
    <row r="9400" spans="1:9" x14ac:dyDescent="0.25">
      <c r="A9400" s="3">
        <v>41734.605231481481</v>
      </c>
      <c r="B9400" s="6">
        <v>156476.69999999998</v>
      </c>
      <c r="C9400" s="7">
        <f t="shared" si="146"/>
        <v>156.47669999999999</v>
      </c>
      <c r="I9400" s="1"/>
    </row>
    <row r="9401" spans="1:9" x14ac:dyDescent="0.25">
      <c r="A9401" s="3">
        <v>41734.606180555558</v>
      </c>
      <c r="B9401" s="6">
        <v>156493.34999999998</v>
      </c>
      <c r="C9401" s="7">
        <f t="shared" si="146"/>
        <v>156.49334999999996</v>
      </c>
      <c r="I9401" s="1"/>
    </row>
    <row r="9402" spans="1:9" x14ac:dyDescent="0.25">
      <c r="A9402" s="3">
        <v>41734.606319444443</v>
      </c>
      <c r="B9402" s="6">
        <v>156510</v>
      </c>
      <c r="C9402" s="7">
        <f t="shared" si="146"/>
        <v>156.51</v>
      </c>
      <c r="I9402" s="1"/>
    </row>
    <row r="9403" spans="1:9" x14ac:dyDescent="0.25">
      <c r="A9403" s="3">
        <v>41734.611226851855</v>
      </c>
      <c r="B9403" s="6">
        <v>156526.65</v>
      </c>
      <c r="C9403" s="7">
        <f t="shared" si="146"/>
        <v>156.52664999999999</v>
      </c>
      <c r="I9403" s="1"/>
    </row>
    <row r="9404" spans="1:9" x14ac:dyDescent="0.25">
      <c r="A9404" s="3">
        <v>41734.611817129633</v>
      </c>
      <c r="B9404" s="6">
        <v>156543.29999999999</v>
      </c>
      <c r="C9404" s="7">
        <f t="shared" si="146"/>
        <v>156.54329999999999</v>
      </c>
      <c r="I9404" s="1"/>
    </row>
    <row r="9405" spans="1:9" x14ac:dyDescent="0.25">
      <c r="A9405" s="3">
        <v>41734.613900462966</v>
      </c>
      <c r="B9405" s="6">
        <v>156559.94999999998</v>
      </c>
      <c r="C9405" s="7">
        <f t="shared" si="146"/>
        <v>156.55994999999999</v>
      </c>
      <c r="I9405" s="1"/>
    </row>
    <row r="9406" spans="1:9" x14ac:dyDescent="0.25">
      <c r="A9406" s="3">
        <v>41734.613981481481</v>
      </c>
      <c r="B9406" s="6">
        <v>156576.59999999998</v>
      </c>
      <c r="C9406" s="7">
        <f t="shared" si="146"/>
        <v>156.57659999999998</v>
      </c>
      <c r="I9406" s="1"/>
    </row>
    <row r="9407" spans="1:9" x14ac:dyDescent="0.25">
      <c r="A9407" s="3">
        <v>41734.618414351855</v>
      </c>
      <c r="B9407" s="6">
        <v>156593.25</v>
      </c>
      <c r="C9407" s="7">
        <f t="shared" si="146"/>
        <v>156.59325000000001</v>
      </c>
      <c r="I9407" s="1"/>
    </row>
    <row r="9408" spans="1:9" x14ac:dyDescent="0.25">
      <c r="A9408" s="3">
        <v>41734.618773148148</v>
      </c>
      <c r="B9408" s="6">
        <v>156609.9</v>
      </c>
      <c r="C9408" s="7">
        <f t="shared" si="146"/>
        <v>156.60989999999998</v>
      </c>
      <c r="I9408" s="1"/>
    </row>
    <row r="9409" spans="1:9" x14ac:dyDescent="0.25">
      <c r="A9409" s="3">
        <v>41734.621261574073</v>
      </c>
      <c r="B9409" s="6">
        <v>156626.54999999999</v>
      </c>
      <c r="C9409" s="7">
        <f t="shared" si="146"/>
        <v>156.62654999999998</v>
      </c>
      <c r="I9409" s="1"/>
    </row>
    <row r="9410" spans="1:9" x14ac:dyDescent="0.25">
      <c r="A9410" s="3">
        <v>41734.621481481481</v>
      </c>
      <c r="B9410" s="6">
        <v>156643.19999999998</v>
      </c>
      <c r="C9410" s="7">
        <f t="shared" si="146"/>
        <v>156.64319999999998</v>
      </c>
      <c r="I9410" s="1"/>
    </row>
    <row r="9411" spans="1:9" x14ac:dyDescent="0.25">
      <c r="A9411" s="3">
        <v>41734.627442129633</v>
      </c>
      <c r="B9411" s="6">
        <v>156659.84999999998</v>
      </c>
      <c r="C9411" s="7">
        <f t="shared" ref="C9411:C9474" si="147">B9411/1000</f>
        <v>156.65984999999998</v>
      </c>
      <c r="I9411" s="1"/>
    </row>
    <row r="9412" spans="1:9" x14ac:dyDescent="0.25">
      <c r="A9412" s="3">
        <v>41734.627615740741</v>
      </c>
      <c r="B9412" s="6">
        <v>156676.5</v>
      </c>
      <c r="C9412" s="7">
        <f t="shared" si="147"/>
        <v>156.6765</v>
      </c>
      <c r="I9412" s="1"/>
    </row>
    <row r="9413" spans="1:9" x14ac:dyDescent="0.25">
      <c r="A9413" s="3">
        <v>41734.631273148145</v>
      </c>
      <c r="B9413" s="6">
        <v>156693.15</v>
      </c>
      <c r="C9413" s="7">
        <f t="shared" si="147"/>
        <v>156.69315</v>
      </c>
      <c r="I9413" s="1"/>
    </row>
    <row r="9414" spans="1:9" x14ac:dyDescent="0.25">
      <c r="A9414" s="3">
        <v>41734.631516203706</v>
      </c>
      <c r="B9414" s="6">
        <v>156709.79999999999</v>
      </c>
      <c r="C9414" s="7">
        <f t="shared" si="147"/>
        <v>156.7098</v>
      </c>
      <c r="I9414" s="1"/>
    </row>
    <row r="9415" spans="1:9" x14ac:dyDescent="0.25">
      <c r="A9415" s="3">
        <v>41734.635312500002</v>
      </c>
      <c r="B9415" s="6">
        <v>156726.44999999998</v>
      </c>
      <c r="C9415" s="7">
        <f t="shared" si="147"/>
        <v>156.72644999999997</v>
      </c>
      <c r="I9415" s="1"/>
    </row>
    <row r="9416" spans="1:9" x14ac:dyDescent="0.25">
      <c r="A9416" s="3">
        <v>41734.635682870372</v>
      </c>
      <c r="B9416" s="6">
        <v>156743.09999999998</v>
      </c>
      <c r="C9416" s="7">
        <f t="shared" si="147"/>
        <v>156.74309999999997</v>
      </c>
      <c r="I9416" s="1"/>
    </row>
    <row r="9417" spans="1:9" x14ac:dyDescent="0.25">
      <c r="A9417" s="3">
        <v>41734.637627314813</v>
      </c>
      <c r="B9417" s="6">
        <v>156759.75</v>
      </c>
      <c r="C9417" s="7">
        <f t="shared" si="147"/>
        <v>156.75975</v>
      </c>
      <c r="I9417" s="1"/>
    </row>
    <row r="9418" spans="1:9" x14ac:dyDescent="0.25">
      <c r="A9418" s="3">
        <v>41734.637685185182</v>
      </c>
      <c r="B9418" s="6">
        <v>156776.4</v>
      </c>
      <c r="C9418" s="7">
        <f t="shared" si="147"/>
        <v>156.7764</v>
      </c>
      <c r="I9418" s="1"/>
    </row>
    <row r="9419" spans="1:9" x14ac:dyDescent="0.25">
      <c r="A9419" s="3">
        <v>41734.64025462963</v>
      </c>
      <c r="B9419" s="6">
        <v>156793.04999999999</v>
      </c>
      <c r="C9419" s="7">
        <f t="shared" si="147"/>
        <v>156.79304999999999</v>
      </c>
      <c r="I9419" s="1"/>
    </row>
    <row r="9420" spans="1:9" x14ac:dyDescent="0.25">
      <c r="A9420" s="3">
        <v>41734.640659722223</v>
      </c>
      <c r="B9420" s="6">
        <v>156809.69999999998</v>
      </c>
      <c r="C9420" s="7">
        <f t="shared" si="147"/>
        <v>156.80969999999999</v>
      </c>
      <c r="I9420" s="1"/>
    </row>
    <row r="9421" spans="1:9" x14ac:dyDescent="0.25">
      <c r="A9421" s="3">
        <v>41734.643576388888</v>
      </c>
      <c r="B9421" s="6">
        <v>156826.34999999998</v>
      </c>
      <c r="C9421" s="7">
        <f t="shared" si="147"/>
        <v>156.82634999999999</v>
      </c>
      <c r="I9421" s="1"/>
    </row>
    <row r="9422" spans="1:9" x14ac:dyDescent="0.25">
      <c r="A9422" s="3">
        <v>41734.644305555557</v>
      </c>
      <c r="B9422" s="6">
        <v>156843</v>
      </c>
      <c r="C9422" s="7">
        <f t="shared" si="147"/>
        <v>156.84299999999999</v>
      </c>
      <c r="I9422" s="1"/>
    </row>
    <row r="9423" spans="1:9" x14ac:dyDescent="0.25">
      <c r="A9423" s="3">
        <v>41734.648217592592</v>
      </c>
      <c r="B9423" s="6">
        <v>156859.65</v>
      </c>
      <c r="C9423" s="7">
        <f t="shared" si="147"/>
        <v>156.85964999999999</v>
      </c>
      <c r="I9423" s="1"/>
    </row>
    <row r="9424" spans="1:9" x14ac:dyDescent="0.25">
      <c r="A9424" s="3">
        <v>41734.648379629631</v>
      </c>
      <c r="B9424" s="6">
        <v>156876.29999999999</v>
      </c>
      <c r="C9424" s="7">
        <f t="shared" si="147"/>
        <v>156.87629999999999</v>
      </c>
      <c r="I9424" s="1"/>
    </row>
    <row r="9425" spans="1:9" x14ac:dyDescent="0.25">
      <c r="A9425" s="3">
        <v>41734.666770833333</v>
      </c>
      <c r="B9425" s="6">
        <v>156892.94999999998</v>
      </c>
      <c r="C9425" s="7">
        <f t="shared" si="147"/>
        <v>156.89294999999998</v>
      </c>
      <c r="I9425" s="1"/>
    </row>
    <row r="9426" spans="1:9" x14ac:dyDescent="0.25">
      <c r="A9426" s="3">
        <v>41734.668865740743</v>
      </c>
      <c r="B9426" s="6">
        <v>156909.59999999998</v>
      </c>
      <c r="C9426" s="7">
        <f t="shared" si="147"/>
        <v>156.90959999999998</v>
      </c>
      <c r="I9426" s="1"/>
    </row>
    <row r="9427" spans="1:9" x14ac:dyDescent="0.25">
      <c r="A9427" s="3">
        <v>41734.671203703707</v>
      </c>
      <c r="B9427" s="6">
        <v>156926.25</v>
      </c>
      <c r="C9427" s="7">
        <f t="shared" si="147"/>
        <v>156.92625000000001</v>
      </c>
      <c r="I9427" s="1"/>
    </row>
    <row r="9428" spans="1:9" x14ac:dyDescent="0.25">
      <c r="A9428" s="3">
        <v>41734.671319444446</v>
      </c>
      <c r="B9428" s="6">
        <v>156942.9</v>
      </c>
      <c r="C9428" s="7">
        <f t="shared" si="147"/>
        <v>156.94289999999998</v>
      </c>
      <c r="I9428" s="1"/>
    </row>
    <row r="9429" spans="1:9" x14ac:dyDescent="0.25">
      <c r="A9429" s="3">
        <v>41734.678402777776</v>
      </c>
      <c r="B9429" s="6">
        <v>156959.54999999999</v>
      </c>
      <c r="C9429" s="7">
        <f t="shared" si="147"/>
        <v>156.95954999999998</v>
      </c>
      <c r="I9429" s="1"/>
    </row>
    <row r="9430" spans="1:9" x14ac:dyDescent="0.25">
      <c r="A9430" s="3">
        <v>41734.678506944445</v>
      </c>
      <c r="B9430" s="6">
        <v>156976.19999999998</v>
      </c>
      <c r="C9430" s="7">
        <f t="shared" si="147"/>
        <v>156.97619999999998</v>
      </c>
      <c r="I9430" s="1"/>
    </row>
    <row r="9431" spans="1:9" x14ac:dyDescent="0.25">
      <c r="A9431" s="3">
        <v>41734.6796412037</v>
      </c>
      <c r="B9431" s="6">
        <v>156992.84999999998</v>
      </c>
      <c r="C9431" s="7">
        <f t="shared" si="147"/>
        <v>156.99284999999998</v>
      </c>
      <c r="I9431" s="1"/>
    </row>
    <row r="9432" spans="1:9" x14ac:dyDescent="0.25">
      <c r="A9432" s="3">
        <v>41734.6797337963</v>
      </c>
      <c r="B9432" s="6">
        <v>157009.5</v>
      </c>
      <c r="C9432" s="7">
        <f t="shared" si="147"/>
        <v>157.0095</v>
      </c>
      <c r="I9432" s="1"/>
    </row>
    <row r="9433" spans="1:9" x14ac:dyDescent="0.25">
      <c r="A9433" s="3">
        <v>41734.680451388886</v>
      </c>
      <c r="B9433" s="6">
        <v>157026.15</v>
      </c>
      <c r="C9433" s="7">
        <f t="shared" si="147"/>
        <v>157.02615</v>
      </c>
      <c r="I9433" s="1"/>
    </row>
    <row r="9434" spans="1:9" x14ac:dyDescent="0.25">
      <c r="A9434" s="3">
        <v>41734.680532407408</v>
      </c>
      <c r="B9434" s="6">
        <v>157042.79999999999</v>
      </c>
      <c r="C9434" s="7">
        <f t="shared" si="147"/>
        <v>157.0428</v>
      </c>
      <c r="I9434" s="1"/>
    </row>
    <row r="9435" spans="1:9" x14ac:dyDescent="0.25">
      <c r="A9435" s="3">
        <v>41734.681712962964</v>
      </c>
      <c r="B9435" s="6">
        <v>157059.44999999998</v>
      </c>
      <c r="C9435" s="7">
        <f t="shared" si="147"/>
        <v>157.05944999999997</v>
      </c>
      <c r="I9435" s="1"/>
    </row>
    <row r="9436" spans="1:9" x14ac:dyDescent="0.25">
      <c r="A9436" s="3">
        <v>41734.681793981479</v>
      </c>
      <c r="B9436" s="6">
        <v>157076.09999999998</v>
      </c>
      <c r="C9436" s="7">
        <f t="shared" si="147"/>
        <v>157.07609999999997</v>
      </c>
      <c r="I9436" s="1"/>
    </row>
    <row r="9437" spans="1:9" x14ac:dyDescent="0.25">
      <c r="A9437" s="3">
        <v>41734.682870370372</v>
      </c>
      <c r="B9437" s="6">
        <v>157092.75</v>
      </c>
      <c r="C9437" s="7">
        <f t="shared" si="147"/>
        <v>157.09275</v>
      </c>
      <c r="I9437" s="1"/>
    </row>
    <row r="9438" spans="1:9" x14ac:dyDescent="0.25">
      <c r="A9438" s="3">
        <v>41734.682962962965</v>
      </c>
      <c r="B9438" s="6">
        <v>157109.4</v>
      </c>
      <c r="C9438" s="7">
        <f t="shared" si="147"/>
        <v>157.10939999999999</v>
      </c>
      <c r="I9438" s="1"/>
    </row>
    <row r="9439" spans="1:9" x14ac:dyDescent="0.25">
      <c r="A9439" s="3">
        <v>41734.70003472222</v>
      </c>
      <c r="B9439" s="6">
        <v>157126.04999999999</v>
      </c>
      <c r="C9439" s="7">
        <f t="shared" si="147"/>
        <v>157.12604999999999</v>
      </c>
      <c r="I9439" s="1"/>
    </row>
    <row r="9440" spans="1:9" x14ac:dyDescent="0.25">
      <c r="A9440" s="3">
        <v>41734.700208333335</v>
      </c>
      <c r="B9440" s="6">
        <v>157142.69999999998</v>
      </c>
      <c r="C9440" s="7">
        <f t="shared" si="147"/>
        <v>157.14269999999999</v>
      </c>
      <c r="I9440" s="1"/>
    </row>
    <row r="9441" spans="1:9" x14ac:dyDescent="0.25">
      <c r="A9441" s="3">
        <v>41734.705127314817</v>
      </c>
      <c r="B9441" s="6">
        <v>157159.34999999998</v>
      </c>
      <c r="C9441" s="7">
        <f t="shared" si="147"/>
        <v>157.15934999999999</v>
      </c>
      <c r="I9441" s="1"/>
    </row>
    <row r="9442" spans="1:9" x14ac:dyDescent="0.25">
      <c r="A9442" s="3">
        <v>41734.705347222225</v>
      </c>
      <c r="B9442" s="6">
        <v>157176</v>
      </c>
      <c r="C9442" s="7">
        <f t="shared" si="147"/>
        <v>157.17599999999999</v>
      </c>
      <c r="I9442" s="1"/>
    </row>
    <row r="9443" spans="1:9" x14ac:dyDescent="0.25">
      <c r="A9443" s="3">
        <v>41734.708194444444</v>
      </c>
      <c r="B9443" s="6">
        <v>157192.65</v>
      </c>
      <c r="C9443" s="7">
        <f t="shared" si="147"/>
        <v>157.19264999999999</v>
      </c>
      <c r="I9443" s="1"/>
    </row>
    <row r="9444" spans="1:9" x14ac:dyDescent="0.25">
      <c r="A9444" s="3">
        <v>41734.708668981482</v>
      </c>
      <c r="B9444" s="6">
        <v>157209.29999999999</v>
      </c>
      <c r="C9444" s="7">
        <f t="shared" si="147"/>
        <v>157.20929999999998</v>
      </c>
      <c r="I9444" s="1"/>
    </row>
    <row r="9445" spans="1:9" x14ac:dyDescent="0.25">
      <c r="A9445" s="3">
        <v>41734.710335648146</v>
      </c>
      <c r="B9445" s="6">
        <v>157225.94999999998</v>
      </c>
      <c r="C9445" s="7">
        <f t="shared" si="147"/>
        <v>157.22594999999998</v>
      </c>
      <c r="I9445" s="1"/>
    </row>
    <row r="9446" spans="1:9" x14ac:dyDescent="0.25">
      <c r="A9446" s="3">
        <v>41734.710497685184</v>
      </c>
      <c r="B9446" s="6">
        <v>157242.59999999998</v>
      </c>
      <c r="C9446" s="7">
        <f t="shared" si="147"/>
        <v>157.24259999999998</v>
      </c>
      <c r="I9446" s="1"/>
    </row>
    <row r="9447" spans="1:9" x14ac:dyDescent="0.25">
      <c r="A9447" s="3">
        <v>41734.713425925926</v>
      </c>
      <c r="B9447" s="6">
        <v>157259.25</v>
      </c>
      <c r="C9447" s="7">
        <f t="shared" si="147"/>
        <v>157.25925000000001</v>
      </c>
      <c r="I9447" s="1"/>
    </row>
    <row r="9448" spans="1:9" x14ac:dyDescent="0.25">
      <c r="A9448" s="3">
        <v>41734.713969907411</v>
      </c>
      <c r="B9448" s="6">
        <v>157275.9</v>
      </c>
      <c r="C9448" s="7">
        <f t="shared" si="147"/>
        <v>157.27590000000001</v>
      </c>
      <c r="I9448" s="1"/>
    </row>
    <row r="9449" spans="1:9" x14ac:dyDescent="0.25">
      <c r="A9449" s="3">
        <v>41734.720081018517</v>
      </c>
      <c r="B9449" s="6">
        <v>157292.54999999999</v>
      </c>
      <c r="C9449" s="7">
        <f t="shared" si="147"/>
        <v>157.29254999999998</v>
      </c>
      <c r="I9449" s="1"/>
    </row>
    <row r="9450" spans="1:9" x14ac:dyDescent="0.25">
      <c r="A9450" s="3">
        <v>41734.720902777779</v>
      </c>
      <c r="B9450" s="6">
        <v>157309.19999999998</v>
      </c>
      <c r="C9450" s="7">
        <f t="shared" si="147"/>
        <v>157.30919999999998</v>
      </c>
      <c r="I9450" s="1"/>
    </row>
    <row r="9451" spans="1:9" x14ac:dyDescent="0.25">
      <c r="A9451" s="3">
        <v>41734.726770833331</v>
      </c>
      <c r="B9451" s="6">
        <v>157325.84999999998</v>
      </c>
      <c r="C9451" s="7">
        <f t="shared" si="147"/>
        <v>157.32584999999997</v>
      </c>
      <c r="I9451" s="1"/>
    </row>
    <row r="9452" spans="1:9" x14ac:dyDescent="0.25">
      <c r="A9452" s="3">
        <v>41734.727048611108</v>
      </c>
      <c r="B9452" s="6">
        <v>157342.5</v>
      </c>
      <c r="C9452" s="7">
        <f t="shared" si="147"/>
        <v>157.3425</v>
      </c>
      <c r="I9452" s="1"/>
    </row>
    <row r="9453" spans="1:9" x14ac:dyDescent="0.25">
      <c r="A9453" s="3">
        <v>41734.728483796294</v>
      </c>
      <c r="B9453" s="6">
        <v>157359.15</v>
      </c>
      <c r="C9453" s="7">
        <f t="shared" si="147"/>
        <v>157.35915</v>
      </c>
      <c r="I9453" s="1"/>
    </row>
    <row r="9454" spans="1:9" x14ac:dyDescent="0.25">
      <c r="A9454" s="3">
        <v>41734.728726851848</v>
      </c>
      <c r="B9454" s="6">
        <v>157375.79999999999</v>
      </c>
      <c r="C9454" s="7">
        <f t="shared" si="147"/>
        <v>157.3758</v>
      </c>
      <c r="I9454" s="1"/>
    </row>
    <row r="9455" spans="1:9" x14ac:dyDescent="0.25">
      <c r="A9455" s="3">
        <v>41734.734074074076</v>
      </c>
      <c r="B9455" s="6">
        <v>157392.44999999998</v>
      </c>
      <c r="C9455" s="7">
        <f t="shared" si="147"/>
        <v>157.39245</v>
      </c>
      <c r="I9455" s="1"/>
    </row>
    <row r="9456" spans="1:9" x14ac:dyDescent="0.25">
      <c r="A9456" s="3">
        <v>41734.734398148146</v>
      </c>
      <c r="B9456" s="6">
        <v>157409.09999999998</v>
      </c>
      <c r="C9456" s="7">
        <f t="shared" si="147"/>
        <v>157.40909999999997</v>
      </c>
      <c r="I9456" s="1"/>
    </row>
    <row r="9457" spans="1:9" x14ac:dyDescent="0.25">
      <c r="A9457" s="3">
        <v>41734.737025462964</v>
      </c>
      <c r="B9457" s="6">
        <v>157425.75</v>
      </c>
      <c r="C9457" s="7">
        <f t="shared" si="147"/>
        <v>157.42574999999999</v>
      </c>
      <c r="I9457" s="1"/>
    </row>
    <row r="9458" spans="1:9" x14ac:dyDescent="0.25">
      <c r="A9458" s="3">
        <v>41734.737245370372</v>
      </c>
      <c r="B9458" s="6">
        <v>157442.4</v>
      </c>
      <c r="C9458" s="7">
        <f t="shared" si="147"/>
        <v>157.44239999999999</v>
      </c>
      <c r="I9458" s="1"/>
    </row>
    <row r="9459" spans="1:9" x14ac:dyDescent="0.25">
      <c r="A9459" s="3">
        <v>41734.740185185183</v>
      </c>
      <c r="B9459" s="6">
        <v>157459.04999999999</v>
      </c>
      <c r="C9459" s="7">
        <f t="shared" si="147"/>
        <v>157.45904999999999</v>
      </c>
      <c r="I9459" s="1"/>
    </row>
    <row r="9460" spans="1:9" x14ac:dyDescent="0.25">
      <c r="A9460" s="3">
        <v>41734.740671296298</v>
      </c>
      <c r="B9460" s="6">
        <v>157475.69999999998</v>
      </c>
      <c r="C9460" s="7">
        <f t="shared" si="147"/>
        <v>157.47569999999999</v>
      </c>
      <c r="I9460" s="1"/>
    </row>
    <row r="9461" spans="1:9" x14ac:dyDescent="0.25">
      <c r="A9461" s="3">
        <v>41734.743043981478</v>
      </c>
      <c r="B9461" s="6">
        <v>157492.34999999998</v>
      </c>
      <c r="C9461" s="7">
        <f t="shared" si="147"/>
        <v>157.49234999999999</v>
      </c>
      <c r="I9461" s="1"/>
    </row>
    <row r="9462" spans="1:9" x14ac:dyDescent="0.25">
      <c r="A9462" s="3">
        <v>41734.743344907409</v>
      </c>
      <c r="B9462" s="6">
        <v>157509</v>
      </c>
      <c r="C9462" s="7">
        <f t="shared" si="147"/>
        <v>157.50899999999999</v>
      </c>
      <c r="I9462" s="1"/>
    </row>
    <row r="9463" spans="1:9" x14ac:dyDescent="0.25">
      <c r="A9463" s="3">
        <v>41734.748506944445</v>
      </c>
      <c r="B9463" s="6">
        <v>157525.65</v>
      </c>
      <c r="C9463" s="7">
        <f t="shared" si="147"/>
        <v>157.52564999999998</v>
      </c>
      <c r="I9463" s="1"/>
    </row>
    <row r="9464" spans="1:9" x14ac:dyDescent="0.25">
      <c r="A9464" s="3">
        <v>41734.749016203707</v>
      </c>
      <c r="B9464" s="6">
        <v>157542.29999999999</v>
      </c>
      <c r="C9464" s="7">
        <f t="shared" si="147"/>
        <v>157.54229999999998</v>
      </c>
      <c r="I9464" s="1"/>
    </row>
    <row r="9465" spans="1:9" x14ac:dyDescent="0.25">
      <c r="A9465" s="3">
        <v>41734.750555555554</v>
      </c>
      <c r="B9465" s="6">
        <v>157558.94999999998</v>
      </c>
      <c r="C9465" s="7">
        <f t="shared" si="147"/>
        <v>157.55894999999998</v>
      </c>
      <c r="I9465" s="1"/>
    </row>
    <row r="9466" spans="1:9" x14ac:dyDescent="0.25">
      <c r="A9466" s="3">
        <v>41734.750706018516</v>
      </c>
      <c r="B9466" s="6">
        <v>157575.59999999998</v>
      </c>
      <c r="C9466" s="7">
        <f t="shared" si="147"/>
        <v>157.57559999999998</v>
      </c>
      <c r="I9466" s="1"/>
    </row>
    <row r="9467" spans="1:9" x14ac:dyDescent="0.25">
      <c r="A9467" s="3">
        <v>41734.754328703704</v>
      </c>
      <c r="B9467" s="6">
        <v>157592.25</v>
      </c>
      <c r="C9467" s="7">
        <f t="shared" si="147"/>
        <v>157.59225000000001</v>
      </c>
      <c r="I9467" s="1"/>
    </row>
    <row r="9468" spans="1:9" x14ac:dyDescent="0.25">
      <c r="A9468" s="3">
        <v>41734.754629629628</v>
      </c>
      <c r="B9468" s="6">
        <v>157608.9</v>
      </c>
      <c r="C9468" s="7">
        <f t="shared" si="147"/>
        <v>157.60890000000001</v>
      </c>
      <c r="I9468" s="1"/>
    </row>
    <row r="9469" spans="1:9" x14ac:dyDescent="0.25">
      <c r="A9469" s="3">
        <v>41734.760520833333</v>
      </c>
      <c r="B9469" s="6">
        <v>157625.54999999999</v>
      </c>
      <c r="C9469" s="7">
        <f t="shared" si="147"/>
        <v>157.62554999999998</v>
      </c>
      <c r="I9469" s="1"/>
    </row>
    <row r="9470" spans="1:9" x14ac:dyDescent="0.25">
      <c r="A9470" s="3">
        <v>41734.760787037034</v>
      </c>
      <c r="B9470" s="6">
        <v>157642.19999999998</v>
      </c>
      <c r="C9470" s="7">
        <f t="shared" si="147"/>
        <v>157.64219999999997</v>
      </c>
      <c r="I9470" s="1"/>
    </row>
    <row r="9471" spans="1:9" x14ac:dyDescent="0.25">
      <c r="A9471" s="3">
        <v>41734.764479166668</v>
      </c>
      <c r="B9471" s="6">
        <v>157658.84999999998</v>
      </c>
      <c r="C9471" s="7">
        <f t="shared" si="147"/>
        <v>157.65884999999997</v>
      </c>
      <c r="I9471" s="1"/>
    </row>
    <row r="9472" spans="1:9" x14ac:dyDescent="0.25">
      <c r="A9472" s="3">
        <v>41734.764664351853</v>
      </c>
      <c r="B9472" s="6">
        <v>157675.5</v>
      </c>
      <c r="C9472" s="7">
        <f t="shared" si="147"/>
        <v>157.6755</v>
      </c>
      <c r="I9472" s="1"/>
    </row>
    <row r="9473" spans="1:9" x14ac:dyDescent="0.25">
      <c r="A9473" s="3">
        <v>41734.768171296295</v>
      </c>
      <c r="B9473" s="6">
        <v>157692.15</v>
      </c>
      <c r="C9473" s="7">
        <f t="shared" si="147"/>
        <v>157.69215</v>
      </c>
      <c r="I9473" s="1"/>
    </row>
    <row r="9474" spans="1:9" x14ac:dyDescent="0.25">
      <c r="A9474" s="3">
        <v>41734.768333333333</v>
      </c>
      <c r="B9474" s="6">
        <v>157708.79999999999</v>
      </c>
      <c r="C9474" s="7">
        <f t="shared" si="147"/>
        <v>157.7088</v>
      </c>
      <c r="I9474" s="1"/>
    </row>
    <row r="9475" spans="1:9" x14ac:dyDescent="0.25">
      <c r="A9475" s="3">
        <v>41734.770312499997</v>
      </c>
      <c r="B9475" s="6">
        <v>157725.44999999998</v>
      </c>
      <c r="C9475" s="7">
        <f t="shared" ref="C9475:C9538" si="148">B9475/1000</f>
        <v>157.72545</v>
      </c>
      <c r="I9475" s="1"/>
    </row>
    <row r="9476" spans="1:9" x14ac:dyDescent="0.25">
      <c r="A9476" s="3">
        <v>41734.770567129628</v>
      </c>
      <c r="B9476" s="6">
        <v>157742.09999999998</v>
      </c>
      <c r="C9476" s="7">
        <f t="shared" si="148"/>
        <v>157.74209999999997</v>
      </c>
      <c r="I9476" s="1"/>
    </row>
    <row r="9477" spans="1:9" x14ac:dyDescent="0.25">
      <c r="A9477" s="3">
        <v>41734.775694444441</v>
      </c>
      <c r="B9477" s="6">
        <v>157758.75</v>
      </c>
      <c r="C9477" s="7">
        <f t="shared" si="148"/>
        <v>157.75874999999999</v>
      </c>
      <c r="I9477" s="1"/>
    </row>
    <row r="9478" spans="1:9" x14ac:dyDescent="0.25">
      <c r="A9478" s="3">
        <v>41734.775856481479</v>
      </c>
      <c r="B9478" s="6">
        <v>157775.4</v>
      </c>
      <c r="C9478" s="7">
        <f t="shared" si="148"/>
        <v>157.77539999999999</v>
      </c>
      <c r="I9478" s="1"/>
    </row>
    <row r="9479" spans="1:9" x14ac:dyDescent="0.25">
      <c r="A9479" s="3">
        <v>41734.778703703705</v>
      </c>
      <c r="B9479" s="6">
        <v>157792.04999999999</v>
      </c>
      <c r="C9479" s="7">
        <f t="shared" si="148"/>
        <v>157.79204999999999</v>
      </c>
      <c r="I9479" s="1"/>
    </row>
    <row r="9480" spans="1:9" x14ac:dyDescent="0.25">
      <c r="A9480" s="3">
        <v>41734.779930555553</v>
      </c>
      <c r="B9480" s="6">
        <v>157808.69999999998</v>
      </c>
      <c r="C9480" s="7">
        <f t="shared" si="148"/>
        <v>157.80869999999999</v>
      </c>
      <c r="I9480" s="1"/>
    </row>
    <row r="9481" spans="1:9" x14ac:dyDescent="0.25">
      <c r="A9481" s="3">
        <v>41734.783101851855</v>
      </c>
      <c r="B9481" s="6">
        <v>157825.34999999998</v>
      </c>
      <c r="C9481" s="7">
        <f t="shared" si="148"/>
        <v>157.82534999999999</v>
      </c>
      <c r="I9481" s="1"/>
    </row>
    <row r="9482" spans="1:9" x14ac:dyDescent="0.25">
      <c r="A9482" s="3">
        <v>41734.78324074074</v>
      </c>
      <c r="B9482" s="6">
        <v>157842</v>
      </c>
      <c r="C9482" s="7">
        <f t="shared" si="148"/>
        <v>157.84200000000001</v>
      </c>
      <c r="I9482" s="1"/>
    </row>
    <row r="9483" spans="1:9" x14ac:dyDescent="0.25">
      <c r="A9483" s="3">
        <v>41734.787037037036</v>
      </c>
      <c r="B9483" s="6">
        <v>157858.65</v>
      </c>
      <c r="C9483" s="7">
        <f t="shared" si="148"/>
        <v>157.85864999999998</v>
      </c>
      <c r="I9483" s="1"/>
    </row>
    <row r="9484" spans="1:9" x14ac:dyDescent="0.25">
      <c r="A9484" s="3">
        <v>41734.787175925929</v>
      </c>
      <c r="B9484" s="6">
        <v>157875.29999999999</v>
      </c>
      <c r="C9484" s="7">
        <f t="shared" si="148"/>
        <v>157.87529999999998</v>
      </c>
      <c r="I9484" s="1"/>
    </row>
    <row r="9485" spans="1:9" x14ac:dyDescent="0.25">
      <c r="A9485" s="3">
        <v>41734.795115740744</v>
      </c>
      <c r="B9485" s="6">
        <v>157891.94999999998</v>
      </c>
      <c r="C9485" s="7">
        <f t="shared" si="148"/>
        <v>157.89194999999998</v>
      </c>
      <c r="I9485" s="1"/>
    </row>
    <row r="9486" spans="1:9" x14ac:dyDescent="0.25">
      <c r="A9486" s="3">
        <v>41734.795659722222</v>
      </c>
      <c r="B9486" s="6">
        <v>157908.59999999998</v>
      </c>
      <c r="C9486" s="7">
        <f t="shared" si="148"/>
        <v>157.90859999999998</v>
      </c>
      <c r="I9486" s="1"/>
    </row>
    <row r="9487" spans="1:9" x14ac:dyDescent="0.25">
      <c r="A9487" s="3">
        <v>41734.809259259258</v>
      </c>
      <c r="B9487" s="6">
        <v>157925.25</v>
      </c>
      <c r="C9487" s="7">
        <f t="shared" si="148"/>
        <v>157.92525000000001</v>
      </c>
      <c r="I9487" s="1"/>
    </row>
    <row r="9488" spans="1:9" x14ac:dyDescent="0.25">
      <c r="A9488" s="3">
        <v>41734.809351851851</v>
      </c>
      <c r="B9488" s="6">
        <v>157941.9</v>
      </c>
      <c r="C9488" s="7">
        <f t="shared" si="148"/>
        <v>157.9419</v>
      </c>
      <c r="I9488" s="1"/>
    </row>
    <row r="9489" spans="1:9" x14ac:dyDescent="0.25">
      <c r="A9489" s="3">
        <v>41734.812928240739</v>
      </c>
      <c r="B9489" s="6">
        <v>157958.54999999999</v>
      </c>
      <c r="C9489" s="7">
        <f t="shared" si="148"/>
        <v>157.95855</v>
      </c>
      <c r="I9489" s="1"/>
    </row>
    <row r="9490" spans="1:9" x14ac:dyDescent="0.25">
      <c r="A9490" s="3">
        <v>41734.81454861111</v>
      </c>
      <c r="B9490" s="6">
        <v>157975.19999999998</v>
      </c>
      <c r="C9490" s="7">
        <f t="shared" si="148"/>
        <v>157.97519999999997</v>
      </c>
      <c r="I9490" s="1"/>
    </row>
    <row r="9491" spans="1:9" x14ac:dyDescent="0.25">
      <c r="A9491" s="3">
        <v>41764.299942129626</v>
      </c>
      <c r="B9491" s="6">
        <v>157991.84999999998</v>
      </c>
      <c r="C9491" s="7">
        <f t="shared" si="148"/>
        <v>157.99184999999997</v>
      </c>
      <c r="I9491" s="1"/>
    </row>
    <row r="9492" spans="1:9" x14ac:dyDescent="0.25">
      <c r="A9492" s="3">
        <v>41764.300081018519</v>
      </c>
      <c r="B9492" s="6">
        <v>158008.5</v>
      </c>
      <c r="C9492" s="7">
        <f t="shared" si="148"/>
        <v>158.0085</v>
      </c>
      <c r="I9492" s="1"/>
    </row>
    <row r="9493" spans="1:9" x14ac:dyDescent="0.25">
      <c r="A9493" s="3">
        <v>41764.342280092591</v>
      </c>
      <c r="B9493" s="6">
        <v>158025.15</v>
      </c>
      <c r="C9493" s="7">
        <f t="shared" si="148"/>
        <v>158.02515</v>
      </c>
      <c r="I9493" s="1"/>
    </row>
    <row r="9494" spans="1:9" x14ac:dyDescent="0.25">
      <c r="A9494" s="3">
        <v>41764.342407407406</v>
      </c>
      <c r="B9494" s="6">
        <v>158041.79999999999</v>
      </c>
      <c r="C9494" s="7">
        <f t="shared" si="148"/>
        <v>158.04179999999999</v>
      </c>
      <c r="I9494" s="1"/>
    </row>
    <row r="9495" spans="1:9" x14ac:dyDescent="0.25">
      <c r="A9495" s="3">
        <v>41764.358518518522</v>
      </c>
      <c r="B9495" s="6">
        <v>158058.44999999998</v>
      </c>
      <c r="C9495" s="7">
        <f t="shared" si="148"/>
        <v>158.05844999999999</v>
      </c>
      <c r="I9495" s="1"/>
    </row>
    <row r="9496" spans="1:9" x14ac:dyDescent="0.25">
      <c r="A9496" s="3">
        <v>41764.359016203707</v>
      </c>
      <c r="B9496" s="6">
        <v>158075.09999999998</v>
      </c>
      <c r="C9496" s="7">
        <f t="shared" si="148"/>
        <v>158.07509999999996</v>
      </c>
      <c r="I9496" s="1"/>
    </row>
    <row r="9497" spans="1:9" x14ac:dyDescent="0.25">
      <c r="A9497" s="3">
        <v>41764.363587962966</v>
      </c>
      <c r="B9497" s="6">
        <v>158091.75</v>
      </c>
      <c r="C9497" s="7">
        <f t="shared" si="148"/>
        <v>158.09174999999999</v>
      </c>
      <c r="I9497" s="1"/>
    </row>
    <row r="9498" spans="1:9" x14ac:dyDescent="0.25">
      <c r="A9498" s="3">
        <v>41764.370856481481</v>
      </c>
      <c r="B9498" s="6">
        <v>158108.4</v>
      </c>
      <c r="C9498" s="7">
        <f t="shared" si="148"/>
        <v>158.10839999999999</v>
      </c>
      <c r="I9498" s="1"/>
    </row>
    <row r="9499" spans="1:9" x14ac:dyDescent="0.25">
      <c r="A9499" s="3">
        <v>41764.373611111114</v>
      </c>
      <c r="B9499" s="6">
        <v>158125.04999999999</v>
      </c>
      <c r="C9499" s="7">
        <f t="shared" si="148"/>
        <v>158.12504999999999</v>
      </c>
      <c r="I9499" s="1"/>
    </row>
    <row r="9500" spans="1:9" x14ac:dyDescent="0.25">
      <c r="A9500" s="3">
        <v>41764.373796296299</v>
      </c>
      <c r="B9500" s="6">
        <v>158141.69999999998</v>
      </c>
      <c r="C9500" s="7">
        <f t="shared" si="148"/>
        <v>158.14169999999999</v>
      </c>
      <c r="I9500" s="1"/>
    </row>
    <row r="9501" spans="1:9" x14ac:dyDescent="0.25">
      <c r="A9501" s="3">
        <v>41764.376597222225</v>
      </c>
      <c r="B9501" s="6">
        <v>158158.34999999998</v>
      </c>
      <c r="C9501" s="7">
        <f t="shared" si="148"/>
        <v>158.15834999999998</v>
      </c>
      <c r="I9501" s="1"/>
    </row>
    <row r="9502" spans="1:9" x14ac:dyDescent="0.25">
      <c r="A9502" s="3">
        <v>41764.376782407409</v>
      </c>
      <c r="B9502" s="6">
        <v>158175</v>
      </c>
      <c r="C9502" s="7">
        <f t="shared" si="148"/>
        <v>158.17500000000001</v>
      </c>
      <c r="I9502" s="1"/>
    </row>
    <row r="9503" spans="1:9" x14ac:dyDescent="0.25">
      <c r="A9503" s="3">
        <v>41764.378425925926</v>
      </c>
      <c r="B9503" s="6">
        <v>158191.65</v>
      </c>
      <c r="C9503" s="7">
        <f t="shared" si="148"/>
        <v>158.19164999999998</v>
      </c>
      <c r="I9503" s="1"/>
    </row>
    <row r="9504" spans="1:9" x14ac:dyDescent="0.25">
      <c r="A9504" s="3">
        <v>41764.378622685188</v>
      </c>
      <c r="B9504" s="6">
        <v>158208.29999999999</v>
      </c>
      <c r="C9504" s="7">
        <f t="shared" si="148"/>
        <v>158.20829999999998</v>
      </c>
      <c r="I9504" s="1"/>
    </row>
    <row r="9505" spans="1:9" x14ac:dyDescent="0.25">
      <c r="A9505" s="3">
        <v>41764.382094907407</v>
      </c>
      <c r="B9505" s="6">
        <v>158224.94999999998</v>
      </c>
      <c r="C9505" s="7">
        <f t="shared" si="148"/>
        <v>158.22494999999998</v>
      </c>
      <c r="I9505" s="1"/>
    </row>
    <row r="9506" spans="1:9" x14ac:dyDescent="0.25">
      <c r="A9506" s="3">
        <v>41764.382615740738</v>
      </c>
      <c r="B9506" s="6">
        <v>158241.59999999998</v>
      </c>
      <c r="C9506" s="7">
        <f t="shared" si="148"/>
        <v>158.24159999999998</v>
      </c>
      <c r="I9506" s="1"/>
    </row>
    <row r="9507" spans="1:9" x14ac:dyDescent="0.25">
      <c r="A9507" s="3">
        <v>41764.384618055556</v>
      </c>
      <c r="B9507" s="6">
        <v>158258.25</v>
      </c>
      <c r="C9507" s="7">
        <f t="shared" si="148"/>
        <v>158.25825</v>
      </c>
      <c r="I9507" s="1"/>
    </row>
    <row r="9508" spans="1:9" x14ac:dyDescent="0.25">
      <c r="A9508" s="3">
        <v>41764.384814814817</v>
      </c>
      <c r="B9508" s="6">
        <v>158274.9</v>
      </c>
      <c r="C9508" s="7">
        <f t="shared" si="148"/>
        <v>158.2749</v>
      </c>
      <c r="I9508" s="1"/>
    </row>
    <row r="9509" spans="1:9" x14ac:dyDescent="0.25">
      <c r="A9509" s="3">
        <v>41764.387708333335</v>
      </c>
      <c r="B9509" s="6">
        <v>158291.54999999999</v>
      </c>
      <c r="C9509" s="7">
        <f t="shared" si="148"/>
        <v>158.29155</v>
      </c>
      <c r="I9509" s="1"/>
    </row>
    <row r="9510" spans="1:9" x14ac:dyDescent="0.25">
      <c r="A9510" s="3">
        <v>41764.387858796297</v>
      </c>
      <c r="B9510" s="6">
        <v>158308.19999999998</v>
      </c>
      <c r="C9510" s="7">
        <f t="shared" si="148"/>
        <v>158.30819999999997</v>
      </c>
      <c r="I9510" s="1"/>
    </row>
    <row r="9511" spans="1:9" x14ac:dyDescent="0.25">
      <c r="A9511" s="3">
        <v>41764.389699074076</v>
      </c>
      <c r="B9511" s="6">
        <v>158324.84999999998</v>
      </c>
      <c r="C9511" s="7">
        <f t="shared" si="148"/>
        <v>158.32484999999997</v>
      </c>
      <c r="I9511" s="1"/>
    </row>
    <row r="9512" spans="1:9" x14ac:dyDescent="0.25">
      <c r="A9512" s="3">
        <v>41764.389988425923</v>
      </c>
      <c r="B9512" s="6">
        <v>158341.5</v>
      </c>
      <c r="C9512" s="7">
        <f t="shared" si="148"/>
        <v>158.3415</v>
      </c>
      <c r="I9512" s="1"/>
    </row>
    <row r="9513" spans="1:9" x14ac:dyDescent="0.25">
      <c r="A9513" s="3">
        <v>41764.392187500001</v>
      </c>
      <c r="B9513" s="6">
        <v>158358.15</v>
      </c>
      <c r="C9513" s="7">
        <f t="shared" si="148"/>
        <v>158.35814999999999</v>
      </c>
      <c r="I9513" s="1"/>
    </row>
    <row r="9514" spans="1:9" x14ac:dyDescent="0.25">
      <c r="A9514" s="3">
        <v>41764.392256944448</v>
      </c>
      <c r="B9514" s="6">
        <v>158374.79999999999</v>
      </c>
      <c r="C9514" s="7">
        <f t="shared" si="148"/>
        <v>158.37479999999999</v>
      </c>
      <c r="I9514" s="1"/>
    </row>
    <row r="9515" spans="1:9" x14ac:dyDescent="0.25">
      <c r="A9515" s="3">
        <v>41764.393587962964</v>
      </c>
      <c r="B9515" s="6">
        <v>158391.44999999998</v>
      </c>
      <c r="C9515" s="7">
        <f t="shared" si="148"/>
        <v>158.39144999999999</v>
      </c>
      <c r="I9515" s="1"/>
    </row>
    <row r="9516" spans="1:9" x14ac:dyDescent="0.25">
      <c r="A9516" s="3">
        <v>41764.393761574072</v>
      </c>
      <c r="B9516" s="6">
        <v>158408.09999999998</v>
      </c>
      <c r="C9516" s="7">
        <f t="shared" si="148"/>
        <v>158.40809999999999</v>
      </c>
      <c r="I9516" s="1"/>
    </row>
    <row r="9517" spans="1:9" x14ac:dyDescent="0.25">
      <c r="A9517" s="3">
        <v>41764.39570601852</v>
      </c>
      <c r="B9517" s="6">
        <v>158424.75</v>
      </c>
      <c r="C9517" s="7">
        <f t="shared" si="148"/>
        <v>158.42474999999999</v>
      </c>
      <c r="I9517" s="1"/>
    </row>
    <row r="9518" spans="1:9" x14ac:dyDescent="0.25">
      <c r="A9518" s="3">
        <v>41764.395798611113</v>
      </c>
      <c r="B9518" s="6">
        <v>158441.4</v>
      </c>
      <c r="C9518" s="7">
        <f t="shared" si="148"/>
        <v>158.44139999999999</v>
      </c>
      <c r="I9518" s="1"/>
    </row>
    <row r="9519" spans="1:9" x14ac:dyDescent="0.25">
      <c r="A9519" s="3">
        <v>41764.396898148145</v>
      </c>
      <c r="B9519" s="6">
        <v>158458.04999999999</v>
      </c>
      <c r="C9519" s="7">
        <f t="shared" si="148"/>
        <v>158.45804999999999</v>
      </c>
      <c r="I9519" s="1"/>
    </row>
    <row r="9520" spans="1:9" x14ac:dyDescent="0.25">
      <c r="A9520" s="3">
        <v>41764.397002314814</v>
      </c>
      <c r="B9520" s="6">
        <v>158474.69999999998</v>
      </c>
      <c r="C9520" s="7">
        <f t="shared" si="148"/>
        <v>158.47469999999998</v>
      </c>
      <c r="I9520" s="1"/>
    </row>
    <row r="9521" spans="1:9" x14ac:dyDescent="0.25">
      <c r="A9521" s="3">
        <v>41764.398194444446</v>
      </c>
      <c r="B9521" s="6">
        <v>158491.34999999998</v>
      </c>
      <c r="C9521" s="7">
        <f t="shared" si="148"/>
        <v>158.49134999999998</v>
      </c>
      <c r="I9521" s="1"/>
    </row>
    <row r="9522" spans="1:9" x14ac:dyDescent="0.25">
      <c r="A9522" s="3">
        <v>41764.3983912037</v>
      </c>
      <c r="B9522" s="6">
        <v>158508</v>
      </c>
      <c r="C9522" s="7">
        <f t="shared" si="148"/>
        <v>158.50800000000001</v>
      </c>
      <c r="I9522" s="1"/>
    </row>
    <row r="9523" spans="1:9" x14ac:dyDescent="0.25">
      <c r="A9523" s="3">
        <v>41764.400671296295</v>
      </c>
      <c r="B9523" s="6">
        <v>158524.65</v>
      </c>
      <c r="C9523" s="7">
        <f t="shared" si="148"/>
        <v>158.52465000000001</v>
      </c>
      <c r="I9523" s="1"/>
    </row>
    <row r="9524" spans="1:9" x14ac:dyDescent="0.25">
      <c r="A9524" s="3">
        <v>41764.40079861111</v>
      </c>
      <c r="B9524" s="6">
        <v>158541.29999999999</v>
      </c>
      <c r="C9524" s="7">
        <f t="shared" si="148"/>
        <v>158.54129999999998</v>
      </c>
      <c r="I9524" s="1"/>
    </row>
    <row r="9525" spans="1:9" x14ac:dyDescent="0.25">
      <c r="A9525" s="3">
        <v>41764.402106481481</v>
      </c>
      <c r="B9525" s="6">
        <v>158557.94999999998</v>
      </c>
      <c r="C9525" s="7">
        <f t="shared" si="148"/>
        <v>158.55794999999998</v>
      </c>
      <c r="I9525" s="1"/>
    </row>
    <row r="9526" spans="1:9" x14ac:dyDescent="0.25">
      <c r="A9526" s="3">
        <v>41764.402256944442</v>
      </c>
      <c r="B9526" s="6">
        <v>158574.59999999998</v>
      </c>
      <c r="C9526" s="7">
        <f t="shared" si="148"/>
        <v>158.57459999999998</v>
      </c>
      <c r="I9526" s="1"/>
    </row>
    <row r="9527" spans="1:9" x14ac:dyDescent="0.25">
      <c r="A9527" s="3">
        <v>41764.40483796296</v>
      </c>
      <c r="B9527" s="6">
        <v>158591.25</v>
      </c>
      <c r="C9527" s="7">
        <f t="shared" si="148"/>
        <v>158.59125</v>
      </c>
      <c r="I9527" s="1"/>
    </row>
    <row r="9528" spans="1:9" x14ac:dyDescent="0.25">
      <c r="A9528" s="3">
        <v>41764.405104166668</v>
      </c>
      <c r="B9528" s="6">
        <v>158607.9</v>
      </c>
      <c r="C9528" s="7">
        <f t="shared" si="148"/>
        <v>158.6079</v>
      </c>
      <c r="I9528" s="1"/>
    </row>
    <row r="9529" spans="1:9" x14ac:dyDescent="0.25">
      <c r="A9529" s="3">
        <v>41764.406655092593</v>
      </c>
      <c r="B9529" s="6">
        <v>158624.54999999999</v>
      </c>
      <c r="C9529" s="7">
        <f t="shared" si="148"/>
        <v>158.62455</v>
      </c>
      <c r="I9529" s="1"/>
    </row>
    <row r="9530" spans="1:9" x14ac:dyDescent="0.25">
      <c r="A9530" s="3">
        <v>41764.407141203701</v>
      </c>
      <c r="B9530" s="6">
        <v>158641.19999999998</v>
      </c>
      <c r="C9530" s="7">
        <f t="shared" si="148"/>
        <v>158.64119999999997</v>
      </c>
      <c r="I9530" s="1"/>
    </row>
    <row r="9531" spans="1:9" x14ac:dyDescent="0.25">
      <c r="A9531" s="3">
        <v>41764.408043981479</v>
      </c>
      <c r="B9531" s="6">
        <v>158657.84999999998</v>
      </c>
      <c r="C9531" s="7">
        <f t="shared" si="148"/>
        <v>158.65784999999997</v>
      </c>
      <c r="I9531" s="1"/>
    </row>
    <row r="9532" spans="1:9" x14ac:dyDescent="0.25">
      <c r="A9532" s="3">
        <v>41764.408182870371</v>
      </c>
      <c r="B9532" s="6">
        <v>158674.5</v>
      </c>
      <c r="C9532" s="7">
        <f t="shared" si="148"/>
        <v>158.67449999999999</v>
      </c>
      <c r="I9532" s="1"/>
    </row>
    <row r="9533" spans="1:9" x14ac:dyDescent="0.25">
      <c r="A9533" s="3">
        <v>41764.410231481481</v>
      </c>
      <c r="B9533" s="6">
        <v>158691.15</v>
      </c>
      <c r="C9533" s="7">
        <f t="shared" si="148"/>
        <v>158.69114999999999</v>
      </c>
      <c r="I9533" s="1"/>
    </row>
    <row r="9534" spans="1:9" x14ac:dyDescent="0.25">
      <c r="A9534" s="3">
        <v>41764.410520833335</v>
      </c>
      <c r="B9534" s="6">
        <v>158707.79999999999</v>
      </c>
      <c r="C9534" s="7">
        <f t="shared" si="148"/>
        <v>158.70779999999999</v>
      </c>
      <c r="I9534" s="1"/>
    </row>
    <row r="9535" spans="1:9" x14ac:dyDescent="0.25">
      <c r="A9535" s="3">
        <v>41764.412442129629</v>
      </c>
      <c r="B9535" s="6">
        <v>158724.44999999998</v>
      </c>
      <c r="C9535" s="7">
        <f t="shared" si="148"/>
        <v>158.72444999999999</v>
      </c>
      <c r="I9535" s="1"/>
    </row>
    <row r="9536" spans="1:9" x14ac:dyDescent="0.25">
      <c r="A9536" s="3">
        <v>41764.412789351853</v>
      </c>
      <c r="B9536" s="6">
        <v>158741.09999999998</v>
      </c>
      <c r="C9536" s="7">
        <f t="shared" si="148"/>
        <v>158.74109999999999</v>
      </c>
      <c r="I9536" s="1"/>
    </row>
    <row r="9537" spans="1:9" x14ac:dyDescent="0.25">
      <c r="A9537" s="3">
        <v>41764.41505787037</v>
      </c>
      <c r="B9537" s="6">
        <v>158757.75</v>
      </c>
      <c r="C9537" s="7">
        <f t="shared" si="148"/>
        <v>158.75774999999999</v>
      </c>
      <c r="I9537" s="1"/>
    </row>
    <row r="9538" spans="1:9" x14ac:dyDescent="0.25">
      <c r="A9538" s="3">
        <v>41764.415138888886</v>
      </c>
      <c r="B9538" s="6">
        <v>158774.39999999999</v>
      </c>
      <c r="C9538" s="7">
        <f t="shared" si="148"/>
        <v>158.77439999999999</v>
      </c>
      <c r="I9538" s="1"/>
    </row>
    <row r="9539" spans="1:9" x14ac:dyDescent="0.25">
      <c r="A9539" s="3">
        <v>41764.418356481481</v>
      </c>
      <c r="B9539" s="6">
        <v>158791.04999999999</v>
      </c>
      <c r="C9539" s="7">
        <f t="shared" ref="C9539:C9602" si="149">B9539/1000</f>
        <v>158.79104999999998</v>
      </c>
      <c r="I9539" s="1"/>
    </row>
    <row r="9540" spans="1:9" x14ac:dyDescent="0.25">
      <c r="A9540" s="3">
        <v>41764.418483796297</v>
      </c>
      <c r="B9540" s="6">
        <v>158807.69999999998</v>
      </c>
      <c r="C9540" s="7">
        <f t="shared" si="149"/>
        <v>158.80769999999998</v>
      </c>
      <c r="I9540" s="1"/>
    </row>
    <row r="9541" spans="1:9" x14ac:dyDescent="0.25">
      <c r="A9541" s="3">
        <v>41764.420393518521</v>
      </c>
      <c r="B9541" s="6">
        <v>158824.34999999998</v>
      </c>
      <c r="C9541" s="7">
        <f t="shared" si="149"/>
        <v>158.82434999999998</v>
      </c>
      <c r="I9541" s="1"/>
    </row>
    <row r="9542" spans="1:9" x14ac:dyDescent="0.25">
      <c r="A9542" s="3">
        <v>41764.42050925926</v>
      </c>
      <c r="B9542" s="6">
        <v>158841</v>
      </c>
      <c r="C9542" s="7">
        <f t="shared" si="149"/>
        <v>158.84100000000001</v>
      </c>
      <c r="I9542" s="1"/>
    </row>
    <row r="9543" spans="1:9" x14ac:dyDescent="0.25">
      <c r="A9543" s="3">
        <v>41764.422314814816</v>
      </c>
      <c r="B9543" s="6">
        <v>158857.65</v>
      </c>
      <c r="C9543" s="7">
        <f t="shared" si="149"/>
        <v>158.85765000000001</v>
      </c>
      <c r="I9543" s="1"/>
    </row>
    <row r="9544" spans="1:9" x14ac:dyDescent="0.25">
      <c r="A9544" s="3">
        <v>41764.422442129631</v>
      </c>
      <c r="B9544" s="6">
        <v>158874.29999999999</v>
      </c>
      <c r="C9544" s="7">
        <f t="shared" si="149"/>
        <v>158.87429999999998</v>
      </c>
      <c r="I9544" s="1"/>
    </row>
    <row r="9545" spans="1:9" x14ac:dyDescent="0.25">
      <c r="A9545" s="3">
        <v>41764.42423611111</v>
      </c>
      <c r="B9545" s="6">
        <v>158890.94999999998</v>
      </c>
      <c r="C9545" s="7">
        <f t="shared" si="149"/>
        <v>158.89094999999998</v>
      </c>
      <c r="I9545" s="1"/>
    </row>
    <row r="9546" spans="1:9" x14ac:dyDescent="0.25">
      <c r="A9546" s="3">
        <v>41764.424456018518</v>
      </c>
      <c r="B9546" s="6">
        <v>158907.59999999998</v>
      </c>
      <c r="C9546" s="7">
        <f t="shared" si="149"/>
        <v>158.90759999999997</v>
      </c>
      <c r="I9546" s="1"/>
    </row>
    <row r="9547" spans="1:9" x14ac:dyDescent="0.25">
      <c r="A9547" s="3">
        <v>41764.426018518519</v>
      </c>
      <c r="B9547" s="6">
        <v>158924.25</v>
      </c>
      <c r="C9547" s="7">
        <f t="shared" si="149"/>
        <v>158.92425</v>
      </c>
      <c r="I9547" s="1"/>
    </row>
    <row r="9548" spans="1:9" x14ac:dyDescent="0.25">
      <c r="A9548" s="3">
        <v>41764.426145833335</v>
      </c>
      <c r="B9548" s="6">
        <v>158940.9</v>
      </c>
      <c r="C9548" s="7">
        <f t="shared" si="149"/>
        <v>158.9409</v>
      </c>
      <c r="I9548" s="1"/>
    </row>
    <row r="9549" spans="1:9" x14ac:dyDescent="0.25">
      <c r="A9549" s="3">
        <v>41764.428865740738</v>
      </c>
      <c r="B9549" s="6">
        <v>158957.54999999999</v>
      </c>
      <c r="C9549" s="7">
        <f t="shared" si="149"/>
        <v>158.95755</v>
      </c>
      <c r="I9549" s="1"/>
    </row>
    <row r="9550" spans="1:9" x14ac:dyDescent="0.25">
      <c r="A9550" s="3">
        <v>41764.429525462961</v>
      </c>
      <c r="B9550" s="6">
        <v>158974.19999999998</v>
      </c>
      <c r="C9550" s="7">
        <f t="shared" si="149"/>
        <v>158.9742</v>
      </c>
      <c r="I9550" s="1"/>
    </row>
    <row r="9551" spans="1:9" x14ac:dyDescent="0.25">
      <c r="A9551" s="3">
        <v>41764.430949074071</v>
      </c>
      <c r="B9551" s="6">
        <v>158990.84999999998</v>
      </c>
      <c r="C9551" s="7">
        <f t="shared" si="149"/>
        <v>158.99084999999997</v>
      </c>
      <c r="I9551" s="1"/>
    </row>
    <row r="9552" spans="1:9" x14ac:dyDescent="0.25">
      <c r="A9552" s="3">
        <v>41764.431087962963</v>
      </c>
      <c r="B9552" s="6">
        <v>159007.5</v>
      </c>
      <c r="C9552" s="7">
        <f t="shared" si="149"/>
        <v>159.00749999999999</v>
      </c>
      <c r="I9552" s="1"/>
    </row>
    <row r="9553" spans="1:9" x14ac:dyDescent="0.25">
      <c r="A9553" s="3">
        <v>41764.43310185185</v>
      </c>
      <c r="B9553" s="6">
        <v>159024.15</v>
      </c>
      <c r="C9553" s="7">
        <f t="shared" si="149"/>
        <v>159.02414999999999</v>
      </c>
      <c r="I9553" s="1"/>
    </row>
    <row r="9554" spans="1:9" x14ac:dyDescent="0.25">
      <c r="A9554" s="3">
        <v>41764.433263888888</v>
      </c>
      <c r="B9554" s="6">
        <v>159040.79999999999</v>
      </c>
      <c r="C9554" s="7">
        <f t="shared" si="149"/>
        <v>159.04079999999999</v>
      </c>
      <c r="I9554" s="1"/>
    </row>
    <row r="9555" spans="1:9" x14ac:dyDescent="0.25">
      <c r="A9555" s="3">
        <v>41764.436111111114</v>
      </c>
      <c r="B9555" s="6">
        <v>159057.44999999998</v>
      </c>
      <c r="C9555" s="7">
        <f t="shared" si="149"/>
        <v>159.05744999999999</v>
      </c>
      <c r="I9555" s="1"/>
    </row>
    <row r="9556" spans="1:9" x14ac:dyDescent="0.25">
      <c r="A9556" s="3">
        <v>41764.436354166668</v>
      </c>
      <c r="B9556" s="6">
        <v>159074.09999999998</v>
      </c>
      <c r="C9556" s="7">
        <f t="shared" si="149"/>
        <v>159.07409999999999</v>
      </c>
      <c r="I9556" s="1"/>
    </row>
    <row r="9557" spans="1:9" x14ac:dyDescent="0.25">
      <c r="A9557" s="3">
        <v>41764.438900462963</v>
      </c>
      <c r="B9557" s="6">
        <v>159090.75</v>
      </c>
      <c r="C9557" s="7">
        <f t="shared" si="149"/>
        <v>159.09075000000001</v>
      </c>
      <c r="I9557" s="1"/>
    </row>
    <row r="9558" spans="1:9" x14ac:dyDescent="0.25">
      <c r="A9558" s="3">
        <v>41764.439259259256</v>
      </c>
      <c r="B9558" s="6">
        <v>159107.4</v>
      </c>
      <c r="C9558" s="7">
        <f t="shared" si="149"/>
        <v>159.10739999999998</v>
      </c>
      <c r="I9558" s="1"/>
    </row>
    <row r="9559" spans="1:9" x14ac:dyDescent="0.25">
      <c r="A9559" s="3">
        <v>41764.440833333334</v>
      </c>
      <c r="B9559" s="6">
        <v>159124.04999999999</v>
      </c>
      <c r="C9559" s="7">
        <f t="shared" si="149"/>
        <v>159.12404999999998</v>
      </c>
      <c r="I9559" s="1"/>
    </row>
    <row r="9560" spans="1:9" x14ac:dyDescent="0.25">
      <c r="A9560" s="3">
        <v>41764.44091435185</v>
      </c>
      <c r="B9560" s="6">
        <v>159140.69999999998</v>
      </c>
      <c r="C9560" s="7">
        <f t="shared" si="149"/>
        <v>159.14069999999998</v>
      </c>
      <c r="I9560" s="1"/>
    </row>
    <row r="9561" spans="1:9" x14ac:dyDescent="0.25">
      <c r="A9561" s="3">
        <v>41764.442453703705</v>
      </c>
      <c r="B9561" s="6">
        <v>159157.34999999998</v>
      </c>
      <c r="C9561" s="7">
        <f t="shared" si="149"/>
        <v>159.15734999999998</v>
      </c>
      <c r="I9561" s="1"/>
    </row>
    <row r="9562" spans="1:9" x14ac:dyDescent="0.25">
      <c r="A9562" s="3">
        <v>41764.442650462966</v>
      </c>
      <c r="B9562" s="6">
        <v>159174</v>
      </c>
      <c r="C9562" s="7">
        <f t="shared" si="149"/>
        <v>159.17400000000001</v>
      </c>
      <c r="I9562" s="1"/>
    </row>
    <row r="9563" spans="1:9" x14ac:dyDescent="0.25">
      <c r="A9563" s="3">
        <v>41764.444675925923</v>
      </c>
      <c r="B9563" s="6">
        <v>159190.65</v>
      </c>
      <c r="C9563" s="7">
        <f t="shared" si="149"/>
        <v>159.19065000000001</v>
      </c>
      <c r="I9563" s="1"/>
    </row>
    <row r="9564" spans="1:9" x14ac:dyDescent="0.25">
      <c r="A9564" s="3">
        <v>41764.444768518515</v>
      </c>
      <c r="B9564" s="6">
        <v>159207.29999999999</v>
      </c>
      <c r="C9564" s="7">
        <f t="shared" si="149"/>
        <v>159.20729999999998</v>
      </c>
      <c r="I9564" s="1"/>
    </row>
    <row r="9565" spans="1:9" x14ac:dyDescent="0.25">
      <c r="A9565" s="3">
        <v>41764.44667824074</v>
      </c>
      <c r="B9565" s="6">
        <v>159223.94999999998</v>
      </c>
      <c r="C9565" s="7">
        <f t="shared" si="149"/>
        <v>159.22394999999997</v>
      </c>
      <c r="I9565" s="1"/>
    </row>
    <row r="9566" spans="1:9" x14ac:dyDescent="0.25">
      <c r="A9566" s="3">
        <v>41764.446805555555</v>
      </c>
      <c r="B9566" s="6">
        <v>159240.59999999998</v>
      </c>
      <c r="C9566" s="7">
        <f t="shared" si="149"/>
        <v>159.24059999999997</v>
      </c>
      <c r="I9566" s="1"/>
    </row>
    <row r="9567" spans="1:9" x14ac:dyDescent="0.25">
      <c r="A9567" s="3">
        <v>41764.44976851852</v>
      </c>
      <c r="B9567" s="6">
        <v>159257.25</v>
      </c>
      <c r="C9567" s="7">
        <f t="shared" si="149"/>
        <v>159.25725</v>
      </c>
      <c r="I9567" s="1"/>
    </row>
    <row r="9568" spans="1:9" x14ac:dyDescent="0.25">
      <c r="A9568" s="3">
        <v>41764.449918981481</v>
      </c>
      <c r="B9568" s="6">
        <v>159273.9</v>
      </c>
      <c r="C9568" s="7">
        <f t="shared" si="149"/>
        <v>159.2739</v>
      </c>
      <c r="I9568" s="1"/>
    </row>
    <row r="9569" spans="1:9" x14ac:dyDescent="0.25">
      <c r="A9569" s="3">
        <v>41764.452488425923</v>
      </c>
      <c r="B9569" s="6">
        <v>159290.54999999999</v>
      </c>
      <c r="C9569" s="7">
        <f t="shared" si="149"/>
        <v>159.29055</v>
      </c>
      <c r="I9569" s="1"/>
    </row>
    <row r="9570" spans="1:9" x14ac:dyDescent="0.25">
      <c r="A9570" s="3">
        <v>41764.452800925923</v>
      </c>
      <c r="B9570" s="6">
        <v>159307.19999999998</v>
      </c>
      <c r="C9570" s="7">
        <f t="shared" si="149"/>
        <v>159.30719999999999</v>
      </c>
      <c r="I9570" s="1"/>
    </row>
    <row r="9571" spans="1:9" x14ac:dyDescent="0.25">
      <c r="A9571" s="3">
        <v>41764.454456018517</v>
      </c>
      <c r="B9571" s="6">
        <v>159323.84999999998</v>
      </c>
      <c r="C9571" s="7">
        <f t="shared" si="149"/>
        <v>159.32384999999996</v>
      </c>
      <c r="I9571" s="1"/>
    </row>
    <row r="9572" spans="1:9" x14ac:dyDescent="0.25">
      <c r="A9572" s="3">
        <v>41764.454594907409</v>
      </c>
      <c r="B9572" s="6">
        <v>159340.5</v>
      </c>
      <c r="C9572" s="7">
        <f t="shared" si="149"/>
        <v>159.34049999999999</v>
      </c>
      <c r="I9572" s="1"/>
    </row>
    <row r="9573" spans="1:9" x14ac:dyDescent="0.25">
      <c r="A9573" s="3">
        <v>41764.457326388889</v>
      </c>
      <c r="B9573" s="6">
        <v>159357.15</v>
      </c>
      <c r="C9573" s="7">
        <f t="shared" si="149"/>
        <v>159.35714999999999</v>
      </c>
      <c r="I9573" s="1"/>
    </row>
    <row r="9574" spans="1:9" x14ac:dyDescent="0.25">
      <c r="A9574" s="3">
        <v>41764.457430555558</v>
      </c>
      <c r="B9574" s="6">
        <v>159373.79999999999</v>
      </c>
      <c r="C9574" s="7">
        <f t="shared" si="149"/>
        <v>159.37379999999999</v>
      </c>
      <c r="I9574" s="1"/>
    </row>
    <row r="9575" spans="1:9" x14ac:dyDescent="0.25">
      <c r="A9575" s="3">
        <v>41764.459236111114</v>
      </c>
      <c r="B9575" s="6">
        <v>159390.44999999998</v>
      </c>
      <c r="C9575" s="7">
        <f t="shared" si="149"/>
        <v>159.39044999999999</v>
      </c>
      <c r="I9575" s="1"/>
    </row>
    <row r="9576" spans="1:9" x14ac:dyDescent="0.25">
      <c r="A9576" s="3">
        <v>41764.459652777776</v>
      </c>
      <c r="B9576" s="6">
        <v>159407.09999999998</v>
      </c>
      <c r="C9576" s="7">
        <f t="shared" si="149"/>
        <v>159.40709999999999</v>
      </c>
      <c r="I9576" s="1"/>
    </row>
    <row r="9577" spans="1:9" x14ac:dyDescent="0.25">
      <c r="A9577" s="3">
        <v>41764.461377314816</v>
      </c>
      <c r="B9577" s="6">
        <v>159423.75</v>
      </c>
      <c r="C9577" s="7">
        <f t="shared" si="149"/>
        <v>159.42375000000001</v>
      </c>
      <c r="I9577" s="1"/>
    </row>
    <row r="9578" spans="1:9" x14ac:dyDescent="0.25">
      <c r="A9578" s="3">
        <v>41764.46166666667</v>
      </c>
      <c r="B9578" s="6">
        <v>159440.4</v>
      </c>
      <c r="C9578" s="7">
        <f t="shared" si="149"/>
        <v>159.44039999999998</v>
      </c>
      <c r="I9578" s="1"/>
    </row>
    <row r="9579" spans="1:9" x14ac:dyDescent="0.25">
      <c r="A9579" s="3">
        <v>41764.464050925926</v>
      </c>
      <c r="B9579" s="6">
        <v>159457.04999999999</v>
      </c>
      <c r="C9579" s="7">
        <f t="shared" si="149"/>
        <v>159.45704999999998</v>
      </c>
      <c r="I9579" s="1"/>
    </row>
    <row r="9580" spans="1:9" x14ac:dyDescent="0.25">
      <c r="A9580" s="3">
        <v>41764.464421296296</v>
      </c>
      <c r="B9580" s="6">
        <v>159473.69999999998</v>
      </c>
      <c r="C9580" s="7">
        <f t="shared" si="149"/>
        <v>159.47369999999998</v>
      </c>
      <c r="I9580" s="1"/>
    </row>
    <row r="9581" spans="1:9" x14ac:dyDescent="0.25">
      <c r="A9581" s="3">
        <v>41764.466863425929</v>
      </c>
      <c r="B9581" s="6">
        <v>159490.34999999998</v>
      </c>
      <c r="C9581" s="7">
        <f t="shared" si="149"/>
        <v>159.49034999999998</v>
      </c>
      <c r="I9581" s="1"/>
    </row>
    <row r="9582" spans="1:9" x14ac:dyDescent="0.25">
      <c r="A9582" s="3">
        <v>41764.46702546296</v>
      </c>
      <c r="B9582" s="6">
        <v>159507</v>
      </c>
      <c r="C9582" s="7">
        <f t="shared" si="149"/>
        <v>159.50700000000001</v>
      </c>
      <c r="I9582" s="1"/>
    </row>
    <row r="9583" spans="1:9" x14ac:dyDescent="0.25">
      <c r="A9583" s="3">
        <v>41764.469907407409</v>
      </c>
      <c r="B9583" s="6">
        <v>159523.65</v>
      </c>
      <c r="C9583" s="7">
        <f t="shared" si="149"/>
        <v>159.52365</v>
      </c>
      <c r="I9583" s="1"/>
    </row>
    <row r="9584" spans="1:9" x14ac:dyDescent="0.25">
      <c r="A9584" s="3">
        <v>41764.470324074071</v>
      </c>
      <c r="B9584" s="6">
        <v>159540.29999999999</v>
      </c>
      <c r="C9584" s="7">
        <f t="shared" si="149"/>
        <v>159.5403</v>
      </c>
      <c r="I9584" s="1"/>
    </row>
    <row r="9585" spans="1:9" x14ac:dyDescent="0.25">
      <c r="A9585" s="3">
        <v>41764.473078703704</v>
      </c>
      <c r="B9585" s="6">
        <v>159556.94999999998</v>
      </c>
      <c r="C9585" s="7">
        <f t="shared" si="149"/>
        <v>159.55694999999997</v>
      </c>
      <c r="I9585" s="1"/>
    </row>
    <row r="9586" spans="1:9" x14ac:dyDescent="0.25">
      <c r="A9586" s="3">
        <v>41764.473252314812</v>
      </c>
      <c r="B9586" s="6">
        <v>159573.59999999998</v>
      </c>
      <c r="C9586" s="7">
        <f t="shared" si="149"/>
        <v>159.57359999999997</v>
      </c>
      <c r="I9586" s="1"/>
    </row>
    <row r="9587" spans="1:9" x14ac:dyDescent="0.25">
      <c r="A9587" s="3">
        <v>41764.475347222222</v>
      </c>
      <c r="B9587" s="6">
        <v>159590.25</v>
      </c>
      <c r="C9587" s="7">
        <f t="shared" si="149"/>
        <v>159.59025</v>
      </c>
      <c r="I9587" s="1"/>
    </row>
    <row r="9588" spans="1:9" x14ac:dyDescent="0.25">
      <c r="A9588" s="3">
        <v>41764.475543981483</v>
      </c>
      <c r="B9588" s="6">
        <v>159606.9</v>
      </c>
      <c r="C9588" s="7">
        <f t="shared" si="149"/>
        <v>159.6069</v>
      </c>
      <c r="I9588" s="1"/>
    </row>
    <row r="9589" spans="1:9" x14ac:dyDescent="0.25">
      <c r="A9589" s="3">
        <v>41764.476944444446</v>
      </c>
      <c r="B9589" s="6">
        <v>159623.54999999999</v>
      </c>
      <c r="C9589" s="7">
        <f t="shared" si="149"/>
        <v>159.62354999999999</v>
      </c>
      <c r="I9589" s="1"/>
    </row>
    <row r="9590" spans="1:9" x14ac:dyDescent="0.25">
      <c r="A9590" s="3">
        <v>41764.477060185185</v>
      </c>
      <c r="B9590" s="6">
        <v>159640.19999999998</v>
      </c>
      <c r="C9590" s="7">
        <f t="shared" si="149"/>
        <v>159.64019999999999</v>
      </c>
      <c r="I9590" s="1"/>
    </row>
    <row r="9591" spans="1:9" x14ac:dyDescent="0.25">
      <c r="A9591" s="3">
        <v>41764.479120370372</v>
      </c>
      <c r="B9591" s="6">
        <v>159656.84999999998</v>
      </c>
      <c r="C9591" s="7">
        <f t="shared" si="149"/>
        <v>159.65684999999996</v>
      </c>
      <c r="I9591" s="1"/>
    </row>
    <row r="9592" spans="1:9" x14ac:dyDescent="0.25">
      <c r="A9592" s="3">
        <v>41764.479201388887</v>
      </c>
      <c r="B9592" s="6">
        <v>159673.5</v>
      </c>
      <c r="C9592" s="7">
        <f t="shared" si="149"/>
        <v>159.67349999999999</v>
      </c>
      <c r="I9592" s="1"/>
    </row>
    <row r="9593" spans="1:9" x14ac:dyDescent="0.25">
      <c r="A9593" s="3">
        <v>41764.480115740742</v>
      </c>
      <c r="B9593" s="6">
        <v>159690.15</v>
      </c>
      <c r="C9593" s="7">
        <f t="shared" si="149"/>
        <v>159.69014999999999</v>
      </c>
      <c r="I9593" s="1"/>
    </row>
    <row r="9594" spans="1:9" x14ac:dyDescent="0.25">
      <c r="A9594" s="3">
        <v>41764.480196759258</v>
      </c>
      <c r="B9594" s="6">
        <v>159706.79999999999</v>
      </c>
      <c r="C9594" s="7">
        <f t="shared" si="149"/>
        <v>159.70679999999999</v>
      </c>
      <c r="I9594" s="1"/>
    </row>
    <row r="9595" spans="1:9" x14ac:dyDescent="0.25">
      <c r="A9595" s="3">
        <v>41764.481388888889</v>
      </c>
      <c r="B9595" s="6">
        <v>159723.44999999998</v>
      </c>
      <c r="C9595" s="7">
        <f t="shared" si="149"/>
        <v>159.72344999999999</v>
      </c>
      <c r="I9595" s="1"/>
    </row>
    <row r="9596" spans="1:9" x14ac:dyDescent="0.25">
      <c r="A9596" s="3">
        <v>41764.481562499997</v>
      </c>
      <c r="B9596" s="6">
        <v>159740.09999999998</v>
      </c>
      <c r="C9596" s="7">
        <f t="shared" si="149"/>
        <v>159.74009999999998</v>
      </c>
      <c r="I9596" s="1"/>
    </row>
    <row r="9597" spans="1:9" x14ac:dyDescent="0.25">
      <c r="A9597" s="3">
        <v>41764.482766203706</v>
      </c>
      <c r="B9597" s="6">
        <v>159756.75</v>
      </c>
      <c r="C9597" s="7">
        <f t="shared" si="149"/>
        <v>159.75675000000001</v>
      </c>
      <c r="I9597" s="1"/>
    </row>
    <row r="9598" spans="1:9" x14ac:dyDescent="0.25">
      <c r="A9598" s="3">
        <v>41764.482974537037</v>
      </c>
      <c r="B9598" s="6">
        <v>159773.4</v>
      </c>
      <c r="C9598" s="7">
        <f t="shared" si="149"/>
        <v>159.77339999999998</v>
      </c>
      <c r="I9598" s="1"/>
    </row>
    <row r="9599" spans="1:9" x14ac:dyDescent="0.25">
      <c r="A9599" s="3">
        <v>41764.484340277777</v>
      </c>
      <c r="B9599" s="6">
        <v>159790.04999999999</v>
      </c>
      <c r="C9599" s="7">
        <f t="shared" si="149"/>
        <v>159.79004999999998</v>
      </c>
      <c r="I9599" s="1"/>
    </row>
    <row r="9600" spans="1:9" x14ac:dyDescent="0.25">
      <c r="A9600" s="3">
        <v>41764.484571759262</v>
      </c>
      <c r="B9600" s="6">
        <v>159806.69999999998</v>
      </c>
      <c r="C9600" s="7">
        <f t="shared" si="149"/>
        <v>159.80669999999998</v>
      </c>
      <c r="I9600" s="1"/>
    </row>
    <row r="9601" spans="1:9" x14ac:dyDescent="0.25">
      <c r="A9601" s="3">
        <v>41764.486076388886</v>
      </c>
      <c r="B9601" s="6">
        <v>159823.34999999998</v>
      </c>
      <c r="C9601" s="7">
        <f t="shared" si="149"/>
        <v>159.82334999999998</v>
      </c>
      <c r="I9601" s="1"/>
    </row>
    <row r="9602" spans="1:9" x14ac:dyDescent="0.25">
      <c r="A9602" s="3">
        <v>41764.486192129632</v>
      </c>
      <c r="B9602" s="6">
        <v>159840</v>
      </c>
      <c r="C9602" s="7">
        <f t="shared" si="149"/>
        <v>159.84</v>
      </c>
      <c r="I9602" s="1"/>
    </row>
    <row r="9603" spans="1:9" x14ac:dyDescent="0.25">
      <c r="A9603" s="3">
        <v>41764.488252314812</v>
      </c>
      <c r="B9603" s="6">
        <v>159856.65</v>
      </c>
      <c r="C9603" s="7">
        <f t="shared" ref="C9603:C9666" si="150">B9603/1000</f>
        <v>159.85665</v>
      </c>
      <c r="I9603" s="1"/>
    </row>
    <row r="9604" spans="1:9" x14ac:dyDescent="0.25">
      <c r="A9604" s="3">
        <v>41764.48841435185</v>
      </c>
      <c r="B9604" s="6">
        <v>159873.29999999999</v>
      </c>
      <c r="C9604" s="7">
        <f t="shared" si="150"/>
        <v>159.8733</v>
      </c>
      <c r="I9604" s="1"/>
    </row>
    <row r="9605" spans="1:9" x14ac:dyDescent="0.25">
      <c r="A9605" s="3">
        <v>41764.489756944444</v>
      </c>
      <c r="B9605" s="6">
        <v>159889.94999999998</v>
      </c>
      <c r="C9605" s="7">
        <f t="shared" si="150"/>
        <v>159.88994999999997</v>
      </c>
      <c r="I9605" s="1"/>
    </row>
    <row r="9606" spans="1:9" x14ac:dyDescent="0.25">
      <c r="A9606" s="3">
        <v>41764.49</v>
      </c>
      <c r="B9606" s="6">
        <v>159906.59999999998</v>
      </c>
      <c r="C9606" s="7">
        <f t="shared" si="150"/>
        <v>159.90659999999997</v>
      </c>
      <c r="I9606" s="1"/>
    </row>
    <row r="9607" spans="1:9" x14ac:dyDescent="0.25">
      <c r="A9607" s="3">
        <v>41764.491099537037</v>
      </c>
      <c r="B9607" s="6">
        <v>159923.25</v>
      </c>
      <c r="C9607" s="7">
        <f t="shared" si="150"/>
        <v>159.92325</v>
      </c>
      <c r="I9607" s="1"/>
    </row>
    <row r="9608" spans="1:9" x14ac:dyDescent="0.25">
      <c r="A9608" s="3">
        <v>41764.491238425922</v>
      </c>
      <c r="B9608" s="6">
        <v>159939.9</v>
      </c>
      <c r="C9608" s="7">
        <f t="shared" si="150"/>
        <v>159.93989999999999</v>
      </c>
      <c r="I9608" s="1"/>
    </row>
    <row r="9609" spans="1:9" x14ac:dyDescent="0.25">
      <c r="A9609" s="3">
        <v>41764.493159722224</v>
      </c>
      <c r="B9609" s="6">
        <v>159956.54999999999</v>
      </c>
      <c r="C9609" s="7">
        <f t="shared" si="150"/>
        <v>159.95654999999999</v>
      </c>
      <c r="I9609" s="1"/>
    </row>
    <row r="9610" spans="1:9" x14ac:dyDescent="0.25">
      <c r="A9610" s="3">
        <v>41764.493495370371</v>
      </c>
      <c r="B9610" s="6">
        <v>159973.19999999998</v>
      </c>
      <c r="C9610" s="7">
        <f t="shared" si="150"/>
        <v>159.97319999999999</v>
      </c>
      <c r="I9610" s="1"/>
    </row>
    <row r="9611" spans="1:9" x14ac:dyDescent="0.25">
      <c r="A9611" s="3">
        <v>41764.49628472222</v>
      </c>
      <c r="B9611" s="6">
        <v>159989.84999999998</v>
      </c>
      <c r="C9611" s="7">
        <f t="shared" si="150"/>
        <v>159.98984999999999</v>
      </c>
      <c r="I9611" s="1"/>
    </row>
    <row r="9612" spans="1:9" x14ac:dyDescent="0.25">
      <c r="A9612" s="3">
        <v>41764.496423611112</v>
      </c>
      <c r="B9612" s="6">
        <v>160006.5</v>
      </c>
      <c r="C9612" s="7">
        <f t="shared" si="150"/>
        <v>160.00649999999999</v>
      </c>
      <c r="I9612" s="1"/>
    </row>
    <row r="9613" spans="1:9" x14ac:dyDescent="0.25">
      <c r="A9613" s="3">
        <v>41764.497916666667</v>
      </c>
      <c r="B9613" s="6">
        <v>160023.15</v>
      </c>
      <c r="C9613" s="7">
        <f t="shared" si="150"/>
        <v>160.02314999999999</v>
      </c>
      <c r="I9613" s="1"/>
    </row>
    <row r="9614" spans="1:9" x14ac:dyDescent="0.25">
      <c r="A9614" s="3">
        <v>41764.49800925926</v>
      </c>
      <c r="B9614" s="6">
        <v>160039.79999999999</v>
      </c>
      <c r="C9614" s="7">
        <f t="shared" si="150"/>
        <v>160.03979999999999</v>
      </c>
      <c r="I9614" s="1"/>
    </row>
    <row r="9615" spans="1:9" x14ac:dyDescent="0.25">
      <c r="A9615" s="3">
        <v>41764.499293981484</v>
      </c>
      <c r="B9615" s="6">
        <v>160056.44999999998</v>
      </c>
      <c r="C9615" s="7">
        <f t="shared" si="150"/>
        <v>160.05644999999998</v>
      </c>
      <c r="I9615" s="1"/>
    </row>
    <row r="9616" spans="1:9" x14ac:dyDescent="0.25">
      <c r="A9616" s="3">
        <v>41764.499432870369</v>
      </c>
      <c r="B9616" s="6">
        <v>160073.09999999998</v>
      </c>
      <c r="C9616" s="7">
        <f t="shared" si="150"/>
        <v>160.07309999999998</v>
      </c>
      <c r="I9616" s="1"/>
    </row>
    <row r="9617" spans="1:9" x14ac:dyDescent="0.25">
      <c r="A9617" s="3">
        <v>41764.500833333332</v>
      </c>
      <c r="B9617" s="6">
        <v>160089.75</v>
      </c>
      <c r="C9617" s="7">
        <f t="shared" si="150"/>
        <v>160.08975000000001</v>
      </c>
      <c r="I9617" s="1"/>
    </row>
    <row r="9618" spans="1:9" x14ac:dyDescent="0.25">
      <c r="A9618" s="3">
        <v>41764.501018518517</v>
      </c>
      <c r="B9618" s="6">
        <v>160106.4</v>
      </c>
      <c r="C9618" s="7">
        <f t="shared" si="150"/>
        <v>160.10640000000001</v>
      </c>
      <c r="I9618" s="1"/>
    </row>
    <row r="9619" spans="1:9" x14ac:dyDescent="0.25">
      <c r="A9619" s="3">
        <v>41764.502754629626</v>
      </c>
      <c r="B9619" s="6">
        <v>160123.04999999999</v>
      </c>
      <c r="C9619" s="7">
        <f t="shared" si="150"/>
        <v>160.12304999999998</v>
      </c>
      <c r="I9619" s="1"/>
    </row>
    <row r="9620" spans="1:9" x14ac:dyDescent="0.25">
      <c r="A9620" s="3">
        <v>41764.50309027778</v>
      </c>
      <c r="B9620" s="6">
        <v>160139.69999999998</v>
      </c>
      <c r="C9620" s="7">
        <f t="shared" si="150"/>
        <v>160.13969999999998</v>
      </c>
      <c r="I9620" s="1"/>
    </row>
    <row r="9621" spans="1:9" x14ac:dyDescent="0.25">
      <c r="A9621" s="3">
        <v>41764.504629629628</v>
      </c>
      <c r="B9621" s="6">
        <v>160156.34999999998</v>
      </c>
      <c r="C9621" s="7">
        <f t="shared" si="150"/>
        <v>160.15634999999997</v>
      </c>
      <c r="I9621" s="1"/>
    </row>
    <row r="9622" spans="1:9" x14ac:dyDescent="0.25">
      <c r="A9622" s="3">
        <v>41764.504745370374</v>
      </c>
      <c r="B9622" s="6">
        <v>160173</v>
      </c>
      <c r="C9622" s="7">
        <f t="shared" si="150"/>
        <v>160.173</v>
      </c>
      <c r="I9622" s="1"/>
    </row>
    <row r="9623" spans="1:9" x14ac:dyDescent="0.25">
      <c r="A9623" s="3">
        <v>41764.50608796296</v>
      </c>
      <c r="B9623" s="6">
        <v>160189.65</v>
      </c>
      <c r="C9623" s="7">
        <f t="shared" si="150"/>
        <v>160.18965</v>
      </c>
      <c r="I9623" s="1"/>
    </row>
    <row r="9624" spans="1:9" x14ac:dyDescent="0.25">
      <c r="A9624" s="3">
        <v>41764.506168981483</v>
      </c>
      <c r="B9624" s="6">
        <v>160206.29999999999</v>
      </c>
      <c r="C9624" s="7">
        <f t="shared" si="150"/>
        <v>160.2063</v>
      </c>
      <c r="I9624" s="1"/>
    </row>
    <row r="9625" spans="1:9" x14ac:dyDescent="0.25">
      <c r="A9625" s="3">
        <v>41764.507337962961</v>
      </c>
      <c r="B9625" s="6">
        <v>160222.94999999998</v>
      </c>
      <c r="C9625" s="7">
        <f t="shared" si="150"/>
        <v>160.22294999999997</v>
      </c>
      <c r="I9625" s="1"/>
    </row>
    <row r="9626" spans="1:9" x14ac:dyDescent="0.25">
      <c r="A9626" s="3">
        <v>41764.507569444446</v>
      </c>
      <c r="B9626" s="6">
        <v>160239.59999999998</v>
      </c>
      <c r="C9626" s="7">
        <f t="shared" si="150"/>
        <v>160.23959999999997</v>
      </c>
      <c r="I9626" s="1"/>
    </row>
    <row r="9627" spans="1:9" x14ac:dyDescent="0.25">
      <c r="A9627" s="3">
        <v>41764.511388888888</v>
      </c>
      <c r="B9627" s="6">
        <v>160256.25</v>
      </c>
      <c r="C9627" s="7">
        <f t="shared" si="150"/>
        <v>160.25624999999999</v>
      </c>
      <c r="I9627" s="1"/>
    </row>
    <row r="9628" spans="1:9" x14ac:dyDescent="0.25">
      <c r="A9628" s="3">
        <v>41764.511481481481</v>
      </c>
      <c r="B9628" s="6">
        <v>160272.9</v>
      </c>
      <c r="C9628" s="7">
        <f t="shared" si="150"/>
        <v>160.27289999999999</v>
      </c>
      <c r="I9628" s="1"/>
    </row>
    <row r="9629" spans="1:9" x14ac:dyDescent="0.25">
      <c r="A9629" s="3">
        <v>41764.514108796298</v>
      </c>
      <c r="B9629" s="6">
        <v>160289.54999999999</v>
      </c>
      <c r="C9629" s="7">
        <f t="shared" si="150"/>
        <v>160.28954999999999</v>
      </c>
      <c r="I9629" s="1"/>
    </row>
    <row r="9630" spans="1:9" x14ac:dyDescent="0.25">
      <c r="A9630" s="3">
        <v>41764.514398148145</v>
      </c>
      <c r="B9630" s="6">
        <v>160306.19999999998</v>
      </c>
      <c r="C9630" s="7">
        <f t="shared" si="150"/>
        <v>160.30619999999999</v>
      </c>
      <c r="I9630" s="1"/>
    </row>
    <row r="9631" spans="1:9" x14ac:dyDescent="0.25">
      <c r="A9631" s="3">
        <v>41764.515972222223</v>
      </c>
      <c r="B9631" s="6">
        <v>160322.84999999998</v>
      </c>
      <c r="C9631" s="7">
        <f t="shared" si="150"/>
        <v>160.32284999999999</v>
      </c>
      <c r="I9631" s="1"/>
    </row>
    <row r="9632" spans="1:9" x14ac:dyDescent="0.25">
      <c r="A9632" s="3">
        <v>41764.51635416667</v>
      </c>
      <c r="B9632" s="6">
        <v>160339.5</v>
      </c>
      <c r="C9632" s="7">
        <f t="shared" si="150"/>
        <v>160.33949999999999</v>
      </c>
      <c r="I9632" s="1"/>
    </row>
    <row r="9633" spans="1:9" x14ac:dyDescent="0.25">
      <c r="A9633" s="3">
        <v>41764.518923611111</v>
      </c>
      <c r="B9633" s="6">
        <v>160356.15</v>
      </c>
      <c r="C9633" s="7">
        <f t="shared" si="150"/>
        <v>160.35614999999999</v>
      </c>
      <c r="I9633" s="1"/>
    </row>
    <row r="9634" spans="1:9" x14ac:dyDescent="0.25">
      <c r="A9634" s="3">
        <v>41764.519201388888</v>
      </c>
      <c r="B9634" s="6">
        <v>160372.79999999999</v>
      </c>
      <c r="C9634" s="7">
        <f t="shared" si="150"/>
        <v>160.37279999999998</v>
      </c>
      <c r="I9634" s="1"/>
    </row>
    <row r="9635" spans="1:9" x14ac:dyDescent="0.25">
      <c r="A9635" s="3">
        <v>41764.521238425928</v>
      </c>
      <c r="B9635" s="6">
        <v>160389.44999999998</v>
      </c>
      <c r="C9635" s="7">
        <f t="shared" si="150"/>
        <v>160.38944999999998</v>
      </c>
      <c r="I9635" s="1"/>
    </row>
    <row r="9636" spans="1:9" x14ac:dyDescent="0.25">
      <c r="A9636" s="3">
        <v>41764.521331018521</v>
      </c>
      <c r="B9636" s="6">
        <v>160406.09999999998</v>
      </c>
      <c r="C9636" s="7">
        <f t="shared" si="150"/>
        <v>160.40609999999998</v>
      </c>
      <c r="I9636" s="1"/>
    </row>
    <row r="9637" spans="1:9" x14ac:dyDescent="0.25">
      <c r="A9637" s="3">
        <v>41764.523819444446</v>
      </c>
      <c r="B9637" s="6">
        <v>160422.75</v>
      </c>
      <c r="C9637" s="7">
        <f t="shared" si="150"/>
        <v>160.42275000000001</v>
      </c>
      <c r="I9637" s="1"/>
    </row>
    <row r="9638" spans="1:9" x14ac:dyDescent="0.25">
      <c r="A9638" s="3">
        <v>41764.524224537039</v>
      </c>
      <c r="B9638" s="6">
        <v>160439.4</v>
      </c>
      <c r="C9638" s="7">
        <f t="shared" si="150"/>
        <v>160.43940000000001</v>
      </c>
      <c r="I9638" s="1"/>
    </row>
    <row r="9639" spans="1:9" x14ac:dyDescent="0.25">
      <c r="A9639" s="3">
        <v>41764.525949074072</v>
      </c>
      <c r="B9639" s="6">
        <v>160456.04999999999</v>
      </c>
      <c r="C9639" s="7">
        <f t="shared" si="150"/>
        <v>160.45604999999998</v>
      </c>
      <c r="I9639" s="1"/>
    </row>
    <row r="9640" spans="1:9" x14ac:dyDescent="0.25">
      <c r="A9640" s="3">
        <v>41764.52652777778</v>
      </c>
      <c r="B9640" s="6">
        <v>160472.69999999998</v>
      </c>
      <c r="C9640" s="7">
        <f t="shared" si="150"/>
        <v>160.47269999999997</v>
      </c>
      <c r="I9640" s="1"/>
    </row>
    <row r="9641" spans="1:9" x14ac:dyDescent="0.25">
      <c r="A9641" s="3">
        <v>41764.528900462959</v>
      </c>
      <c r="B9641" s="6">
        <v>160489.34999999998</v>
      </c>
      <c r="C9641" s="7">
        <f t="shared" si="150"/>
        <v>160.48934999999997</v>
      </c>
      <c r="I9641" s="1"/>
    </row>
    <row r="9642" spans="1:9" x14ac:dyDescent="0.25">
      <c r="A9642" s="3">
        <v>41764.529074074075</v>
      </c>
      <c r="B9642" s="6">
        <v>160506</v>
      </c>
      <c r="C9642" s="7">
        <f t="shared" si="150"/>
        <v>160.506</v>
      </c>
      <c r="I9642" s="1"/>
    </row>
    <row r="9643" spans="1:9" x14ac:dyDescent="0.25">
      <c r="A9643" s="3">
        <v>41764.53019675926</v>
      </c>
      <c r="B9643" s="6">
        <v>160522.65</v>
      </c>
      <c r="C9643" s="7">
        <f t="shared" si="150"/>
        <v>160.52265</v>
      </c>
      <c r="I9643" s="1"/>
    </row>
    <row r="9644" spans="1:9" x14ac:dyDescent="0.25">
      <c r="A9644" s="3">
        <v>41764.530312499999</v>
      </c>
      <c r="B9644" s="6">
        <v>160539.29999999999</v>
      </c>
      <c r="C9644" s="7">
        <f t="shared" si="150"/>
        <v>160.5393</v>
      </c>
      <c r="I9644" s="1"/>
    </row>
    <row r="9645" spans="1:9" x14ac:dyDescent="0.25">
      <c r="A9645" s="3">
        <v>41764.531828703701</v>
      </c>
      <c r="B9645" s="6">
        <v>160555.94999999998</v>
      </c>
      <c r="C9645" s="7">
        <f t="shared" si="150"/>
        <v>160.55595</v>
      </c>
      <c r="I9645" s="1"/>
    </row>
    <row r="9646" spans="1:9" x14ac:dyDescent="0.25">
      <c r="A9646" s="3">
        <v>41764.531990740739</v>
      </c>
      <c r="B9646" s="6">
        <v>160572.59999999998</v>
      </c>
      <c r="C9646" s="7">
        <f t="shared" si="150"/>
        <v>160.57259999999997</v>
      </c>
      <c r="I9646" s="1"/>
    </row>
    <row r="9647" spans="1:9" x14ac:dyDescent="0.25">
      <c r="A9647" s="3">
        <v>41764.533854166664</v>
      </c>
      <c r="B9647" s="6">
        <v>160589.25</v>
      </c>
      <c r="C9647" s="7">
        <f t="shared" si="150"/>
        <v>160.58924999999999</v>
      </c>
      <c r="I9647" s="1"/>
    </row>
    <row r="9648" spans="1:9" x14ac:dyDescent="0.25">
      <c r="A9648" s="3">
        <v>41764.53396990741</v>
      </c>
      <c r="B9648" s="6">
        <v>160605.9</v>
      </c>
      <c r="C9648" s="7">
        <f t="shared" si="150"/>
        <v>160.60589999999999</v>
      </c>
      <c r="I9648" s="1"/>
    </row>
    <row r="9649" spans="1:9" x14ac:dyDescent="0.25">
      <c r="A9649" s="3">
        <v>41764.536817129629</v>
      </c>
      <c r="B9649" s="6">
        <v>160622.54999999999</v>
      </c>
      <c r="C9649" s="7">
        <f t="shared" si="150"/>
        <v>160.62254999999999</v>
      </c>
      <c r="I9649" s="1"/>
    </row>
    <row r="9650" spans="1:9" x14ac:dyDescent="0.25">
      <c r="A9650" s="3">
        <v>41764.537037037036</v>
      </c>
      <c r="B9650" s="6">
        <v>160639.19999999998</v>
      </c>
      <c r="C9650" s="7">
        <f t="shared" si="150"/>
        <v>160.63919999999999</v>
      </c>
      <c r="I9650" s="1"/>
    </row>
    <row r="9651" spans="1:9" x14ac:dyDescent="0.25">
      <c r="A9651" s="3">
        <v>41764.538726851853</v>
      </c>
      <c r="B9651" s="6">
        <v>160655.84999999998</v>
      </c>
      <c r="C9651" s="7">
        <f t="shared" si="150"/>
        <v>160.65584999999999</v>
      </c>
      <c r="I9651" s="1"/>
    </row>
    <row r="9652" spans="1:9" x14ac:dyDescent="0.25">
      <c r="A9652" s="3">
        <v>41764.538865740738</v>
      </c>
      <c r="B9652" s="6">
        <v>160672.5</v>
      </c>
      <c r="C9652" s="7">
        <f t="shared" si="150"/>
        <v>160.67250000000001</v>
      </c>
      <c r="I9652" s="1"/>
    </row>
    <row r="9653" spans="1:9" x14ac:dyDescent="0.25">
      <c r="A9653" s="3">
        <v>41764.541446759256</v>
      </c>
      <c r="B9653" s="6">
        <v>160689.15</v>
      </c>
      <c r="C9653" s="7">
        <f t="shared" si="150"/>
        <v>160.68914999999998</v>
      </c>
      <c r="I9653" s="1"/>
    </row>
    <row r="9654" spans="1:9" x14ac:dyDescent="0.25">
      <c r="A9654" s="3">
        <v>41764.541817129626</v>
      </c>
      <c r="B9654" s="6">
        <v>160705.79999999999</v>
      </c>
      <c r="C9654" s="7">
        <f t="shared" si="150"/>
        <v>160.70579999999998</v>
      </c>
      <c r="I9654" s="1"/>
    </row>
    <row r="9655" spans="1:9" x14ac:dyDescent="0.25">
      <c r="A9655" s="3">
        <v>41764.545370370368</v>
      </c>
      <c r="B9655" s="6">
        <v>160722.44999999998</v>
      </c>
      <c r="C9655" s="7">
        <f t="shared" si="150"/>
        <v>160.72244999999998</v>
      </c>
      <c r="I9655" s="1"/>
    </row>
    <row r="9656" spans="1:9" x14ac:dyDescent="0.25">
      <c r="A9656" s="3">
        <v>41764.54996527778</v>
      </c>
      <c r="B9656" s="6">
        <v>160739.09999999998</v>
      </c>
      <c r="C9656" s="7">
        <f t="shared" si="150"/>
        <v>160.73909999999998</v>
      </c>
      <c r="I9656" s="1"/>
    </row>
    <row r="9657" spans="1:9" x14ac:dyDescent="0.25">
      <c r="A9657" s="3">
        <v>41764.550185185188</v>
      </c>
      <c r="B9657" s="6">
        <v>160755.75</v>
      </c>
      <c r="C9657" s="7">
        <f t="shared" si="150"/>
        <v>160.75575000000001</v>
      </c>
      <c r="I9657" s="1"/>
    </row>
    <row r="9658" spans="1:9" x14ac:dyDescent="0.25">
      <c r="A9658" s="3">
        <v>41764.55704861111</v>
      </c>
      <c r="B9658" s="6">
        <v>160772.4</v>
      </c>
      <c r="C9658" s="7">
        <f t="shared" si="150"/>
        <v>160.7724</v>
      </c>
      <c r="I9658" s="1"/>
    </row>
    <row r="9659" spans="1:9" x14ac:dyDescent="0.25">
      <c r="A9659" s="3">
        <v>41764.557291666664</v>
      </c>
      <c r="B9659" s="6">
        <v>160789.04999999999</v>
      </c>
      <c r="C9659" s="7">
        <f t="shared" si="150"/>
        <v>160.78904999999997</v>
      </c>
      <c r="I9659" s="1"/>
    </row>
    <row r="9660" spans="1:9" x14ac:dyDescent="0.25">
      <c r="A9660" s="3">
        <v>41764.56113425926</v>
      </c>
      <c r="B9660" s="6">
        <v>160805.69999999998</v>
      </c>
      <c r="C9660" s="7">
        <f t="shared" si="150"/>
        <v>160.80569999999997</v>
      </c>
      <c r="I9660" s="1"/>
    </row>
    <row r="9661" spans="1:9" x14ac:dyDescent="0.25">
      <c r="A9661" s="3">
        <v>41764.561296296299</v>
      </c>
      <c r="B9661" s="6">
        <v>160822.34999999998</v>
      </c>
      <c r="C9661" s="7">
        <f t="shared" si="150"/>
        <v>160.82234999999997</v>
      </c>
      <c r="I9661" s="1"/>
    </row>
    <row r="9662" spans="1:9" x14ac:dyDescent="0.25">
      <c r="A9662" s="3">
        <v>41764.562638888892</v>
      </c>
      <c r="B9662" s="6">
        <v>160839</v>
      </c>
      <c r="C9662" s="7">
        <f t="shared" si="150"/>
        <v>160.839</v>
      </c>
      <c r="I9662" s="1"/>
    </row>
    <row r="9663" spans="1:9" x14ac:dyDescent="0.25">
      <c r="A9663" s="3">
        <v>41764.562893518516</v>
      </c>
      <c r="B9663" s="6">
        <v>160855.65</v>
      </c>
      <c r="C9663" s="7">
        <f t="shared" si="150"/>
        <v>160.85565</v>
      </c>
      <c r="I9663" s="1"/>
    </row>
    <row r="9664" spans="1:9" x14ac:dyDescent="0.25">
      <c r="A9664" s="3">
        <v>41764.566296296296</v>
      </c>
      <c r="B9664" s="6">
        <v>160872.29999999999</v>
      </c>
      <c r="C9664" s="7">
        <f t="shared" si="150"/>
        <v>160.8723</v>
      </c>
      <c r="I9664" s="1"/>
    </row>
    <row r="9665" spans="1:9" x14ac:dyDescent="0.25">
      <c r="A9665" s="3">
        <v>41764.566446759258</v>
      </c>
      <c r="B9665" s="6">
        <v>160888.94999999998</v>
      </c>
      <c r="C9665" s="7">
        <f t="shared" si="150"/>
        <v>160.88894999999999</v>
      </c>
      <c r="I9665" s="1"/>
    </row>
    <row r="9666" spans="1:9" x14ac:dyDescent="0.25">
      <c r="A9666" s="3">
        <v>41764.572326388887</v>
      </c>
      <c r="B9666" s="6">
        <v>160905.59999999998</v>
      </c>
      <c r="C9666" s="7">
        <f t="shared" si="150"/>
        <v>160.90559999999996</v>
      </c>
      <c r="I9666" s="1"/>
    </row>
    <row r="9667" spans="1:9" x14ac:dyDescent="0.25">
      <c r="A9667" s="3">
        <v>41764.573113425926</v>
      </c>
      <c r="B9667" s="6">
        <v>160922.25</v>
      </c>
      <c r="C9667" s="7">
        <f t="shared" ref="C9667:C9730" si="151">B9667/1000</f>
        <v>160.92224999999999</v>
      </c>
      <c r="I9667" s="1"/>
    </row>
    <row r="9668" spans="1:9" x14ac:dyDescent="0.25">
      <c r="A9668" s="3">
        <v>41764.577303240738</v>
      </c>
      <c r="B9668" s="6">
        <v>160938.9</v>
      </c>
      <c r="C9668" s="7">
        <f t="shared" si="151"/>
        <v>160.93889999999999</v>
      </c>
      <c r="I9668" s="1"/>
    </row>
    <row r="9669" spans="1:9" x14ac:dyDescent="0.25">
      <c r="A9669" s="3">
        <v>41764.57739583333</v>
      </c>
      <c r="B9669" s="6">
        <v>160955.54999999999</v>
      </c>
      <c r="C9669" s="7">
        <f t="shared" si="151"/>
        <v>160.95554999999999</v>
      </c>
      <c r="I9669" s="1"/>
    </row>
    <row r="9670" spans="1:9" x14ac:dyDescent="0.25">
      <c r="A9670" s="3">
        <v>41764.578587962962</v>
      </c>
      <c r="B9670" s="6">
        <v>160972.19999999998</v>
      </c>
      <c r="C9670" s="7">
        <f t="shared" si="151"/>
        <v>160.97219999999999</v>
      </c>
      <c r="I9670" s="1"/>
    </row>
    <row r="9671" spans="1:9" x14ac:dyDescent="0.25">
      <c r="A9671" s="3">
        <v>41764.578715277778</v>
      </c>
      <c r="B9671" s="6">
        <v>160988.84999999998</v>
      </c>
      <c r="C9671" s="7">
        <f t="shared" si="151"/>
        <v>160.98884999999999</v>
      </c>
      <c r="I9671" s="1"/>
    </row>
    <row r="9672" spans="1:9" x14ac:dyDescent="0.25">
      <c r="A9672" s="3">
        <v>41764.581250000003</v>
      </c>
      <c r="B9672" s="6">
        <v>161005.5</v>
      </c>
      <c r="C9672" s="7">
        <f t="shared" si="151"/>
        <v>161.00550000000001</v>
      </c>
      <c r="I9672" s="1"/>
    </row>
    <row r="9673" spans="1:9" x14ac:dyDescent="0.25">
      <c r="A9673" s="3">
        <v>41764.581331018519</v>
      </c>
      <c r="B9673" s="6">
        <v>161022.15</v>
      </c>
      <c r="C9673" s="7">
        <f t="shared" si="151"/>
        <v>161.02214999999998</v>
      </c>
      <c r="I9673" s="1"/>
    </row>
    <row r="9674" spans="1:9" x14ac:dyDescent="0.25">
      <c r="A9674" s="3">
        <v>41764.585057870368</v>
      </c>
      <c r="B9674" s="6">
        <v>161038.79999999999</v>
      </c>
      <c r="C9674" s="7">
        <f t="shared" si="151"/>
        <v>161.03879999999998</v>
      </c>
      <c r="I9674" s="1"/>
    </row>
    <row r="9675" spans="1:9" x14ac:dyDescent="0.25">
      <c r="A9675" s="3">
        <v>41764.585648148146</v>
      </c>
      <c r="B9675" s="6">
        <v>161055.44999999998</v>
      </c>
      <c r="C9675" s="7">
        <f t="shared" si="151"/>
        <v>161.05544999999998</v>
      </c>
      <c r="I9675" s="1"/>
    </row>
    <row r="9676" spans="1:9" x14ac:dyDescent="0.25">
      <c r="A9676" s="3">
        <v>41764.589050925926</v>
      </c>
      <c r="B9676" s="6">
        <v>161072.09999999998</v>
      </c>
      <c r="C9676" s="7">
        <f t="shared" si="151"/>
        <v>161.07209999999998</v>
      </c>
      <c r="I9676" s="1"/>
    </row>
    <row r="9677" spans="1:9" x14ac:dyDescent="0.25">
      <c r="A9677" s="3">
        <v>41764.589189814818</v>
      </c>
      <c r="B9677" s="6">
        <v>161088.75</v>
      </c>
      <c r="C9677" s="7">
        <f t="shared" si="151"/>
        <v>161.08875</v>
      </c>
      <c r="I9677" s="1"/>
    </row>
    <row r="9678" spans="1:9" x14ac:dyDescent="0.25">
      <c r="A9678" s="3">
        <v>41764.593692129631</v>
      </c>
      <c r="B9678" s="6">
        <v>161105.4</v>
      </c>
      <c r="C9678" s="7">
        <f t="shared" si="151"/>
        <v>161.1054</v>
      </c>
      <c r="I9678" s="1"/>
    </row>
    <row r="9679" spans="1:9" x14ac:dyDescent="0.25">
      <c r="A9679" s="3">
        <v>41764.593819444446</v>
      </c>
      <c r="B9679" s="6">
        <v>161122.04999999999</v>
      </c>
      <c r="C9679" s="7">
        <f t="shared" si="151"/>
        <v>161.12205</v>
      </c>
      <c r="I9679" s="1"/>
    </row>
    <row r="9680" spans="1:9" x14ac:dyDescent="0.25">
      <c r="A9680" s="3">
        <v>41764.59578703704</v>
      </c>
      <c r="B9680" s="6">
        <v>161138.69999999998</v>
      </c>
      <c r="C9680" s="7">
        <f t="shared" si="151"/>
        <v>161.13869999999997</v>
      </c>
      <c r="I9680" s="1"/>
    </row>
    <row r="9681" spans="1:9" x14ac:dyDescent="0.25">
      <c r="A9681" s="3">
        <v>41764.596134259256</v>
      </c>
      <c r="B9681" s="6">
        <v>161155.34999999998</v>
      </c>
      <c r="C9681" s="7">
        <f t="shared" si="151"/>
        <v>161.15534999999997</v>
      </c>
      <c r="I9681" s="1"/>
    </row>
    <row r="9682" spans="1:9" x14ac:dyDescent="0.25">
      <c r="A9682" s="3">
        <v>41764.598414351851</v>
      </c>
      <c r="B9682" s="6">
        <v>161172</v>
      </c>
      <c r="C9682" s="7">
        <f t="shared" si="151"/>
        <v>161.172</v>
      </c>
      <c r="I9682" s="1"/>
    </row>
    <row r="9683" spans="1:9" x14ac:dyDescent="0.25">
      <c r="A9683" s="3">
        <v>41764.599108796298</v>
      </c>
      <c r="B9683" s="6">
        <v>161188.65</v>
      </c>
      <c r="C9683" s="7">
        <f t="shared" si="151"/>
        <v>161.18865</v>
      </c>
      <c r="I9683" s="1"/>
    </row>
    <row r="9684" spans="1:9" x14ac:dyDescent="0.25">
      <c r="A9684" s="3">
        <v>41764.600381944445</v>
      </c>
      <c r="B9684" s="6">
        <v>161205.29999999999</v>
      </c>
      <c r="C9684" s="7">
        <f t="shared" si="151"/>
        <v>161.20529999999999</v>
      </c>
      <c r="I9684" s="1"/>
    </row>
    <row r="9685" spans="1:9" x14ac:dyDescent="0.25">
      <c r="A9685" s="3">
        <v>41764.600497685184</v>
      </c>
      <c r="B9685" s="6">
        <v>161221.94999999998</v>
      </c>
      <c r="C9685" s="7">
        <f t="shared" si="151"/>
        <v>161.22194999999999</v>
      </c>
      <c r="I9685" s="1"/>
    </row>
    <row r="9686" spans="1:9" x14ac:dyDescent="0.25">
      <c r="A9686" s="3">
        <v>41764.601747685185</v>
      </c>
      <c r="B9686" s="6">
        <v>161238.59999999998</v>
      </c>
      <c r="C9686" s="7">
        <f t="shared" si="151"/>
        <v>161.23859999999996</v>
      </c>
      <c r="I9686" s="1"/>
    </row>
    <row r="9687" spans="1:9" x14ac:dyDescent="0.25">
      <c r="A9687" s="3">
        <v>41764.6018287037</v>
      </c>
      <c r="B9687" s="6">
        <v>161255.25</v>
      </c>
      <c r="C9687" s="7">
        <f t="shared" si="151"/>
        <v>161.25524999999999</v>
      </c>
      <c r="I9687" s="1"/>
    </row>
    <row r="9688" spans="1:9" x14ac:dyDescent="0.25">
      <c r="A9688" s="3">
        <v>41764.604479166665</v>
      </c>
      <c r="B9688" s="6">
        <v>161271.9</v>
      </c>
      <c r="C9688" s="7">
        <f t="shared" si="151"/>
        <v>161.27189999999999</v>
      </c>
      <c r="I9688" s="1"/>
    </row>
    <row r="9689" spans="1:9" x14ac:dyDescent="0.25">
      <c r="A9689" s="3">
        <v>41764.604583333334</v>
      </c>
      <c r="B9689" s="6">
        <v>161288.54999999999</v>
      </c>
      <c r="C9689" s="7">
        <f t="shared" si="151"/>
        <v>161.28854999999999</v>
      </c>
      <c r="I9689" s="1"/>
    </row>
    <row r="9690" spans="1:9" x14ac:dyDescent="0.25">
      <c r="A9690" s="3">
        <v>41764.608854166669</v>
      </c>
      <c r="B9690" s="6">
        <v>161305.19999999998</v>
      </c>
      <c r="C9690" s="7">
        <f t="shared" si="151"/>
        <v>161.30519999999999</v>
      </c>
      <c r="I9690" s="1"/>
    </row>
    <row r="9691" spans="1:9" x14ac:dyDescent="0.25">
      <c r="A9691" s="3">
        <v>41764.609074074076</v>
      </c>
      <c r="B9691" s="6">
        <v>161321.84999999998</v>
      </c>
      <c r="C9691" s="7">
        <f t="shared" si="151"/>
        <v>161.32184999999998</v>
      </c>
      <c r="I9691" s="1"/>
    </row>
    <row r="9692" spans="1:9" x14ac:dyDescent="0.25">
      <c r="A9692" s="3">
        <v>41764.612291666665</v>
      </c>
      <c r="B9692" s="6">
        <v>161338.5</v>
      </c>
      <c r="C9692" s="7">
        <f t="shared" si="151"/>
        <v>161.33850000000001</v>
      </c>
      <c r="I9692" s="1"/>
    </row>
    <row r="9693" spans="1:9" x14ac:dyDescent="0.25">
      <c r="A9693" s="3">
        <v>41764.612453703703</v>
      </c>
      <c r="B9693" s="6">
        <v>161355.15</v>
      </c>
      <c r="C9693" s="7">
        <f t="shared" si="151"/>
        <v>161.35514999999998</v>
      </c>
      <c r="I9693" s="1"/>
    </row>
    <row r="9694" spans="1:9" x14ac:dyDescent="0.25">
      <c r="A9694" s="3">
        <v>41764.61550925926</v>
      </c>
      <c r="B9694" s="6">
        <v>161371.79999999999</v>
      </c>
      <c r="C9694" s="7">
        <f t="shared" si="151"/>
        <v>161.37179999999998</v>
      </c>
      <c r="I9694" s="1"/>
    </row>
    <row r="9695" spans="1:9" x14ac:dyDescent="0.25">
      <c r="A9695" s="3">
        <v>41764.615648148145</v>
      </c>
      <c r="B9695" s="6">
        <v>161388.44999999998</v>
      </c>
      <c r="C9695" s="7">
        <f t="shared" si="151"/>
        <v>161.38844999999998</v>
      </c>
      <c r="I9695" s="1"/>
    </row>
    <row r="9696" spans="1:9" x14ac:dyDescent="0.25">
      <c r="A9696" s="3">
        <v>41764.620115740741</v>
      </c>
      <c r="B9696" s="6">
        <v>161405.09999999998</v>
      </c>
      <c r="C9696" s="7">
        <f t="shared" si="151"/>
        <v>161.40509999999998</v>
      </c>
      <c r="I9696" s="1"/>
    </row>
    <row r="9697" spans="1:9" x14ac:dyDescent="0.25">
      <c r="A9697" s="3">
        <v>41764.62023148148</v>
      </c>
      <c r="B9697" s="6">
        <v>161421.75</v>
      </c>
      <c r="C9697" s="7">
        <f t="shared" si="151"/>
        <v>161.42175</v>
      </c>
      <c r="I9697" s="1"/>
    </row>
    <row r="9698" spans="1:9" x14ac:dyDescent="0.25">
      <c r="A9698" s="3">
        <v>41764.623738425929</v>
      </c>
      <c r="B9698" s="6">
        <v>161438.39999999999</v>
      </c>
      <c r="C9698" s="7">
        <f t="shared" si="151"/>
        <v>161.4384</v>
      </c>
      <c r="I9698" s="1"/>
    </row>
    <row r="9699" spans="1:9" x14ac:dyDescent="0.25">
      <c r="A9699" s="3">
        <v>41764.623842592591</v>
      </c>
      <c r="B9699" s="6">
        <v>161455.04999999999</v>
      </c>
      <c r="C9699" s="7">
        <f t="shared" si="151"/>
        <v>161.45505</v>
      </c>
      <c r="I9699" s="1"/>
    </row>
    <row r="9700" spans="1:9" x14ac:dyDescent="0.25">
      <c r="A9700" s="3">
        <v>41764.626111111109</v>
      </c>
      <c r="B9700" s="6">
        <v>161471.69999999998</v>
      </c>
      <c r="C9700" s="7">
        <f t="shared" si="151"/>
        <v>161.47169999999997</v>
      </c>
      <c r="I9700" s="1"/>
    </row>
    <row r="9701" spans="1:9" x14ac:dyDescent="0.25">
      <c r="A9701" s="3">
        <v>41764.626215277778</v>
      </c>
      <c r="B9701" s="6">
        <v>161488.34999999998</v>
      </c>
      <c r="C9701" s="7">
        <f t="shared" si="151"/>
        <v>161.48834999999997</v>
      </c>
      <c r="I9701" s="1"/>
    </row>
    <row r="9702" spans="1:9" x14ac:dyDescent="0.25">
      <c r="A9702" s="3">
        <v>41764.627638888887</v>
      </c>
      <c r="B9702" s="6">
        <v>161505</v>
      </c>
      <c r="C9702" s="7">
        <f t="shared" si="151"/>
        <v>161.505</v>
      </c>
      <c r="I9702" s="1"/>
    </row>
    <row r="9703" spans="1:9" x14ac:dyDescent="0.25">
      <c r="A9703" s="3">
        <v>41764.627766203703</v>
      </c>
      <c r="B9703" s="6">
        <v>161521.65</v>
      </c>
      <c r="C9703" s="7">
        <f t="shared" si="151"/>
        <v>161.52164999999999</v>
      </c>
      <c r="I9703" s="1"/>
    </row>
    <row r="9704" spans="1:9" x14ac:dyDescent="0.25">
      <c r="A9704" s="3">
        <v>41764.629884259259</v>
      </c>
      <c r="B9704" s="6">
        <v>161538.29999999999</v>
      </c>
      <c r="C9704" s="7">
        <f t="shared" si="151"/>
        <v>161.53829999999999</v>
      </c>
      <c r="I9704" s="1"/>
    </row>
    <row r="9705" spans="1:9" x14ac:dyDescent="0.25">
      <c r="A9705" s="3">
        <v>41764.629999999997</v>
      </c>
      <c r="B9705" s="6">
        <v>161554.94999999998</v>
      </c>
      <c r="C9705" s="7">
        <f t="shared" si="151"/>
        <v>161.55494999999999</v>
      </c>
      <c r="I9705" s="1"/>
    </row>
    <row r="9706" spans="1:9" x14ac:dyDescent="0.25">
      <c r="A9706" s="3">
        <v>41764.632870370369</v>
      </c>
      <c r="B9706" s="6">
        <v>161571.59999999998</v>
      </c>
      <c r="C9706" s="7">
        <f t="shared" si="151"/>
        <v>161.57159999999999</v>
      </c>
      <c r="I9706" s="1"/>
    </row>
    <row r="9707" spans="1:9" x14ac:dyDescent="0.25">
      <c r="A9707" s="3">
        <v>41764.633506944447</v>
      </c>
      <c r="B9707" s="6">
        <v>161588.25</v>
      </c>
      <c r="C9707" s="7">
        <f t="shared" si="151"/>
        <v>161.58824999999999</v>
      </c>
      <c r="I9707" s="1"/>
    </row>
    <row r="9708" spans="1:9" x14ac:dyDescent="0.25">
      <c r="A9708" s="3">
        <v>41764.638564814813</v>
      </c>
      <c r="B9708" s="6">
        <v>161604.9</v>
      </c>
      <c r="C9708" s="7">
        <f t="shared" si="151"/>
        <v>161.60489999999999</v>
      </c>
      <c r="I9708" s="1"/>
    </row>
    <row r="9709" spans="1:9" x14ac:dyDescent="0.25">
      <c r="A9709" s="3">
        <v>41764.639178240737</v>
      </c>
      <c r="B9709" s="6">
        <v>161621.54999999999</v>
      </c>
      <c r="C9709" s="7">
        <f t="shared" si="151"/>
        <v>161.62154999999998</v>
      </c>
      <c r="I9709" s="1"/>
    </row>
    <row r="9710" spans="1:9" x14ac:dyDescent="0.25">
      <c r="A9710" s="3">
        <v>41764.640474537038</v>
      </c>
      <c r="B9710" s="6">
        <v>161638.19999999998</v>
      </c>
      <c r="C9710" s="7">
        <f t="shared" si="151"/>
        <v>161.63819999999998</v>
      </c>
      <c r="I9710" s="1"/>
    </row>
    <row r="9711" spans="1:9" x14ac:dyDescent="0.25">
      <c r="A9711" s="3">
        <v>41764.640555555554</v>
      </c>
      <c r="B9711" s="6">
        <v>161654.84999999998</v>
      </c>
      <c r="C9711" s="7">
        <f t="shared" si="151"/>
        <v>161.65484999999998</v>
      </c>
      <c r="I9711" s="1"/>
    </row>
    <row r="9712" spans="1:9" x14ac:dyDescent="0.25">
      <c r="A9712" s="3">
        <v>41764.644525462965</v>
      </c>
      <c r="B9712" s="6">
        <v>161671.5</v>
      </c>
      <c r="C9712" s="7">
        <f t="shared" si="151"/>
        <v>161.67150000000001</v>
      </c>
      <c r="I9712" s="1"/>
    </row>
    <row r="9713" spans="1:9" x14ac:dyDescent="0.25">
      <c r="A9713" s="3">
        <v>41764.644641203704</v>
      </c>
      <c r="B9713" s="6">
        <v>161688.15</v>
      </c>
      <c r="C9713" s="7">
        <f t="shared" si="151"/>
        <v>161.68815000000001</v>
      </c>
      <c r="I9713" s="1"/>
    </row>
    <row r="9714" spans="1:9" x14ac:dyDescent="0.25">
      <c r="A9714" s="3">
        <v>41764.646747685183</v>
      </c>
      <c r="B9714" s="6">
        <v>161704.79999999999</v>
      </c>
      <c r="C9714" s="7">
        <f t="shared" si="151"/>
        <v>161.70479999999998</v>
      </c>
      <c r="I9714" s="1"/>
    </row>
    <row r="9715" spans="1:9" x14ac:dyDescent="0.25">
      <c r="A9715" s="3">
        <v>41764.649305555555</v>
      </c>
      <c r="B9715" s="6">
        <v>161721.44999999998</v>
      </c>
      <c r="C9715" s="7">
        <f t="shared" si="151"/>
        <v>161.72144999999998</v>
      </c>
      <c r="I9715" s="1"/>
    </row>
    <row r="9716" spans="1:9" x14ac:dyDescent="0.25">
      <c r="A9716" s="3">
        <v>41764.652743055558</v>
      </c>
      <c r="B9716" s="6">
        <v>161738.09999999998</v>
      </c>
      <c r="C9716" s="7">
        <f t="shared" si="151"/>
        <v>161.73809999999997</v>
      </c>
      <c r="I9716" s="1"/>
    </row>
    <row r="9717" spans="1:9" x14ac:dyDescent="0.25">
      <c r="A9717" s="3">
        <v>41764.653749999998</v>
      </c>
      <c r="B9717" s="6">
        <v>161754.75</v>
      </c>
      <c r="C9717" s="7">
        <f t="shared" si="151"/>
        <v>161.75475</v>
      </c>
      <c r="I9717" s="1"/>
    </row>
    <row r="9718" spans="1:9" x14ac:dyDescent="0.25">
      <c r="A9718" s="3">
        <v>41764.66028935185</v>
      </c>
      <c r="B9718" s="6">
        <v>161771.4</v>
      </c>
      <c r="C9718" s="7">
        <f t="shared" si="151"/>
        <v>161.7714</v>
      </c>
      <c r="I9718" s="1"/>
    </row>
    <row r="9719" spans="1:9" x14ac:dyDescent="0.25">
      <c r="A9719" s="3">
        <v>41764.661041666666</v>
      </c>
      <c r="B9719" s="6">
        <v>161788.04999999999</v>
      </c>
      <c r="C9719" s="7">
        <f t="shared" si="151"/>
        <v>161.78805</v>
      </c>
      <c r="I9719" s="1"/>
    </row>
    <row r="9720" spans="1:9" x14ac:dyDescent="0.25">
      <c r="A9720" s="3">
        <v>41764.663217592592</v>
      </c>
      <c r="B9720" s="6">
        <v>161804.69999999998</v>
      </c>
      <c r="C9720" s="7">
        <f t="shared" si="151"/>
        <v>161.80469999999997</v>
      </c>
      <c r="I9720" s="1"/>
    </row>
    <row r="9721" spans="1:9" x14ac:dyDescent="0.25">
      <c r="A9721" s="3">
        <v>41764.663368055553</v>
      </c>
      <c r="B9721" s="6">
        <v>161821.34999999998</v>
      </c>
      <c r="C9721" s="7">
        <f t="shared" si="151"/>
        <v>161.82134999999997</v>
      </c>
      <c r="I9721" s="1"/>
    </row>
    <row r="9722" spans="1:9" x14ac:dyDescent="0.25">
      <c r="A9722" s="3">
        <v>41764.668402777781</v>
      </c>
      <c r="B9722" s="6">
        <v>161838</v>
      </c>
      <c r="C9722" s="7">
        <f t="shared" si="151"/>
        <v>161.83799999999999</v>
      </c>
      <c r="I9722" s="1"/>
    </row>
    <row r="9723" spans="1:9" x14ac:dyDescent="0.25">
      <c r="A9723" s="3">
        <v>41764.668553240743</v>
      </c>
      <c r="B9723" s="6">
        <v>161854.65</v>
      </c>
      <c r="C9723" s="7">
        <f t="shared" si="151"/>
        <v>161.85464999999999</v>
      </c>
      <c r="I9723" s="1"/>
    </row>
    <row r="9724" spans="1:9" x14ac:dyDescent="0.25">
      <c r="A9724" s="3">
        <v>41764.670092592591</v>
      </c>
      <c r="B9724" s="6">
        <v>161871.29999999999</v>
      </c>
      <c r="C9724" s="7">
        <f t="shared" si="151"/>
        <v>161.87129999999999</v>
      </c>
      <c r="I9724" s="1"/>
    </row>
    <row r="9725" spans="1:9" x14ac:dyDescent="0.25">
      <c r="A9725" s="3">
        <v>41764.672118055554</v>
      </c>
      <c r="B9725" s="6">
        <v>161887.94999999998</v>
      </c>
      <c r="C9725" s="7">
        <f t="shared" si="151"/>
        <v>161.88794999999999</v>
      </c>
      <c r="I9725" s="1"/>
    </row>
    <row r="9726" spans="1:9" x14ac:dyDescent="0.25">
      <c r="A9726" s="3">
        <v>41764.675347222219</v>
      </c>
      <c r="B9726" s="6">
        <v>161904.59999999998</v>
      </c>
      <c r="C9726" s="7">
        <f t="shared" si="151"/>
        <v>161.90459999999999</v>
      </c>
      <c r="I9726" s="1"/>
    </row>
    <row r="9727" spans="1:9" x14ac:dyDescent="0.25">
      <c r="A9727" s="3">
        <v>41764.675555555557</v>
      </c>
      <c r="B9727" s="6">
        <v>161921.25</v>
      </c>
      <c r="C9727" s="7">
        <f t="shared" si="151"/>
        <v>161.92124999999999</v>
      </c>
      <c r="I9727" s="1"/>
    </row>
    <row r="9728" spans="1:9" x14ac:dyDescent="0.25">
      <c r="A9728" s="3">
        <v>41764.68037037037</v>
      </c>
      <c r="B9728" s="6">
        <v>161937.9</v>
      </c>
      <c r="C9728" s="7">
        <f t="shared" si="151"/>
        <v>161.93789999999998</v>
      </c>
      <c r="I9728" s="1"/>
    </row>
    <row r="9729" spans="1:9" x14ac:dyDescent="0.25">
      <c r="A9729" s="3">
        <v>41764.680497685185</v>
      </c>
      <c r="B9729" s="6">
        <v>161954.54999999999</v>
      </c>
      <c r="C9729" s="7">
        <f t="shared" si="151"/>
        <v>161.95454999999998</v>
      </c>
      <c r="I9729" s="1"/>
    </row>
    <row r="9730" spans="1:9" x14ac:dyDescent="0.25">
      <c r="A9730" s="3">
        <v>41764.686249999999</v>
      </c>
      <c r="B9730" s="6">
        <v>161971.19999999998</v>
      </c>
      <c r="C9730" s="7">
        <f t="shared" si="151"/>
        <v>161.97119999999998</v>
      </c>
      <c r="I9730" s="1"/>
    </row>
    <row r="9731" spans="1:9" x14ac:dyDescent="0.25">
      <c r="A9731" s="3">
        <v>41764.686678240738</v>
      </c>
      <c r="B9731" s="6">
        <v>161987.84999999998</v>
      </c>
      <c r="C9731" s="7">
        <f t="shared" ref="C9731:C9794" si="152">B9731/1000</f>
        <v>161.98784999999998</v>
      </c>
      <c r="I9731" s="1"/>
    </row>
    <row r="9732" spans="1:9" x14ac:dyDescent="0.25">
      <c r="A9732" s="3">
        <v>41764.688668981478</v>
      </c>
      <c r="B9732" s="6">
        <v>162004.5</v>
      </c>
      <c r="C9732" s="7">
        <f t="shared" si="152"/>
        <v>162.00450000000001</v>
      </c>
      <c r="I9732" s="1"/>
    </row>
    <row r="9733" spans="1:9" x14ac:dyDescent="0.25">
      <c r="A9733" s="3">
        <v>41764.688923611109</v>
      </c>
      <c r="B9733" s="6">
        <v>162021.15</v>
      </c>
      <c r="C9733" s="7">
        <f t="shared" si="152"/>
        <v>162.02115000000001</v>
      </c>
      <c r="I9733" s="1"/>
    </row>
    <row r="9734" spans="1:9" x14ac:dyDescent="0.25">
      <c r="A9734" s="3">
        <v>41764.693530092591</v>
      </c>
      <c r="B9734" s="6">
        <v>162037.79999999999</v>
      </c>
      <c r="C9734" s="7">
        <f t="shared" si="152"/>
        <v>162.03779999999998</v>
      </c>
      <c r="I9734" s="1"/>
    </row>
    <row r="9735" spans="1:9" x14ac:dyDescent="0.25">
      <c r="A9735" s="3">
        <v>41764.693657407406</v>
      </c>
      <c r="B9735" s="6">
        <v>162054.44999999998</v>
      </c>
      <c r="C9735" s="7">
        <f t="shared" si="152"/>
        <v>162.05444999999997</v>
      </c>
      <c r="I9735" s="1"/>
    </row>
    <row r="9736" spans="1:9" x14ac:dyDescent="0.25">
      <c r="A9736" s="3">
        <v>41764.696574074071</v>
      </c>
      <c r="B9736" s="6">
        <v>162071.09999999998</v>
      </c>
      <c r="C9736" s="7">
        <f t="shared" si="152"/>
        <v>162.07109999999997</v>
      </c>
      <c r="I9736" s="1"/>
    </row>
    <row r="9737" spans="1:9" x14ac:dyDescent="0.25">
      <c r="A9737" s="3">
        <v>41764.696701388886</v>
      </c>
      <c r="B9737" s="6">
        <v>162087.75</v>
      </c>
      <c r="C9737" s="7">
        <f t="shared" si="152"/>
        <v>162.08775</v>
      </c>
      <c r="I9737" s="1"/>
    </row>
    <row r="9738" spans="1:9" x14ac:dyDescent="0.25">
      <c r="A9738" s="3">
        <v>41764.702962962961</v>
      </c>
      <c r="B9738" s="6">
        <v>162104.4</v>
      </c>
      <c r="C9738" s="7">
        <f t="shared" si="152"/>
        <v>162.1044</v>
      </c>
      <c r="I9738" s="1"/>
    </row>
    <row r="9739" spans="1:9" x14ac:dyDescent="0.25">
      <c r="A9739" s="3">
        <v>41764.703206018516</v>
      </c>
      <c r="B9739" s="6">
        <v>162121.04999999999</v>
      </c>
      <c r="C9739" s="7">
        <f t="shared" si="152"/>
        <v>162.12105</v>
      </c>
      <c r="I9739" s="1"/>
    </row>
    <row r="9740" spans="1:9" x14ac:dyDescent="0.25">
      <c r="A9740" s="3">
        <v>41764.707314814812</v>
      </c>
      <c r="B9740" s="6">
        <v>162137.69999999998</v>
      </c>
      <c r="C9740" s="7">
        <f t="shared" si="152"/>
        <v>162.1377</v>
      </c>
      <c r="I9740" s="1"/>
    </row>
    <row r="9741" spans="1:9" x14ac:dyDescent="0.25">
      <c r="A9741" s="3">
        <v>41764.707546296297</v>
      </c>
      <c r="B9741" s="6">
        <v>162154.34999999998</v>
      </c>
      <c r="C9741" s="7">
        <f t="shared" si="152"/>
        <v>162.15434999999997</v>
      </c>
      <c r="I9741" s="1"/>
    </row>
    <row r="9742" spans="1:9" x14ac:dyDescent="0.25">
      <c r="A9742" s="3">
        <v>41764.714733796296</v>
      </c>
      <c r="B9742" s="6">
        <v>162171</v>
      </c>
      <c r="C9742" s="7">
        <f t="shared" si="152"/>
        <v>162.17099999999999</v>
      </c>
      <c r="I9742" s="1"/>
    </row>
    <row r="9743" spans="1:9" x14ac:dyDescent="0.25">
      <c r="A9743" s="3">
        <v>41764.714965277781</v>
      </c>
      <c r="B9743" s="6">
        <v>162187.65</v>
      </c>
      <c r="C9743" s="7">
        <f t="shared" si="152"/>
        <v>162.18764999999999</v>
      </c>
      <c r="I9743" s="1"/>
    </row>
    <row r="9744" spans="1:9" x14ac:dyDescent="0.25">
      <c r="A9744" s="3">
        <v>41764.721678240741</v>
      </c>
      <c r="B9744" s="6">
        <v>162204.29999999999</v>
      </c>
      <c r="C9744" s="7">
        <f t="shared" si="152"/>
        <v>162.20429999999999</v>
      </c>
      <c r="I9744" s="1"/>
    </row>
    <row r="9745" spans="1:9" x14ac:dyDescent="0.25">
      <c r="A9745" s="3">
        <v>41764.724270833336</v>
      </c>
      <c r="B9745" s="6">
        <v>162220.94999999998</v>
      </c>
      <c r="C9745" s="7">
        <f t="shared" si="152"/>
        <v>162.22094999999999</v>
      </c>
      <c r="I9745" s="1"/>
    </row>
    <row r="9746" spans="1:9" x14ac:dyDescent="0.25">
      <c r="A9746" s="3">
        <v>41764.727430555555</v>
      </c>
      <c r="B9746" s="6">
        <v>162237.59999999998</v>
      </c>
      <c r="C9746" s="7">
        <f t="shared" si="152"/>
        <v>162.23759999999999</v>
      </c>
      <c r="I9746" s="1"/>
    </row>
    <row r="9747" spans="1:9" x14ac:dyDescent="0.25">
      <c r="A9747" s="3">
        <v>41764.727523148147</v>
      </c>
      <c r="B9747" s="6">
        <v>162254.25</v>
      </c>
      <c r="C9747" s="7">
        <f t="shared" si="152"/>
        <v>162.25425000000001</v>
      </c>
      <c r="I9747" s="1"/>
    </row>
    <row r="9748" spans="1:9" x14ac:dyDescent="0.25">
      <c r="A9748" s="3">
        <v>41764.730729166666</v>
      </c>
      <c r="B9748" s="6">
        <v>162270.9</v>
      </c>
      <c r="C9748" s="7">
        <f t="shared" si="152"/>
        <v>162.27089999999998</v>
      </c>
      <c r="I9748" s="1"/>
    </row>
    <row r="9749" spans="1:9" x14ac:dyDescent="0.25">
      <c r="A9749" s="3">
        <v>41764.730856481481</v>
      </c>
      <c r="B9749" s="6">
        <v>162287.54999999999</v>
      </c>
      <c r="C9749" s="7">
        <f t="shared" si="152"/>
        <v>162.28754999999998</v>
      </c>
      <c r="I9749" s="1"/>
    </row>
    <row r="9750" spans="1:9" x14ac:dyDescent="0.25">
      <c r="A9750" s="3">
        <v>41764.733217592591</v>
      </c>
      <c r="B9750" s="6">
        <v>162304.19999999998</v>
      </c>
      <c r="C9750" s="7">
        <f t="shared" si="152"/>
        <v>162.30419999999998</v>
      </c>
      <c r="I9750" s="1"/>
    </row>
    <row r="9751" spans="1:9" x14ac:dyDescent="0.25">
      <c r="A9751" s="3">
        <v>41764.73333333333</v>
      </c>
      <c r="B9751" s="6">
        <v>162320.84999999998</v>
      </c>
      <c r="C9751" s="7">
        <f t="shared" si="152"/>
        <v>162.32084999999998</v>
      </c>
      <c r="I9751" s="1"/>
    </row>
    <row r="9752" spans="1:9" x14ac:dyDescent="0.25">
      <c r="A9752" s="3">
        <v>41764.735902777778</v>
      </c>
      <c r="B9752" s="6">
        <v>162337.5</v>
      </c>
      <c r="C9752" s="7">
        <f t="shared" si="152"/>
        <v>162.33750000000001</v>
      </c>
      <c r="I9752" s="1"/>
    </row>
    <row r="9753" spans="1:9" x14ac:dyDescent="0.25">
      <c r="A9753" s="3">
        <v>41764.736192129632</v>
      </c>
      <c r="B9753" s="6">
        <v>162354.15</v>
      </c>
      <c r="C9753" s="7">
        <f t="shared" si="152"/>
        <v>162.35415</v>
      </c>
      <c r="I9753" s="1"/>
    </row>
    <row r="9754" spans="1:9" x14ac:dyDescent="0.25">
      <c r="A9754" s="3">
        <v>41764.737905092596</v>
      </c>
      <c r="B9754" s="6">
        <v>162370.79999999999</v>
      </c>
      <c r="C9754" s="7">
        <f t="shared" si="152"/>
        <v>162.37079999999997</v>
      </c>
      <c r="I9754" s="1"/>
    </row>
    <row r="9755" spans="1:9" x14ac:dyDescent="0.25">
      <c r="A9755" s="3">
        <v>41764.738043981481</v>
      </c>
      <c r="B9755" s="6">
        <v>162387.44999999998</v>
      </c>
      <c r="C9755" s="7">
        <f t="shared" si="152"/>
        <v>162.38744999999997</v>
      </c>
      <c r="I9755" s="1"/>
    </row>
    <row r="9756" spans="1:9" x14ac:dyDescent="0.25">
      <c r="A9756" s="3">
        <v>41764.743391203701</v>
      </c>
      <c r="B9756" s="6">
        <v>162404.09999999998</v>
      </c>
      <c r="C9756" s="7">
        <f t="shared" si="152"/>
        <v>162.40409999999997</v>
      </c>
      <c r="I9756" s="1"/>
    </row>
    <row r="9757" spans="1:9" x14ac:dyDescent="0.25">
      <c r="A9757" s="3">
        <v>41764.74359953704</v>
      </c>
      <c r="B9757" s="6">
        <v>162420.75</v>
      </c>
      <c r="C9757" s="7">
        <f t="shared" si="152"/>
        <v>162.42075</v>
      </c>
      <c r="I9757" s="1"/>
    </row>
    <row r="9758" spans="1:9" x14ac:dyDescent="0.25">
      <c r="A9758" s="3">
        <v>41764.746990740743</v>
      </c>
      <c r="B9758" s="6">
        <v>162437.4</v>
      </c>
      <c r="C9758" s="7">
        <f t="shared" si="152"/>
        <v>162.4374</v>
      </c>
      <c r="I9758" s="1"/>
    </row>
    <row r="9759" spans="1:9" x14ac:dyDescent="0.25">
      <c r="A9759" s="3">
        <v>41764.747314814813</v>
      </c>
      <c r="B9759" s="6">
        <v>162454.04999999999</v>
      </c>
      <c r="C9759" s="7">
        <f t="shared" si="152"/>
        <v>162.45405</v>
      </c>
      <c r="I9759" s="1"/>
    </row>
    <row r="9760" spans="1:9" x14ac:dyDescent="0.25">
      <c r="A9760" s="3">
        <v>41764.749062499999</v>
      </c>
      <c r="B9760" s="6">
        <v>162470.69999999998</v>
      </c>
      <c r="C9760" s="7">
        <f t="shared" si="152"/>
        <v>162.47069999999999</v>
      </c>
      <c r="I9760" s="1"/>
    </row>
    <row r="9761" spans="1:9" x14ac:dyDescent="0.25">
      <c r="A9761" s="3">
        <v>41764.74927083333</v>
      </c>
      <c r="B9761" s="6">
        <v>162487.34999999998</v>
      </c>
      <c r="C9761" s="7">
        <f t="shared" si="152"/>
        <v>162.48734999999996</v>
      </c>
      <c r="I9761" s="1"/>
    </row>
    <row r="9762" spans="1:9" x14ac:dyDescent="0.25">
      <c r="A9762" s="3">
        <v>41764.75104166667</v>
      </c>
      <c r="B9762" s="6">
        <v>162504</v>
      </c>
      <c r="C9762" s="7">
        <f t="shared" si="152"/>
        <v>162.50399999999999</v>
      </c>
      <c r="I9762" s="1"/>
    </row>
    <row r="9763" spans="1:9" x14ac:dyDescent="0.25">
      <c r="A9763" s="3">
        <v>41764.751111111109</v>
      </c>
      <c r="B9763" s="6">
        <v>162520.65</v>
      </c>
      <c r="C9763" s="7">
        <f t="shared" si="152"/>
        <v>162.52064999999999</v>
      </c>
      <c r="I9763" s="1"/>
    </row>
    <row r="9764" spans="1:9" x14ac:dyDescent="0.25">
      <c r="A9764" s="3">
        <v>41764.752858796295</v>
      </c>
      <c r="B9764" s="6">
        <v>162537.29999999999</v>
      </c>
      <c r="C9764" s="7">
        <f t="shared" si="152"/>
        <v>162.53729999999999</v>
      </c>
      <c r="I9764" s="1"/>
    </row>
    <row r="9765" spans="1:9" x14ac:dyDescent="0.25">
      <c r="A9765" s="3">
        <v>41764.753020833334</v>
      </c>
      <c r="B9765" s="6">
        <v>162553.94999999998</v>
      </c>
      <c r="C9765" s="7">
        <f t="shared" si="152"/>
        <v>162.55394999999999</v>
      </c>
      <c r="I9765" s="1"/>
    </row>
    <row r="9766" spans="1:9" x14ac:dyDescent="0.25">
      <c r="A9766" s="3">
        <v>41764.754062499997</v>
      </c>
      <c r="B9766" s="6">
        <v>162570.59999999998</v>
      </c>
      <c r="C9766" s="7">
        <f t="shared" si="152"/>
        <v>162.57059999999998</v>
      </c>
      <c r="I9766" s="1"/>
    </row>
    <row r="9767" spans="1:9" x14ac:dyDescent="0.25">
      <c r="A9767" s="3">
        <v>41764.754201388889</v>
      </c>
      <c r="B9767" s="6">
        <v>162587.25</v>
      </c>
      <c r="C9767" s="7">
        <f t="shared" si="152"/>
        <v>162.58725000000001</v>
      </c>
      <c r="I9767" s="1"/>
    </row>
    <row r="9768" spans="1:9" x14ac:dyDescent="0.25">
      <c r="A9768" s="3">
        <v>41764.755462962959</v>
      </c>
      <c r="B9768" s="6">
        <v>162603.9</v>
      </c>
      <c r="C9768" s="7">
        <f t="shared" si="152"/>
        <v>162.60389999999998</v>
      </c>
      <c r="I9768" s="1"/>
    </row>
    <row r="9769" spans="1:9" x14ac:dyDescent="0.25">
      <c r="A9769" s="3">
        <v>41764.755914351852</v>
      </c>
      <c r="B9769" s="6">
        <v>162620.54999999999</v>
      </c>
      <c r="C9769" s="7">
        <f t="shared" si="152"/>
        <v>162.62054999999998</v>
      </c>
      <c r="I9769" s="1"/>
    </row>
    <row r="9770" spans="1:9" x14ac:dyDescent="0.25">
      <c r="A9770" s="3">
        <v>41764.758101851854</v>
      </c>
      <c r="B9770" s="6">
        <v>162637.19999999998</v>
      </c>
      <c r="C9770" s="7">
        <f t="shared" si="152"/>
        <v>162.63719999999998</v>
      </c>
      <c r="I9770" s="1"/>
    </row>
    <row r="9771" spans="1:9" x14ac:dyDescent="0.25">
      <c r="A9771" s="3">
        <v>41764.758518518516</v>
      </c>
      <c r="B9771" s="6">
        <v>162653.84999999998</v>
      </c>
      <c r="C9771" s="7">
        <f t="shared" si="152"/>
        <v>162.65384999999998</v>
      </c>
      <c r="I9771" s="1"/>
    </row>
    <row r="9772" spans="1:9" x14ac:dyDescent="0.25">
      <c r="A9772" s="3">
        <v>41764.760092592594</v>
      </c>
      <c r="B9772" s="6">
        <v>162670.5</v>
      </c>
      <c r="C9772" s="7">
        <f t="shared" si="152"/>
        <v>162.6705</v>
      </c>
      <c r="I9772" s="1"/>
    </row>
    <row r="9773" spans="1:9" x14ac:dyDescent="0.25">
      <c r="A9773" s="3">
        <v>41764.760196759256</v>
      </c>
      <c r="B9773" s="6">
        <v>162687.15</v>
      </c>
      <c r="C9773" s="7">
        <f t="shared" si="152"/>
        <v>162.68715</v>
      </c>
      <c r="I9773" s="1"/>
    </row>
    <row r="9774" spans="1:9" x14ac:dyDescent="0.25">
      <c r="A9774" s="3">
        <v>41764.761469907404</v>
      </c>
      <c r="B9774" s="6">
        <v>162703.79999999999</v>
      </c>
      <c r="C9774" s="7">
        <f t="shared" si="152"/>
        <v>162.7038</v>
      </c>
      <c r="I9774" s="1"/>
    </row>
    <row r="9775" spans="1:9" x14ac:dyDescent="0.25">
      <c r="A9775" s="3">
        <v>41764.761828703704</v>
      </c>
      <c r="B9775" s="6">
        <v>162720.44999999998</v>
      </c>
      <c r="C9775" s="7">
        <f t="shared" si="152"/>
        <v>162.72044999999997</v>
      </c>
      <c r="I9775" s="1"/>
    </row>
    <row r="9776" spans="1:9" x14ac:dyDescent="0.25">
      <c r="A9776" s="3">
        <v>41764.764768518522</v>
      </c>
      <c r="B9776" s="6">
        <v>162737.09999999998</v>
      </c>
      <c r="C9776" s="7">
        <f t="shared" si="152"/>
        <v>162.73709999999997</v>
      </c>
      <c r="I9776" s="1"/>
    </row>
    <row r="9777" spans="1:9" x14ac:dyDescent="0.25">
      <c r="A9777" s="3">
        <v>41764.765196759261</v>
      </c>
      <c r="B9777" s="6">
        <v>162753.75</v>
      </c>
      <c r="C9777" s="7">
        <f t="shared" si="152"/>
        <v>162.75375</v>
      </c>
      <c r="I9777" s="1"/>
    </row>
    <row r="9778" spans="1:9" x14ac:dyDescent="0.25">
      <c r="A9778" s="3">
        <v>41764.767164351855</v>
      </c>
      <c r="B9778" s="6">
        <v>162770.4</v>
      </c>
      <c r="C9778" s="7">
        <f t="shared" si="152"/>
        <v>162.7704</v>
      </c>
      <c r="I9778" s="1"/>
    </row>
    <row r="9779" spans="1:9" x14ac:dyDescent="0.25">
      <c r="A9779" s="3">
        <v>41764.768935185188</v>
      </c>
      <c r="B9779" s="6">
        <v>162787.04999999999</v>
      </c>
      <c r="C9779" s="7">
        <f t="shared" si="152"/>
        <v>162.78704999999999</v>
      </c>
      <c r="I9779" s="1"/>
    </row>
    <row r="9780" spans="1:9" x14ac:dyDescent="0.25">
      <c r="A9780" s="3">
        <v>41764.772013888891</v>
      </c>
      <c r="B9780" s="6">
        <v>162803.69999999998</v>
      </c>
      <c r="C9780" s="7">
        <f t="shared" si="152"/>
        <v>162.80369999999999</v>
      </c>
      <c r="I9780" s="1"/>
    </row>
    <row r="9781" spans="1:9" x14ac:dyDescent="0.25">
      <c r="A9781" s="3">
        <v>41764.773321759261</v>
      </c>
      <c r="B9781" s="6">
        <v>162820.34999999998</v>
      </c>
      <c r="C9781" s="7">
        <f t="shared" si="152"/>
        <v>162.82034999999999</v>
      </c>
      <c r="I9781" s="1"/>
    </row>
    <row r="9782" spans="1:9" x14ac:dyDescent="0.25">
      <c r="A9782" s="3">
        <v>41764.779340277775</v>
      </c>
      <c r="B9782" s="6">
        <v>162837</v>
      </c>
      <c r="C9782" s="7">
        <f t="shared" si="152"/>
        <v>162.83699999999999</v>
      </c>
      <c r="I9782" s="1"/>
    </row>
    <row r="9783" spans="1:9" x14ac:dyDescent="0.25">
      <c r="A9783" s="3">
        <v>41764.779490740744</v>
      </c>
      <c r="B9783" s="6">
        <v>162853.65</v>
      </c>
      <c r="C9783" s="7">
        <f t="shared" si="152"/>
        <v>162.85364999999999</v>
      </c>
      <c r="I9783" s="1"/>
    </row>
    <row r="9784" spans="1:9" x14ac:dyDescent="0.25">
      <c r="A9784" s="3">
        <v>41764.782268518517</v>
      </c>
      <c r="B9784" s="6">
        <v>162870.29999999999</v>
      </c>
      <c r="C9784" s="7">
        <f t="shared" si="152"/>
        <v>162.87029999999999</v>
      </c>
      <c r="I9784" s="1"/>
    </row>
    <row r="9785" spans="1:9" x14ac:dyDescent="0.25">
      <c r="A9785" s="3">
        <v>41764.78328703704</v>
      </c>
      <c r="B9785" s="6">
        <v>162886.94999999998</v>
      </c>
      <c r="C9785" s="7">
        <f t="shared" si="152"/>
        <v>162.88694999999998</v>
      </c>
      <c r="I9785" s="1"/>
    </row>
    <row r="9786" spans="1:9" x14ac:dyDescent="0.25">
      <c r="A9786" s="3">
        <v>41764.78597222222</v>
      </c>
      <c r="B9786" s="6">
        <v>162903.59999999998</v>
      </c>
      <c r="C9786" s="7">
        <f t="shared" si="152"/>
        <v>162.90359999999998</v>
      </c>
      <c r="I9786" s="1"/>
    </row>
    <row r="9787" spans="1:9" x14ac:dyDescent="0.25">
      <c r="A9787" s="3">
        <v>41764.786053240743</v>
      </c>
      <c r="B9787" s="6">
        <v>162920.25</v>
      </c>
      <c r="C9787" s="7">
        <f t="shared" si="152"/>
        <v>162.92025000000001</v>
      </c>
      <c r="I9787" s="1"/>
    </row>
    <row r="9788" spans="1:9" x14ac:dyDescent="0.25">
      <c r="A9788" s="3">
        <v>41764.792199074072</v>
      </c>
      <c r="B9788" s="6">
        <v>162936.9</v>
      </c>
      <c r="C9788" s="7">
        <f t="shared" si="152"/>
        <v>162.93689999999998</v>
      </c>
      <c r="I9788" s="1"/>
    </row>
    <row r="9789" spans="1:9" x14ac:dyDescent="0.25">
      <c r="A9789" s="3">
        <v>41764.792384259257</v>
      </c>
      <c r="B9789" s="6">
        <v>162953.54999999999</v>
      </c>
      <c r="C9789" s="7">
        <f t="shared" si="152"/>
        <v>162.95354999999998</v>
      </c>
      <c r="I9789" s="1"/>
    </row>
    <row r="9790" spans="1:9" x14ac:dyDescent="0.25">
      <c r="A9790" s="3">
        <v>41764.803506944445</v>
      </c>
      <c r="B9790" s="6">
        <v>162970.19999999998</v>
      </c>
      <c r="C9790" s="7">
        <f t="shared" si="152"/>
        <v>162.97019999999998</v>
      </c>
      <c r="I9790" s="1"/>
    </row>
    <row r="9791" spans="1:9" x14ac:dyDescent="0.25">
      <c r="A9791" s="3">
        <v>41764.804189814815</v>
      </c>
      <c r="B9791" s="6">
        <v>162986.84999999998</v>
      </c>
      <c r="C9791" s="7">
        <f t="shared" si="152"/>
        <v>162.98684999999998</v>
      </c>
      <c r="I9791" s="1"/>
    </row>
    <row r="9792" spans="1:9" x14ac:dyDescent="0.25">
      <c r="A9792" s="3">
        <v>41795.337430555555</v>
      </c>
      <c r="B9792" s="6">
        <v>163003.5</v>
      </c>
      <c r="C9792" s="7">
        <f t="shared" si="152"/>
        <v>163.0035</v>
      </c>
      <c r="I9792" s="1"/>
    </row>
    <row r="9793" spans="1:9" x14ac:dyDescent="0.25">
      <c r="A9793" s="3">
        <v>41795.34884259259</v>
      </c>
      <c r="B9793" s="6">
        <v>163020.15</v>
      </c>
      <c r="C9793" s="7">
        <f t="shared" si="152"/>
        <v>163.02015</v>
      </c>
      <c r="I9793" s="1"/>
    </row>
    <row r="9794" spans="1:9" x14ac:dyDescent="0.25">
      <c r="A9794" s="3">
        <v>41795.367303240739</v>
      </c>
      <c r="B9794" s="6">
        <v>163036.79999999999</v>
      </c>
      <c r="C9794" s="7">
        <f t="shared" si="152"/>
        <v>163.0368</v>
      </c>
      <c r="I9794" s="1"/>
    </row>
    <row r="9795" spans="1:9" x14ac:dyDescent="0.25">
      <c r="A9795" s="3">
        <v>41795.368425925924</v>
      </c>
      <c r="B9795" s="6">
        <v>163053.44999999998</v>
      </c>
      <c r="C9795" s="7">
        <f t="shared" ref="C9795:C9858" si="153">B9795/1000</f>
        <v>163.05344999999997</v>
      </c>
      <c r="I9795" s="1"/>
    </row>
    <row r="9796" spans="1:9" x14ac:dyDescent="0.25">
      <c r="A9796" s="3">
        <v>41795.371412037035</v>
      </c>
      <c r="B9796" s="6">
        <v>163070.09999999998</v>
      </c>
      <c r="C9796" s="7">
        <f t="shared" si="153"/>
        <v>163.07009999999997</v>
      </c>
      <c r="I9796" s="1"/>
    </row>
    <row r="9797" spans="1:9" x14ac:dyDescent="0.25">
      <c r="A9797" s="3">
        <v>41795.371701388889</v>
      </c>
      <c r="B9797" s="6">
        <v>163086.75</v>
      </c>
      <c r="C9797" s="7">
        <f t="shared" si="153"/>
        <v>163.08674999999999</v>
      </c>
      <c r="I9797" s="1"/>
    </row>
    <row r="9798" spans="1:9" x14ac:dyDescent="0.25">
      <c r="A9798" s="3">
        <v>41795.376620370371</v>
      </c>
      <c r="B9798" s="6">
        <v>163103.4</v>
      </c>
      <c r="C9798" s="7">
        <f t="shared" si="153"/>
        <v>163.10339999999999</v>
      </c>
      <c r="I9798" s="1"/>
    </row>
    <row r="9799" spans="1:9" x14ac:dyDescent="0.25">
      <c r="A9799" s="3">
        <v>41795.37704861111</v>
      </c>
      <c r="B9799" s="6">
        <v>163120.04999999999</v>
      </c>
      <c r="C9799" s="7">
        <f t="shared" si="153"/>
        <v>163.12004999999999</v>
      </c>
      <c r="I9799" s="1"/>
    </row>
    <row r="9800" spans="1:9" x14ac:dyDescent="0.25">
      <c r="A9800" s="3">
        <v>41795.383703703701</v>
      </c>
      <c r="B9800" s="6">
        <v>163136.69999999998</v>
      </c>
      <c r="C9800" s="7">
        <f t="shared" si="153"/>
        <v>163.13669999999999</v>
      </c>
      <c r="I9800" s="1"/>
    </row>
    <row r="9801" spans="1:9" x14ac:dyDescent="0.25">
      <c r="A9801" s="3">
        <v>41795.384050925924</v>
      </c>
      <c r="B9801" s="6">
        <v>163153.34999999998</v>
      </c>
      <c r="C9801" s="7">
        <f t="shared" si="153"/>
        <v>163.15334999999999</v>
      </c>
      <c r="I9801" s="1"/>
    </row>
    <row r="9802" spans="1:9" x14ac:dyDescent="0.25">
      <c r="A9802" s="3">
        <v>41795.389884259261</v>
      </c>
      <c r="B9802" s="6">
        <v>163170</v>
      </c>
      <c r="C9802" s="7">
        <f t="shared" si="153"/>
        <v>163.16999999999999</v>
      </c>
      <c r="I9802" s="1"/>
    </row>
    <row r="9803" spans="1:9" x14ac:dyDescent="0.25">
      <c r="A9803" s="3">
        <v>41795.390162037038</v>
      </c>
      <c r="B9803" s="6">
        <v>163186.65</v>
      </c>
      <c r="C9803" s="7">
        <f t="shared" si="153"/>
        <v>163.18664999999999</v>
      </c>
      <c r="I9803" s="1"/>
    </row>
    <row r="9804" spans="1:9" x14ac:dyDescent="0.25">
      <c r="A9804" s="3">
        <v>41795.393796296295</v>
      </c>
      <c r="B9804" s="6">
        <v>163203.29999999999</v>
      </c>
      <c r="C9804" s="7">
        <f t="shared" si="153"/>
        <v>163.20329999999998</v>
      </c>
      <c r="I9804" s="1"/>
    </row>
    <row r="9805" spans="1:9" x14ac:dyDescent="0.25">
      <c r="A9805" s="3">
        <v>41795.394363425927</v>
      </c>
      <c r="B9805" s="6">
        <v>163219.94999999998</v>
      </c>
      <c r="C9805" s="7">
        <f t="shared" si="153"/>
        <v>163.21994999999998</v>
      </c>
      <c r="I9805" s="1"/>
    </row>
    <row r="9806" spans="1:9" x14ac:dyDescent="0.25">
      <c r="A9806" s="3">
        <v>41795.396516203706</v>
      </c>
      <c r="B9806" s="6">
        <v>163236.59999999998</v>
      </c>
      <c r="C9806" s="7">
        <f t="shared" si="153"/>
        <v>163.23659999999998</v>
      </c>
      <c r="I9806" s="1"/>
    </row>
    <row r="9807" spans="1:9" x14ac:dyDescent="0.25">
      <c r="A9807" s="3">
        <v>41795.396701388891</v>
      </c>
      <c r="B9807" s="6">
        <v>163253.25</v>
      </c>
      <c r="C9807" s="7">
        <f t="shared" si="153"/>
        <v>163.25325000000001</v>
      </c>
      <c r="I9807" s="1"/>
    </row>
    <row r="9808" spans="1:9" x14ac:dyDescent="0.25">
      <c r="A9808" s="3">
        <v>41795.399675925924</v>
      </c>
      <c r="B9808" s="6">
        <v>163269.9</v>
      </c>
      <c r="C9808" s="7">
        <f t="shared" si="153"/>
        <v>163.26990000000001</v>
      </c>
      <c r="I9808" s="1"/>
    </row>
    <row r="9809" spans="1:9" x14ac:dyDescent="0.25">
      <c r="A9809" s="3">
        <v>41795.400289351855</v>
      </c>
      <c r="B9809" s="6">
        <v>163286.54999999999</v>
      </c>
      <c r="C9809" s="7">
        <f t="shared" si="153"/>
        <v>163.28654999999998</v>
      </c>
      <c r="I9809" s="1"/>
    </row>
    <row r="9810" spans="1:9" x14ac:dyDescent="0.25">
      <c r="A9810" s="3">
        <v>41795.403344907405</v>
      </c>
      <c r="B9810" s="6">
        <v>163303.19999999998</v>
      </c>
      <c r="C9810" s="7">
        <f t="shared" si="153"/>
        <v>163.30319999999998</v>
      </c>
      <c r="I9810" s="1"/>
    </row>
    <row r="9811" spans="1:9" x14ac:dyDescent="0.25">
      <c r="A9811" s="3">
        <v>41795.405532407407</v>
      </c>
      <c r="B9811" s="6">
        <v>163319.84999999998</v>
      </c>
      <c r="C9811" s="7">
        <f t="shared" si="153"/>
        <v>163.31984999999997</v>
      </c>
      <c r="I9811" s="1"/>
    </row>
    <row r="9812" spans="1:9" x14ac:dyDescent="0.25">
      <c r="A9812" s="3">
        <v>41795.408888888887</v>
      </c>
      <c r="B9812" s="6">
        <v>163336.5</v>
      </c>
      <c r="C9812" s="7">
        <f t="shared" si="153"/>
        <v>163.3365</v>
      </c>
      <c r="I9812" s="1"/>
    </row>
    <row r="9813" spans="1:9" x14ac:dyDescent="0.25">
      <c r="A9813" s="3">
        <v>41795.409212962964</v>
      </c>
      <c r="B9813" s="6">
        <v>163353.15</v>
      </c>
      <c r="C9813" s="7">
        <f t="shared" si="153"/>
        <v>163.35315</v>
      </c>
      <c r="I9813" s="1"/>
    </row>
    <row r="9814" spans="1:9" x14ac:dyDescent="0.25">
      <c r="A9814" s="3">
        <v>41795.412199074075</v>
      </c>
      <c r="B9814" s="6">
        <v>163369.79999999999</v>
      </c>
      <c r="C9814" s="7">
        <f t="shared" si="153"/>
        <v>163.3698</v>
      </c>
      <c r="I9814" s="1"/>
    </row>
    <row r="9815" spans="1:9" x14ac:dyDescent="0.25">
      <c r="A9815" s="3">
        <v>41795.412314814814</v>
      </c>
      <c r="B9815" s="6">
        <v>163386.44999999998</v>
      </c>
      <c r="C9815" s="7">
        <f t="shared" si="153"/>
        <v>163.38645</v>
      </c>
      <c r="I9815" s="1"/>
    </row>
    <row r="9816" spans="1:9" x14ac:dyDescent="0.25">
      <c r="A9816" s="3">
        <v>41795.416412037041</v>
      </c>
      <c r="B9816" s="6">
        <v>163403.09999999998</v>
      </c>
      <c r="C9816" s="7">
        <f t="shared" si="153"/>
        <v>163.40309999999997</v>
      </c>
      <c r="I9816" s="1"/>
    </row>
    <row r="9817" spans="1:9" x14ac:dyDescent="0.25">
      <c r="A9817" s="3">
        <v>41795.416620370372</v>
      </c>
      <c r="B9817" s="6">
        <v>163419.75</v>
      </c>
      <c r="C9817" s="7">
        <f t="shared" si="153"/>
        <v>163.41974999999999</v>
      </c>
      <c r="I9817" s="1"/>
    </row>
    <row r="9818" spans="1:9" x14ac:dyDescent="0.25">
      <c r="A9818" s="3">
        <v>41795.422430555554</v>
      </c>
      <c r="B9818" s="6">
        <v>163436.4</v>
      </c>
      <c r="C9818" s="7">
        <f t="shared" si="153"/>
        <v>163.43639999999999</v>
      </c>
      <c r="I9818" s="1"/>
    </row>
    <row r="9819" spans="1:9" x14ac:dyDescent="0.25">
      <c r="A9819" s="3">
        <v>41795.422847222224</v>
      </c>
      <c r="B9819" s="6">
        <v>163453.04999999999</v>
      </c>
      <c r="C9819" s="7">
        <f t="shared" si="153"/>
        <v>163.45304999999999</v>
      </c>
      <c r="I9819" s="1"/>
    </row>
    <row r="9820" spans="1:9" x14ac:dyDescent="0.25">
      <c r="A9820" s="3">
        <v>41795.427766203706</v>
      </c>
      <c r="B9820" s="6">
        <v>163469.69999999998</v>
      </c>
      <c r="C9820" s="7">
        <f t="shared" si="153"/>
        <v>163.46969999999999</v>
      </c>
      <c r="I9820" s="1"/>
    </row>
    <row r="9821" spans="1:9" x14ac:dyDescent="0.25">
      <c r="A9821" s="3">
        <v>41795.427916666667</v>
      </c>
      <c r="B9821" s="6">
        <v>163486.34999999998</v>
      </c>
      <c r="C9821" s="7">
        <f t="shared" si="153"/>
        <v>163.48634999999999</v>
      </c>
      <c r="I9821" s="1"/>
    </row>
    <row r="9822" spans="1:9" x14ac:dyDescent="0.25">
      <c r="A9822" s="3">
        <v>41795.430763888886</v>
      </c>
      <c r="B9822" s="6">
        <v>163503</v>
      </c>
      <c r="C9822" s="7">
        <f t="shared" si="153"/>
        <v>163.50299999999999</v>
      </c>
      <c r="I9822" s="1"/>
    </row>
    <row r="9823" spans="1:9" x14ac:dyDescent="0.25">
      <c r="A9823" s="3">
        <v>41795.430914351855</v>
      </c>
      <c r="B9823" s="6">
        <v>163519.65</v>
      </c>
      <c r="C9823" s="7">
        <f t="shared" si="153"/>
        <v>163.51964999999998</v>
      </c>
      <c r="I9823" s="1"/>
    </row>
    <row r="9824" spans="1:9" x14ac:dyDescent="0.25">
      <c r="A9824" s="3">
        <v>41795.432615740741</v>
      </c>
      <c r="B9824" s="6">
        <v>163536.29999999999</v>
      </c>
      <c r="C9824" s="7">
        <f t="shared" si="153"/>
        <v>163.53629999999998</v>
      </c>
      <c r="I9824" s="1"/>
    </row>
    <row r="9825" spans="1:9" x14ac:dyDescent="0.25">
      <c r="A9825" s="3">
        <v>41795.432789351849</v>
      </c>
      <c r="B9825" s="6">
        <v>163552.94999999998</v>
      </c>
      <c r="C9825" s="7">
        <f t="shared" si="153"/>
        <v>163.55294999999998</v>
      </c>
      <c r="I9825" s="1"/>
    </row>
    <row r="9826" spans="1:9" x14ac:dyDescent="0.25">
      <c r="A9826" s="3">
        <v>41795.436909722222</v>
      </c>
      <c r="B9826" s="6">
        <v>163569.59999999998</v>
      </c>
      <c r="C9826" s="7">
        <f t="shared" si="153"/>
        <v>163.56959999999998</v>
      </c>
      <c r="I9826" s="1"/>
    </row>
    <row r="9827" spans="1:9" x14ac:dyDescent="0.25">
      <c r="A9827" s="3">
        <v>41795.437025462961</v>
      </c>
      <c r="B9827" s="6">
        <v>163586.25</v>
      </c>
      <c r="C9827" s="7">
        <f t="shared" si="153"/>
        <v>163.58625000000001</v>
      </c>
      <c r="I9827" s="1"/>
    </row>
    <row r="9828" spans="1:9" x14ac:dyDescent="0.25">
      <c r="A9828" s="3">
        <v>41795.439571759256</v>
      </c>
      <c r="B9828" s="6">
        <v>163602.9</v>
      </c>
      <c r="C9828" s="7">
        <f t="shared" si="153"/>
        <v>163.60290000000001</v>
      </c>
      <c r="I9828" s="1"/>
    </row>
    <row r="9829" spans="1:9" x14ac:dyDescent="0.25">
      <c r="A9829" s="3">
        <v>41795.439675925925</v>
      </c>
      <c r="B9829" s="6">
        <v>163619.54999999999</v>
      </c>
      <c r="C9829" s="7">
        <f t="shared" si="153"/>
        <v>163.61954999999998</v>
      </c>
      <c r="I9829" s="1"/>
    </row>
    <row r="9830" spans="1:9" x14ac:dyDescent="0.25">
      <c r="A9830" s="3">
        <v>41795.441655092596</v>
      </c>
      <c r="B9830" s="6">
        <v>163636.19999999998</v>
      </c>
      <c r="C9830" s="7">
        <f t="shared" si="153"/>
        <v>163.63619999999997</v>
      </c>
      <c r="I9830" s="1"/>
    </row>
    <row r="9831" spans="1:9" x14ac:dyDescent="0.25">
      <c r="A9831" s="3">
        <v>41795.441967592589</v>
      </c>
      <c r="B9831" s="6">
        <v>163652.84999999998</v>
      </c>
      <c r="C9831" s="7">
        <f t="shared" si="153"/>
        <v>163.65284999999997</v>
      </c>
      <c r="I9831" s="1"/>
    </row>
    <row r="9832" spans="1:9" x14ac:dyDescent="0.25">
      <c r="A9832" s="3">
        <v>41795.446597222224</v>
      </c>
      <c r="B9832" s="6">
        <v>163669.5</v>
      </c>
      <c r="C9832" s="7">
        <f t="shared" si="153"/>
        <v>163.6695</v>
      </c>
      <c r="I9832" s="1"/>
    </row>
    <row r="9833" spans="1:9" x14ac:dyDescent="0.25">
      <c r="A9833" s="3">
        <v>41795.448113425926</v>
      </c>
      <c r="B9833" s="6">
        <v>163686.15</v>
      </c>
      <c r="C9833" s="7">
        <f t="shared" si="153"/>
        <v>163.68615</v>
      </c>
      <c r="I9833" s="1"/>
    </row>
    <row r="9834" spans="1:9" x14ac:dyDescent="0.25">
      <c r="A9834" s="3">
        <v>41795.449166666665</v>
      </c>
      <c r="B9834" s="6">
        <v>163702.79999999999</v>
      </c>
      <c r="C9834" s="7">
        <f t="shared" si="153"/>
        <v>163.7028</v>
      </c>
      <c r="I9834" s="1"/>
    </row>
    <row r="9835" spans="1:9" x14ac:dyDescent="0.25">
      <c r="A9835" s="3">
        <v>41795.449259259258</v>
      </c>
      <c r="B9835" s="6">
        <v>163719.44999999998</v>
      </c>
      <c r="C9835" s="7">
        <f t="shared" si="153"/>
        <v>163.71944999999999</v>
      </c>
      <c r="I9835" s="1"/>
    </row>
    <row r="9836" spans="1:9" x14ac:dyDescent="0.25">
      <c r="A9836" s="3">
        <v>41795.450787037036</v>
      </c>
      <c r="B9836" s="6">
        <v>163736.09999999998</v>
      </c>
      <c r="C9836" s="7">
        <f t="shared" si="153"/>
        <v>163.73609999999996</v>
      </c>
      <c r="I9836" s="1"/>
    </row>
    <row r="9837" spans="1:9" x14ac:dyDescent="0.25">
      <c r="A9837" s="3">
        <v>41795.450937499998</v>
      </c>
      <c r="B9837" s="6">
        <v>163752.75</v>
      </c>
      <c r="C9837" s="7">
        <f t="shared" si="153"/>
        <v>163.75274999999999</v>
      </c>
      <c r="I9837" s="1"/>
    </row>
    <row r="9838" spans="1:9" x14ac:dyDescent="0.25">
      <c r="A9838" s="3">
        <v>41795.454212962963</v>
      </c>
      <c r="B9838" s="6">
        <v>163769.4</v>
      </c>
      <c r="C9838" s="7">
        <f t="shared" si="153"/>
        <v>163.76939999999999</v>
      </c>
      <c r="I9838" s="1"/>
    </row>
    <row r="9839" spans="1:9" x14ac:dyDescent="0.25">
      <c r="A9839" s="3">
        <v>41795.454305555555</v>
      </c>
      <c r="B9839" s="6">
        <v>163786.04999999999</v>
      </c>
      <c r="C9839" s="7">
        <f t="shared" si="153"/>
        <v>163.78604999999999</v>
      </c>
      <c r="I9839" s="1"/>
    </row>
    <row r="9840" spans="1:9" x14ac:dyDescent="0.25">
      <c r="A9840" s="3">
        <v>41795.456990740742</v>
      </c>
      <c r="B9840" s="6">
        <v>163802.69999999998</v>
      </c>
      <c r="C9840" s="7">
        <f t="shared" si="153"/>
        <v>163.80269999999999</v>
      </c>
      <c r="I9840" s="1"/>
    </row>
    <row r="9841" spans="1:9" x14ac:dyDescent="0.25">
      <c r="A9841" s="3">
        <v>41795.457592592589</v>
      </c>
      <c r="B9841" s="6">
        <v>163819.34999999998</v>
      </c>
      <c r="C9841" s="7">
        <f t="shared" si="153"/>
        <v>163.81934999999999</v>
      </c>
      <c r="I9841" s="1"/>
    </row>
    <row r="9842" spans="1:9" x14ac:dyDescent="0.25">
      <c r="A9842" s="3">
        <v>41795.460370370369</v>
      </c>
      <c r="B9842" s="6">
        <v>163836</v>
      </c>
      <c r="C9842" s="7">
        <f t="shared" si="153"/>
        <v>163.83600000000001</v>
      </c>
      <c r="I9842" s="1"/>
    </row>
    <row r="9843" spans="1:9" x14ac:dyDescent="0.25">
      <c r="A9843" s="3">
        <v>41795.460775462961</v>
      </c>
      <c r="B9843" s="6">
        <v>163852.65</v>
      </c>
      <c r="C9843" s="7">
        <f t="shared" si="153"/>
        <v>163.85264999999998</v>
      </c>
      <c r="I9843" s="1"/>
    </row>
    <row r="9844" spans="1:9" x14ac:dyDescent="0.25">
      <c r="A9844" s="3">
        <v>41795.461944444447</v>
      </c>
      <c r="B9844" s="6">
        <v>163869.29999999999</v>
      </c>
      <c r="C9844" s="7">
        <f t="shared" si="153"/>
        <v>163.86929999999998</v>
      </c>
      <c r="I9844" s="1"/>
    </row>
    <row r="9845" spans="1:9" x14ac:dyDescent="0.25">
      <c r="A9845" s="3">
        <v>41795.462094907409</v>
      </c>
      <c r="B9845" s="6">
        <v>163885.94999999998</v>
      </c>
      <c r="C9845" s="7">
        <f t="shared" si="153"/>
        <v>163.88594999999998</v>
      </c>
      <c r="I9845" s="1"/>
    </row>
    <row r="9846" spans="1:9" x14ac:dyDescent="0.25">
      <c r="A9846" s="3">
        <v>41795.466909722221</v>
      </c>
      <c r="B9846" s="6">
        <v>163902.59999999998</v>
      </c>
      <c r="C9846" s="7">
        <f t="shared" si="153"/>
        <v>163.90259999999998</v>
      </c>
      <c r="I9846" s="1"/>
    </row>
    <row r="9847" spans="1:9" x14ac:dyDescent="0.25">
      <c r="A9847" s="3">
        <v>41795.467256944445</v>
      </c>
      <c r="B9847" s="6">
        <v>163919.25</v>
      </c>
      <c r="C9847" s="7">
        <f t="shared" si="153"/>
        <v>163.91925000000001</v>
      </c>
      <c r="I9847" s="1"/>
    </row>
    <row r="9848" spans="1:9" x14ac:dyDescent="0.25">
      <c r="A9848" s="3">
        <v>41795.468622685185</v>
      </c>
      <c r="B9848" s="6">
        <v>163935.9</v>
      </c>
      <c r="C9848" s="7">
        <f t="shared" si="153"/>
        <v>163.9359</v>
      </c>
      <c r="I9848" s="1"/>
    </row>
    <row r="9849" spans="1:9" x14ac:dyDescent="0.25">
      <c r="A9849" s="3">
        <v>41795.468761574077</v>
      </c>
      <c r="B9849" s="6">
        <v>163952.54999999999</v>
      </c>
      <c r="C9849" s="7">
        <f t="shared" si="153"/>
        <v>163.95255</v>
      </c>
      <c r="I9849" s="1"/>
    </row>
    <row r="9850" spans="1:9" x14ac:dyDescent="0.25">
      <c r="A9850" s="3">
        <v>41795.469930555555</v>
      </c>
      <c r="B9850" s="6">
        <v>163969.19999999998</v>
      </c>
      <c r="C9850" s="7">
        <f t="shared" si="153"/>
        <v>163.96919999999997</v>
      </c>
      <c r="I9850" s="1"/>
    </row>
    <row r="9851" spans="1:9" x14ac:dyDescent="0.25">
      <c r="A9851" s="3">
        <v>41795.470057870371</v>
      </c>
      <c r="B9851" s="6">
        <v>163985.84999999998</v>
      </c>
      <c r="C9851" s="7">
        <f t="shared" si="153"/>
        <v>163.98584999999997</v>
      </c>
      <c r="I9851" s="1"/>
    </row>
    <row r="9852" spans="1:9" x14ac:dyDescent="0.25">
      <c r="A9852" s="3">
        <v>41795.471377314818</v>
      </c>
      <c r="B9852" s="6">
        <v>164002.5</v>
      </c>
      <c r="C9852" s="7">
        <f t="shared" si="153"/>
        <v>164.0025</v>
      </c>
      <c r="I9852" s="1"/>
    </row>
    <row r="9853" spans="1:9" x14ac:dyDescent="0.25">
      <c r="A9853" s="3">
        <v>41795.471493055556</v>
      </c>
      <c r="B9853" s="6">
        <v>164019.15</v>
      </c>
      <c r="C9853" s="7">
        <f t="shared" si="153"/>
        <v>164.01915</v>
      </c>
      <c r="I9853" s="1"/>
    </row>
    <row r="9854" spans="1:9" x14ac:dyDescent="0.25">
      <c r="A9854" s="3">
        <v>41795.472673611112</v>
      </c>
      <c r="B9854" s="6">
        <v>164035.79999999999</v>
      </c>
      <c r="C9854" s="7">
        <f t="shared" si="153"/>
        <v>164.03579999999999</v>
      </c>
      <c r="I9854" s="1"/>
    </row>
    <row r="9855" spans="1:9" x14ac:dyDescent="0.25">
      <c r="A9855" s="3">
        <v>41795.472928240742</v>
      </c>
      <c r="B9855" s="6">
        <v>164052.44999999998</v>
      </c>
      <c r="C9855" s="7">
        <f t="shared" si="153"/>
        <v>164.05244999999999</v>
      </c>
      <c r="I9855" s="1"/>
    </row>
    <row r="9856" spans="1:9" x14ac:dyDescent="0.25">
      <c r="A9856" s="3">
        <v>41795.476423611108</v>
      </c>
      <c r="B9856" s="6">
        <v>164069.09999999998</v>
      </c>
      <c r="C9856" s="7">
        <f t="shared" si="153"/>
        <v>164.06909999999996</v>
      </c>
      <c r="I9856" s="1"/>
    </row>
    <row r="9857" spans="1:9" x14ac:dyDescent="0.25">
      <c r="A9857" s="3">
        <v>41795.476597222223</v>
      </c>
      <c r="B9857" s="6">
        <v>164085.75</v>
      </c>
      <c r="C9857" s="7">
        <f t="shared" si="153"/>
        <v>164.08574999999999</v>
      </c>
      <c r="I9857" s="1"/>
    </row>
    <row r="9858" spans="1:9" x14ac:dyDescent="0.25">
      <c r="A9858" s="3">
        <v>41795.478009259263</v>
      </c>
      <c r="B9858" s="6">
        <v>164102.39999999999</v>
      </c>
      <c r="C9858" s="7">
        <f t="shared" si="153"/>
        <v>164.10239999999999</v>
      </c>
      <c r="I9858" s="1"/>
    </row>
    <row r="9859" spans="1:9" x14ac:dyDescent="0.25">
      <c r="A9859" s="3">
        <v>41795.478113425925</v>
      </c>
      <c r="B9859" s="6">
        <v>164119.04999999999</v>
      </c>
      <c r="C9859" s="7">
        <f t="shared" ref="C9859:C9922" si="154">B9859/1000</f>
        <v>164.11904999999999</v>
      </c>
      <c r="I9859" s="1"/>
    </row>
    <row r="9860" spans="1:9" x14ac:dyDescent="0.25">
      <c r="A9860" s="3">
        <v>41795.479467592595</v>
      </c>
      <c r="B9860" s="6">
        <v>164135.69999999998</v>
      </c>
      <c r="C9860" s="7">
        <f t="shared" si="154"/>
        <v>164.13569999999999</v>
      </c>
      <c r="I9860" s="1"/>
    </row>
    <row r="9861" spans="1:9" x14ac:dyDescent="0.25">
      <c r="A9861" s="3">
        <v>41795.479548611111</v>
      </c>
      <c r="B9861" s="6">
        <v>164152.34999999998</v>
      </c>
      <c r="C9861" s="7">
        <f t="shared" si="154"/>
        <v>164.15234999999998</v>
      </c>
      <c r="I9861" s="1"/>
    </row>
    <row r="9862" spans="1:9" x14ac:dyDescent="0.25">
      <c r="A9862" s="3">
        <v>41795.480416666665</v>
      </c>
      <c r="B9862" s="6">
        <v>164169</v>
      </c>
      <c r="C9862" s="7">
        <f t="shared" si="154"/>
        <v>164.16900000000001</v>
      </c>
      <c r="I9862" s="1"/>
    </row>
    <row r="9863" spans="1:9" x14ac:dyDescent="0.25">
      <c r="A9863" s="3">
        <v>41795.480578703704</v>
      </c>
      <c r="B9863" s="6">
        <v>164185.65</v>
      </c>
      <c r="C9863" s="7">
        <f t="shared" si="154"/>
        <v>164.18564999999998</v>
      </c>
      <c r="I9863" s="1"/>
    </row>
    <row r="9864" spans="1:9" x14ac:dyDescent="0.25">
      <c r="A9864" s="3">
        <v>41795.481898148151</v>
      </c>
      <c r="B9864" s="6">
        <v>164202.29999999999</v>
      </c>
      <c r="C9864" s="7">
        <f t="shared" si="154"/>
        <v>164.20229999999998</v>
      </c>
      <c r="I9864" s="1"/>
    </row>
    <row r="9865" spans="1:9" x14ac:dyDescent="0.25">
      <c r="A9865" s="3">
        <v>41795.481990740744</v>
      </c>
      <c r="B9865" s="6">
        <v>164218.94999999998</v>
      </c>
      <c r="C9865" s="7">
        <f t="shared" si="154"/>
        <v>164.21894999999998</v>
      </c>
      <c r="I9865" s="1"/>
    </row>
    <row r="9866" spans="1:9" x14ac:dyDescent="0.25">
      <c r="A9866" s="3">
        <v>41795.483865740738</v>
      </c>
      <c r="B9866" s="6">
        <v>164235.59999999998</v>
      </c>
      <c r="C9866" s="7">
        <f t="shared" si="154"/>
        <v>164.23559999999998</v>
      </c>
      <c r="I9866" s="1"/>
    </row>
    <row r="9867" spans="1:9" x14ac:dyDescent="0.25">
      <c r="A9867" s="3">
        <v>41795.484050925923</v>
      </c>
      <c r="B9867" s="6">
        <v>164252.25</v>
      </c>
      <c r="C9867" s="7">
        <f t="shared" si="154"/>
        <v>164.25225</v>
      </c>
      <c r="I9867" s="1"/>
    </row>
    <row r="9868" spans="1:9" x14ac:dyDescent="0.25">
      <c r="A9868" s="3">
        <v>41795.486238425925</v>
      </c>
      <c r="B9868" s="6">
        <v>164268.9</v>
      </c>
      <c r="C9868" s="7">
        <f t="shared" si="154"/>
        <v>164.2689</v>
      </c>
      <c r="I9868" s="1"/>
    </row>
    <row r="9869" spans="1:9" x14ac:dyDescent="0.25">
      <c r="A9869" s="3">
        <v>41795.48636574074</v>
      </c>
      <c r="B9869" s="6">
        <v>164285.54999999999</v>
      </c>
      <c r="C9869" s="7">
        <f t="shared" si="154"/>
        <v>164.28555</v>
      </c>
      <c r="I9869" s="1"/>
    </row>
    <row r="9870" spans="1:9" x14ac:dyDescent="0.25">
      <c r="A9870" s="3">
        <v>41795.491956018515</v>
      </c>
      <c r="B9870" s="6">
        <v>164302.19999999998</v>
      </c>
      <c r="C9870" s="7">
        <f t="shared" si="154"/>
        <v>164.30219999999997</v>
      </c>
      <c r="I9870" s="1"/>
    </row>
    <row r="9871" spans="1:9" x14ac:dyDescent="0.25">
      <c r="A9871" s="3">
        <v>41795.492326388892</v>
      </c>
      <c r="B9871" s="6">
        <v>164318.84999999998</v>
      </c>
      <c r="C9871" s="7">
        <f t="shared" si="154"/>
        <v>164.31884999999997</v>
      </c>
      <c r="I9871" s="1"/>
    </row>
    <row r="9872" spans="1:9" x14ac:dyDescent="0.25">
      <c r="A9872" s="3">
        <v>41795.494849537034</v>
      </c>
      <c r="B9872" s="6">
        <v>164335.5</v>
      </c>
      <c r="C9872" s="7">
        <f t="shared" si="154"/>
        <v>164.3355</v>
      </c>
      <c r="I9872" s="1"/>
    </row>
    <row r="9873" spans="1:9" x14ac:dyDescent="0.25">
      <c r="A9873" s="3">
        <v>41795.494976851849</v>
      </c>
      <c r="B9873" s="6">
        <v>164352.15</v>
      </c>
      <c r="C9873" s="7">
        <f t="shared" si="154"/>
        <v>164.35214999999999</v>
      </c>
      <c r="I9873" s="1"/>
    </row>
    <row r="9874" spans="1:9" x14ac:dyDescent="0.25">
      <c r="A9874" s="3">
        <v>41795.497187499997</v>
      </c>
      <c r="B9874" s="6">
        <v>164368.79999999999</v>
      </c>
      <c r="C9874" s="7">
        <f t="shared" si="154"/>
        <v>164.36879999999999</v>
      </c>
      <c r="I9874" s="1"/>
    </row>
    <row r="9875" spans="1:9" x14ac:dyDescent="0.25">
      <c r="A9875" s="3">
        <v>41795.497361111113</v>
      </c>
      <c r="B9875" s="6">
        <v>164385.44999999998</v>
      </c>
      <c r="C9875" s="7">
        <f t="shared" si="154"/>
        <v>164.38544999999999</v>
      </c>
      <c r="I9875" s="1"/>
    </row>
    <row r="9876" spans="1:9" x14ac:dyDescent="0.25">
      <c r="A9876" s="3">
        <v>41795.499386574076</v>
      </c>
      <c r="B9876" s="6">
        <v>164402.09999999998</v>
      </c>
      <c r="C9876" s="7">
        <f t="shared" si="154"/>
        <v>164.40209999999999</v>
      </c>
      <c r="I9876" s="1"/>
    </row>
    <row r="9877" spans="1:9" x14ac:dyDescent="0.25">
      <c r="A9877" s="3">
        <v>41795.500462962962</v>
      </c>
      <c r="B9877" s="6">
        <v>164418.75</v>
      </c>
      <c r="C9877" s="7">
        <f t="shared" si="154"/>
        <v>164.41874999999999</v>
      </c>
      <c r="I9877" s="1"/>
    </row>
    <row r="9878" spans="1:9" x14ac:dyDescent="0.25">
      <c r="A9878" s="3">
        <v>41795.502233796295</v>
      </c>
      <c r="B9878" s="6">
        <v>164435.4</v>
      </c>
      <c r="C9878" s="7">
        <f t="shared" si="154"/>
        <v>164.43539999999999</v>
      </c>
      <c r="I9878" s="1"/>
    </row>
    <row r="9879" spans="1:9" x14ac:dyDescent="0.25">
      <c r="A9879" s="3">
        <v>41795.502372685187</v>
      </c>
      <c r="B9879" s="6">
        <v>164452.04999999999</v>
      </c>
      <c r="C9879" s="7">
        <f t="shared" si="154"/>
        <v>164.45204999999999</v>
      </c>
      <c r="I9879" s="1"/>
    </row>
    <row r="9880" spans="1:9" x14ac:dyDescent="0.25">
      <c r="A9880" s="3">
        <v>41795.503969907404</v>
      </c>
      <c r="B9880" s="6">
        <v>164468.69999999998</v>
      </c>
      <c r="C9880" s="7">
        <f t="shared" si="154"/>
        <v>164.46869999999998</v>
      </c>
      <c r="I9880" s="1"/>
    </row>
    <row r="9881" spans="1:9" x14ac:dyDescent="0.25">
      <c r="A9881" s="3">
        <v>41795.504236111112</v>
      </c>
      <c r="B9881" s="6">
        <v>164485.34999999998</v>
      </c>
      <c r="C9881" s="7">
        <f t="shared" si="154"/>
        <v>164.48534999999998</v>
      </c>
      <c r="I9881" s="1"/>
    </row>
    <row r="9882" spans="1:9" x14ac:dyDescent="0.25">
      <c r="A9882" s="3">
        <v>41795.505659722221</v>
      </c>
      <c r="B9882" s="6">
        <v>164502</v>
      </c>
      <c r="C9882" s="7">
        <f t="shared" si="154"/>
        <v>164.50200000000001</v>
      </c>
      <c r="I9882" s="1"/>
    </row>
    <row r="9883" spans="1:9" x14ac:dyDescent="0.25">
      <c r="A9883" s="3">
        <v>41795.505787037036</v>
      </c>
      <c r="B9883" s="6">
        <v>164518.65</v>
      </c>
      <c r="C9883" s="7">
        <f t="shared" si="154"/>
        <v>164.51865000000001</v>
      </c>
      <c r="I9883" s="1"/>
    </row>
    <row r="9884" spans="1:9" x14ac:dyDescent="0.25">
      <c r="A9884" s="3">
        <v>41795.509166666663</v>
      </c>
      <c r="B9884" s="6">
        <v>164535.29999999999</v>
      </c>
      <c r="C9884" s="7">
        <f t="shared" si="154"/>
        <v>164.53529999999998</v>
      </c>
      <c r="I9884" s="1"/>
    </row>
    <row r="9885" spans="1:9" x14ac:dyDescent="0.25">
      <c r="A9885" s="3">
        <v>41795.509432870371</v>
      </c>
      <c r="B9885" s="6">
        <v>164551.94999999998</v>
      </c>
      <c r="C9885" s="7">
        <f t="shared" si="154"/>
        <v>164.55194999999998</v>
      </c>
      <c r="I9885" s="1"/>
    </row>
    <row r="9886" spans="1:9" x14ac:dyDescent="0.25">
      <c r="A9886" s="3">
        <v>41795.511041666665</v>
      </c>
      <c r="B9886" s="6">
        <v>164568.59999999998</v>
      </c>
      <c r="C9886" s="7">
        <f t="shared" si="154"/>
        <v>164.56859999999998</v>
      </c>
      <c r="I9886" s="1"/>
    </row>
    <row r="9887" spans="1:9" x14ac:dyDescent="0.25">
      <c r="A9887" s="3">
        <v>41795.511134259257</v>
      </c>
      <c r="B9887" s="6">
        <v>164585.25</v>
      </c>
      <c r="C9887" s="7">
        <f t="shared" si="154"/>
        <v>164.58525</v>
      </c>
      <c r="I9887" s="1"/>
    </row>
    <row r="9888" spans="1:9" x14ac:dyDescent="0.25">
      <c r="A9888" s="3">
        <v>41795.514756944445</v>
      </c>
      <c r="B9888" s="6">
        <v>164601.9</v>
      </c>
      <c r="C9888" s="7">
        <f t="shared" si="154"/>
        <v>164.6019</v>
      </c>
      <c r="I9888" s="1"/>
    </row>
    <row r="9889" spans="1:9" x14ac:dyDescent="0.25">
      <c r="A9889" s="3">
        <v>41795.514849537038</v>
      </c>
      <c r="B9889" s="6">
        <v>164618.54999999999</v>
      </c>
      <c r="C9889" s="7">
        <f t="shared" si="154"/>
        <v>164.61855</v>
      </c>
      <c r="I9889" s="1"/>
    </row>
    <row r="9890" spans="1:9" x14ac:dyDescent="0.25">
      <c r="A9890" s="3">
        <v>41795.516469907408</v>
      </c>
      <c r="B9890" s="6">
        <v>164635.19999999998</v>
      </c>
      <c r="C9890" s="7">
        <f t="shared" si="154"/>
        <v>164.63519999999997</v>
      </c>
      <c r="I9890" s="1"/>
    </row>
    <row r="9891" spans="1:9" x14ac:dyDescent="0.25">
      <c r="A9891" s="3">
        <v>41795.516539351855</v>
      </c>
      <c r="B9891" s="6">
        <v>164651.84999999998</v>
      </c>
      <c r="C9891" s="7">
        <f t="shared" si="154"/>
        <v>164.65184999999997</v>
      </c>
      <c r="I9891" s="1"/>
    </row>
    <row r="9892" spans="1:9" x14ac:dyDescent="0.25">
      <c r="A9892" s="3">
        <v>41795.517534722225</v>
      </c>
      <c r="B9892" s="6">
        <v>164668.5</v>
      </c>
      <c r="C9892" s="7">
        <f t="shared" si="154"/>
        <v>164.66849999999999</v>
      </c>
      <c r="I9892" s="1"/>
    </row>
    <row r="9893" spans="1:9" x14ac:dyDescent="0.25">
      <c r="A9893" s="3">
        <v>41795.517627314817</v>
      </c>
      <c r="B9893" s="6">
        <v>164685.15</v>
      </c>
      <c r="C9893" s="7">
        <f t="shared" si="154"/>
        <v>164.68514999999999</v>
      </c>
      <c r="I9893" s="1"/>
    </row>
    <row r="9894" spans="1:9" x14ac:dyDescent="0.25">
      <c r="A9894" s="3">
        <v>41795.519756944443</v>
      </c>
      <c r="B9894" s="6">
        <v>164701.79999999999</v>
      </c>
      <c r="C9894" s="7">
        <f t="shared" si="154"/>
        <v>164.70179999999999</v>
      </c>
      <c r="I9894" s="1"/>
    </row>
    <row r="9895" spans="1:9" x14ac:dyDescent="0.25">
      <c r="A9895" s="3">
        <v>41795.519953703704</v>
      </c>
      <c r="B9895" s="6">
        <v>164718.44999999998</v>
      </c>
      <c r="C9895" s="7">
        <f t="shared" si="154"/>
        <v>164.71844999999999</v>
      </c>
      <c r="I9895" s="1"/>
    </row>
    <row r="9896" spans="1:9" x14ac:dyDescent="0.25">
      <c r="A9896" s="3">
        <v>41795.525057870371</v>
      </c>
      <c r="B9896" s="6">
        <v>164735.09999999998</v>
      </c>
      <c r="C9896" s="7">
        <f t="shared" si="154"/>
        <v>164.73509999999999</v>
      </c>
      <c r="I9896" s="1"/>
    </row>
    <row r="9897" spans="1:9" x14ac:dyDescent="0.25">
      <c r="A9897" s="3">
        <v>41795.525208333333</v>
      </c>
      <c r="B9897" s="6">
        <v>164751.75</v>
      </c>
      <c r="C9897" s="7">
        <f t="shared" si="154"/>
        <v>164.75174999999999</v>
      </c>
      <c r="I9897" s="1"/>
    </row>
    <row r="9898" spans="1:9" x14ac:dyDescent="0.25">
      <c r="A9898" s="3">
        <v>41795.528148148151</v>
      </c>
      <c r="B9898" s="6">
        <v>164768.4</v>
      </c>
      <c r="C9898" s="7">
        <f t="shared" si="154"/>
        <v>164.76839999999999</v>
      </c>
      <c r="I9898" s="1"/>
    </row>
    <row r="9899" spans="1:9" x14ac:dyDescent="0.25">
      <c r="A9899" s="3">
        <v>41795.528333333335</v>
      </c>
      <c r="B9899" s="6">
        <v>164785.04999999999</v>
      </c>
      <c r="C9899" s="7">
        <f t="shared" si="154"/>
        <v>164.78504999999998</v>
      </c>
      <c r="I9899" s="1"/>
    </row>
    <row r="9900" spans="1:9" x14ac:dyDescent="0.25">
      <c r="A9900" s="3">
        <v>41795.531238425923</v>
      </c>
      <c r="B9900" s="6">
        <v>164801.69999999998</v>
      </c>
      <c r="C9900" s="7">
        <f t="shared" si="154"/>
        <v>164.80169999999998</v>
      </c>
      <c r="I9900" s="1"/>
    </row>
    <row r="9901" spans="1:9" x14ac:dyDescent="0.25">
      <c r="A9901" s="3">
        <v>41795.531666666669</v>
      </c>
      <c r="B9901" s="6">
        <v>164818.34999999998</v>
      </c>
      <c r="C9901" s="7">
        <f t="shared" si="154"/>
        <v>164.81834999999998</v>
      </c>
      <c r="I9901" s="1"/>
    </row>
    <row r="9902" spans="1:9" x14ac:dyDescent="0.25">
      <c r="A9902" s="3">
        <v>41795.532905092594</v>
      </c>
      <c r="B9902" s="6">
        <v>164835</v>
      </c>
      <c r="C9902" s="7">
        <f t="shared" si="154"/>
        <v>164.83500000000001</v>
      </c>
      <c r="I9902" s="1"/>
    </row>
    <row r="9903" spans="1:9" x14ac:dyDescent="0.25">
      <c r="A9903" s="3">
        <v>41795.532997685186</v>
      </c>
      <c r="B9903" s="6">
        <v>164851.65</v>
      </c>
      <c r="C9903" s="7">
        <f t="shared" si="154"/>
        <v>164.85165000000001</v>
      </c>
      <c r="I9903" s="1"/>
    </row>
    <row r="9904" spans="1:9" x14ac:dyDescent="0.25">
      <c r="A9904" s="3">
        <v>41795.535196759258</v>
      </c>
      <c r="B9904" s="6">
        <v>164868.29999999999</v>
      </c>
      <c r="C9904" s="7">
        <f t="shared" si="154"/>
        <v>164.86829999999998</v>
      </c>
      <c r="I9904" s="1"/>
    </row>
    <row r="9905" spans="1:9" x14ac:dyDescent="0.25">
      <c r="A9905" s="3">
        <v>41795.535613425927</v>
      </c>
      <c r="B9905" s="6">
        <v>164884.94999999998</v>
      </c>
      <c r="C9905" s="7">
        <f t="shared" si="154"/>
        <v>164.88494999999998</v>
      </c>
      <c r="I9905" s="1"/>
    </row>
    <row r="9906" spans="1:9" x14ac:dyDescent="0.25">
      <c r="A9906" s="3">
        <v>41795.538391203707</v>
      </c>
      <c r="B9906" s="6">
        <v>164901.59999999998</v>
      </c>
      <c r="C9906" s="7">
        <f t="shared" si="154"/>
        <v>164.90159999999997</v>
      </c>
      <c r="I9906" s="1"/>
    </row>
    <row r="9907" spans="1:9" x14ac:dyDescent="0.25">
      <c r="A9907" s="3">
        <v>41795.538495370369</v>
      </c>
      <c r="B9907" s="6">
        <v>164918.25</v>
      </c>
      <c r="C9907" s="7">
        <f t="shared" si="154"/>
        <v>164.91825</v>
      </c>
      <c r="I9907" s="1"/>
    </row>
    <row r="9908" spans="1:9" x14ac:dyDescent="0.25">
      <c r="A9908" s="3">
        <v>41795.54005787037</v>
      </c>
      <c r="B9908" s="6">
        <v>164934.9</v>
      </c>
      <c r="C9908" s="7">
        <f t="shared" si="154"/>
        <v>164.9349</v>
      </c>
      <c r="I9908" s="1"/>
    </row>
    <row r="9909" spans="1:9" x14ac:dyDescent="0.25">
      <c r="A9909" s="3">
        <v>41795.540208333332</v>
      </c>
      <c r="B9909" s="6">
        <v>164951.54999999999</v>
      </c>
      <c r="C9909" s="7">
        <f t="shared" si="154"/>
        <v>164.95155</v>
      </c>
      <c r="I9909" s="1"/>
    </row>
    <row r="9910" spans="1:9" x14ac:dyDescent="0.25">
      <c r="A9910" s="3">
        <v>41795.542141203703</v>
      </c>
      <c r="B9910" s="6">
        <v>164968.19999999998</v>
      </c>
      <c r="C9910" s="7">
        <f t="shared" si="154"/>
        <v>164.9682</v>
      </c>
      <c r="I9910" s="1"/>
    </row>
    <row r="9911" spans="1:9" x14ac:dyDescent="0.25">
      <c r="A9911" s="3">
        <v>41795.542326388888</v>
      </c>
      <c r="B9911" s="6">
        <v>164984.84999999998</v>
      </c>
      <c r="C9911" s="7">
        <f t="shared" si="154"/>
        <v>164.98484999999997</v>
      </c>
      <c r="I9911" s="1"/>
    </row>
    <row r="9912" spans="1:9" x14ac:dyDescent="0.25">
      <c r="A9912" s="3">
        <v>41795.5469212963</v>
      </c>
      <c r="B9912" s="6">
        <v>165001.5</v>
      </c>
      <c r="C9912" s="7">
        <f t="shared" si="154"/>
        <v>165.00149999999999</v>
      </c>
      <c r="I9912" s="1"/>
    </row>
    <row r="9913" spans="1:9" x14ac:dyDescent="0.25">
      <c r="A9913" s="3">
        <v>41795.547280092593</v>
      </c>
      <c r="B9913" s="6">
        <v>165018.15</v>
      </c>
      <c r="C9913" s="7">
        <f t="shared" si="154"/>
        <v>165.01814999999999</v>
      </c>
      <c r="I9913" s="1"/>
    </row>
    <row r="9914" spans="1:9" x14ac:dyDescent="0.25">
      <c r="A9914" s="3">
        <v>41795.550497685188</v>
      </c>
      <c r="B9914" s="6">
        <v>165034.79999999999</v>
      </c>
      <c r="C9914" s="7">
        <f t="shared" si="154"/>
        <v>165.03479999999999</v>
      </c>
      <c r="I9914" s="1"/>
    </row>
    <row r="9915" spans="1:9" x14ac:dyDescent="0.25">
      <c r="A9915" s="3">
        <v>41795.550659722219</v>
      </c>
      <c r="B9915" s="6">
        <v>165051.44999999998</v>
      </c>
      <c r="C9915" s="7">
        <f t="shared" si="154"/>
        <v>165.05144999999999</v>
      </c>
      <c r="I9915" s="1"/>
    </row>
    <row r="9916" spans="1:9" x14ac:dyDescent="0.25">
      <c r="A9916" s="3">
        <v>41795.554131944446</v>
      </c>
      <c r="B9916" s="6">
        <v>165068.09999999998</v>
      </c>
      <c r="C9916" s="7">
        <f t="shared" si="154"/>
        <v>165.06809999999999</v>
      </c>
      <c r="I9916" s="1"/>
    </row>
    <row r="9917" spans="1:9" x14ac:dyDescent="0.25">
      <c r="A9917" s="3">
        <v>41795.554594907408</v>
      </c>
      <c r="B9917" s="6">
        <v>165084.75</v>
      </c>
      <c r="C9917" s="7">
        <f t="shared" si="154"/>
        <v>165.08475000000001</v>
      </c>
      <c r="I9917" s="1"/>
    </row>
    <row r="9918" spans="1:9" x14ac:dyDescent="0.25">
      <c r="A9918" s="3">
        <v>41795.555613425924</v>
      </c>
      <c r="B9918" s="6">
        <v>165101.4</v>
      </c>
      <c r="C9918" s="7">
        <f t="shared" si="154"/>
        <v>165.10139999999998</v>
      </c>
      <c r="I9918" s="1"/>
    </row>
    <row r="9919" spans="1:9" x14ac:dyDescent="0.25">
      <c r="A9919" s="3">
        <v>41795.55572916667</v>
      </c>
      <c r="B9919" s="6">
        <v>165118.04999999999</v>
      </c>
      <c r="C9919" s="7">
        <f t="shared" si="154"/>
        <v>165.11804999999998</v>
      </c>
      <c r="I9919" s="1"/>
    </row>
    <row r="9920" spans="1:9" x14ac:dyDescent="0.25">
      <c r="A9920" s="3">
        <v>41795.558900462966</v>
      </c>
      <c r="B9920" s="6">
        <v>165134.69999999998</v>
      </c>
      <c r="C9920" s="7">
        <f t="shared" si="154"/>
        <v>165.13469999999998</v>
      </c>
      <c r="I9920" s="1"/>
    </row>
    <row r="9921" spans="1:9" x14ac:dyDescent="0.25">
      <c r="A9921" s="3">
        <v>41795.559016203704</v>
      </c>
      <c r="B9921" s="6">
        <v>165151.34999999998</v>
      </c>
      <c r="C9921" s="7">
        <f t="shared" si="154"/>
        <v>165.15134999999998</v>
      </c>
      <c r="I9921" s="1"/>
    </row>
    <row r="9922" spans="1:9" x14ac:dyDescent="0.25">
      <c r="A9922" s="3">
        <v>41795.561539351853</v>
      </c>
      <c r="B9922" s="6">
        <v>165168</v>
      </c>
      <c r="C9922" s="7">
        <f t="shared" si="154"/>
        <v>165.16800000000001</v>
      </c>
      <c r="I9922" s="1"/>
    </row>
    <row r="9923" spans="1:9" x14ac:dyDescent="0.25">
      <c r="A9923" s="3">
        <v>41795.561643518522</v>
      </c>
      <c r="B9923" s="6">
        <v>165184.65</v>
      </c>
      <c r="C9923" s="7">
        <f t="shared" ref="C9923:C9986" si="155">B9923/1000</f>
        <v>165.18465</v>
      </c>
      <c r="I9923" s="1"/>
    </row>
    <row r="9924" spans="1:9" x14ac:dyDescent="0.25">
      <c r="A9924" s="3">
        <v>41795.564768518518</v>
      </c>
      <c r="B9924" s="6">
        <v>165201.29999999999</v>
      </c>
      <c r="C9924" s="7">
        <f t="shared" si="155"/>
        <v>165.20129999999997</v>
      </c>
      <c r="I9924" s="1"/>
    </row>
    <row r="9925" spans="1:9" x14ac:dyDescent="0.25">
      <c r="A9925" s="3">
        <v>41795.564942129633</v>
      </c>
      <c r="B9925" s="6">
        <v>165217.94999999998</v>
      </c>
      <c r="C9925" s="7">
        <f t="shared" si="155"/>
        <v>165.21794999999997</v>
      </c>
      <c r="I9925" s="1"/>
    </row>
    <row r="9926" spans="1:9" x14ac:dyDescent="0.25">
      <c r="A9926" s="3">
        <v>41795.566284722219</v>
      </c>
      <c r="B9926" s="6">
        <v>165234.59999999998</v>
      </c>
      <c r="C9926" s="7">
        <f t="shared" si="155"/>
        <v>165.23459999999997</v>
      </c>
      <c r="I9926" s="1"/>
    </row>
    <row r="9927" spans="1:9" x14ac:dyDescent="0.25">
      <c r="A9927" s="3">
        <v>41795.566365740742</v>
      </c>
      <c r="B9927" s="6">
        <v>165251.25</v>
      </c>
      <c r="C9927" s="7">
        <f t="shared" si="155"/>
        <v>165.25125</v>
      </c>
      <c r="I9927" s="1"/>
    </row>
    <row r="9928" spans="1:9" x14ac:dyDescent="0.25">
      <c r="A9928" s="3">
        <v>41795.56722222222</v>
      </c>
      <c r="B9928" s="6">
        <v>165267.9</v>
      </c>
      <c r="C9928" s="7">
        <f t="shared" si="155"/>
        <v>165.2679</v>
      </c>
      <c r="I9928" s="1"/>
    </row>
    <row r="9929" spans="1:9" x14ac:dyDescent="0.25">
      <c r="A9929" s="3">
        <v>41795.567326388889</v>
      </c>
      <c r="B9929" s="6">
        <v>165284.54999999999</v>
      </c>
      <c r="C9929" s="7">
        <f t="shared" si="155"/>
        <v>165.28455</v>
      </c>
      <c r="I9929" s="1"/>
    </row>
    <row r="9930" spans="1:9" x14ac:dyDescent="0.25">
      <c r="A9930" s="3">
        <v>41795.570497685185</v>
      </c>
      <c r="B9930" s="6">
        <v>165301.19999999998</v>
      </c>
      <c r="C9930" s="7">
        <f t="shared" si="155"/>
        <v>165.30119999999999</v>
      </c>
      <c r="I9930" s="1"/>
    </row>
    <row r="9931" spans="1:9" x14ac:dyDescent="0.25">
      <c r="A9931" s="3">
        <v>41795.570567129631</v>
      </c>
      <c r="B9931" s="6">
        <v>165317.84999999998</v>
      </c>
      <c r="C9931" s="7">
        <f t="shared" si="155"/>
        <v>165.31784999999996</v>
      </c>
      <c r="I9931" s="1"/>
    </row>
    <row r="9932" spans="1:9" x14ac:dyDescent="0.25">
      <c r="A9932" s="3">
        <v>41795.572164351855</v>
      </c>
      <c r="B9932" s="6">
        <v>165334.5</v>
      </c>
      <c r="C9932" s="7">
        <f t="shared" si="155"/>
        <v>165.33449999999999</v>
      </c>
      <c r="I9932" s="1"/>
    </row>
    <row r="9933" spans="1:9" x14ac:dyDescent="0.25">
      <c r="A9933" s="3">
        <v>41795.572268518517</v>
      </c>
      <c r="B9933" s="6">
        <v>165351.15</v>
      </c>
      <c r="C9933" s="7">
        <f t="shared" si="155"/>
        <v>165.35114999999999</v>
      </c>
      <c r="I9933" s="1"/>
    </row>
    <row r="9934" spans="1:9" x14ac:dyDescent="0.25">
      <c r="A9934" s="3">
        <v>41795.574641203704</v>
      </c>
      <c r="B9934" s="6">
        <v>165367.79999999999</v>
      </c>
      <c r="C9934" s="7">
        <f t="shared" si="155"/>
        <v>165.36779999999999</v>
      </c>
      <c r="I9934" s="1"/>
    </row>
    <row r="9935" spans="1:9" x14ac:dyDescent="0.25">
      <c r="A9935" s="3">
        <v>41795.57476851852</v>
      </c>
      <c r="B9935" s="6">
        <v>165384.44999999998</v>
      </c>
      <c r="C9935" s="7">
        <f t="shared" si="155"/>
        <v>165.38444999999999</v>
      </c>
      <c r="I9935" s="1"/>
    </row>
    <row r="9936" spans="1:9" x14ac:dyDescent="0.25">
      <c r="A9936" s="3">
        <v>41795.575821759259</v>
      </c>
      <c r="B9936" s="6">
        <v>165401.09999999998</v>
      </c>
      <c r="C9936" s="7">
        <f t="shared" si="155"/>
        <v>165.40109999999999</v>
      </c>
      <c r="I9936" s="1"/>
    </row>
    <row r="9937" spans="1:9" x14ac:dyDescent="0.25">
      <c r="A9937" s="3">
        <v>41795.575925925928</v>
      </c>
      <c r="B9937" s="6">
        <v>165417.75</v>
      </c>
      <c r="C9937" s="7">
        <f t="shared" si="155"/>
        <v>165.41775000000001</v>
      </c>
      <c r="I9937" s="1"/>
    </row>
    <row r="9938" spans="1:9" x14ac:dyDescent="0.25">
      <c r="A9938" s="3">
        <v>41795.577222222222</v>
      </c>
      <c r="B9938" s="6">
        <v>165434.4</v>
      </c>
      <c r="C9938" s="7">
        <f t="shared" si="155"/>
        <v>165.43439999999998</v>
      </c>
      <c r="I9938" s="1"/>
    </row>
    <row r="9939" spans="1:9" x14ac:dyDescent="0.25">
      <c r="A9939" s="3">
        <v>41795.577291666668</v>
      </c>
      <c r="B9939" s="6">
        <v>165451.04999999999</v>
      </c>
      <c r="C9939" s="7">
        <f t="shared" si="155"/>
        <v>165.45104999999998</v>
      </c>
      <c r="I9939" s="1"/>
    </row>
    <row r="9940" spans="1:9" x14ac:dyDescent="0.25">
      <c r="A9940" s="3">
        <v>41795.580763888887</v>
      </c>
      <c r="B9940" s="6">
        <v>165467.69999999998</v>
      </c>
      <c r="C9940" s="7">
        <f t="shared" si="155"/>
        <v>165.46769999999998</v>
      </c>
      <c r="I9940" s="1"/>
    </row>
    <row r="9941" spans="1:9" x14ac:dyDescent="0.25">
      <c r="A9941" s="3">
        <v>41795.580925925926</v>
      </c>
      <c r="B9941" s="6">
        <v>165484.34999999998</v>
      </c>
      <c r="C9941" s="7">
        <f t="shared" si="155"/>
        <v>165.48434999999998</v>
      </c>
      <c r="I9941" s="1"/>
    </row>
    <row r="9942" spans="1:9" x14ac:dyDescent="0.25">
      <c r="A9942" s="3">
        <v>41795.582280092596</v>
      </c>
      <c r="B9942" s="6">
        <v>165501</v>
      </c>
      <c r="C9942" s="7">
        <f t="shared" si="155"/>
        <v>165.501</v>
      </c>
      <c r="I9942" s="1"/>
    </row>
    <row r="9943" spans="1:9" x14ac:dyDescent="0.25">
      <c r="A9943" s="3">
        <v>41795.582326388889</v>
      </c>
      <c r="B9943" s="6">
        <v>165517.65</v>
      </c>
      <c r="C9943" s="7">
        <f t="shared" si="155"/>
        <v>165.51765</v>
      </c>
      <c r="I9943" s="1"/>
    </row>
    <row r="9944" spans="1:9" x14ac:dyDescent="0.25">
      <c r="A9944" s="3">
        <v>41795.582824074074</v>
      </c>
      <c r="B9944" s="6">
        <v>165534.29999999999</v>
      </c>
      <c r="C9944" s="7">
        <f t="shared" si="155"/>
        <v>165.5343</v>
      </c>
      <c r="I9944" s="1"/>
    </row>
    <row r="9945" spans="1:9" x14ac:dyDescent="0.25">
      <c r="A9945" s="3">
        <v>41795.582916666666</v>
      </c>
      <c r="B9945" s="6">
        <v>165550.94999999998</v>
      </c>
      <c r="C9945" s="7">
        <f t="shared" si="155"/>
        <v>165.55094999999997</v>
      </c>
      <c r="I9945" s="1"/>
    </row>
    <row r="9946" spans="1:9" x14ac:dyDescent="0.25">
      <c r="A9946" s="3">
        <v>41795.583460648151</v>
      </c>
      <c r="B9946" s="6">
        <v>165567.59999999998</v>
      </c>
      <c r="C9946" s="7">
        <f t="shared" si="155"/>
        <v>165.56759999999997</v>
      </c>
      <c r="I9946" s="1"/>
    </row>
    <row r="9947" spans="1:9" x14ac:dyDescent="0.25">
      <c r="A9947" s="3">
        <v>41795.583587962959</v>
      </c>
      <c r="B9947" s="6">
        <v>165584.25</v>
      </c>
      <c r="C9947" s="7">
        <f t="shared" si="155"/>
        <v>165.58425</v>
      </c>
      <c r="I9947" s="1"/>
    </row>
    <row r="9948" spans="1:9" x14ac:dyDescent="0.25">
      <c r="A9948" s="3">
        <v>41795.584930555553</v>
      </c>
      <c r="B9948" s="6">
        <v>165600.9</v>
      </c>
      <c r="C9948" s="7">
        <f t="shared" si="155"/>
        <v>165.6009</v>
      </c>
      <c r="I9948" s="1"/>
    </row>
    <row r="9949" spans="1:9" x14ac:dyDescent="0.25">
      <c r="A9949" s="3">
        <v>41795.585092592592</v>
      </c>
      <c r="B9949" s="6">
        <v>165617.54999999999</v>
      </c>
      <c r="C9949" s="7">
        <f t="shared" si="155"/>
        <v>165.61754999999999</v>
      </c>
      <c r="I9949" s="1"/>
    </row>
    <row r="9950" spans="1:9" x14ac:dyDescent="0.25">
      <c r="A9950" s="3">
        <v>41795.589722222219</v>
      </c>
      <c r="B9950" s="6">
        <v>165634.19999999998</v>
      </c>
      <c r="C9950" s="7">
        <f t="shared" si="155"/>
        <v>165.63419999999999</v>
      </c>
      <c r="I9950" s="1"/>
    </row>
    <row r="9951" spans="1:9" x14ac:dyDescent="0.25">
      <c r="A9951" s="3">
        <v>41795.590520833335</v>
      </c>
      <c r="B9951" s="6">
        <v>165650.84999999998</v>
      </c>
      <c r="C9951" s="7">
        <f t="shared" si="155"/>
        <v>165.65084999999996</v>
      </c>
      <c r="I9951" s="1"/>
    </row>
    <row r="9952" spans="1:9" x14ac:dyDescent="0.25">
      <c r="A9952" s="3">
        <v>41795.592777777776</v>
      </c>
      <c r="B9952" s="6">
        <v>165667.5</v>
      </c>
      <c r="C9952" s="7">
        <f t="shared" si="155"/>
        <v>165.66749999999999</v>
      </c>
      <c r="I9952" s="1"/>
    </row>
    <row r="9953" spans="1:9" x14ac:dyDescent="0.25">
      <c r="A9953" s="3">
        <v>41795.592951388891</v>
      </c>
      <c r="B9953" s="6">
        <v>165684.15</v>
      </c>
      <c r="C9953" s="7">
        <f t="shared" si="155"/>
        <v>165.68414999999999</v>
      </c>
      <c r="I9953" s="1"/>
    </row>
    <row r="9954" spans="1:9" x14ac:dyDescent="0.25">
      <c r="A9954" s="3">
        <v>41795.594594907408</v>
      </c>
      <c r="B9954" s="6">
        <v>165700.79999999999</v>
      </c>
      <c r="C9954" s="7">
        <f t="shared" si="155"/>
        <v>165.70079999999999</v>
      </c>
      <c r="I9954" s="1"/>
    </row>
    <row r="9955" spans="1:9" x14ac:dyDescent="0.25">
      <c r="A9955" s="3">
        <v>41795.594722222224</v>
      </c>
      <c r="B9955" s="6">
        <v>165717.44999999998</v>
      </c>
      <c r="C9955" s="7">
        <f t="shared" si="155"/>
        <v>165.71744999999999</v>
      </c>
      <c r="I9955" s="1"/>
    </row>
    <row r="9956" spans="1:9" x14ac:dyDescent="0.25">
      <c r="A9956" s="3">
        <v>41795.595601851855</v>
      </c>
      <c r="B9956" s="6">
        <v>165734.09999999998</v>
      </c>
      <c r="C9956" s="7">
        <f t="shared" si="155"/>
        <v>165.73409999999998</v>
      </c>
      <c r="I9956" s="1"/>
    </row>
    <row r="9957" spans="1:9" x14ac:dyDescent="0.25">
      <c r="A9957" s="3">
        <v>41795.595763888887</v>
      </c>
      <c r="B9957" s="6">
        <v>165750.75</v>
      </c>
      <c r="C9957" s="7">
        <f t="shared" si="155"/>
        <v>165.75075000000001</v>
      </c>
      <c r="I9957" s="1"/>
    </row>
    <row r="9958" spans="1:9" x14ac:dyDescent="0.25">
      <c r="A9958" s="3">
        <v>41795.596516203703</v>
      </c>
      <c r="B9958" s="6">
        <v>165767.4</v>
      </c>
      <c r="C9958" s="7">
        <f t="shared" si="155"/>
        <v>165.76739999999998</v>
      </c>
      <c r="I9958" s="1"/>
    </row>
    <row r="9959" spans="1:9" x14ac:dyDescent="0.25">
      <c r="A9959" s="3">
        <v>41795.596597222226</v>
      </c>
      <c r="B9959" s="6">
        <v>165784.04999999999</v>
      </c>
      <c r="C9959" s="7">
        <f t="shared" si="155"/>
        <v>165.78404999999998</v>
      </c>
      <c r="I9959" s="1"/>
    </row>
    <row r="9960" spans="1:9" x14ac:dyDescent="0.25">
      <c r="A9960" s="3">
        <v>41795.597361111111</v>
      </c>
      <c r="B9960" s="6">
        <v>165800.69999999998</v>
      </c>
      <c r="C9960" s="7">
        <f t="shared" si="155"/>
        <v>165.80069999999998</v>
      </c>
      <c r="I9960" s="1"/>
    </row>
    <row r="9961" spans="1:9" x14ac:dyDescent="0.25">
      <c r="A9961" s="3">
        <v>41795.597592592596</v>
      </c>
      <c r="B9961" s="6">
        <v>165817.34999999998</v>
      </c>
      <c r="C9961" s="7">
        <f t="shared" si="155"/>
        <v>165.81734999999998</v>
      </c>
      <c r="I9961" s="1"/>
    </row>
    <row r="9962" spans="1:9" x14ac:dyDescent="0.25">
      <c r="A9962" s="3">
        <v>41795.599444444444</v>
      </c>
      <c r="B9962" s="6">
        <v>165834</v>
      </c>
      <c r="C9962" s="7">
        <f t="shared" si="155"/>
        <v>165.834</v>
      </c>
      <c r="I9962" s="1"/>
    </row>
    <row r="9963" spans="1:9" x14ac:dyDescent="0.25">
      <c r="A9963" s="3">
        <v>41795.599537037036</v>
      </c>
      <c r="B9963" s="6">
        <v>165850.65</v>
      </c>
      <c r="C9963" s="7">
        <f t="shared" si="155"/>
        <v>165.85065</v>
      </c>
      <c r="I9963" s="1"/>
    </row>
    <row r="9964" spans="1:9" x14ac:dyDescent="0.25">
      <c r="A9964" s="3">
        <v>41795.600590277776</v>
      </c>
      <c r="B9964" s="6">
        <v>165867.29999999999</v>
      </c>
      <c r="C9964" s="7">
        <f t="shared" si="155"/>
        <v>165.8673</v>
      </c>
      <c r="I9964" s="1"/>
    </row>
    <row r="9965" spans="1:9" x14ac:dyDescent="0.25">
      <c r="A9965" s="3">
        <v>41795.600659722222</v>
      </c>
      <c r="B9965" s="6">
        <v>165883.94999999998</v>
      </c>
      <c r="C9965" s="7">
        <f t="shared" si="155"/>
        <v>165.88394999999997</v>
      </c>
      <c r="I9965" s="1"/>
    </row>
    <row r="9966" spans="1:9" x14ac:dyDescent="0.25">
      <c r="A9966" s="3">
        <v>41795.601261574076</v>
      </c>
      <c r="B9966" s="6">
        <v>165900.59999999998</v>
      </c>
      <c r="C9966" s="7">
        <f t="shared" si="155"/>
        <v>165.90059999999997</v>
      </c>
      <c r="I9966" s="1"/>
    </row>
    <row r="9967" spans="1:9" x14ac:dyDescent="0.25">
      <c r="A9967" s="3">
        <v>41795.601400462961</v>
      </c>
      <c r="B9967" s="6">
        <v>165917.25</v>
      </c>
      <c r="C9967" s="7">
        <f t="shared" si="155"/>
        <v>165.91725</v>
      </c>
      <c r="I9967" s="1"/>
    </row>
    <row r="9968" spans="1:9" x14ac:dyDescent="0.25">
      <c r="A9968" s="3">
        <v>41795.602129629631</v>
      </c>
      <c r="B9968" s="6">
        <v>165933.9</v>
      </c>
      <c r="C9968" s="7">
        <f t="shared" si="155"/>
        <v>165.93389999999999</v>
      </c>
      <c r="I9968" s="1"/>
    </row>
    <row r="9969" spans="1:9" x14ac:dyDescent="0.25">
      <c r="A9969" s="3">
        <v>41795.602824074071</v>
      </c>
      <c r="B9969" s="6">
        <v>165950.54999999999</v>
      </c>
      <c r="C9969" s="7">
        <f t="shared" si="155"/>
        <v>165.95054999999999</v>
      </c>
      <c r="I9969" s="1"/>
    </row>
    <row r="9970" spans="1:9" x14ac:dyDescent="0.25">
      <c r="A9970" s="3">
        <v>41795.605000000003</v>
      </c>
      <c r="B9970" s="6">
        <v>165967.19999999998</v>
      </c>
      <c r="C9970" s="7">
        <f t="shared" si="155"/>
        <v>165.96719999999999</v>
      </c>
      <c r="I9970" s="1"/>
    </row>
    <row r="9971" spans="1:9" x14ac:dyDescent="0.25">
      <c r="A9971" s="3">
        <v>41795.605196759258</v>
      </c>
      <c r="B9971" s="6">
        <v>165983.84999999998</v>
      </c>
      <c r="C9971" s="7">
        <f t="shared" si="155"/>
        <v>165.98384999999999</v>
      </c>
      <c r="I9971" s="1"/>
    </row>
    <row r="9972" spans="1:9" x14ac:dyDescent="0.25">
      <c r="A9972" s="3">
        <v>41795.606273148151</v>
      </c>
      <c r="B9972" s="6">
        <v>166000.5</v>
      </c>
      <c r="C9972" s="7">
        <f t="shared" si="155"/>
        <v>166.00049999999999</v>
      </c>
      <c r="I9972" s="1"/>
    </row>
    <row r="9973" spans="1:9" x14ac:dyDescent="0.25">
      <c r="A9973" s="3">
        <v>41795.606319444443</v>
      </c>
      <c r="B9973" s="6">
        <v>166017.15</v>
      </c>
      <c r="C9973" s="7">
        <f t="shared" si="155"/>
        <v>166.01714999999999</v>
      </c>
      <c r="I9973" s="1"/>
    </row>
    <row r="9974" spans="1:9" x14ac:dyDescent="0.25">
      <c r="A9974" s="3">
        <v>41795.606666666667</v>
      </c>
      <c r="B9974" s="6">
        <v>166033.79999999999</v>
      </c>
      <c r="C9974" s="7">
        <f t="shared" si="155"/>
        <v>166.03379999999999</v>
      </c>
      <c r="I9974" s="1"/>
    </row>
    <row r="9975" spans="1:9" x14ac:dyDescent="0.25">
      <c r="A9975" s="3">
        <v>41795.606712962966</v>
      </c>
      <c r="B9975" s="6">
        <v>166050.44999999998</v>
      </c>
      <c r="C9975" s="7">
        <f t="shared" si="155"/>
        <v>166.05044999999998</v>
      </c>
      <c r="I9975" s="1"/>
    </row>
    <row r="9976" spans="1:9" x14ac:dyDescent="0.25">
      <c r="A9976" s="3">
        <v>41795.607662037037</v>
      </c>
      <c r="B9976" s="6">
        <v>166067.09999999998</v>
      </c>
      <c r="C9976" s="7">
        <f t="shared" si="155"/>
        <v>166.06709999999998</v>
      </c>
      <c r="I9976" s="1"/>
    </row>
    <row r="9977" spans="1:9" x14ac:dyDescent="0.25">
      <c r="A9977" s="3">
        <v>41795.608101851853</v>
      </c>
      <c r="B9977" s="6">
        <v>166083.75</v>
      </c>
      <c r="C9977" s="7">
        <f t="shared" si="155"/>
        <v>166.08375000000001</v>
      </c>
      <c r="I9977" s="1"/>
    </row>
    <row r="9978" spans="1:9" x14ac:dyDescent="0.25">
      <c r="A9978" s="3">
        <v>41795.609236111108</v>
      </c>
      <c r="B9978" s="6">
        <v>166100.4</v>
      </c>
      <c r="C9978" s="7">
        <f t="shared" si="155"/>
        <v>166.10040000000001</v>
      </c>
      <c r="I9978" s="1"/>
    </row>
    <row r="9979" spans="1:9" x14ac:dyDescent="0.25">
      <c r="A9979" s="3">
        <v>41795.609317129631</v>
      </c>
      <c r="B9979" s="6">
        <v>166117.04999999999</v>
      </c>
      <c r="C9979" s="7">
        <f t="shared" si="155"/>
        <v>166.11704999999998</v>
      </c>
      <c r="I9979" s="1"/>
    </row>
    <row r="9980" spans="1:9" x14ac:dyDescent="0.25">
      <c r="A9980" s="3">
        <v>41795.610150462962</v>
      </c>
      <c r="B9980" s="6">
        <v>166133.69999999998</v>
      </c>
      <c r="C9980" s="7">
        <f t="shared" si="155"/>
        <v>166.13369999999998</v>
      </c>
      <c r="I9980" s="1"/>
    </row>
    <row r="9981" spans="1:9" x14ac:dyDescent="0.25">
      <c r="A9981" s="3">
        <v>41795.610208333332</v>
      </c>
      <c r="B9981" s="6">
        <v>166150.34999999998</v>
      </c>
      <c r="C9981" s="7">
        <f t="shared" si="155"/>
        <v>166.15034999999997</v>
      </c>
      <c r="I9981" s="1"/>
    </row>
    <row r="9982" spans="1:9" x14ac:dyDescent="0.25">
      <c r="A9982" s="3">
        <v>41795.610925925925</v>
      </c>
      <c r="B9982" s="6">
        <v>166167</v>
      </c>
      <c r="C9982" s="7">
        <f t="shared" si="155"/>
        <v>166.167</v>
      </c>
      <c r="I9982" s="1"/>
    </row>
    <row r="9983" spans="1:9" x14ac:dyDescent="0.25">
      <c r="A9983" s="3">
        <v>41795.610995370371</v>
      </c>
      <c r="B9983" s="6">
        <v>166183.65</v>
      </c>
      <c r="C9983" s="7">
        <f t="shared" si="155"/>
        <v>166.18365</v>
      </c>
      <c r="I9983" s="1"/>
    </row>
    <row r="9984" spans="1:9" x14ac:dyDescent="0.25">
      <c r="A9984" s="3">
        <v>41795.61204861111</v>
      </c>
      <c r="B9984" s="6">
        <v>166200.29999999999</v>
      </c>
      <c r="C9984" s="7">
        <f t="shared" si="155"/>
        <v>166.2003</v>
      </c>
      <c r="I9984" s="1"/>
    </row>
    <row r="9985" spans="1:9" x14ac:dyDescent="0.25">
      <c r="A9985" s="3">
        <v>41795.612118055556</v>
      </c>
      <c r="B9985" s="6">
        <v>166216.94999999998</v>
      </c>
      <c r="C9985" s="7">
        <f t="shared" si="155"/>
        <v>166.21694999999997</v>
      </c>
      <c r="I9985" s="1"/>
    </row>
    <row r="9986" spans="1:9" x14ac:dyDescent="0.25">
      <c r="A9986" s="3">
        <v>41795.613680555558</v>
      </c>
      <c r="B9986" s="6">
        <v>166233.59999999998</v>
      </c>
      <c r="C9986" s="7">
        <f t="shared" si="155"/>
        <v>166.23359999999997</v>
      </c>
      <c r="I9986" s="1"/>
    </row>
    <row r="9987" spans="1:9" x14ac:dyDescent="0.25">
      <c r="A9987" s="3">
        <v>41795.61377314815</v>
      </c>
      <c r="B9987" s="6">
        <v>166250.25</v>
      </c>
      <c r="C9987" s="7">
        <f t="shared" ref="C9987:C10050" si="156">B9987/1000</f>
        <v>166.25024999999999</v>
      </c>
      <c r="I9987" s="1"/>
    </row>
    <row r="9988" spans="1:9" x14ac:dyDescent="0.25">
      <c r="A9988" s="3">
        <v>41795.614710648151</v>
      </c>
      <c r="B9988" s="6">
        <v>166266.9</v>
      </c>
      <c r="C9988" s="7">
        <f t="shared" si="156"/>
        <v>166.26689999999999</v>
      </c>
      <c r="I9988" s="1"/>
    </row>
    <row r="9989" spans="1:9" x14ac:dyDescent="0.25">
      <c r="A9989" s="3">
        <v>41795.614768518521</v>
      </c>
      <c r="B9989" s="6">
        <v>166283.54999999999</v>
      </c>
      <c r="C9989" s="7">
        <f t="shared" si="156"/>
        <v>166.28354999999999</v>
      </c>
      <c r="I9989" s="1"/>
    </row>
    <row r="9990" spans="1:9" x14ac:dyDescent="0.25">
      <c r="A9990" s="3">
        <v>41795.615717592591</v>
      </c>
      <c r="B9990" s="6">
        <v>166300.19999999998</v>
      </c>
      <c r="C9990" s="7">
        <f t="shared" si="156"/>
        <v>166.30019999999999</v>
      </c>
      <c r="I9990" s="1"/>
    </row>
    <row r="9991" spans="1:9" x14ac:dyDescent="0.25">
      <c r="A9991" s="3">
        <v>41795.616168981483</v>
      </c>
      <c r="B9991" s="6">
        <v>166316.84999999998</v>
      </c>
      <c r="C9991" s="7">
        <f t="shared" si="156"/>
        <v>166.31684999999999</v>
      </c>
      <c r="I9991" s="1"/>
    </row>
    <row r="9992" spans="1:9" x14ac:dyDescent="0.25">
      <c r="A9992" s="3">
        <v>41795.616643518515</v>
      </c>
      <c r="B9992" s="6">
        <v>166333.5</v>
      </c>
      <c r="C9992" s="7">
        <f t="shared" si="156"/>
        <v>166.33349999999999</v>
      </c>
      <c r="I9992" s="1"/>
    </row>
    <row r="9993" spans="1:9" x14ac:dyDescent="0.25">
      <c r="A9993" s="3">
        <v>41795.616701388892</v>
      </c>
      <c r="B9993" s="6">
        <v>166350.15</v>
      </c>
      <c r="C9993" s="7">
        <f t="shared" si="156"/>
        <v>166.35014999999999</v>
      </c>
      <c r="I9993" s="1"/>
    </row>
    <row r="9994" spans="1:9" x14ac:dyDescent="0.25">
      <c r="A9994" s="3">
        <v>41795.618645833332</v>
      </c>
      <c r="B9994" s="6">
        <v>166366.79999999999</v>
      </c>
      <c r="C9994" s="7">
        <f t="shared" si="156"/>
        <v>166.36679999999998</v>
      </c>
      <c r="I9994" s="1"/>
    </row>
    <row r="9995" spans="1:9" x14ac:dyDescent="0.25">
      <c r="A9995" s="3">
        <v>41795.618923611109</v>
      </c>
      <c r="B9995" s="6">
        <v>166383.44999999998</v>
      </c>
      <c r="C9995" s="7">
        <f t="shared" si="156"/>
        <v>166.38344999999998</v>
      </c>
      <c r="I9995" s="1"/>
    </row>
    <row r="9996" spans="1:9" x14ac:dyDescent="0.25">
      <c r="A9996" s="3">
        <v>41795.619618055556</v>
      </c>
      <c r="B9996" s="6">
        <v>166400.09999999998</v>
      </c>
      <c r="C9996" s="7">
        <f t="shared" si="156"/>
        <v>166.40009999999998</v>
      </c>
      <c r="I9996" s="1"/>
    </row>
    <row r="9997" spans="1:9" x14ac:dyDescent="0.25">
      <c r="A9997" s="3">
        <v>41795.619699074072</v>
      </c>
      <c r="B9997" s="6">
        <v>166416.75</v>
      </c>
      <c r="C9997" s="7">
        <f t="shared" si="156"/>
        <v>166.41675000000001</v>
      </c>
      <c r="I9997" s="1"/>
    </row>
    <row r="9998" spans="1:9" x14ac:dyDescent="0.25">
      <c r="A9998" s="3">
        <v>41795.621145833335</v>
      </c>
      <c r="B9998" s="6">
        <v>166433.4</v>
      </c>
      <c r="C9998" s="7">
        <f t="shared" si="156"/>
        <v>166.43340000000001</v>
      </c>
      <c r="I9998" s="1"/>
    </row>
    <row r="9999" spans="1:9" x14ac:dyDescent="0.25">
      <c r="A9999" s="3">
        <v>41795.621365740742</v>
      </c>
      <c r="B9999" s="6">
        <v>166450.04999999999</v>
      </c>
      <c r="C9999" s="7">
        <f t="shared" si="156"/>
        <v>166.45004999999998</v>
      </c>
      <c r="I9999" s="1"/>
    </row>
    <row r="10000" spans="1:9" x14ac:dyDescent="0.25">
      <c r="A10000" s="3">
        <v>41795.622939814813</v>
      </c>
      <c r="B10000" s="6">
        <v>166466.69999999998</v>
      </c>
      <c r="C10000" s="7">
        <f t="shared" si="156"/>
        <v>166.46669999999997</v>
      </c>
      <c r="I10000" s="1"/>
    </row>
    <row r="10001" spans="1:9" x14ac:dyDescent="0.25">
      <c r="A10001" s="3">
        <v>41795.623055555552</v>
      </c>
      <c r="B10001" s="6">
        <v>166483.34999999998</v>
      </c>
      <c r="C10001" s="7">
        <f t="shared" si="156"/>
        <v>166.48334999999997</v>
      </c>
      <c r="I10001" s="1"/>
    </row>
    <row r="10002" spans="1:9" x14ac:dyDescent="0.25">
      <c r="A10002" s="3">
        <v>41795.625347222223</v>
      </c>
      <c r="B10002" s="6">
        <v>166500</v>
      </c>
      <c r="C10002" s="7">
        <f t="shared" si="156"/>
        <v>166.5</v>
      </c>
      <c r="I10002" s="1"/>
    </row>
    <row r="10003" spans="1:9" x14ac:dyDescent="0.25">
      <c r="A10003" s="3">
        <v>41795.625428240739</v>
      </c>
      <c r="B10003" s="6">
        <v>166516.65</v>
      </c>
      <c r="C10003" s="7">
        <f t="shared" si="156"/>
        <v>166.51665</v>
      </c>
      <c r="I10003" s="1"/>
    </row>
    <row r="10004" spans="1:9" x14ac:dyDescent="0.25">
      <c r="A10004" s="3">
        <v>41795.626655092594</v>
      </c>
      <c r="B10004" s="6">
        <v>166533.29999999999</v>
      </c>
      <c r="C10004" s="7">
        <f t="shared" si="156"/>
        <v>166.5333</v>
      </c>
      <c r="I10004" s="1"/>
    </row>
    <row r="10005" spans="1:9" x14ac:dyDescent="0.25">
      <c r="A10005" s="3">
        <v>41795.62672453704</v>
      </c>
      <c r="B10005" s="6">
        <v>166549.94999999998</v>
      </c>
      <c r="C10005" s="7">
        <f t="shared" si="156"/>
        <v>166.54995</v>
      </c>
      <c r="I10005" s="1"/>
    </row>
    <row r="10006" spans="1:9" x14ac:dyDescent="0.25">
      <c r="A10006" s="3">
        <v>41795.627650462964</v>
      </c>
      <c r="B10006" s="6">
        <v>166566.59999999998</v>
      </c>
      <c r="C10006" s="7">
        <f t="shared" si="156"/>
        <v>166.56659999999997</v>
      </c>
      <c r="I10006" s="1"/>
    </row>
    <row r="10007" spans="1:9" x14ac:dyDescent="0.25">
      <c r="A10007" s="3">
        <v>41795.62777777778</v>
      </c>
      <c r="B10007" s="6">
        <v>166583.25</v>
      </c>
      <c r="C10007" s="7">
        <f t="shared" si="156"/>
        <v>166.58324999999999</v>
      </c>
      <c r="I10007" s="1"/>
    </row>
    <row r="10008" spans="1:9" x14ac:dyDescent="0.25">
      <c r="A10008" s="3">
        <v>41795.630486111113</v>
      </c>
      <c r="B10008" s="6">
        <v>166599.9</v>
      </c>
      <c r="C10008" s="7">
        <f t="shared" si="156"/>
        <v>166.59989999999999</v>
      </c>
      <c r="I10008" s="1"/>
    </row>
    <row r="10009" spans="1:9" x14ac:dyDescent="0.25">
      <c r="A10009" s="3">
        <v>41795.630532407406</v>
      </c>
      <c r="B10009" s="6">
        <v>166616.54999999999</v>
      </c>
      <c r="C10009" s="7">
        <f t="shared" si="156"/>
        <v>166.61654999999999</v>
      </c>
      <c r="I10009" s="1"/>
    </row>
    <row r="10010" spans="1:9" x14ac:dyDescent="0.25">
      <c r="A10010" s="3">
        <v>41795.63108796296</v>
      </c>
      <c r="B10010" s="6">
        <v>166633.19999999998</v>
      </c>
      <c r="C10010" s="7">
        <f t="shared" si="156"/>
        <v>166.63319999999999</v>
      </c>
      <c r="I10010" s="1"/>
    </row>
    <row r="10011" spans="1:9" x14ac:dyDescent="0.25">
      <c r="A10011" s="3">
        <v>41795.631192129629</v>
      </c>
      <c r="B10011" s="6">
        <v>166649.84999999998</v>
      </c>
      <c r="C10011" s="7">
        <f t="shared" si="156"/>
        <v>166.64984999999999</v>
      </c>
      <c r="I10011" s="1"/>
    </row>
    <row r="10012" spans="1:9" x14ac:dyDescent="0.25">
      <c r="A10012" s="3">
        <v>41795.632870370369</v>
      </c>
      <c r="B10012" s="6">
        <v>166666.5</v>
      </c>
      <c r="C10012" s="7">
        <f t="shared" si="156"/>
        <v>166.66650000000001</v>
      </c>
      <c r="I10012" s="1"/>
    </row>
    <row r="10013" spans="1:9" x14ac:dyDescent="0.25">
      <c r="A10013" s="3">
        <v>41795.632928240739</v>
      </c>
      <c r="B10013" s="6">
        <v>166683.15</v>
      </c>
      <c r="C10013" s="7">
        <f t="shared" si="156"/>
        <v>166.68314999999998</v>
      </c>
      <c r="I10013" s="1"/>
    </row>
    <row r="10014" spans="1:9" x14ac:dyDescent="0.25">
      <c r="A10014" s="3">
        <v>41795.634548611109</v>
      </c>
      <c r="B10014" s="6">
        <v>166699.79999999999</v>
      </c>
      <c r="C10014" s="7">
        <f t="shared" si="156"/>
        <v>166.69979999999998</v>
      </c>
      <c r="I10014" s="1"/>
    </row>
    <row r="10015" spans="1:9" x14ac:dyDescent="0.25">
      <c r="A10015" s="3">
        <v>41795.634733796294</v>
      </c>
      <c r="B10015" s="6">
        <v>166716.44999999998</v>
      </c>
      <c r="C10015" s="7">
        <f t="shared" si="156"/>
        <v>166.71644999999998</v>
      </c>
      <c r="I10015" s="1"/>
    </row>
    <row r="10016" spans="1:9" x14ac:dyDescent="0.25">
      <c r="A10016" s="3">
        <v>41795.637766203705</v>
      </c>
      <c r="B10016" s="6">
        <v>166733.09999999998</v>
      </c>
      <c r="C10016" s="7">
        <f t="shared" si="156"/>
        <v>166.73309999999998</v>
      </c>
      <c r="I10016" s="1"/>
    </row>
    <row r="10017" spans="1:9" x14ac:dyDescent="0.25">
      <c r="A10017" s="3">
        <v>41795.637812499997</v>
      </c>
      <c r="B10017" s="6">
        <v>166749.75</v>
      </c>
      <c r="C10017" s="7">
        <f t="shared" si="156"/>
        <v>166.74975000000001</v>
      </c>
      <c r="I10017" s="1"/>
    </row>
    <row r="10018" spans="1:9" x14ac:dyDescent="0.25">
      <c r="A10018" s="3">
        <v>41795.638622685183</v>
      </c>
      <c r="B10018" s="6">
        <v>166766.39999999999</v>
      </c>
      <c r="C10018" s="7">
        <f t="shared" si="156"/>
        <v>166.7664</v>
      </c>
      <c r="I10018" s="1"/>
    </row>
    <row r="10019" spans="1:9" x14ac:dyDescent="0.25">
      <c r="A10019" s="3">
        <v>41795.638692129629</v>
      </c>
      <c r="B10019" s="6">
        <v>166783.04999999999</v>
      </c>
      <c r="C10019" s="7">
        <f t="shared" si="156"/>
        <v>166.78304999999997</v>
      </c>
      <c r="I10019" s="1"/>
    </row>
    <row r="10020" spans="1:9" x14ac:dyDescent="0.25">
      <c r="A10020" s="3">
        <v>41795.639872685184</v>
      </c>
      <c r="B10020" s="6">
        <v>166799.69999999998</v>
      </c>
      <c r="C10020" s="7">
        <f t="shared" si="156"/>
        <v>166.79969999999997</v>
      </c>
      <c r="I10020" s="1"/>
    </row>
    <row r="10021" spans="1:9" x14ac:dyDescent="0.25">
      <c r="A10021" s="3">
        <v>41795.640034722222</v>
      </c>
      <c r="B10021" s="6">
        <v>166816.34999999998</v>
      </c>
      <c r="C10021" s="7">
        <f t="shared" si="156"/>
        <v>166.81634999999997</v>
      </c>
      <c r="I10021" s="1"/>
    </row>
    <row r="10022" spans="1:9" x14ac:dyDescent="0.25">
      <c r="A10022" s="3">
        <v>41795.64130787037</v>
      </c>
      <c r="B10022" s="6">
        <v>166833</v>
      </c>
      <c r="C10022" s="7">
        <f t="shared" si="156"/>
        <v>166.833</v>
      </c>
      <c r="I10022" s="1"/>
    </row>
    <row r="10023" spans="1:9" x14ac:dyDescent="0.25">
      <c r="A10023" s="3">
        <v>41795.641400462962</v>
      </c>
      <c r="B10023" s="6">
        <v>166849.65</v>
      </c>
      <c r="C10023" s="7">
        <f t="shared" si="156"/>
        <v>166.84965</v>
      </c>
      <c r="I10023" s="1"/>
    </row>
    <row r="10024" spans="1:9" x14ac:dyDescent="0.25">
      <c r="A10024" s="3">
        <v>41795.641875000001</v>
      </c>
      <c r="B10024" s="6">
        <v>166866.29999999999</v>
      </c>
      <c r="C10024" s="7">
        <f t="shared" si="156"/>
        <v>166.8663</v>
      </c>
      <c r="I10024" s="1"/>
    </row>
    <row r="10025" spans="1:9" x14ac:dyDescent="0.25">
      <c r="A10025" s="3">
        <v>41795.641967592594</v>
      </c>
      <c r="B10025" s="6">
        <v>166882.94999999998</v>
      </c>
      <c r="C10025" s="7">
        <f t="shared" si="156"/>
        <v>166.88294999999999</v>
      </c>
      <c r="I10025" s="1"/>
    </row>
    <row r="10026" spans="1:9" x14ac:dyDescent="0.25">
      <c r="A10026" s="3">
        <v>41795.643449074072</v>
      </c>
      <c r="B10026" s="6">
        <v>166899.59999999998</v>
      </c>
      <c r="C10026" s="7">
        <f t="shared" si="156"/>
        <v>166.89959999999996</v>
      </c>
      <c r="I10026" s="1"/>
    </row>
    <row r="10027" spans="1:9" x14ac:dyDescent="0.25">
      <c r="A10027" s="3">
        <v>41795.643634259257</v>
      </c>
      <c r="B10027" s="6">
        <v>166916.25</v>
      </c>
      <c r="C10027" s="7">
        <f t="shared" si="156"/>
        <v>166.91624999999999</v>
      </c>
      <c r="I10027" s="1"/>
    </row>
    <row r="10028" spans="1:9" x14ac:dyDescent="0.25">
      <c r="A10028" s="3">
        <v>41795.644594907404</v>
      </c>
      <c r="B10028" s="6">
        <v>166932.9</v>
      </c>
      <c r="C10028" s="7">
        <f t="shared" si="156"/>
        <v>166.93289999999999</v>
      </c>
      <c r="I10028" s="1"/>
    </row>
    <row r="10029" spans="1:9" x14ac:dyDescent="0.25">
      <c r="A10029" s="3">
        <v>41795.644675925927</v>
      </c>
      <c r="B10029" s="6">
        <v>166949.54999999999</v>
      </c>
      <c r="C10029" s="7">
        <f t="shared" si="156"/>
        <v>166.94954999999999</v>
      </c>
      <c r="I10029" s="1"/>
    </row>
    <row r="10030" spans="1:9" x14ac:dyDescent="0.25">
      <c r="A10030" s="3">
        <v>41795.645960648151</v>
      </c>
      <c r="B10030" s="6">
        <v>166966.19999999998</v>
      </c>
      <c r="C10030" s="7">
        <f t="shared" si="156"/>
        <v>166.96619999999999</v>
      </c>
      <c r="I10030" s="1"/>
    </row>
    <row r="10031" spans="1:9" x14ac:dyDescent="0.25">
      <c r="A10031" s="3">
        <v>41795.646192129629</v>
      </c>
      <c r="B10031" s="6">
        <v>166982.84999999998</v>
      </c>
      <c r="C10031" s="7">
        <f t="shared" si="156"/>
        <v>166.98284999999998</v>
      </c>
      <c r="I10031" s="1"/>
    </row>
    <row r="10032" spans="1:9" x14ac:dyDescent="0.25">
      <c r="A10032" s="3">
        <v>41795.646944444445</v>
      </c>
      <c r="B10032" s="6">
        <v>166999.5</v>
      </c>
      <c r="C10032" s="7">
        <f t="shared" si="156"/>
        <v>166.99950000000001</v>
      </c>
      <c r="I10032" s="1"/>
    </row>
    <row r="10033" spans="1:9" x14ac:dyDescent="0.25">
      <c r="A10033" s="3">
        <v>41795.647037037037</v>
      </c>
      <c r="B10033" s="6">
        <v>167016.15</v>
      </c>
      <c r="C10033" s="7">
        <f t="shared" si="156"/>
        <v>167.01614999999998</v>
      </c>
      <c r="I10033" s="1"/>
    </row>
    <row r="10034" spans="1:9" x14ac:dyDescent="0.25">
      <c r="A10034" s="3">
        <v>41795.64775462963</v>
      </c>
      <c r="B10034" s="6">
        <v>167032.79999999999</v>
      </c>
      <c r="C10034" s="7">
        <f t="shared" si="156"/>
        <v>167.03279999999998</v>
      </c>
      <c r="I10034" s="1"/>
    </row>
    <row r="10035" spans="1:9" x14ac:dyDescent="0.25">
      <c r="A10035" s="3">
        <v>41795.647800925923</v>
      </c>
      <c r="B10035" s="6">
        <v>167049.44999999998</v>
      </c>
      <c r="C10035" s="7">
        <f t="shared" si="156"/>
        <v>167.04944999999998</v>
      </c>
      <c r="I10035" s="1"/>
    </row>
    <row r="10036" spans="1:9" x14ac:dyDescent="0.25">
      <c r="A10036" s="3">
        <v>41795.648877314816</v>
      </c>
      <c r="B10036" s="6">
        <v>167066.09999999998</v>
      </c>
      <c r="C10036" s="7">
        <f t="shared" si="156"/>
        <v>167.06609999999998</v>
      </c>
      <c r="I10036" s="1"/>
    </row>
    <row r="10037" spans="1:9" x14ac:dyDescent="0.25">
      <c r="A10037" s="3">
        <v>41795.648946759262</v>
      </c>
      <c r="B10037" s="6">
        <v>167082.75</v>
      </c>
      <c r="C10037" s="7">
        <f t="shared" si="156"/>
        <v>167.08275</v>
      </c>
      <c r="I10037" s="1"/>
    </row>
    <row r="10038" spans="1:9" x14ac:dyDescent="0.25">
      <c r="A10038" s="3">
        <v>41795.649502314816</v>
      </c>
      <c r="B10038" s="6">
        <v>167099.4</v>
      </c>
      <c r="C10038" s="7">
        <f t="shared" si="156"/>
        <v>167.0994</v>
      </c>
      <c r="I10038" s="1"/>
    </row>
    <row r="10039" spans="1:9" x14ac:dyDescent="0.25">
      <c r="A10039" s="3">
        <v>41795.649583333332</v>
      </c>
      <c r="B10039" s="6">
        <v>167116.04999999999</v>
      </c>
      <c r="C10039" s="7">
        <f t="shared" si="156"/>
        <v>167.11605</v>
      </c>
      <c r="I10039" s="1"/>
    </row>
    <row r="10040" spans="1:9" x14ac:dyDescent="0.25">
      <c r="A10040" s="3">
        <v>41795.650393518517</v>
      </c>
      <c r="B10040" s="6">
        <v>167132.69999999998</v>
      </c>
      <c r="C10040" s="7">
        <f t="shared" si="156"/>
        <v>167.13269999999997</v>
      </c>
      <c r="I10040" s="1"/>
    </row>
    <row r="10041" spans="1:9" x14ac:dyDescent="0.25">
      <c r="A10041" s="3">
        <v>41795.650613425925</v>
      </c>
      <c r="B10041" s="6">
        <v>167149.34999999998</v>
      </c>
      <c r="C10041" s="7">
        <f t="shared" si="156"/>
        <v>167.14934999999997</v>
      </c>
      <c r="I10041" s="1"/>
    </row>
    <row r="10042" spans="1:9" x14ac:dyDescent="0.25">
      <c r="A10042" s="3">
        <v>41795.652916666666</v>
      </c>
      <c r="B10042" s="6">
        <v>167166</v>
      </c>
      <c r="C10042" s="7">
        <f t="shared" si="156"/>
        <v>167.166</v>
      </c>
      <c r="I10042" s="1"/>
    </row>
    <row r="10043" spans="1:9" x14ac:dyDescent="0.25">
      <c r="A10043" s="3">
        <v>41795.653599537036</v>
      </c>
      <c r="B10043" s="6">
        <v>167182.65</v>
      </c>
      <c r="C10043" s="7">
        <f t="shared" si="156"/>
        <v>167.18265</v>
      </c>
      <c r="I10043" s="1"/>
    </row>
    <row r="10044" spans="1:9" x14ac:dyDescent="0.25">
      <c r="A10044" s="3">
        <v>41795.655104166668</v>
      </c>
      <c r="B10044" s="6">
        <v>167199.29999999999</v>
      </c>
      <c r="C10044" s="7">
        <f t="shared" si="156"/>
        <v>167.19929999999999</v>
      </c>
      <c r="I10044" s="1"/>
    </row>
    <row r="10045" spans="1:9" x14ac:dyDescent="0.25">
      <c r="A10045" s="3">
        <v>41795.655173611114</v>
      </c>
      <c r="B10045" s="6">
        <v>167215.94999999998</v>
      </c>
      <c r="C10045" s="7">
        <f t="shared" si="156"/>
        <v>167.21594999999999</v>
      </c>
      <c r="I10045" s="1"/>
    </row>
    <row r="10046" spans="1:9" x14ac:dyDescent="0.25">
      <c r="A10046" s="3">
        <v>41795.656493055554</v>
      </c>
      <c r="B10046" s="6">
        <v>167232.59999999998</v>
      </c>
      <c r="C10046" s="7">
        <f t="shared" si="156"/>
        <v>167.23259999999999</v>
      </c>
      <c r="I10046" s="1"/>
    </row>
    <row r="10047" spans="1:9" x14ac:dyDescent="0.25">
      <c r="A10047" s="3">
        <v>41795.656678240739</v>
      </c>
      <c r="B10047" s="6">
        <v>167249.25</v>
      </c>
      <c r="C10047" s="7">
        <f t="shared" si="156"/>
        <v>167.24924999999999</v>
      </c>
      <c r="I10047" s="1"/>
    </row>
    <row r="10048" spans="1:9" x14ac:dyDescent="0.25">
      <c r="A10048" s="3">
        <v>41795.65829861111</v>
      </c>
      <c r="B10048" s="6">
        <v>167265.9</v>
      </c>
      <c r="C10048" s="7">
        <f t="shared" si="156"/>
        <v>167.26589999999999</v>
      </c>
      <c r="I10048" s="1"/>
    </row>
    <row r="10049" spans="1:9" x14ac:dyDescent="0.25">
      <c r="A10049" s="3">
        <v>41795.658391203702</v>
      </c>
      <c r="B10049" s="6">
        <v>167282.54999999999</v>
      </c>
      <c r="C10049" s="7">
        <f t="shared" si="156"/>
        <v>167.28254999999999</v>
      </c>
      <c r="I10049" s="1"/>
    </row>
    <row r="10050" spans="1:9" x14ac:dyDescent="0.25">
      <c r="A10050" s="3">
        <v>41795.659710648149</v>
      </c>
      <c r="B10050" s="6">
        <v>167299.19999999998</v>
      </c>
      <c r="C10050" s="7">
        <f t="shared" si="156"/>
        <v>167.29919999999998</v>
      </c>
      <c r="I10050" s="1"/>
    </row>
    <row r="10051" spans="1:9" x14ac:dyDescent="0.25">
      <c r="A10051" s="3">
        <v>41795.659803240742</v>
      </c>
      <c r="B10051" s="6">
        <v>167315.84999999998</v>
      </c>
      <c r="C10051" s="7">
        <f t="shared" ref="C10051:C10114" si="157">B10051/1000</f>
        <v>167.31584999999998</v>
      </c>
      <c r="I10051" s="1"/>
    </row>
    <row r="10052" spans="1:9" x14ac:dyDescent="0.25">
      <c r="A10052" s="3">
        <v>41795.661296296297</v>
      </c>
      <c r="B10052" s="6">
        <v>167332.5</v>
      </c>
      <c r="C10052" s="7">
        <f t="shared" si="157"/>
        <v>167.33250000000001</v>
      </c>
      <c r="I10052" s="1"/>
    </row>
    <row r="10053" spans="1:9" x14ac:dyDescent="0.25">
      <c r="A10053" s="3">
        <v>41795.661724537036</v>
      </c>
      <c r="B10053" s="6">
        <v>167349.15</v>
      </c>
      <c r="C10053" s="7">
        <f t="shared" si="157"/>
        <v>167.34914999999998</v>
      </c>
      <c r="I10053" s="1"/>
    </row>
    <row r="10054" spans="1:9" x14ac:dyDescent="0.25">
      <c r="A10054" s="3">
        <v>41795.663101851853</v>
      </c>
      <c r="B10054" s="6">
        <v>167365.79999999999</v>
      </c>
      <c r="C10054" s="7">
        <f t="shared" si="157"/>
        <v>167.36579999999998</v>
      </c>
      <c r="I10054" s="1"/>
    </row>
    <row r="10055" spans="1:9" x14ac:dyDescent="0.25">
      <c r="A10055" s="3">
        <v>41795.663229166668</v>
      </c>
      <c r="B10055" s="6">
        <v>167382.44999999998</v>
      </c>
      <c r="C10055" s="7">
        <f t="shared" si="157"/>
        <v>167.38244999999998</v>
      </c>
      <c r="I10055" s="1"/>
    </row>
    <row r="10056" spans="1:9" x14ac:dyDescent="0.25">
      <c r="A10056" s="3">
        <v>41795.664305555554</v>
      </c>
      <c r="B10056" s="6">
        <v>167399.09999999998</v>
      </c>
      <c r="C10056" s="7">
        <f t="shared" si="157"/>
        <v>167.39909999999998</v>
      </c>
      <c r="I10056" s="1"/>
    </row>
    <row r="10057" spans="1:9" x14ac:dyDescent="0.25">
      <c r="A10057" s="3">
        <v>41795.664386574077</v>
      </c>
      <c r="B10057" s="6">
        <v>167415.75</v>
      </c>
      <c r="C10057" s="7">
        <f t="shared" si="157"/>
        <v>167.41575</v>
      </c>
      <c r="I10057" s="1"/>
    </row>
    <row r="10058" spans="1:9" x14ac:dyDescent="0.25">
      <c r="A10058" s="3">
        <v>41795.665844907409</v>
      </c>
      <c r="B10058" s="6">
        <v>167432.4</v>
      </c>
      <c r="C10058" s="7">
        <f t="shared" si="157"/>
        <v>167.4324</v>
      </c>
      <c r="I10058" s="1"/>
    </row>
    <row r="10059" spans="1:9" x14ac:dyDescent="0.25">
      <c r="A10059" s="3">
        <v>41795.666087962964</v>
      </c>
      <c r="B10059" s="6">
        <v>167449.04999999999</v>
      </c>
      <c r="C10059" s="7">
        <f t="shared" si="157"/>
        <v>167.44905</v>
      </c>
      <c r="I10059" s="1"/>
    </row>
    <row r="10060" spans="1:9" x14ac:dyDescent="0.25">
      <c r="A10060" s="3">
        <v>41795.666909722226</v>
      </c>
      <c r="B10060" s="6">
        <v>167465.69999999998</v>
      </c>
      <c r="C10060" s="7">
        <f t="shared" si="157"/>
        <v>167.46569999999997</v>
      </c>
      <c r="I10060" s="1"/>
    </row>
    <row r="10061" spans="1:9" x14ac:dyDescent="0.25">
      <c r="A10061" s="3">
        <v>41795.667037037034</v>
      </c>
      <c r="B10061" s="6">
        <v>167482.34999999998</v>
      </c>
      <c r="C10061" s="7">
        <f t="shared" si="157"/>
        <v>167.48234999999997</v>
      </c>
      <c r="I10061" s="1"/>
    </row>
    <row r="10062" spans="1:9" x14ac:dyDescent="0.25">
      <c r="A10062" s="3">
        <v>41795.667962962965</v>
      </c>
      <c r="B10062" s="6">
        <v>167499</v>
      </c>
      <c r="C10062" s="7">
        <f t="shared" si="157"/>
        <v>167.499</v>
      </c>
      <c r="I10062" s="1"/>
    </row>
    <row r="10063" spans="1:9" x14ac:dyDescent="0.25">
      <c r="A10063" s="3">
        <v>41795.668067129627</v>
      </c>
      <c r="B10063" s="6">
        <v>167515.65</v>
      </c>
      <c r="C10063" s="7">
        <f t="shared" si="157"/>
        <v>167.51564999999999</v>
      </c>
      <c r="I10063" s="1"/>
    </row>
    <row r="10064" spans="1:9" x14ac:dyDescent="0.25">
      <c r="A10064" s="3">
        <v>41795.670127314814</v>
      </c>
      <c r="B10064" s="6">
        <v>167532.29999999999</v>
      </c>
      <c r="C10064" s="7">
        <f t="shared" si="157"/>
        <v>167.53229999999999</v>
      </c>
      <c r="I10064" s="1"/>
    </row>
    <row r="10065" spans="1:9" x14ac:dyDescent="0.25">
      <c r="A10065" s="3">
        <v>41795.670254629629</v>
      </c>
      <c r="B10065" s="6">
        <v>167548.94999999998</v>
      </c>
      <c r="C10065" s="7">
        <f t="shared" si="157"/>
        <v>167.54894999999999</v>
      </c>
      <c r="I10065" s="1"/>
    </row>
    <row r="10066" spans="1:9" x14ac:dyDescent="0.25">
      <c r="A10066" s="3">
        <v>41795.672430555554</v>
      </c>
      <c r="B10066" s="6">
        <v>167565.59999999998</v>
      </c>
      <c r="C10066" s="7">
        <f t="shared" si="157"/>
        <v>167.56559999999999</v>
      </c>
      <c r="I10066" s="1"/>
    </row>
    <row r="10067" spans="1:9" x14ac:dyDescent="0.25">
      <c r="A10067" s="3">
        <v>41795.672511574077</v>
      </c>
      <c r="B10067" s="6">
        <v>167582.25</v>
      </c>
      <c r="C10067" s="7">
        <f t="shared" si="157"/>
        <v>167.58224999999999</v>
      </c>
      <c r="I10067" s="1"/>
    </row>
    <row r="10068" spans="1:9" x14ac:dyDescent="0.25">
      <c r="A10068" s="3">
        <v>41795.674768518518</v>
      </c>
      <c r="B10068" s="6">
        <v>167598.9</v>
      </c>
      <c r="C10068" s="7">
        <f t="shared" si="157"/>
        <v>167.59889999999999</v>
      </c>
      <c r="I10068" s="1"/>
    </row>
    <row r="10069" spans="1:9" x14ac:dyDescent="0.25">
      <c r="A10069" s="3">
        <v>41795.674826388888</v>
      </c>
      <c r="B10069" s="6">
        <v>167615.54999999999</v>
      </c>
      <c r="C10069" s="7">
        <f t="shared" si="157"/>
        <v>167.61554999999998</v>
      </c>
      <c r="I10069" s="1"/>
    </row>
    <row r="10070" spans="1:9" x14ac:dyDescent="0.25">
      <c r="A10070" s="3">
        <v>41795.67591435185</v>
      </c>
      <c r="B10070" s="6">
        <v>167632.19999999998</v>
      </c>
      <c r="C10070" s="7">
        <f t="shared" si="157"/>
        <v>167.63219999999998</v>
      </c>
      <c r="I10070" s="1"/>
    </row>
    <row r="10071" spans="1:9" x14ac:dyDescent="0.25">
      <c r="A10071" s="3">
        <v>41795.676030092596</v>
      </c>
      <c r="B10071" s="6">
        <v>167648.84999999998</v>
      </c>
      <c r="C10071" s="7">
        <f t="shared" si="157"/>
        <v>167.64884999999998</v>
      </c>
      <c r="I10071" s="1"/>
    </row>
    <row r="10072" spans="1:9" x14ac:dyDescent="0.25">
      <c r="A10072" s="3">
        <v>41795.67800925926</v>
      </c>
      <c r="B10072" s="6">
        <v>167665.5</v>
      </c>
      <c r="C10072" s="7">
        <f t="shared" si="157"/>
        <v>167.66550000000001</v>
      </c>
      <c r="I10072" s="1"/>
    </row>
    <row r="10073" spans="1:9" x14ac:dyDescent="0.25">
      <c r="A10073" s="3">
        <v>41795.678217592591</v>
      </c>
      <c r="B10073" s="6">
        <v>167682.15</v>
      </c>
      <c r="C10073" s="7">
        <f t="shared" si="157"/>
        <v>167.68215000000001</v>
      </c>
      <c r="I10073" s="1"/>
    </row>
    <row r="10074" spans="1:9" x14ac:dyDescent="0.25">
      <c r="A10074" s="3">
        <v>41795.680451388886</v>
      </c>
      <c r="B10074" s="6">
        <v>167698.79999999999</v>
      </c>
      <c r="C10074" s="7">
        <f t="shared" si="157"/>
        <v>167.69879999999998</v>
      </c>
      <c r="I10074" s="1"/>
    </row>
    <row r="10075" spans="1:9" x14ac:dyDescent="0.25">
      <c r="A10075" s="3">
        <v>41795.680601851855</v>
      </c>
      <c r="B10075" s="6">
        <v>167715.44999999998</v>
      </c>
      <c r="C10075" s="7">
        <f t="shared" si="157"/>
        <v>167.71544999999998</v>
      </c>
      <c r="I10075" s="1"/>
    </row>
    <row r="10076" spans="1:9" x14ac:dyDescent="0.25">
      <c r="A10076" s="3">
        <v>41795.681307870371</v>
      </c>
      <c r="B10076" s="6">
        <v>167732.09999999998</v>
      </c>
      <c r="C10076" s="7">
        <f t="shared" si="157"/>
        <v>167.73209999999997</v>
      </c>
      <c r="I10076" s="1"/>
    </row>
    <row r="10077" spans="1:9" x14ac:dyDescent="0.25">
      <c r="A10077" s="3">
        <v>41795.681388888886</v>
      </c>
      <c r="B10077" s="6">
        <v>167748.75</v>
      </c>
      <c r="C10077" s="7">
        <f t="shared" si="157"/>
        <v>167.74875</v>
      </c>
      <c r="I10077" s="1"/>
    </row>
    <row r="10078" spans="1:9" x14ac:dyDescent="0.25">
      <c r="A10078" s="3">
        <v>41795.683368055557</v>
      </c>
      <c r="B10078" s="6">
        <v>167765.4</v>
      </c>
      <c r="C10078" s="7">
        <f t="shared" si="157"/>
        <v>167.7654</v>
      </c>
      <c r="I10078" s="1"/>
    </row>
    <row r="10079" spans="1:9" x14ac:dyDescent="0.25">
      <c r="A10079" s="3">
        <v>41795.683946759258</v>
      </c>
      <c r="B10079" s="6">
        <v>167782.05</v>
      </c>
      <c r="C10079" s="7">
        <f t="shared" si="157"/>
        <v>167.78205</v>
      </c>
      <c r="I10079" s="1"/>
    </row>
    <row r="10080" spans="1:9" x14ac:dyDescent="0.25">
      <c r="A10080" s="3">
        <v>41795.684965277775</v>
      </c>
      <c r="B10080" s="6">
        <v>167798.69999999998</v>
      </c>
      <c r="C10080" s="7">
        <f t="shared" si="157"/>
        <v>167.7987</v>
      </c>
      <c r="I10080" s="1"/>
    </row>
    <row r="10081" spans="1:9" x14ac:dyDescent="0.25">
      <c r="A10081" s="3">
        <v>41795.685046296298</v>
      </c>
      <c r="B10081" s="6">
        <v>167815.34999999998</v>
      </c>
      <c r="C10081" s="7">
        <f t="shared" si="157"/>
        <v>167.81534999999997</v>
      </c>
      <c r="I10081" s="1"/>
    </row>
    <row r="10082" spans="1:9" x14ac:dyDescent="0.25">
      <c r="A10082" s="3">
        <v>41795.685995370368</v>
      </c>
      <c r="B10082" s="6">
        <v>167832</v>
      </c>
      <c r="C10082" s="7">
        <f t="shared" si="157"/>
        <v>167.83199999999999</v>
      </c>
      <c r="I10082" s="1"/>
    </row>
    <row r="10083" spans="1:9" x14ac:dyDescent="0.25">
      <c r="A10083" s="3">
        <v>41795.686099537037</v>
      </c>
      <c r="B10083" s="6">
        <v>167848.65</v>
      </c>
      <c r="C10083" s="7">
        <f t="shared" si="157"/>
        <v>167.84864999999999</v>
      </c>
      <c r="I10083" s="1"/>
    </row>
    <row r="10084" spans="1:9" x14ac:dyDescent="0.25">
      <c r="A10084" s="3">
        <v>41795.687002314815</v>
      </c>
      <c r="B10084" s="6">
        <v>167865.3</v>
      </c>
      <c r="C10084" s="7">
        <f t="shared" si="157"/>
        <v>167.86529999999999</v>
      </c>
      <c r="I10084" s="1"/>
    </row>
    <row r="10085" spans="1:9" x14ac:dyDescent="0.25">
      <c r="A10085" s="3">
        <v>41795.687175925923</v>
      </c>
      <c r="B10085" s="6">
        <v>167881.94999999998</v>
      </c>
      <c r="C10085" s="7">
        <f t="shared" si="157"/>
        <v>167.88194999999999</v>
      </c>
      <c r="I10085" s="1"/>
    </row>
    <row r="10086" spans="1:9" x14ac:dyDescent="0.25">
      <c r="A10086" s="3">
        <v>41795.688344907408</v>
      </c>
      <c r="B10086" s="6">
        <v>167898.59999999998</v>
      </c>
      <c r="C10086" s="7">
        <f t="shared" si="157"/>
        <v>167.89859999999999</v>
      </c>
      <c r="I10086" s="1"/>
    </row>
    <row r="10087" spans="1:9" x14ac:dyDescent="0.25">
      <c r="A10087" s="3">
        <v>41795.688449074078</v>
      </c>
      <c r="B10087" s="6">
        <v>167915.25</v>
      </c>
      <c r="C10087" s="7">
        <f t="shared" si="157"/>
        <v>167.91524999999999</v>
      </c>
      <c r="I10087" s="1"/>
    </row>
    <row r="10088" spans="1:9" x14ac:dyDescent="0.25">
      <c r="A10088" s="3">
        <v>41795.68953703704</v>
      </c>
      <c r="B10088" s="6">
        <v>167931.9</v>
      </c>
      <c r="C10088" s="7">
        <f t="shared" si="157"/>
        <v>167.93189999999998</v>
      </c>
      <c r="I10088" s="1"/>
    </row>
    <row r="10089" spans="1:9" x14ac:dyDescent="0.25">
      <c r="A10089" s="3">
        <v>41795.689629629633</v>
      </c>
      <c r="B10089" s="6">
        <v>167948.55</v>
      </c>
      <c r="C10089" s="7">
        <f t="shared" si="157"/>
        <v>167.94854999999998</v>
      </c>
      <c r="I10089" s="1"/>
    </row>
    <row r="10090" spans="1:9" x14ac:dyDescent="0.25">
      <c r="A10090" s="3">
        <v>41795.690844907411</v>
      </c>
      <c r="B10090" s="6">
        <v>167965.19999999998</v>
      </c>
      <c r="C10090" s="7">
        <f t="shared" si="157"/>
        <v>167.96519999999998</v>
      </c>
      <c r="I10090" s="1"/>
    </row>
    <row r="10091" spans="1:9" x14ac:dyDescent="0.25">
      <c r="A10091" s="3">
        <v>41795.69091435185</v>
      </c>
      <c r="B10091" s="6">
        <v>167981.84999999998</v>
      </c>
      <c r="C10091" s="7">
        <f t="shared" si="157"/>
        <v>167.98184999999998</v>
      </c>
      <c r="I10091" s="1"/>
    </row>
    <row r="10092" spans="1:9" x14ac:dyDescent="0.25">
      <c r="A10092" s="3">
        <v>41795.692384259259</v>
      </c>
      <c r="B10092" s="6">
        <v>167998.5</v>
      </c>
      <c r="C10092" s="7">
        <f t="shared" si="157"/>
        <v>167.99850000000001</v>
      </c>
      <c r="I10092" s="1"/>
    </row>
    <row r="10093" spans="1:9" x14ac:dyDescent="0.25">
      <c r="A10093" s="3">
        <v>41795.692731481482</v>
      </c>
      <c r="B10093" s="6">
        <v>168015.15</v>
      </c>
      <c r="C10093" s="7">
        <f t="shared" si="157"/>
        <v>168.01515000000001</v>
      </c>
      <c r="I10093" s="1"/>
    </row>
    <row r="10094" spans="1:9" x14ac:dyDescent="0.25">
      <c r="A10094" s="3">
        <v>41795.693888888891</v>
      </c>
      <c r="B10094" s="6">
        <v>168031.8</v>
      </c>
      <c r="C10094" s="7">
        <f t="shared" si="157"/>
        <v>168.03179999999998</v>
      </c>
      <c r="I10094" s="1"/>
    </row>
    <row r="10095" spans="1:9" x14ac:dyDescent="0.25">
      <c r="A10095" s="3">
        <v>41795.694016203706</v>
      </c>
      <c r="B10095" s="6">
        <v>168048.44999999998</v>
      </c>
      <c r="C10095" s="7">
        <f t="shared" si="157"/>
        <v>168.04844999999997</v>
      </c>
      <c r="I10095" s="1"/>
    </row>
    <row r="10096" spans="1:9" x14ac:dyDescent="0.25">
      <c r="A10096" s="3">
        <v>41795.695219907408</v>
      </c>
      <c r="B10096" s="6">
        <v>168065.09999999998</v>
      </c>
      <c r="C10096" s="7">
        <f t="shared" si="157"/>
        <v>168.06509999999997</v>
      </c>
      <c r="I10096" s="1"/>
    </row>
    <row r="10097" spans="1:9" x14ac:dyDescent="0.25">
      <c r="A10097" s="3">
        <v>41795.695289351854</v>
      </c>
      <c r="B10097" s="6">
        <v>168081.75</v>
      </c>
      <c r="C10097" s="7">
        <f t="shared" si="157"/>
        <v>168.08175</v>
      </c>
      <c r="I10097" s="1"/>
    </row>
    <row r="10098" spans="1:9" x14ac:dyDescent="0.25">
      <c r="A10098" s="3">
        <v>41795.696018518516</v>
      </c>
      <c r="B10098" s="6">
        <v>168098.4</v>
      </c>
      <c r="C10098" s="7">
        <f t="shared" si="157"/>
        <v>168.0984</v>
      </c>
      <c r="I10098" s="1"/>
    </row>
    <row r="10099" spans="1:9" x14ac:dyDescent="0.25">
      <c r="A10099" s="3">
        <v>41795.696111111109</v>
      </c>
      <c r="B10099" s="6">
        <v>168115.05</v>
      </c>
      <c r="C10099" s="7">
        <f t="shared" si="157"/>
        <v>168.11505</v>
      </c>
      <c r="I10099" s="1"/>
    </row>
    <row r="10100" spans="1:9" x14ac:dyDescent="0.25">
      <c r="A10100" s="3">
        <v>41795.697418981479</v>
      </c>
      <c r="B10100" s="6">
        <v>168131.69999999998</v>
      </c>
      <c r="C10100" s="7">
        <f t="shared" si="157"/>
        <v>168.1317</v>
      </c>
      <c r="I10100" s="1"/>
    </row>
    <row r="10101" spans="1:9" x14ac:dyDescent="0.25">
      <c r="A10101" s="3">
        <v>41795.697442129633</v>
      </c>
      <c r="B10101" s="6">
        <v>168148.34999999998</v>
      </c>
      <c r="C10101" s="7">
        <f t="shared" si="157"/>
        <v>168.14834999999997</v>
      </c>
      <c r="I10101" s="1"/>
    </row>
    <row r="10102" spans="1:9" x14ac:dyDescent="0.25">
      <c r="A10102" s="3">
        <v>41795.69804398148</v>
      </c>
      <c r="B10102" s="6">
        <v>168165</v>
      </c>
      <c r="C10102" s="7">
        <f t="shared" si="157"/>
        <v>168.16499999999999</v>
      </c>
      <c r="I10102" s="1"/>
    </row>
    <row r="10103" spans="1:9" x14ac:dyDescent="0.25">
      <c r="A10103" s="3">
        <v>41795.698622685188</v>
      </c>
      <c r="B10103" s="6">
        <v>168181.65</v>
      </c>
      <c r="C10103" s="7">
        <f t="shared" si="157"/>
        <v>168.18164999999999</v>
      </c>
      <c r="I10103" s="1"/>
    </row>
    <row r="10104" spans="1:9" x14ac:dyDescent="0.25">
      <c r="A10104" s="3">
        <v>41795.699247685188</v>
      </c>
      <c r="B10104" s="6">
        <v>168198.3</v>
      </c>
      <c r="C10104" s="7">
        <f t="shared" si="157"/>
        <v>168.19829999999999</v>
      </c>
      <c r="I10104" s="1"/>
    </row>
    <row r="10105" spans="1:9" x14ac:dyDescent="0.25">
      <c r="A10105" s="3">
        <v>41795.699305555558</v>
      </c>
      <c r="B10105" s="6">
        <v>168214.94999999998</v>
      </c>
      <c r="C10105" s="7">
        <f t="shared" si="157"/>
        <v>168.21494999999999</v>
      </c>
      <c r="I10105" s="1"/>
    </row>
    <row r="10106" spans="1:9" x14ac:dyDescent="0.25">
      <c r="A10106" s="3">
        <v>41795.700196759259</v>
      </c>
      <c r="B10106" s="6">
        <v>168231.59999999998</v>
      </c>
      <c r="C10106" s="7">
        <f t="shared" si="157"/>
        <v>168.23159999999999</v>
      </c>
      <c r="I10106" s="1"/>
    </row>
    <row r="10107" spans="1:9" x14ac:dyDescent="0.25">
      <c r="A10107" s="3">
        <v>41795.700300925928</v>
      </c>
      <c r="B10107" s="6">
        <v>168248.25</v>
      </c>
      <c r="C10107" s="7">
        <f t="shared" si="157"/>
        <v>168.24825000000001</v>
      </c>
      <c r="I10107" s="1"/>
    </row>
    <row r="10108" spans="1:9" x14ac:dyDescent="0.25">
      <c r="A10108" s="3">
        <v>41795.702326388891</v>
      </c>
      <c r="B10108" s="6">
        <v>168264.9</v>
      </c>
      <c r="C10108" s="7">
        <f t="shared" si="157"/>
        <v>168.26489999999998</v>
      </c>
      <c r="I10108" s="1"/>
    </row>
    <row r="10109" spans="1:9" x14ac:dyDescent="0.25">
      <c r="A10109" s="3">
        <v>41795.702476851853</v>
      </c>
      <c r="B10109" s="6">
        <v>168281.55</v>
      </c>
      <c r="C10109" s="7">
        <f t="shared" si="157"/>
        <v>168.28154999999998</v>
      </c>
      <c r="I10109" s="1"/>
    </row>
    <row r="10110" spans="1:9" x14ac:dyDescent="0.25">
      <c r="A10110" s="3">
        <v>41795.703113425923</v>
      </c>
      <c r="B10110" s="6">
        <v>168298.19999999998</v>
      </c>
      <c r="C10110" s="7">
        <f t="shared" si="157"/>
        <v>168.29819999999998</v>
      </c>
      <c r="I10110" s="1"/>
    </row>
    <row r="10111" spans="1:9" x14ac:dyDescent="0.25">
      <c r="A10111" s="3">
        <v>41795.7031712963</v>
      </c>
      <c r="B10111" s="6">
        <v>168314.84999999998</v>
      </c>
      <c r="C10111" s="7">
        <f t="shared" si="157"/>
        <v>168.31484999999998</v>
      </c>
      <c r="I10111" s="1"/>
    </row>
    <row r="10112" spans="1:9" x14ac:dyDescent="0.25">
      <c r="A10112" s="3">
        <v>41795.704039351855</v>
      </c>
      <c r="B10112" s="6">
        <v>168331.5</v>
      </c>
      <c r="C10112" s="7">
        <f t="shared" si="157"/>
        <v>168.33150000000001</v>
      </c>
      <c r="I10112" s="1"/>
    </row>
    <row r="10113" spans="1:9" x14ac:dyDescent="0.25">
      <c r="A10113" s="3">
        <v>41795.704317129632</v>
      </c>
      <c r="B10113" s="6">
        <v>168348.15</v>
      </c>
      <c r="C10113" s="7">
        <f t="shared" si="157"/>
        <v>168.34815</v>
      </c>
      <c r="I10113" s="1"/>
    </row>
    <row r="10114" spans="1:9" x14ac:dyDescent="0.25">
      <c r="A10114" s="3">
        <v>41795.705000000002</v>
      </c>
      <c r="B10114" s="6">
        <v>168364.79999999999</v>
      </c>
      <c r="C10114" s="7">
        <f t="shared" si="157"/>
        <v>168.3648</v>
      </c>
      <c r="I10114" s="1"/>
    </row>
    <row r="10115" spans="1:9" x14ac:dyDescent="0.25">
      <c r="A10115" s="3">
        <v>41795.70511574074</v>
      </c>
      <c r="B10115" s="6">
        <v>168381.44999999998</v>
      </c>
      <c r="C10115" s="7">
        <f t="shared" ref="C10115:C10178" si="158">B10115/1000</f>
        <v>168.38144999999997</v>
      </c>
      <c r="I10115" s="1"/>
    </row>
    <row r="10116" spans="1:9" x14ac:dyDescent="0.25">
      <c r="A10116" s="3">
        <v>41795.707673611112</v>
      </c>
      <c r="B10116" s="6">
        <v>168398.09999999998</v>
      </c>
      <c r="C10116" s="7">
        <f t="shared" si="158"/>
        <v>168.39809999999997</v>
      </c>
      <c r="I10116" s="1"/>
    </row>
    <row r="10117" spans="1:9" x14ac:dyDescent="0.25">
      <c r="A10117" s="3">
        <v>41795.708587962959</v>
      </c>
      <c r="B10117" s="6">
        <v>168414.75</v>
      </c>
      <c r="C10117" s="7">
        <f t="shared" si="158"/>
        <v>168.41475</v>
      </c>
      <c r="I10117" s="1"/>
    </row>
    <row r="10118" spans="1:9" x14ac:dyDescent="0.25">
      <c r="A10118" s="3">
        <v>41795.710729166669</v>
      </c>
      <c r="B10118" s="6">
        <v>168431.4</v>
      </c>
      <c r="C10118" s="7">
        <f t="shared" si="158"/>
        <v>168.4314</v>
      </c>
      <c r="I10118" s="1"/>
    </row>
    <row r="10119" spans="1:9" x14ac:dyDescent="0.25">
      <c r="A10119" s="3">
        <v>41795.710960648146</v>
      </c>
      <c r="B10119" s="6">
        <v>168448.05</v>
      </c>
      <c r="C10119" s="7">
        <f t="shared" si="158"/>
        <v>168.44804999999999</v>
      </c>
      <c r="I10119" s="1"/>
    </row>
    <row r="10120" spans="1:9" x14ac:dyDescent="0.25">
      <c r="A10120" s="3">
        <v>41795.711805555555</v>
      </c>
      <c r="B10120" s="6">
        <v>168464.69999999998</v>
      </c>
      <c r="C10120" s="7">
        <f t="shared" si="158"/>
        <v>168.46469999999999</v>
      </c>
      <c r="I10120" s="1"/>
    </row>
    <row r="10121" spans="1:9" x14ac:dyDescent="0.25">
      <c r="A10121" s="3">
        <v>41795.712233796294</v>
      </c>
      <c r="B10121" s="6">
        <v>168481.34999999998</v>
      </c>
      <c r="C10121" s="7">
        <f t="shared" si="158"/>
        <v>168.48134999999996</v>
      </c>
      <c r="I10121" s="1"/>
    </row>
    <row r="10122" spans="1:9" x14ac:dyDescent="0.25">
      <c r="A10122" s="3">
        <v>41795.713599537034</v>
      </c>
      <c r="B10122" s="6">
        <v>168498</v>
      </c>
      <c r="C10122" s="7">
        <f t="shared" si="158"/>
        <v>168.49799999999999</v>
      </c>
      <c r="I10122" s="1"/>
    </row>
    <row r="10123" spans="1:9" x14ac:dyDescent="0.25">
      <c r="A10123" s="3">
        <v>41795.713888888888</v>
      </c>
      <c r="B10123" s="6">
        <v>168514.65</v>
      </c>
      <c r="C10123" s="7">
        <f t="shared" si="158"/>
        <v>168.51464999999999</v>
      </c>
      <c r="I10123" s="1"/>
    </row>
    <row r="10124" spans="1:9" x14ac:dyDescent="0.25">
      <c r="A10124" s="3">
        <v>41795.714687500003</v>
      </c>
      <c r="B10124" s="6">
        <v>168531.3</v>
      </c>
      <c r="C10124" s="7">
        <f t="shared" si="158"/>
        <v>168.53129999999999</v>
      </c>
      <c r="I10124" s="1"/>
    </row>
    <row r="10125" spans="1:9" x14ac:dyDescent="0.25">
      <c r="A10125" s="3">
        <v>41795.715046296296</v>
      </c>
      <c r="B10125" s="6">
        <v>168547.94999999998</v>
      </c>
      <c r="C10125" s="7">
        <f t="shared" si="158"/>
        <v>168.54794999999999</v>
      </c>
      <c r="I10125" s="1"/>
    </row>
    <row r="10126" spans="1:9" x14ac:dyDescent="0.25">
      <c r="A10126" s="3">
        <v>41795.715879629628</v>
      </c>
      <c r="B10126" s="6">
        <v>168564.59999999998</v>
      </c>
      <c r="C10126" s="7">
        <f t="shared" si="158"/>
        <v>168.56459999999998</v>
      </c>
      <c r="I10126" s="1"/>
    </row>
    <row r="10127" spans="1:9" x14ac:dyDescent="0.25">
      <c r="A10127" s="3">
        <v>41795.715925925928</v>
      </c>
      <c r="B10127" s="6">
        <v>168581.25</v>
      </c>
      <c r="C10127" s="7">
        <f t="shared" si="158"/>
        <v>168.58125000000001</v>
      </c>
      <c r="I10127" s="1"/>
    </row>
    <row r="10128" spans="1:9" x14ac:dyDescent="0.25">
      <c r="A10128" s="3">
        <v>41795.716284722221</v>
      </c>
      <c r="B10128" s="6">
        <v>168597.9</v>
      </c>
      <c r="C10128" s="7">
        <f t="shared" si="158"/>
        <v>168.59789999999998</v>
      </c>
      <c r="I10128" s="1"/>
    </row>
    <row r="10129" spans="1:9" x14ac:dyDescent="0.25">
      <c r="A10129" s="3">
        <v>41795.716354166667</v>
      </c>
      <c r="B10129" s="6">
        <v>168614.55</v>
      </c>
      <c r="C10129" s="7">
        <f t="shared" si="158"/>
        <v>168.61454999999998</v>
      </c>
      <c r="I10129" s="1"/>
    </row>
    <row r="10130" spans="1:9" x14ac:dyDescent="0.25">
      <c r="A10130" s="3">
        <v>41795.717627314814</v>
      </c>
      <c r="B10130" s="6">
        <v>168631.19999999998</v>
      </c>
      <c r="C10130" s="7">
        <f t="shared" si="158"/>
        <v>168.63119999999998</v>
      </c>
      <c r="I10130" s="1"/>
    </row>
    <row r="10131" spans="1:9" x14ac:dyDescent="0.25">
      <c r="A10131" s="3">
        <v>41795.717731481483</v>
      </c>
      <c r="B10131" s="6">
        <v>168647.84999999998</v>
      </c>
      <c r="C10131" s="7">
        <f t="shared" si="158"/>
        <v>168.64784999999998</v>
      </c>
      <c r="I10131" s="1"/>
    </row>
    <row r="10132" spans="1:9" x14ac:dyDescent="0.25">
      <c r="A10132" s="3">
        <v>41795.720462962963</v>
      </c>
      <c r="B10132" s="6">
        <v>168664.5</v>
      </c>
      <c r="C10132" s="7">
        <f t="shared" si="158"/>
        <v>168.6645</v>
      </c>
      <c r="I10132" s="1"/>
    </row>
    <row r="10133" spans="1:9" x14ac:dyDescent="0.25">
      <c r="A10133" s="3">
        <v>41795.720520833333</v>
      </c>
      <c r="B10133" s="6">
        <v>168681.15</v>
      </c>
      <c r="C10133" s="7">
        <f t="shared" si="158"/>
        <v>168.68115</v>
      </c>
      <c r="I10133" s="1"/>
    </row>
    <row r="10134" spans="1:9" x14ac:dyDescent="0.25">
      <c r="A10134" s="3">
        <v>41795.721053240741</v>
      </c>
      <c r="B10134" s="6">
        <v>168697.8</v>
      </c>
      <c r="C10134" s="7">
        <f t="shared" si="158"/>
        <v>168.6978</v>
      </c>
      <c r="I10134" s="1"/>
    </row>
    <row r="10135" spans="1:9" x14ac:dyDescent="0.25">
      <c r="A10135" s="3">
        <v>41795.721099537041</v>
      </c>
      <c r="B10135" s="6">
        <v>168714.44999999998</v>
      </c>
      <c r="C10135" s="7">
        <f t="shared" si="158"/>
        <v>168.71444999999997</v>
      </c>
      <c r="I10135" s="1"/>
    </row>
    <row r="10136" spans="1:9" x14ac:dyDescent="0.25">
      <c r="A10136" s="3">
        <v>41795.721967592595</v>
      </c>
      <c r="B10136" s="6">
        <v>168731.09999999998</v>
      </c>
      <c r="C10136" s="7">
        <f t="shared" si="158"/>
        <v>168.73109999999997</v>
      </c>
      <c r="I10136" s="1"/>
    </row>
    <row r="10137" spans="1:9" x14ac:dyDescent="0.25">
      <c r="A10137" s="3">
        <v>41795.722060185188</v>
      </c>
      <c r="B10137" s="6">
        <v>168747.75</v>
      </c>
      <c r="C10137" s="7">
        <f t="shared" si="158"/>
        <v>168.74775</v>
      </c>
      <c r="I10137" s="1"/>
    </row>
    <row r="10138" spans="1:9" x14ac:dyDescent="0.25">
      <c r="A10138" s="3">
        <v>41795.724641203706</v>
      </c>
      <c r="B10138" s="6">
        <v>168764.4</v>
      </c>
      <c r="C10138" s="7">
        <f t="shared" si="158"/>
        <v>168.76439999999999</v>
      </c>
      <c r="I10138" s="1"/>
    </row>
    <row r="10139" spans="1:9" x14ac:dyDescent="0.25">
      <c r="A10139" s="3">
        <v>41795.724722222221</v>
      </c>
      <c r="B10139" s="6">
        <v>168781.05</v>
      </c>
      <c r="C10139" s="7">
        <f t="shared" si="158"/>
        <v>168.78104999999999</v>
      </c>
      <c r="I10139" s="1"/>
    </row>
    <row r="10140" spans="1:9" x14ac:dyDescent="0.25">
      <c r="A10140" s="3">
        <v>41795.725231481483</v>
      </c>
      <c r="B10140" s="6">
        <v>168797.69999999998</v>
      </c>
      <c r="C10140" s="7">
        <f t="shared" si="158"/>
        <v>168.79769999999999</v>
      </c>
      <c r="I10140" s="1"/>
    </row>
    <row r="10141" spans="1:9" x14ac:dyDescent="0.25">
      <c r="A10141" s="3">
        <v>41795.725277777776</v>
      </c>
      <c r="B10141" s="6">
        <v>168814.34999999998</v>
      </c>
      <c r="C10141" s="7">
        <f t="shared" si="158"/>
        <v>168.81434999999999</v>
      </c>
      <c r="I10141" s="1"/>
    </row>
    <row r="10142" spans="1:9" x14ac:dyDescent="0.25">
      <c r="A10142" s="3">
        <v>41795.725949074076</v>
      </c>
      <c r="B10142" s="6">
        <v>168831</v>
      </c>
      <c r="C10142" s="7">
        <f t="shared" si="158"/>
        <v>168.83099999999999</v>
      </c>
      <c r="I10142" s="1"/>
    </row>
    <row r="10143" spans="1:9" x14ac:dyDescent="0.25">
      <c r="A10143" s="3">
        <v>41795.726030092592</v>
      </c>
      <c r="B10143" s="6">
        <v>168847.65</v>
      </c>
      <c r="C10143" s="7">
        <f t="shared" si="158"/>
        <v>168.84764999999999</v>
      </c>
      <c r="I10143" s="1"/>
    </row>
    <row r="10144" spans="1:9" x14ac:dyDescent="0.25">
      <c r="A10144" s="3">
        <v>41795.727372685185</v>
      </c>
      <c r="B10144" s="6">
        <v>168864.3</v>
      </c>
      <c r="C10144" s="7">
        <f t="shared" si="158"/>
        <v>168.86429999999999</v>
      </c>
      <c r="I10144" s="1"/>
    </row>
    <row r="10145" spans="1:9" x14ac:dyDescent="0.25">
      <c r="A10145" s="3">
        <v>41795.727453703701</v>
      </c>
      <c r="B10145" s="6">
        <v>168880.94999999998</v>
      </c>
      <c r="C10145" s="7">
        <f t="shared" si="158"/>
        <v>168.88094999999998</v>
      </c>
      <c r="I10145" s="1"/>
    </row>
    <row r="10146" spans="1:9" x14ac:dyDescent="0.25">
      <c r="A10146" s="3">
        <v>41795.728113425925</v>
      </c>
      <c r="B10146" s="6">
        <v>168897.59999999998</v>
      </c>
      <c r="C10146" s="7">
        <f t="shared" si="158"/>
        <v>168.89759999999998</v>
      </c>
      <c r="I10146" s="1"/>
    </row>
    <row r="10147" spans="1:9" x14ac:dyDescent="0.25">
      <c r="A10147" s="3">
        <v>41795.728217592594</v>
      </c>
      <c r="B10147" s="6">
        <v>168914.25</v>
      </c>
      <c r="C10147" s="7">
        <f t="shared" si="158"/>
        <v>168.91425000000001</v>
      </c>
      <c r="I10147" s="1"/>
    </row>
    <row r="10148" spans="1:9" x14ac:dyDescent="0.25">
      <c r="A10148" s="3">
        <v>41795.729826388888</v>
      </c>
      <c r="B10148" s="6">
        <v>168930.9</v>
      </c>
      <c r="C10148" s="7">
        <f t="shared" si="158"/>
        <v>168.93090000000001</v>
      </c>
      <c r="I10148" s="1"/>
    </row>
    <row r="10149" spans="1:9" x14ac:dyDescent="0.25">
      <c r="A10149" s="3">
        <v>41795.730474537035</v>
      </c>
      <c r="B10149" s="6">
        <v>168947.55</v>
      </c>
      <c r="C10149" s="7">
        <f t="shared" si="158"/>
        <v>168.94754999999998</v>
      </c>
      <c r="I10149" s="1"/>
    </row>
    <row r="10150" spans="1:9" x14ac:dyDescent="0.25">
      <c r="A10150" s="3">
        <v>41795.731388888889</v>
      </c>
      <c r="B10150" s="6">
        <v>168964.19999999998</v>
      </c>
      <c r="C10150" s="7">
        <f t="shared" si="158"/>
        <v>168.96419999999998</v>
      </c>
      <c r="I10150" s="1"/>
    </row>
    <row r="10151" spans="1:9" x14ac:dyDescent="0.25">
      <c r="A10151" s="3">
        <v>41795.731446759259</v>
      </c>
      <c r="B10151" s="6">
        <v>168980.84999999998</v>
      </c>
      <c r="C10151" s="7">
        <f t="shared" si="158"/>
        <v>168.98084999999998</v>
      </c>
      <c r="I10151" s="1"/>
    </row>
    <row r="10152" spans="1:9" x14ac:dyDescent="0.25">
      <c r="A10152" s="3">
        <v>41795.732430555552</v>
      </c>
      <c r="B10152" s="6">
        <v>168997.5</v>
      </c>
      <c r="C10152" s="7">
        <f t="shared" si="158"/>
        <v>168.9975</v>
      </c>
      <c r="I10152" s="1"/>
    </row>
    <row r="10153" spans="1:9" x14ac:dyDescent="0.25">
      <c r="A10153" s="3">
        <v>41795.732546296298</v>
      </c>
      <c r="B10153" s="6">
        <v>169014.15</v>
      </c>
      <c r="C10153" s="7">
        <f t="shared" si="158"/>
        <v>169.01415</v>
      </c>
      <c r="I10153" s="1"/>
    </row>
    <row r="10154" spans="1:9" x14ac:dyDescent="0.25">
      <c r="A10154" s="3">
        <v>41795.734212962961</v>
      </c>
      <c r="B10154" s="6">
        <v>169030.8</v>
      </c>
      <c r="C10154" s="7">
        <f t="shared" si="158"/>
        <v>169.0308</v>
      </c>
      <c r="I10154" s="1"/>
    </row>
    <row r="10155" spans="1:9" x14ac:dyDescent="0.25">
      <c r="A10155" s="3">
        <v>41795.734282407408</v>
      </c>
      <c r="B10155" s="6">
        <v>169047.44999999998</v>
      </c>
      <c r="C10155" s="7">
        <f t="shared" si="158"/>
        <v>169.04744999999997</v>
      </c>
      <c r="I10155" s="1"/>
    </row>
    <row r="10156" spans="1:9" x14ac:dyDescent="0.25">
      <c r="A10156" s="3">
        <v>41795.735185185185</v>
      </c>
      <c r="B10156" s="6">
        <v>169064.09999999998</v>
      </c>
      <c r="C10156" s="7">
        <f t="shared" si="158"/>
        <v>169.06409999999997</v>
      </c>
      <c r="I10156" s="1"/>
    </row>
    <row r="10157" spans="1:9" x14ac:dyDescent="0.25">
      <c r="A10157" s="3">
        <v>41795.735358796293</v>
      </c>
      <c r="B10157" s="6">
        <v>169080.75</v>
      </c>
      <c r="C10157" s="7">
        <f t="shared" si="158"/>
        <v>169.08074999999999</v>
      </c>
      <c r="I10157" s="1"/>
    </row>
    <row r="10158" spans="1:9" x14ac:dyDescent="0.25">
      <c r="A10158" s="3">
        <v>41795.736342592594</v>
      </c>
      <c r="B10158" s="6">
        <v>169097.4</v>
      </c>
      <c r="C10158" s="7">
        <f t="shared" si="158"/>
        <v>169.09739999999999</v>
      </c>
      <c r="I10158" s="1"/>
    </row>
    <row r="10159" spans="1:9" x14ac:dyDescent="0.25">
      <c r="A10159" s="3">
        <v>41795.73642361111</v>
      </c>
      <c r="B10159" s="6">
        <v>169114.05</v>
      </c>
      <c r="C10159" s="7">
        <f t="shared" si="158"/>
        <v>169.11404999999999</v>
      </c>
      <c r="I10159" s="1"/>
    </row>
    <row r="10160" spans="1:9" x14ac:dyDescent="0.25">
      <c r="A10160" s="3">
        <v>41795.737037037034</v>
      </c>
      <c r="B10160" s="6">
        <v>169130.69999999998</v>
      </c>
      <c r="C10160" s="7">
        <f t="shared" si="158"/>
        <v>169.13069999999999</v>
      </c>
      <c r="I10160" s="1"/>
    </row>
    <row r="10161" spans="1:9" x14ac:dyDescent="0.25">
      <c r="A10161" s="3">
        <v>41795.73715277778</v>
      </c>
      <c r="B10161" s="6">
        <v>169147.34999999998</v>
      </c>
      <c r="C10161" s="7">
        <f t="shared" si="158"/>
        <v>169.14734999999999</v>
      </c>
      <c r="I10161" s="1"/>
    </row>
    <row r="10162" spans="1:9" x14ac:dyDescent="0.25">
      <c r="A10162" s="3">
        <v>41795.738518518519</v>
      </c>
      <c r="B10162" s="6">
        <v>169164</v>
      </c>
      <c r="C10162" s="7">
        <f t="shared" si="158"/>
        <v>169.16399999999999</v>
      </c>
      <c r="I10162" s="1"/>
    </row>
    <row r="10163" spans="1:9" x14ac:dyDescent="0.25">
      <c r="A10163" s="3">
        <v>41795.738599537035</v>
      </c>
      <c r="B10163" s="6">
        <v>169180.65</v>
      </c>
      <c r="C10163" s="7">
        <f t="shared" si="158"/>
        <v>169.18064999999999</v>
      </c>
      <c r="I10163" s="1"/>
    </row>
    <row r="10164" spans="1:9" x14ac:dyDescent="0.25">
      <c r="A10164" s="3">
        <v>41795.73946759259</v>
      </c>
      <c r="B10164" s="6">
        <v>169197.3</v>
      </c>
      <c r="C10164" s="7">
        <f t="shared" si="158"/>
        <v>169.19729999999998</v>
      </c>
      <c r="I10164" s="1"/>
    </row>
    <row r="10165" spans="1:9" x14ac:dyDescent="0.25">
      <c r="A10165" s="3">
        <v>41795.739710648151</v>
      </c>
      <c r="B10165" s="6">
        <v>169213.94999999998</v>
      </c>
      <c r="C10165" s="7">
        <f t="shared" si="158"/>
        <v>169.21394999999998</v>
      </c>
      <c r="I10165" s="1"/>
    </row>
    <row r="10166" spans="1:9" x14ac:dyDescent="0.25">
      <c r="A10166" s="3">
        <v>41795.740682870368</v>
      </c>
      <c r="B10166" s="6">
        <v>169230.59999999998</v>
      </c>
      <c r="C10166" s="7">
        <f t="shared" si="158"/>
        <v>169.23059999999998</v>
      </c>
      <c r="I10166" s="1"/>
    </row>
    <row r="10167" spans="1:9" x14ac:dyDescent="0.25">
      <c r="A10167" s="3">
        <v>41795.74077546296</v>
      </c>
      <c r="B10167" s="6">
        <v>169247.25</v>
      </c>
      <c r="C10167" s="7">
        <f t="shared" si="158"/>
        <v>169.24725000000001</v>
      </c>
      <c r="I10167" s="1"/>
    </row>
    <row r="10168" spans="1:9" x14ac:dyDescent="0.25">
      <c r="A10168" s="3">
        <v>41795.742395833331</v>
      </c>
      <c r="B10168" s="6">
        <v>169263.9</v>
      </c>
      <c r="C10168" s="7">
        <f t="shared" si="158"/>
        <v>169.26390000000001</v>
      </c>
      <c r="I10168" s="1"/>
    </row>
    <row r="10169" spans="1:9" x14ac:dyDescent="0.25">
      <c r="A10169" s="3">
        <v>41795.742488425924</v>
      </c>
      <c r="B10169" s="6">
        <v>169280.55</v>
      </c>
      <c r="C10169" s="7">
        <f t="shared" si="158"/>
        <v>169.28054999999998</v>
      </c>
      <c r="I10169" s="1"/>
    </row>
    <row r="10170" spans="1:9" x14ac:dyDescent="0.25">
      <c r="A10170" s="3">
        <v>41795.743333333332</v>
      </c>
      <c r="B10170" s="6">
        <v>169297.19999999998</v>
      </c>
      <c r="C10170" s="7">
        <f t="shared" si="158"/>
        <v>169.29719999999998</v>
      </c>
      <c r="I10170" s="1"/>
    </row>
    <row r="10171" spans="1:9" x14ac:dyDescent="0.25">
      <c r="A10171" s="3">
        <v>41795.743472222224</v>
      </c>
      <c r="B10171" s="6">
        <v>169313.84999999998</v>
      </c>
      <c r="C10171" s="7">
        <f t="shared" si="158"/>
        <v>169.31384999999997</v>
      </c>
      <c r="I10171" s="1"/>
    </row>
    <row r="10172" spans="1:9" x14ac:dyDescent="0.25">
      <c r="A10172" s="3">
        <v>41795.744143518517</v>
      </c>
      <c r="B10172" s="6">
        <v>169330.5</v>
      </c>
      <c r="C10172" s="7">
        <f t="shared" si="158"/>
        <v>169.3305</v>
      </c>
      <c r="I10172" s="1"/>
    </row>
    <row r="10173" spans="1:9" x14ac:dyDescent="0.25">
      <c r="A10173" s="3">
        <v>41795.74422453704</v>
      </c>
      <c r="B10173" s="6">
        <v>169347.15</v>
      </c>
      <c r="C10173" s="7">
        <f t="shared" si="158"/>
        <v>169.34715</v>
      </c>
      <c r="I10173" s="1"/>
    </row>
    <row r="10174" spans="1:9" x14ac:dyDescent="0.25">
      <c r="A10174" s="3">
        <v>41795.746782407405</v>
      </c>
      <c r="B10174" s="6">
        <v>169363.8</v>
      </c>
      <c r="C10174" s="7">
        <f t="shared" si="158"/>
        <v>169.3638</v>
      </c>
      <c r="I10174" s="1"/>
    </row>
    <row r="10175" spans="1:9" x14ac:dyDescent="0.25">
      <c r="A10175" s="3">
        <v>41795.746863425928</v>
      </c>
      <c r="B10175" s="6">
        <v>169380.44999999998</v>
      </c>
      <c r="C10175" s="7">
        <f t="shared" si="158"/>
        <v>169.38045</v>
      </c>
      <c r="I10175" s="1"/>
    </row>
    <row r="10176" spans="1:9" x14ac:dyDescent="0.25">
      <c r="A10176" s="3">
        <v>41795.74763888889</v>
      </c>
      <c r="B10176" s="6">
        <v>169397.09999999998</v>
      </c>
      <c r="C10176" s="7">
        <f t="shared" si="158"/>
        <v>169.39709999999997</v>
      </c>
      <c r="I10176" s="1"/>
    </row>
    <row r="10177" spans="1:9" x14ac:dyDescent="0.25">
      <c r="A10177" s="3">
        <v>41795.747731481482</v>
      </c>
      <c r="B10177" s="6">
        <v>169413.75</v>
      </c>
      <c r="C10177" s="7">
        <f t="shared" si="158"/>
        <v>169.41374999999999</v>
      </c>
      <c r="I10177" s="1"/>
    </row>
    <row r="10178" spans="1:9" x14ac:dyDescent="0.25">
      <c r="A10178" s="3">
        <v>41795.748912037037</v>
      </c>
      <c r="B10178" s="6">
        <v>169430.39999999999</v>
      </c>
      <c r="C10178" s="7">
        <f t="shared" si="158"/>
        <v>169.43039999999999</v>
      </c>
      <c r="I10178" s="1"/>
    </row>
    <row r="10179" spans="1:9" x14ac:dyDescent="0.25">
      <c r="A10179" s="3">
        <v>41795.74894675926</v>
      </c>
      <c r="B10179" s="6">
        <v>169447.05</v>
      </c>
      <c r="C10179" s="7">
        <f t="shared" ref="C10179:C10242" si="159">B10179/1000</f>
        <v>169.44704999999999</v>
      </c>
      <c r="I10179" s="1"/>
    </row>
    <row r="10180" spans="1:9" x14ac:dyDescent="0.25">
      <c r="A10180" s="3">
        <v>41795.7497337963</v>
      </c>
      <c r="B10180" s="6">
        <v>169463.69999999998</v>
      </c>
      <c r="C10180" s="7">
        <f t="shared" si="159"/>
        <v>169.46369999999999</v>
      </c>
      <c r="I10180" s="1"/>
    </row>
    <row r="10181" spans="1:9" x14ac:dyDescent="0.25">
      <c r="A10181" s="3">
        <v>41795.749837962961</v>
      </c>
      <c r="B10181" s="6">
        <v>169480.34999999998</v>
      </c>
      <c r="C10181" s="7">
        <f t="shared" si="159"/>
        <v>169.48034999999999</v>
      </c>
      <c r="I10181" s="1"/>
    </row>
    <row r="10182" spans="1:9" x14ac:dyDescent="0.25">
      <c r="A10182" s="3">
        <v>41795.751261574071</v>
      </c>
      <c r="B10182" s="6">
        <v>169497</v>
      </c>
      <c r="C10182" s="7">
        <f t="shared" si="159"/>
        <v>169.49700000000001</v>
      </c>
      <c r="I10182" s="1"/>
    </row>
    <row r="10183" spans="1:9" x14ac:dyDescent="0.25">
      <c r="A10183" s="3">
        <v>41795.751493055555</v>
      </c>
      <c r="B10183" s="6">
        <v>169513.65</v>
      </c>
      <c r="C10183" s="7">
        <f t="shared" si="159"/>
        <v>169.51364999999998</v>
      </c>
      <c r="I10183" s="1"/>
    </row>
    <row r="10184" spans="1:9" x14ac:dyDescent="0.25">
      <c r="A10184" s="3">
        <v>41795.752824074072</v>
      </c>
      <c r="B10184" s="6">
        <v>169530.3</v>
      </c>
      <c r="C10184" s="7">
        <f t="shared" si="159"/>
        <v>169.53029999999998</v>
      </c>
      <c r="I10184" s="1"/>
    </row>
    <row r="10185" spans="1:9" x14ac:dyDescent="0.25">
      <c r="A10185" s="3">
        <v>41795.752881944441</v>
      </c>
      <c r="B10185" s="6">
        <v>169546.94999999998</v>
      </c>
      <c r="C10185" s="7">
        <f t="shared" si="159"/>
        <v>169.54694999999998</v>
      </c>
      <c r="I10185" s="1"/>
    </row>
    <row r="10186" spans="1:9" x14ac:dyDescent="0.25">
      <c r="A10186" s="3">
        <v>41795.753958333335</v>
      </c>
      <c r="B10186" s="6">
        <v>169563.59999999998</v>
      </c>
      <c r="C10186" s="7">
        <f t="shared" si="159"/>
        <v>169.56359999999998</v>
      </c>
      <c r="I10186" s="1"/>
    </row>
    <row r="10187" spans="1:9" x14ac:dyDescent="0.25">
      <c r="A10187" s="3">
        <v>41795.754074074073</v>
      </c>
      <c r="B10187" s="6">
        <v>169580.25</v>
      </c>
      <c r="C10187" s="7">
        <f t="shared" si="159"/>
        <v>169.58025000000001</v>
      </c>
      <c r="I10187" s="1"/>
    </row>
    <row r="10188" spans="1:9" x14ac:dyDescent="0.25">
      <c r="A10188" s="3">
        <v>41795.754999999997</v>
      </c>
      <c r="B10188" s="6">
        <v>169596.9</v>
      </c>
      <c r="C10188" s="7">
        <f t="shared" si="159"/>
        <v>169.59690000000001</v>
      </c>
      <c r="I10188" s="1"/>
    </row>
    <row r="10189" spans="1:9" x14ac:dyDescent="0.25">
      <c r="A10189" s="3">
        <v>41795.755115740743</v>
      </c>
      <c r="B10189" s="6">
        <v>169613.55</v>
      </c>
      <c r="C10189" s="7">
        <f t="shared" si="159"/>
        <v>169.61354999999998</v>
      </c>
      <c r="I10189" s="1"/>
    </row>
    <row r="10190" spans="1:9" x14ac:dyDescent="0.25">
      <c r="A10190" s="3">
        <v>41795.756296296298</v>
      </c>
      <c r="B10190" s="6">
        <v>169630.19999999998</v>
      </c>
      <c r="C10190" s="7">
        <f t="shared" si="159"/>
        <v>169.63019999999997</v>
      </c>
      <c r="I10190" s="1"/>
    </row>
    <row r="10191" spans="1:9" x14ac:dyDescent="0.25">
      <c r="A10191" s="3">
        <v>41795.756956018522</v>
      </c>
      <c r="B10191" s="6">
        <v>169646.84999999998</v>
      </c>
      <c r="C10191" s="7">
        <f t="shared" si="159"/>
        <v>169.64684999999997</v>
      </c>
      <c r="I10191" s="1"/>
    </row>
    <row r="10192" spans="1:9" x14ac:dyDescent="0.25">
      <c r="A10192" s="3">
        <v>41795.758425925924</v>
      </c>
      <c r="B10192" s="6">
        <v>169663.5</v>
      </c>
      <c r="C10192" s="7">
        <f t="shared" si="159"/>
        <v>169.6635</v>
      </c>
      <c r="I10192" s="1"/>
    </row>
    <row r="10193" spans="1:9" x14ac:dyDescent="0.25">
      <c r="A10193" s="3">
        <v>41795.758553240739</v>
      </c>
      <c r="B10193" s="6">
        <v>169680.15</v>
      </c>
      <c r="C10193" s="7">
        <f t="shared" si="159"/>
        <v>169.68015</v>
      </c>
      <c r="I10193" s="1"/>
    </row>
    <row r="10194" spans="1:9" x14ac:dyDescent="0.25">
      <c r="A10194" s="3">
        <v>41795.759282407409</v>
      </c>
      <c r="B10194" s="6">
        <v>169696.8</v>
      </c>
      <c r="C10194" s="7">
        <f t="shared" si="159"/>
        <v>169.6968</v>
      </c>
      <c r="I10194" s="1"/>
    </row>
    <row r="10195" spans="1:9" x14ac:dyDescent="0.25">
      <c r="A10195" s="3">
        <v>41795.759363425925</v>
      </c>
      <c r="B10195" s="6">
        <v>169713.44999999998</v>
      </c>
      <c r="C10195" s="7">
        <f t="shared" si="159"/>
        <v>169.71344999999999</v>
      </c>
      <c r="I10195" s="1"/>
    </row>
    <row r="10196" spans="1:9" x14ac:dyDescent="0.25">
      <c r="A10196" s="3">
        <v>41795.76085648148</v>
      </c>
      <c r="B10196" s="6">
        <v>169730.09999999998</v>
      </c>
      <c r="C10196" s="7">
        <f t="shared" si="159"/>
        <v>169.73009999999996</v>
      </c>
      <c r="I10196" s="1"/>
    </row>
    <row r="10197" spans="1:9" x14ac:dyDescent="0.25">
      <c r="A10197" s="3">
        <v>41795.761087962965</v>
      </c>
      <c r="B10197" s="6">
        <v>169746.75</v>
      </c>
      <c r="C10197" s="7">
        <f t="shared" si="159"/>
        <v>169.74674999999999</v>
      </c>
      <c r="I10197" s="1"/>
    </row>
    <row r="10198" spans="1:9" x14ac:dyDescent="0.25">
      <c r="A10198" s="3">
        <v>41795.761840277781</v>
      </c>
      <c r="B10198" s="6">
        <v>169763.4</v>
      </c>
      <c r="C10198" s="7">
        <f t="shared" si="159"/>
        <v>169.76339999999999</v>
      </c>
      <c r="I10198" s="1"/>
    </row>
    <row r="10199" spans="1:9" x14ac:dyDescent="0.25">
      <c r="A10199" s="3">
        <v>41795.762048611112</v>
      </c>
      <c r="B10199" s="6">
        <v>169780.05</v>
      </c>
      <c r="C10199" s="7">
        <f t="shared" si="159"/>
        <v>169.78004999999999</v>
      </c>
      <c r="I10199" s="1"/>
    </row>
    <row r="10200" spans="1:9" x14ac:dyDescent="0.25">
      <c r="A10200" s="3">
        <v>41795.763611111113</v>
      </c>
      <c r="B10200" s="6">
        <v>169796.69999999998</v>
      </c>
      <c r="C10200" s="7">
        <f t="shared" si="159"/>
        <v>169.79669999999999</v>
      </c>
      <c r="I10200" s="1"/>
    </row>
    <row r="10201" spans="1:9" x14ac:dyDescent="0.25">
      <c r="A10201" s="3">
        <v>41795.763703703706</v>
      </c>
      <c r="B10201" s="6">
        <v>169813.34999999998</v>
      </c>
      <c r="C10201" s="7">
        <f t="shared" si="159"/>
        <v>169.81334999999999</v>
      </c>
      <c r="I10201" s="1"/>
    </row>
    <row r="10202" spans="1:9" x14ac:dyDescent="0.25">
      <c r="A10202" s="3">
        <v>41795.764641203707</v>
      </c>
      <c r="B10202" s="6">
        <v>169830</v>
      </c>
      <c r="C10202" s="7">
        <f t="shared" si="159"/>
        <v>169.83</v>
      </c>
      <c r="I10202" s="1"/>
    </row>
    <row r="10203" spans="1:9" x14ac:dyDescent="0.25">
      <c r="A10203" s="3">
        <v>41795.764722222222</v>
      </c>
      <c r="B10203" s="6">
        <v>169846.65</v>
      </c>
      <c r="C10203" s="7">
        <f t="shared" si="159"/>
        <v>169.84664999999998</v>
      </c>
      <c r="I10203" s="1"/>
    </row>
    <row r="10204" spans="1:9" x14ac:dyDescent="0.25">
      <c r="A10204" s="3">
        <v>41795.767534722225</v>
      </c>
      <c r="B10204" s="6">
        <v>169863.3</v>
      </c>
      <c r="C10204" s="7">
        <f t="shared" si="159"/>
        <v>169.86329999999998</v>
      </c>
      <c r="I10204" s="1"/>
    </row>
    <row r="10205" spans="1:9" x14ac:dyDescent="0.25">
      <c r="A10205" s="3">
        <v>41795.76761574074</v>
      </c>
      <c r="B10205" s="6">
        <v>169879.94999999998</v>
      </c>
      <c r="C10205" s="7">
        <f t="shared" si="159"/>
        <v>169.87994999999998</v>
      </c>
      <c r="I10205" s="1"/>
    </row>
    <row r="10206" spans="1:9" x14ac:dyDescent="0.25">
      <c r="A10206" s="3">
        <v>41795.768587962964</v>
      </c>
      <c r="B10206" s="6">
        <v>169896.59999999998</v>
      </c>
      <c r="C10206" s="7">
        <f t="shared" si="159"/>
        <v>169.89659999999998</v>
      </c>
      <c r="I10206" s="1"/>
    </row>
    <row r="10207" spans="1:9" x14ac:dyDescent="0.25">
      <c r="A10207" s="3">
        <v>41795.76866898148</v>
      </c>
      <c r="B10207" s="6">
        <v>169913.25</v>
      </c>
      <c r="C10207" s="7">
        <f t="shared" si="159"/>
        <v>169.91325000000001</v>
      </c>
      <c r="I10207" s="1"/>
    </row>
    <row r="10208" spans="1:9" x14ac:dyDescent="0.25">
      <c r="A10208" s="3">
        <v>41795.76972222222</v>
      </c>
      <c r="B10208" s="6">
        <v>169929.9</v>
      </c>
      <c r="C10208" s="7">
        <f t="shared" si="159"/>
        <v>169.9299</v>
      </c>
      <c r="I10208" s="1"/>
    </row>
    <row r="10209" spans="1:9" x14ac:dyDescent="0.25">
      <c r="A10209" s="3">
        <v>41795.769872685189</v>
      </c>
      <c r="B10209" s="6">
        <v>169946.55</v>
      </c>
      <c r="C10209" s="7">
        <f t="shared" si="159"/>
        <v>169.94655</v>
      </c>
      <c r="I10209" s="1"/>
    </row>
    <row r="10210" spans="1:9" x14ac:dyDescent="0.25">
      <c r="A10210" s="3">
        <v>41795.771805555552</v>
      </c>
      <c r="B10210" s="6">
        <v>169963.19999999998</v>
      </c>
      <c r="C10210" s="7">
        <f t="shared" si="159"/>
        <v>169.96319999999997</v>
      </c>
      <c r="I10210" s="1"/>
    </row>
    <row r="10211" spans="1:9" x14ac:dyDescent="0.25">
      <c r="A10211" s="3">
        <v>41795.771863425929</v>
      </c>
      <c r="B10211" s="6">
        <v>169979.84999999998</v>
      </c>
      <c r="C10211" s="7">
        <f t="shared" si="159"/>
        <v>169.97984999999997</v>
      </c>
      <c r="I10211" s="1"/>
    </row>
    <row r="10212" spans="1:9" x14ac:dyDescent="0.25">
      <c r="A10212" s="3">
        <v>41795.775717592594</v>
      </c>
      <c r="B10212" s="6">
        <v>169996.5</v>
      </c>
      <c r="C10212" s="7">
        <f t="shared" si="159"/>
        <v>169.9965</v>
      </c>
      <c r="I10212" s="1"/>
    </row>
    <row r="10213" spans="1:9" x14ac:dyDescent="0.25">
      <c r="A10213" s="3">
        <v>41795.775856481479</v>
      </c>
      <c r="B10213" s="6">
        <v>170013.15</v>
      </c>
      <c r="C10213" s="7">
        <f t="shared" si="159"/>
        <v>170.01315</v>
      </c>
      <c r="I10213" s="1"/>
    </row>
    <row r="10214" spans="1:9" x14ac:dyDescent="0.25">
      <c r="A10214" s="3">
        <v>41795.776516203703</v>
      </c>
      <c r="B10214" s="6">
        <v>170029.8</v>
      </c>
      <c r="C10214" s="7">
        <f t="shared" si="159"/>
        <v>170.02979999999999</v>
      </c>
      <c r="I10214" s="1"/>
    </row>
    <row r="10215" spans="1:9" x14ac:dyDescent="0.25">
      <c r="A10215" s="3">
        <v>41795.776608796295</v>
      </c>
      <c r="B10215" s="6">
        <v>170046.44999999998</v>
      </c>
      <c r="C10215" s="7">
        <f t="shared" si="159"/>
        <v>170.04644999999999</v>
      </c>
      <c r="I10215" s="1"/>
    </row>
    <row r="10216" spans="1:9" x14ac:dyDescent="0.25">
      <c r="A10216" s="3">
        <v>41795.777581018519</v>
      </c>
      <c r="B10216" s="6">
        <v>170063.09999999998</v>
      </c>
      <c r="C10216" s="7">
        <f t="shared" si="159"/>
        <v>170.06309999999996</v>
      </c>
      <c r="I10216" s="1"/>
    </row>
    <row r="10217" spans="1:9" x14ac:dyDescent="0.25">
      <c r="A10217" s="3">
        <v>41795.777766203704</v>
      </c>
      <c r="B10217" s="6">
        <v>170079.75</v>
      </c>
      <c r="C10217" s="7">
        <f t="shared" si="159"/>
        <v>170.07974999999999</v>
      </c>
      <c r="I10217" s="1"/>
    </row>
    <row r="10218" spans="1:9" x14ac:dyDescent="0.25">
      <c r="A10218" s="3">
        <v>41795.778449074074</v>
      </c>
      <c r="B10218" s="6">
        <v>170096.4</v>
      </c>
      <c r="C10218" s="7">
        <f t="shared" si="159"/>
        <v>170.09639999999999</v>
      </c>
      <c r="I10218" s="1"/>
    </row>
    <row r="10219" spans="1:9" x14ac:dyDescent="0.25">
      <c r="A10219" s="3">
        <v>41795.77851851852</v>
      </c>
      <c r="B10219" s="6">
        <v>170113.05</v>
      </c>
      <c r="C10219" s="7">
        <f t="shared" si="159"/>
        <v>170.11304999999999</v>
      </c>
      <c r="I10219" s="1"/>
    </row>
    <row r="10220" spans="1:9" x14ac:dyDescent="0.25">
      <c r="A10220" s="3">
        <v>41795.780266203707</v>
      </c>
      <c r="B10220" s="6">
        <v>170129.69999999998</v>
      </c>
      <c r="C10220" s="7">
        <f t="shared" si="159"/>
        <v>170.12969999999999</v>
      </c>
      <c r="I10220" s="1"/>
    </row>
    <row r="10221" spans="1:9" x14ac:dyDescent="0.25">
      <c r="A10221" s="3">
        <v>41795.780335648145</v>
      </c>
      <c r="B10221" s="6">
        <v>170146.34999999998</v>
      </c>
      <c r="C10221" s="7">
        <f t="shared" si="159"/>
        <v>170.14634999999998</v>
      </c>
      <c r="I10221" s="1"/>
    </row>
    <row r="10222" spans="1:9" x14ac:dyDescent="0.25">
      <c r="A10222" s="3">
        <v>41795.780833333331</v>
      </c>
      <c r="B10222" s="6">
        <v>170163</v>
      </c>
      <c r="C10222" s="7">
        <f t="shared" si="159"/>
        <v>170.16300000000001</v>
      </c>
      <c r="I10222" s="1"/>
    </row>
    <row r="10223" spans="1:9" x14ac:dyDescent="0.25">
      <c r="A10223" s="3">
        <v>41795.780972222223</v>
      </c>
      <c r="B10223" s="6">
        <v>170179.65</v>
      </c>
      <c r="C10223" s="7">
        <f t="shared" si="159"/>
        <v>170.17964999999998</v>
      </c>
      <c r="I10223" s="1"/>
    </row>
    <row r="10224" spans="1:9" x14ac:dyDescent="0.25">
      <c r="A10224" s="3">
        <v>41795.783055555556</v>
      </c>
      <c r="B10224" s="6">
        <v>170196.3</v>
      </c>
      <c r="C10224" s="7">
        <f t="shared" si="159"/>
        <v>170.19629999999998</v>
      </c>
      <c r="I10224" s="1"/>
    </row>
    <row r="10225" spans="1:9" x14ac:dyDescent="0.25">
      <c r="A10225" s="3">
        <v>41795.783171296294</v>
      </c>
      <c r="B10225" s="6">
        <v>170212.94999999998</v>
      </c>
      <c r="C10225" s="7">
        <f t="shared" si="159"/>
        <v>170.21294999999998</v>
      </c>
      <c r="I10225" s="1"/>
    </row>
    <row r="10226" spans="1:9" x14ac:dyDescent="0.25">
      <c r="A10226" s="3">
        <v>41795.784490740742</v>
      </c>
      <c r="B10226" s="6">
        <v>170229.59999999998</v>
      </c>
      <c r="C10226" s="7">
        <f t="shared" si="159"/>
        <v>170.22959999999998</v>
      </c>
      <c r="I10226" s="1"/>
    </row>
    <row r="10227" spans="1:9" x14ac:dyDescent="0.25">
      <c r="A10227" s="3">
        <v>41795.784548611111</v>
      </c>
      <c r="B10227" s="6">
        <v>170246.25</v>
      </c>
      <c r="C10227" s="7">
        <f t="shared" si="159"/>
        <v>170.24625</v>
      </c>
      <c r="I10227" s="1"/>
    </row>
    <row r="10228" spans="1:9" x14ac:dyDescent="0.25">
      <c r="A10228" s="3">
        <v>41795.785057870373</v>
      </c>
      <c r="B10228" s="6">
        <v>170262.9</v>
      </c>
      <c r="C10228" s="7">
        <f t="shared" si="159"/>
        <v>170.2629</v>
      </c>
      <c r="I10228" s="1"/>
    </row>
    <row r="10229" spans="1:9" x14ac:dyDescent="0.25">
      <c r="A10229" s="3">
        <v>41795.785150462965</v>
      </c>
      <c r="B10229" s="6">
        <v>170279.55</v>
      </c>
      <c r="C10229" s="7">
        <f t="shared" si="159"/>
        <v>170.27955</v>
      </c>
      <c r="I10229" s="1"/>
    </row>
    <row r="10230" spans="1:9" x14ac:dyDescent="0.25">
      <c r="A10230" s="3">
        <v>41795.785949074074</v>
      </c>
      <c r="B10230" s="6">
        <v>170296.19999999998</v>
      </c>
      <c r="C10230" s="7">
        <f t="shared" si="159"/>
        <v>170.29619999999997</v>
      </c>
      <c r="I10230" s="1"/>
    </row>
    <row r="10231" spans="1:9" x14ac:dyDescent="0.25">
      <c r="A10231" s="3">
        <v>41795.786134259259</v>
      </c>
      <c r="B10231" s="6">
        <v>170312.84999999998</v>
      </c>
      <c r="C10231" s="7">
        <f t="shared" si="159"/>
        <v>170.31284999999997</v>
      </c>
      <c r="I10231" s="1"/>
    </row>
    <row r="10232" spans="1:9" x14ac:dyDescent="0.25">
      <c r="A10232" s="3">
        <v>41795.787256944444</v>
      </c>
      <c r="B10232" s="6">
        <v>170329.5</v>
      </c>
      <c r="C10232" s="7">
        <f t="shared" si="159"/>
        <v>170.3295</v>
      </c>
      <c r="I10232" s="1"/>
    </row>
    <row r="10233" spans="1:9" x14ac:dyDescent="0.25">
      <c r="A10233" s="3">
        <v>41795.78733796296</v>
      </c>
      <c r="B10233" s="6">
        <v>170346.15</v>
      </c>
      <c r="C10233" s="7">
        <f t="shared" si="159"/>
        <v>170.34614999999999</v>
      </c>
      <c r="I10233" s="1"/>
    </row>
    <row r="10234" spans="1:9" x14ac:dyDescent="0.25">
      <c r="A10234" s="3">
        <v>41795.788495370369</v>
      </c>
      <c r="B10234" s="6">
        <v>170362.8</v>
      </c>
      <c r="C10234" s="7">
        <f t="shared" si="159"/>
        <v>170.36279999999999</v>
      </c>
      <c r="I10234" s="1"/>
    </row>
    <row r="10235" spans="1:9" x14ac:dyDescent="0.25">
      <c r="A10235" s="3">
        <v>41795.788680555554</v>
      </c>
      <c r="B10235" s="6">
        <v>170379.44999999998</v>
      </c>
      <c r="C10235" s="7">
        <f t="shared" si="159"/>
        <v>170.37944999999999</v>
      </c>
      <c r="I10235" s="1"/>
    </row>
    <row r="10236" spans="1:9" x14ac:dyDescent="0.25">
      <c r="A10236" s="3">
        <v>41795.790509259263</v>
      </c>
      <c r="B10236" s="6">
        <v>170396.09999999998</v>
      </c>
      <c r="C10236" s="7">
        <f t="shared" si="159"/>
        <v>170.39609999999999</v>
      </c>
      <c r="I10236" s="1"/>
    </row>
    <row r="10237" spans="1:9" x14ac:dyDescent="0.25">
      <c r="A10237" s="3">
        <v>41795.790694444448</v>
      </c>
      <c r="B10237" s="6">
        <v>170412.75</v>
      </c>
      <c r="C10237" s="7">
        <f t="shared" si="159"/>
        <v>170.41274999999999</v>
      </c>
      <c r="I10237" s="1"/>
    </row>
    <row r="10238" spans="1:9" x14ac:dyDescent="0.25">
      <c r="A10238" s="3">
        <v>41795.791365740741</v>
      </c>
      <c r="B10238" s="6">
        <v>170429.4</v>
      </c>
      <c r="C10238" s="7">
        <f t="shared" si="159"/>
        <v>170.42939999999999</v>
      </c>
      <c r="I10238" s="1"/>
    </row>
    <row r="10239" spans="1:9" x14ac:dyDescent="0.25">
      <c r="A10239" s="3">
        <v>41795.791446759256</v>
      </c>
      <c r="B10239" s="6">
        <v>170446.05</v>
      </c>
      <c r="C10239" s="7">
        <f t="shared" si="159"/>
        <v>170.44604999999999</v>
      </c>
      <c r="I10239" s="1"/>
    </row>
    <row r="10240" spans="1:9" x14ac:dyDescent="0.25">
      <c r="A10240" s="3">
        <v>41795.79247685185</v>
      </c>
      <c r="B10240" s="6">
        <v>170462.69999999998</v>
      </c>
      <c r="C10240" s="7">
        <f t="shared" si="159"/>
        <v>170.46269999999998</v>
      </c>
      <c r="I10240" s="1"/>
    </row>
    <row r="10241" spans="1:9" x14ac:dyDescent="0.25">
      <c r="A10241" s="3">
        <v>41795.792534722219</v>
      </c>
      <c r="B10241" s="6">
        <v>170479.34999999998</v>
      </c>
      <c r="C10241" s="7">
        <f t="shared" si="159"/>
        <v>170.47934999999998</v>
      </c>
      <c r="I10241" s="1"/>
    </row>
    <row r="10242" spans="1:9" x14ac:dyDescent="0.25">
      <c r="A10242" s="3">
        <v>41795.794351851851</v>
      </c>
      <c r="B10242" s="6">
        <v>170496</v>
      </c>
      <c r="C10242" s="7">
        <f t="shared" si="159"/>
        <v>170.49600000000001</v>
      </c>
      <c r="I10242" s="1"/>
    </row>
    <row r="10243" spans="1:9" x14ac:dyDescent="0.25">
      <c r="A10243" s="3">
        <v>41795.794432870367</v>
      </c>
      <c r="B10243" s="6">
        <v>170512.65</v>
      </c>
      <c r="C10243" s="7">
        <f t="shared" ref="C10243:C10306" si="160">B10243/1000</f>
        <v>170.51265000000001</v>
      </c>
      <c r="I10243" s="1"/>
    </row>
    <row r="10244" spans="1:9" x14ac:dyDescent="0.25">
      <c r="A10244" s="3">
        <v>41795.795439814814</v>
      </c>
      <c r="B10244" s="6">
        <v>170529.3</v>
      </c>
      <c r="C10244" s="7">
        <f t="shared" si="160"/>
        <v>170.52929999999998</v>
      </c>
      <c r="I10244" s="1"/>
    </row>
    <row r="10245" spans="1:9" x14ac:dyDescent="0.25">
      <c r="A10245" s="3">
        <v>41795.795624999999</v>
      </c>
      <c r="B10245" s="6">
        <v>170545.94999999998</v>
      </c>
      <c r="C10245" s="7">
        <f t="shared" si="160"/>
        <v>170.54594999999998</v>
      </c>
      <c r="I10245" s="1"/>
    </row>
    <row r="10246" spans="1:9" x14ac:dyDescent="0.25">
      <c r="A10246" s="3">
        <v>41795.799143518518</v>
      </c>
      <c r="B10246" s="6">
        <v>170562.59999999998</v>
      </c>
      <c r="C10246" s="7">
        <f t="shared" si="160"/>
        <v>170.56259999999997</v>
      </c>
      <c r="I10246" s="1"/>
    </row>
    <row r="10247" spans="1:9" x14ac:dyDescent="0.25">
      <c r="A10247" s="3">
        <v>41795.799409722225</v>
      </c>
      <c r="B10247" s="6">
        <v>170579.25</v>
      </c>
      <c r="C10247" s="7">
        <f t="shared" si="160"/>
        <v>170.57925</v>
      </c>
      <c r="I10247" s="1"/>
    </row>
    <row r="10248" spans="1:9" x14ac:dyDescent="0.25">
      <c r="A10248" s="3">
        <v>41795.80159722222</v>
      </c>
      <c r="B10248" s="6">
        <v>170595.9</v>
      </c>
      <c r="C10248" s="7">
        <f t="shared" si="160"/>
        <v>170.5959</v>
      </c>
      <c r="I10248" s="1"/>
    </row>
    <row r="10249" spans="1:9" x14ac:dyDescent="0.25">
      <c r="A10249" s="3">
        <v>41795.801863425928</v>
      </c>
      <c r="B10249" s="6">
        <v>170612.55</v>
      </c>
      <c r="C10249" s="7">
        <f t="shared" si="160"/>
        <v>170.61255</v>
      </c>
      <c r="I10249" s="1"/>
    </row>
    <row r="10250" spans="1:9" x14ac:dyDescent="0.25">
      <c r="A10250" s="3">
        <v>41795.80395833333</v>
      </c>
      <c r="B10250" s="6">
        <v>170629.19999999998</v>
      </c>
      <c r="C10250" s="7">
        <f t="shared" si="160"/>
        <v>170.62919999999997</v>
      </c>
      <c r="I10250" s="1"/>
    </row>
    <row r="10251" spans="1:9" x14ac:dyDescent="0.25">
      <c r="A10251" s="3">
        <v>41795.804085648146</v>
      </c>
      <c r="B10251" s="6">
        <v>170645.84999999998</v>
      </c>
      <c r="C10251" s="7">
        <f t="shared" si="160"/>
        <v>170.64584999999997</v>
      </c>
      <c r="I10251" s="1"/>
    </row>
    <row r="10252" spans="1:9" x14ac:dyDescent="0.25">
      <c r="A10252" s="3">
        <v>41795.805</v>
      </c>
      <c r="B10252" s="6">
        <v>170662.49999999997</v>
      </c>
      <c r="C10252" s="7">
        <f t="shared" si="160"/>
        <v>170.66249999999997</v>
      </c>
      <c r="I10252" s="1"/>
    </row>
    <row r="10253" spans="1:9" x14ac:dyDescent="0.25">
      <c r="A10253" s="3">
        <v>41795.805578703701</v>
      </c>
      <c r="B10253" s="6">
        <v>170679.15</v>
      </c>
      <c r="C10253" s="7">
        <f t="shared" si="160"/>
        <v>170.67914999999999</v>
      </c>
      <c r="I10253" s="1"/>
    </row>
    <row r="10254" spans="1:9" x14ac:dyDescent="0.25">
      <c r="A10254" s="3">
        <v>41795.80740740741</v>
      </c>
      <c r="B10254" s="6">
        <v>170695.8</v>
      </c>
      <c r="C10254" s="7">
        <f t="shared" si="160"/>
        <v>170.69579999999999</v>
      </c>
      <c r="I10254" s="1"/>
    </row>
    <row r="10255" spans="1:9" x14ac:dyDescent="0.25">
      <c r="A10255" s="3">
        <v>41795.807905092595</v>
      </c>
      <c r="B10255" s="6">
        <v>170712.44999999998</v>
      </c>
      <c r="C10255" s="7">
        <f t="shared" si="160"/>
        <v>170.71244999999999</v>
      </c>
      <c r="I10255" s="1"/>
    </row>
    <row r="10256" spans="1:9" x14ac:dyDescent="0.25">
      <c r="A10256" s="3">
        <v>41795.809444444443</v>
      </c>
      <c r="B10256" s="6">
        <v>170729.09999999998</v>
      </c>
      <c r="C10256" s="7">
        <f t="shared" si="160"/>
        <v>170.72909999999999</v>
      </c>
      <c r="I10256" s="1"/>
    </row>
    <row r="10257" spans="1:9" x14ac:dyDescent="0.25">
      <c r="A10257" s="3">
        <v>41795.809560185182</v>
      </c>
      <c r="B10257" s="6">
        <v>170745.74999999997</v>
      </c>
      <c r="C10257" s="7">
        <f t="shared" si="160"/>
        <v>170.74574999999996</v>
      </c>
      <c r="I10257" s="1"/>
    </row>
    <row r="10258" spans="1:9" x14ac:dyDescent="0.25">
      <c r="A10258" s="3">
        <v>41795.81150462963</v>
      </c>
      <c r="B10258" s="6">
        <v>170762.4</v>
      </c>
      <c r="C10258" s="7">
        <f t="shared" si="160"/>
        <v>170.76239999999999</v>
      </c>
      <c r="I10258" s="1"/>
    </row>
    <row r="10259" spans="1:9" x14ac:dyDescent="0.25">
      <c r="A10259" s="3">
        <v>41795.811655092592</v>
      </c>
      <c r="B10259" s="6">
        <v>170779.05</v>
      </c>
      <c r="C10259" s="7">
        <f t="shared" si="160"/>
        <v>170.77904999999998</v>
      </c>
      <c r="I10259" s="1"/>
    </row>
    <row r="10260" spans="1:9" x14ac:dyDescent="0.25">
      <c r="A10260" s="3">
        <v>41795.813136574077</v>
      </c>
      <c r="B10260" s="6">
        <v>170795.69999999998</v>
      </c>
      <c r="C10260" s="7">
        <f t="shared" si="160"/>
        <v>170.79569999999998</v>
      </c>
      <c r="I10260" s="1"/>
    </row>
    <row r="10261" spans="1:9" x14ac:dyDescent="0.25">
      <c r="A10261" s="3">
        <v>41795.81318287037</v>
      </c>
      <c r="B10261" s="6">
        <v>170812.34999999998</v>
      </c>
      <c r="C10261" s="7">
        <f t="shared" si="160"/>
        <v>170.81234999999998</v>
      </c>
      <c r="I10261" s="1"/>
    </row>
    <row r="10262" spans="1:9" x14ac:dyDescent="0.25">
      <c r="A10262" s="3">
        <v>41795.815451388888</v>
      </c>
      <c r="B10262" s="6">
        <v>170828.99999999997</v>
      </c>
      <c r="C10262" s="7">
        <f t="shared" si="160"/>
        <v>170.82899999999998</v>
      </c>
      <c r="I10262" s="1"/>
    </row>
    <row r="10263" spans="1:9" x14ac:dyDescent="0.25">
      <c r="A10263" s="3">
        <v>41795.815532407411</v>
      </c>
      <c r="B10263" s="6">
        <v>170845.65</v>
      </c>
      <c r="C10263" s="7">
        <f t="shared" si="160"/>
        <v>170.84565000000001</v>
      </c>
      <c r="I10263" s="1"/>
    </row>
    <row r="10264" spans="1:9" x14ac:dyDescent="0.25">
      <c r="A10264" s="3">
        <v>41795.817881944444</v>
      </c>
      <c r="B10264" s="6">
        <v>170862.3</v>
      </c>
      <c r="C10264" s="7">
        <f t="shared" si="160"/>
        <v>170.86229999999998</v>
      </c>
      <c r="I10264" s="1"/>
    </row>
    <row r="10265" spans="1:9" x14ac:dyDescent="0.25">
      <c r="A10265" s="3">
        <v>41795.81795138889</v>
      </c>
      <c r="B10265" s="6">
        <v>170878.94999999998</v>
      </c>
      <c r="C10265" s="7">
        <f t="shared" si="160"/>
        <v>170.87894999999997</v>
      </c>
      <c r="I10265" s="1"/>
    </row>
    <row r="10266" spans="1:9" x14ac:dyDescent="0.25">
      <c r="A10266" s="3">
        <v>41795.818854166668</v>
      </c>
      <c r="B10266" s="6">
        <v>170895.59999999998</v>
      </c>
      <c r="C10266" s="7">
        <f t="shared" si="160"/>
        <v>170.89559999999997</v>
      </c>
      <c r="I10266" s="1"/>
    </row>
    <row r="10267" spans="1:9" x14ac:dyDescent="0.25">
      <c r="A10267" s="3">
        <v>41795.818958333337</v>
      </c>
      <c r="B10267" s="6">
        <v>170912.24999999997</v>
      </c>
      <c r="C10267" s="7">
        <f t="shared" si="160"/>
        <v>170.91224999999997</v>
      </c>
      <c r="I10267" s="1"/>
    </row>
    <row r="10268" spans="1:9" x14ac:dyDescent="0.25">
      <c r="A10268" s="3">
        <v>41795.820821759262</v>
      </c>
      <c r="B10268" s="6">
        <v>170928.9</v>
      </c>
      <c r="C10268" s="7">
        <f t="shared" si="160"/>
        <v>170.9289</v>
      </c>
      <c r="I10268" s="1"/>
    </row>
    <row r="10269" spans="1:9" x14ac:dyDescent="0.25">
      <c r="A10269" s="3">
        <v>41795.821574074071</v>
      </c>
      <c r="B10269" s="6">
        <v>170945.55</v>
      </c>
      <c r="C10269" s="7">
        <f t="shared" si="160"/>
        <v>170.94555</v>
      </c>
      <c r="I10269" s="1"/>
    </row>
    <row r="10270" spans="1:9" x14ac:dyDescent="0.25">
      <c r="A10270" s="3">
        <v>41795.822858796295</v>
      </c>
      <c r="B10270" s="6">
        <v>170962.19999999998</v>
      </c>
      <c r="C10270" s="7">
        <f t="shared" si="160"/>
        <v>170.9622</v>
      </c>
      <c r="I10270" s="1"/>
    </row>
    <row r="10271" spans="1:9" x14ac:dyDescent="0.25">
      <c r="A10271" s="3">
        <v>41795.822928240741</v>
      </c>
      <c r="B10271" s="6">
        <v>170978.84999999998</v>
      </c>
      <c r="C10271" s="7">
        <f t="shared" si="160"/>
        <v>170.97884999999997</v>
      </c>
      <c r="I10271" s="1"/>
    </row>
    <row r="10272" spans="1:9" x14ac:dyDescent="0.25">
      <c r="A10272" s="3">
        <v>41795.824918981481</v>
      </c>
      <c r="B10272" s="6">
        <v>170995.49999999997</v>
      </c>
      <c r="C10272" s="7">
        <f t="shared" si="160"/>
        <v>170.99549999999996</v>
      </c>
      <c r="I10272" s="1"/>
    </row>
    <row r="10273" spans="1:9" x14ac:dyDescent="0.25">
      <c r="A10273" s="3">
        <v>41795.82503472222</v>
      </c>
      <c r="B10273" s="6">
        <v>171012.15</v>
      </c>
      <c r="C10273" s="7">
        <f t="shared" si="160"/>
        <v>171.01214999999999</v>
      </c>
      <c r="I10273" s="1"/>
    </row>
    <row r="10274" spans="1:9" x14ac:dyDescent="0.25">
      <c r="A10274" s="3">
        <v>41795.827013888891</v>
      </c>
      <c r="B10274" s="6">
        <v>171028.8</v>
      </c>
      <c r="C10274" s="7">
        <f t="shared" si="160"/>
        <v>171.02879999999999</v>
      </c>
      <c r="I10274" s="1"/>
    </row>
    <row r="10275" spans="1:9" x14ac:dyDescent="0.25">
      <c r="A10275" s="3">
        <v>41795.82707175926</v>
      </c>
      <c r="B10275" s="6">
        <v>171045.44999999998</v>
      </c>
      <c r="C10275" s="7">
        <f t="shared" si="160"/>
        <v>171.04544999999999</v>
      </c>
      <c r="I10275" s="1"/>
    </row>
    <row r="10276" spans="1:9" x14ac:dyDescent="0.25">
      <c r="A10276" s="3">
        <v>41795.831400462965</v>
      </c>
      <c r="B10276" s="6">
        <v>171062.09999999998</v>
      </c>
      <c r="C10276" s="7">
        <f t="shared" si="160"/>
        <v>171.06209999999999</v>
      </c>
      <c r="I10276" s="1"/>
    </row>
    <row r="10277" spans="1:9" x14ac:dyDescent="0.25">
      <c r="A10277" s="3">
        <v>41795.835185185184</v>
      </c>
      <c r="B10277" s="6">
        <v>171078.74999999997</v>
      </c>
      <c r="C10277" s="7">
        <f t="shared" si="160"/>
        <v>171.07874999999996</v>
      </c>
      <c r="I10277" s="1"/>
    </row>
    <row r="10278" spans="1:9" x14ac:dyDescent="0.25">
      <c r="A10278" s="3">
        <v>41795.838240740741</v>
      </c>
      <c r="B10278" s="6">
        <v>171095.4</v>
      </c>
      <c r="C10278" s="7">
        <f t="shared" si="160"/>
        <v>171.09539999999998</v>
      </c>
      <c r="I10278" s="1"/>
    </row>
    <row r="10279" spans="1:9" x14ac:dyDescent="0.25">
      <c r="A10279" s="3">
        <v>41795.840752314813</v>
      </c>
      <c r="B10279" s="6">
        <v>171112.05</v>
      </c>
      <c r="C10279" s="7">
        <f t="shared" si="160"/>
        <v>171.11204999999998</v>
      </c>
      <c r="I10279" s="1"/>
    </row>
    <row r="10280" spans="1:9" x14ac:dyDescent="0.25">
      <c r="A10280" s="3">
        <v>41795.844814814816</v>
      </c>
      <c r="B10280" s="6">
        <v>171128.69999999998</v>
      </c>
      <c r="C10280" s="7">
        <f t="shared" si="160"/>
        <v>171.12869999999998</v>
      </c>
      <c r="I10280" s="1"/>
    </row>
    <row r="10281" spans="1:9" x14ac:dyDescent="0.25">
      <c r="A10281" s="3">
        <v>41795.846296296295</v>
      </c>
      <c r="B10281" s="6">
        <v>171145.34999999998</v>
      </c>
      <c r="C10281" s="7">
        <f t="shared" si="160"/>
        <v>171.14534999999998</v>
      </c>
      <c r="I10281" s="1"/>
    </row>
    <row r="10282" spans="1:9" x14ac:dyDescent="0.25">
      <c r="A10282" s="3">
        <v>41795.850185185183</v>
      </c>
      <c r="B10282" s="6">
        <v>171161.99999999997</v>
      </c>
      <c r="C10282" s="7">
        <f t="shared" si="160"/>
        <v>171.16199999999998</v>
      </c>
      <c r="I10282" s="1"/>
    </row>
    <row r="10283" spans="1:9" x14ac:dyDescent="0.25">
      <c r="A10283" s="3">
        <v>41795.850335648145</v>
      </c>
      <c r="B10283" s="6">
        <v>171178.65</v>
      </c>
      <c r="C10283" s="7">
        <f t="shared" si="160"/>
        <v>171.17865</v>
      </c>
      <c r="I10283" s="1"/>
    </row>
    <row r="10284" spans="1:9" x14ac:dyDescent="0.25">
      <c r="A10284" s="3">
        <v>41795.855057870373</v>
      </c>
      <c r="B10284" s="6">
        <v>171195.3</v>
      </c>
      <c r="C10284" s="7">
        <f t="shared" si="160"/>
        <v>171.19529999999997</v>
      </c>
      <c r="I10284" s="1"/>
    </row>
    <row r="10285" spans="1:9" x14ac:dyDescent="0.25">
      <c r="A10285" s="3">
        <v>41795.855138888888</v>
      </c>
      <c r="B10285" s="6">
        <v>171211.94999999998</v>
      </c>
      <c r="C10285" s="7">
        <f t="shared" si="160"/>
        <v>171.21194999999997</v>
      </c>
      <c r="I10285" s="1"/>
    </row>
    <row r="10286" spans="1:9" x14ac:dyDescent="0.25">
      <c r="A10286" s="3">
        <v>41795.860682870371</v>
      </c>
      <c r="B10286" s="6">
        <v>171228.59999999998</v>
      </c>
      <c r="C10286" s="7">
        <f t="shared" si="160"/>
        <v>171.22859999999997</v>
      </c>
      <c r="I10286" s="1"/>
    </row>
    <row r="10287" spans="1:9" x14ac:dyDescent="0.25">
      <c r="A10287" s="3">
        <v>41795.860798611109</v>
      </c>
      <c r="B10287" s="6">
        <v>171245.24999999997</v>
      </c>
      <c r="C10287" s="7">
        <f t="shared" si="160"/>
        <v>171.24524999999997</v>
      </c>
      <c r="I10287" s="1"/>
    </row>
    <row r="10288" spans="1:9" x14ac:dyDescent="0.25">
      <c r="A10288" s="3">
        <v>41795.862870370373</v>
      </c>
      <c r="B10288" s="6">
        <v>171261.9</v>
      </c>
      <c r="C10288" s="7">
        <f t="shared" si="160"/>
        <v>171.2619</v>
      </c>
      <c r="I10288" s="1"/>
    </row>
    <row r="10289" spans="1:9" x14ac:dyDescent="0.25">
      <c r="A10289" s="3">
        <v>41795.863020833334</v>
      </c>
      <c r="B10289" s="6">
        <v>171278.55</v>
      </c>
      <c r="C10289" s="7">
        <f t="shared" si="160"/>
        <v>171.27855</v>
      </c>
      <c r="I10289" s="1"/>
    </row>
    <row r="10290" spans="1:9" x14ac:dyDescent="0.25">
      <c r="A10290" s="3">
        <v>41795.866365740738</v>
      </c>
      <c r="B10290" s="6">
        <v>171295.19999999998</v>
      </c>
      <c r="C10290" s="7">
        <f t="shared" si="160"/>
        <v>171.29519999999999</v>
      </c>
      <c r="I10290" s="1"/>
    </row>
    <row r="10291" spans="1:9" x14ac:dyDescent="0.25">
      <c r="A10291" s="3">
        <v>41795.866481481484</v>
      </c>
      <c r="B10291" s="6">
        <v>171311.84999999998</v>
      </c>
      <c r="C10291" s="7">
        <f t="shared" si="160"/>
        <v>171.31184999999996</v>
      </c>
      <c r="I10291" s="1"/>
    </row>
    <row r="10292" spans="1:9" x14ac:dyDescent="0.25">
      <c r="A10292" s="3">
        <v>41795.891562500001</v>
      </c>
      <c r="B10292" s="6">
        <v>171328.49999999997</v>
      </c>
      <c r="C10292" s="7">
        <f t="shared" si="160"/>
        <v>171.32849999999996</v>
      </c>
      <c r="I10292" s="1"/>
    </row>
    <row r="10293" spans="1:9" x14ac:dyDescent="0.25">
      <c r="A10293" s="3">
        <v>41795.901574074072</v>
      </c>
      <c r="B10293" s="6">
        <v>171345.15</v>
      </c>
      <c r="C10293" s="7">
        <f t="shared" si="160"/>
        <v>171.34514999999999</v>
      </c>
      <c r="I10293" s="1"/>
    </row>
    <row r="10294" spans="1:9" x14ac:dyDescent="0.25">
      <c r="A10294" s="3">
        <v>41795.986805555556</v>
      </c>
      <c r="B10294" s="6">
        <v>171361.8</v>
      </c>
      <c r="C10294" s="7">
        <f t="shared" si="160"/>
        <v>171.36179999999999</v>
      </c>
      <c r="I10294" s="1"/>
    </row>
    <row r="10295" spans="1:9" x14ac:dyDescent="0.25">
      <c r="A10295" s="3">
        <v>41825.003553240742</v>
      </c>
      <c r="B10295" s="6">
        <v>171378.44999999998</v>
      </c>
      <c r="C10295" s="7">
        <f t="shared" si="160"/>
        <v>171.37844999999999</v>
      </c>
      <c r="I10295" s="1"/>
    </row>
    <row r="10296" spans="1:9" x14ac:dyDescent="0.25">
      <c r="A10296" s="3">
        <v>41825.003761574073</v>
      </c>
      <c r="B10296" s="6">
        <v>171395.09999999998</v>
      </c>
      <c r="C10296" s="7">
        <f t="shared" si="160"/>
        <v>171.39509999999999</v>
      </c>
      <c r="I10296" s="1"/>
    </row>
    <row r="10297" spans="1:9" x14ac:dyDescent="0.25">
      <c r="A10297" s="3">
        <v>41825.008055555554</v>
      </c>
      <c r="B10297" s="6">
        <v>171411.74999999997</v>
      </c>
      <c r="C10297" s="7">
        <f t="shared" si="160"/>
        <v>171.41174999999998</v>
      </c>
      <c r="I10297" s="1"/>
    </row>
    <row r="10298" spans="1:9" x14ac:dyDescent="0.25">
      <c r="A10298" s="3">
        <v>41825.0159375</v>
      </c>
      <c r="B10298" s="6">
        <v>171428.4</v>
      </c>
      <c r="C10298" s="7">
        <f t="shared" si="160"/>
        <v>171.42839999999998</v>
      </c>
      <c r="I10298" s="1"/>
    </row>
    <row r="10299" spans="1:9" x14ac:dyDescent="0.25">
      <c r="A10299" s="3">
        <v>41825.016631944447</v>
      </c>
      <c r="B10299" s="6">
        <v>171445.05</v>
      </c>
      <c r="C10299" s="7">
        <f t="shared" si="160"/>
        <v>171.44504999999998</v>
      </c>
      <c r="I10299" s="1"/>
    </row>
    <row r="10300" spans="1:9" x14ac:dyDescent="0.25">
      <c r="A10300" s="3">
        <v>41825.026967592596</v>
      </c>
      <c r="B10300" s="6">
        <v>171461.69999999998</v>
      </c>
      <c r="C10300" s="7">
        <f t="shared" si="160"/>
        <v>171.46169999999998</v>
      </c>
      <c r="I10300" s="1"/>
    </row>
    <row r="10301" spans="1:9" x14ac:dyDescent="0.25">
      <c r="A10301" s="3">
        <v>41825.32540509259</v>
      </c>
      <c r="B10301" s="6">
        <v>171478.34999999998</v>
      </c>
      <c r="C10301" s="7">
        <f t="shared" si="160"/>
        <v>171.47834999999998</v>
      </c>
      <c r="I10301" s="1"/>
    </row>
    <row r="10302" spans="1:9" x14ac:dyDescent="0.25">
      <c r="A10302" s="3">
        <v>41825.326678240737</v>
      </c>
      <c r="B10302" s="6">
        <v>171494.99999999997</v>
      </c>
      <c r="C10302" s="7">
        <f t="shared" si="160"/>
        <v>171.49499999999998</v>
      </c>
      <c r="I10302" s="1"/>
    </row>
    <row r="10303" spans="1:9" x14ac:dyDescent="0.25">
      <c r="A10303" s="3">
        <v>41825.331585648149</v>
      </c>
      <c r="B10303" s="6">
        <v>171511.65</v>
      </c>
      <c r="C10303" s="7">
        <f t="shared" si="160"/>
        <v>171.51165</v>
      </c>
      <c r="I10303" s="1"/>
    </row>
    <row r="10304" spans="1:9" x14ac:dyDescent="0.25">
      <c r="A10304" s="3">
        <v>41825.331712962965</v>
      </c>
      <c r="B10304" s="6">
        <v>171528.3</v>
      </c>
      <c r="C10304" s="7">
        <f t="shared" si="160"/>
        <v>171.5283</v>
      </c>
      <c r="I10304" s="1"/>
    </row>
    <row r="10305" spans="1:9" x14ac:dyDescent="0.25">
      <c r="A10305" s="3">
        <v>41825.334722222222</v>
      </c>
      <c r="B10305" s="6">
        <v>171544.94999999998</v>
      </c>
      <c r="C10305" s="7">
        <f t="shared" si="160"/>
        <v>171.54494999999997</v>
      </c>
      <c r="I10305" s="1"/>
    </row>
    <row r="10306" spans="1:9" x14ac:dyDescent="0.25">
      <c r="A10306" s="3">
        <v>41825.33489583333</v>
      </c>
      <c r="B10306" s="6">
        <v>171561.59999999998</v>
      </c>
      <c r="C10306" s="7">
        <f t="shared" si="160"/>
        <v>171.56159999999997</v>
      </c>
      <c r="I10306" s="1"/>
    </row>
    <row r="10307" spans="1:9" x14ac:dyDescent="0.25">
      <c r="A10307" s="3">
        <v>41825.341689814813</v>
      </c>
      <c r="B10307" s="6">
        <v>171578.24999999997</v>
      </c>
      <c r="C10307" s="7">
        <f t="shared" ref="C10307:C10370" si="161">B10307/1000</f>
        <v>171.57824999999997</v>
      </c>
      <c r="I10307" s="1"/>
    </row>
    <row r="10308" spans="1:9" x14ac:dyDescent="0.25">
      <c r="A10308" s="3">
        <v>41825.341828703706</v>
      </c>
      <c r="B10308" s="6">
        <v>171594.9</v>
      </c>
      <c r="C10308" s="7">
        <f t="shared" si="161"/>
        <v>171.5949</v>
      </c>
      <c r="I10308" s="1"/>
    </row>
    <row r="10309" spans="1:9" x14ac:dyDescent="0.25">
      <c r="A10309" s="3">
        <v>41825.344537037039</v>
      </c>
      <c r="B10309" s="6">
        <v>171611.55</v>
      </c>
      <c r="C10309" s="7">
        <f t="shared" si="161"/>
        <v>171.61154999999999</v>
      </c>
      <c r="I10309" s="1"/>
    </row>
    <row r="10310" spans="1:9" x14ac:dyDescent="0.25">
      <c r="A10310" s="3">
        <v>41825.345092592594</v>
      </c>
      <c r="B10310" s="6">
        <v>171628.19999999998</v>
      </c>
      <c r="C10310" s="7">
        <f t="shared" si="161"/>
        <v>171.62819999999999</v>
      </c>
      <c r="I10310" s="1"/>
    </row>
    <row r="10311" spans="1:9" x14ac:dyDescent="0.25">
      <c r="A10311" s="3">
        <v>41825.347581018519</v>
      </c>
      <c r="B10311" s="6">
        <v>171644.84999999998</v>
      </c>
      <c r="C10311" s="7">
        <f t="shared" si="161"/>
        <v>171.64484999999996</v>
      </c>
      <c r="I10311" s="1"/>
    </row>
    <row r="10312" spans="1:9" x14ac:dyDescent="0.25">
      <c r="A10312" s="3">
        <v>41825.347638888888</v>
      </c>
      <c r="B10312" s="6">
        <v>171661.49999999997</v>
      </c>
      <c r="C10312" s="7">
        <f t="shared" si="161"/>
        <v>171.66149999999996</v>
      </c>
      <c r="I10312" s="1"/>
    </row>
    <row r="10313" spans="1:9" x14ac:dyDescent="0.25">
      <c r="A10313" s="3">
        <v>41825.350729166668</v>
      </c>
      <c r="B10313" s="6">
        <v>171678.15</v>
      </c>
      <c r="C10313" s="7">
        <f t="shared" si="161"/>
        <v>171.67814999999999</v>
      </c>
      <c r="I10313" s="1"/>
    </row>
    <row r="10314" spans="1:9" x14ac:dyDescent="0.25">
      <c r="A10314" s="3">
        <v>41825.350914351853</v>
      </c>
      <c r="B10314" s="6">
        <v>171694.8</v>
      </c>
      <c r="C10314" s="7">
        <f t="shared" si="161"/>
        <v>171.69479999999999</v>
      </c>
      <c r="I10314" s="1"/>
    </row>
    <row r="10315" spans="1:9" x14ac:dyDescent="0.25">
      <c r="A10315" s="3">
        <v>41825.356064814812</v>
      </c>
      <c r="B10315" s="6">
        <v>171711.44999999998</v>
      </c>
      <c r="C10315" s="7">
        <f t="shared" si="161"/>
        <v>171.71144999999999</v>
      </c>
      <c r="I10315" s="1"/>
    </row>
    <row r="10316" spans="1:9" x14ac:dyDescent="0.25">
      <c r="A10316" s="3">
        <v>41825.356145833335</v>
      </c>
      <c r="B10316" s="6">
        <v>171728.09999999998</v>
      </c>
      <c r="C10316" s="7">
        <f t="shared" si="161"/>
        <v>171.72809999999998</v>
      </c>
      <c r="I10316" s="1"/>
    </row>
    <row r="10317" spans="1:9" x14ac:dyDescent="0.25">
      <c r="A10317" s="3">
        <v>41825.357187499998</v>
      </c>
      <c r="B10317" s="6">
        <v>171744.74999999997</v>
      </c>
      <c r="C10317" s="7">
        <f t="shared" si="161"/>
        <v>171.74474999999998</v>
      </c>
      <c r="I10317" s="1"/>
    </row>
    <row r="10318" spans="1:9" x14ac:dyDescent="0.25">
      <c r="A10318" s="3">
        <v>41825.357407407406</v>
      </c>
      <c r="B10318" s="6">
        <v>171761.4</v>
      </c>
      <c r="C10318" s="7">
        <f t="shared" si="161"/>
        <v>171.76139999999998</v>
      </c>
      <c r="I10318" s="1"/>
    </row>
    <row r="10319" spans="1:9" x14ac:dyDescent="0.25">
      <c r="A10319" s="3">
        <v>41825.360729166663</v>
      </c>
      <c r="B10319" s="6">
        <v>171778.05</v>
      </c>
      <c r="C10319" s="7">
        <f t="shared" si="161"/>
        <v>171.77804999999998</v>
      </c>
      <c r="I10319" s="1"/>
    </row>
    <row r="10320" spans="1:9" x14ac:dyDescent="0.25">
      <c r="A10320" s="3">
        <v>41825.360821759263</v>
      </c>
      <c r="B10320" s="6">
        <v>171794.69999999998</v>
      </c>
      <c r="C10320" s="7">
        <f t="shared" si="161"/>
        <v>171.79469999999998</v>
      </c>
      <c r="I10320" s="1"/>
    </row>
    <row r="10321" spans="1:9" x14ac:dyDescent="0.25">
      <c r="A10321" s="3">
        <v>41825.36246527778</v>
      </c>
      <c r="B10321" s="6">
        <v>171811.34999999998</v>
      </c>
      <c r="C10321" s="7">
        <f t="shared" si="161"/>
        <v>171.81134999999998</v>
      </c>
      <c r="I10321" s="1"/>
    </row>
    <row r="10322" spans="1:9" x14ac:dyDescent="0.25">
      <c r="A10322" s="3">
        <v>41825.36377314815</v>
      </c>
      <c r="B10322" s="6">
        <v>171827.99999999997</v>
      </c>
      <c r="C10322" s="7">
        <f t="shared" si="161"/>
        <v>171.82799999999997</v>
      </c>
      <c r="I10322" s="1"/>
    </row>
    <row r="10323" spans="1:9" x14ac:dyDescent="0.25">
      <c r="A10323" s="3">
        <v>41825.366087962961</v>
      </c>
      <c r="B10323" s="6">
        <v>171844.65</v>
      </c>
      <c r="C10323" s="7">
        <f t="shared" si="161"/>
        <v>171.84465</v>
      </c>
      <c r="I10323" s="1"/>
    </row>
    <row r="10324" spans="1:9" x14ac:dyDescent="0.25">
      <c r="A10324" s="3">
        <v>41825.366377314815</v>
      </c>
      <c r="B10324" s="6">
        <v>171861.3</v>
      </c>
      <c r="C10324" s="7">
        <f t="shared" si="161"/>
        <v>171.8613</v>
      </c>
      <c r="I10324" s="1"/>
    </row>
    <row r="10325" spans="1:9" x14ac:dyDescent="0.25">
      <c r="A10325" s="3">
        <v>41825.368576388886</v>
      </c>
      <c r="B10325" s="6">
        <v>171877.94999999998</v>
      </c>
      <c r="C10325" s="7">
        <f t="shared" si="161"/>
        <v>171.87794999999997</v>
      </c>
      <c r="I10325" s="1"/>
    </row>
    <row r="10326" spans="1:9" x14ac:dyDescent="0.25">
      <c r="A10326" s="3">
        <v>41825.368680555555</v>
      </c>
      <c r="B10326" s="6">
        <v>171894.59999999998</v>
      </c>
      <c r="C10326" s="7">
        <f t="shared" si="161"/>
        <v>171.89459999999997</v>
      </c>
      <c r="I10326" s="1"/>
    </row>
    <row r="10327" spans="1:9" x14ac:dyDescent="0.25">
      <c r="A10327" s="3">
        <v>41825.369849537034</v>
      </c>
      <c r="B10327" s="6">
        <v>171911.24999999997</v>
      </c>
      <c r="C10327" s="7">
        <f t="shared" si="161"/>
        <v>171.91124999999997</v>
      </c>
      <c r="I10327" s="1"/>
    </row>
    <row r="10328" spans="1:9" x14ac:dyDescent="0.25">
      <c r="A10328" s="3">
        <v>41825.369942129626</v>
      </c>
      <c r="B10328" s="6">
        <v>171927.9</v>
      </c>
      <c r="C10328" s="7">
        <f t="shared" si="161"/>
        <v>171.92789999999999</v>
      </c>
      <c r="I10328" s="1"/>
    </row>
    <row r="10329" spans="1:9" x14ac:dyDescent="0.25">
      <c r="A10329" s="3">
        <v>41825.371840277781</v>
      </c>
      <c r="B10329" s="6">
        <v>171944.55</v>
      </c>
      <c r="C10329" s="7">
        <f t="shared" si="161"/>
        <v>171.94454999999999</v>
      </c>
      <c r="I10329" s="1"/>
    </row>
    <row r="10330" spans="1:9" x14ac:dyDescent="0.25">
      <c r="A10330" s="3">
        <v>41825.371967592589</v>
      </c>
      <c r="B10330" s="6">
        <v>171961.19999999998</v>
      </c>
      <c r="C10330" s="7">
        <f t="shared" si="161"/>
        <v>171.96119999999999</v>
      </c>
      <c r="I10330" s="1"/>
    </row>
    <row r="10331" spans="1:9" x14ac:dyDescent="0.25">
      <c r="A10331" s="3">
        <v>41825.373761574076</v>
      </c>
      <c r="B10331" s="6">
        <v>171977.84999999998</v>
      </c>
      <c r="C10331" s="7">
        <f t="shared" si="161"/>
        <v>171.97784999999999</v>
      </c>
      <c r="I10331" s="1"/>
    </row>
    <row r="10332" spans="1:9" x14ac:dyDescent="0.25">
      <c r="A10332" s="3">
        <v>41825.373865740738</v>
      </c>
      <c r="B10332" s="6">
        <v>171994.49999999997</v>
      </c>
      <c r="C10332" s="7">
        <f t="shared" si="161"/>
        <v>171.99449999999996</v>
      </c>
      <c r="I10332" s="1"/>
    </row>
    <row r="10333" spans="1:9" x14ac:dyDescent="0.25">
      <c r="A10333" s="3">
        <v>41825.375613425924</v>
      </c>
      <c r="B10333" s="6">
        <v>172011.15</v>
      </c>
      <c r="C10333" s="7">
        <f t="shared" si="161"/>
        <v>172.01114999999999</v>
      </c>
      <c r="I10333" s="1"/>
    </row>
    <row r="10334" spans="1:9" x14ac:dyDescent="0.25">
      <c r="A10334" s="3">
        <v>41825.375752314816</v>
      </c>
      <c r="B10334" s="6">
        <v>172027.8</v>
      </c>
      <c r="C10334" s="7">
        <f t="shared" si="161"/>
        <v>172.02779999999998</v>
      </c>
      <c r="I10334" s="1"/>
    </row>
    <row r="10335" spans="1:9" x14ac:dyDescent="0.25">
      <c r="A10335" s="3">
        <v>41825.37767361111</v>
      </c>
      <c r="B10335" s="6">
        <v>172044.44999999998</v>
      </c>
      <c r="C10335" s="7">
        <f t="shared" si="161"/>
        <v>172.04444999999998</v>
      </c>
      <c r="I10335" s="1"/>
    </row>
    <row r="10336" spans="1:9" x14ac:dyDescent="0.25">
      <c r="A10336" s="3">
        <v>41825.378009259257</v>
      </c>
      <c r="B10336" s="6">
        <v>172061.09999999998</v>
      </c>
      <c r="C10336" s="7">
        <f t="shared" si="161"/>
        <v>172.06109999999998</v>
      </c>
      <c r="I10336" s="1"/>
    </row>
    <row r="10337" spans="1:9" x14ac:dyDescent="0.25">
      <c r="A10337" s="3">
        <v>41825.379143518519</v>
      </c>
      <c r="B10337" s="6">
        <v>172077.74999999997</v>
      </c>
      <c r="C10337" s="7">
        <f t="shared" si="161"/>
        <v>172.07774999999998</v>
      </c>
      <c r="I10337" s="1"/>
    </row>
    <row r="10338" spans="1:9" x14ac:dyDescent="0.25">
      <c r="A10338" s="3">
        <v>41825.379363425927</v>
      </c>
      <c r="B10338" s="6">
        <v>172094.4</v>
      </c>
      <c r="C10338" s="7">
        <f t="shared" si="161"/>
        <v>172.09440000000001</v>
      </c>
      <c r="I10338" s="1"/>
    </row>
    <row r="10339" spans="1:9" x14ac:dyDescent="0.25">
      <c r="A10339" s="3">
        <v>41825.382256944446</v>
      </c>
      <c r="B10339" s="6">
        <v>172111.05</v>
      </c>
      <c r="C10339" s="7">
        <f t="shared" si="161"/>
        <v>172.11104999999998</v>
      </c>
      <c r="I10339" s="1"/>
    </row>
    <row r="10340" spans="1:9" x14ac:dyDescent="0.25">
      <c r="A10340" s="3">
        <v>41825.382673611108</v>
      </c>
      <c r="B10340" s="6">
        <v>172127.69999999998</v>
      </c>
      <c r="C10340" s="7">
        <f t="shared" si="161"/>
        <v>172.12769999999998</v>
      </c>
      <c r="I10340" s="1"/>
    </row>
    <row r="10341" spans="1:9" x14ac:dyDescent="0.25">
      <c r="A10341" s="3">
        <v>41825.383877314816</v>
      </c>
      <c r="B10341" s="6">
        <v>172144.34999999998</v>
      </c>
      <c r="C10341" s="7">
        <f t="shared" si="161"/>
        <v>172.14434999999997</v>
      </c>
      <c r="I10341" s="1"/>
    </row>
    <row r="10342" spans="1:9" x14ac:dyDescent="0.25">
      <c r="A10342" s="3">
        <v>41825.383993055555</v>
      </c>
      <c r="B10342" s="6">
        <v>172160.99999999997</v>
      </c>
      <c r="C10342" s="7">
        <f t="shared" si="161"/>
        <v>172.16099999999997</v>
      </c>
      <c r="I10342" s="1"/>
    </row>
    <row r="10343" spans="1:9" x14ac:dyDescent="0.25">
      <c r="A10343" s="3">
        <v>41825.385312500002</v>
      </c>
      <c r="B10343" s="6">
        <v>172177.65</v>
      </c>
      <c r="C10343" s="7">
        <f t="shared" si="161"/>
        <v>172.17765</v>
      </c>
      <c r="I10343" s="1"/>
    </row>
    <row r="10344" spans="1:9" x14ac:dyDescent="0.25">
      <c r="A10344" s="3">
        <v>41825.386064814818</v>
      </c>
      <c r="B10344" s="6">
        <v>172194.3</v>
      </c>
      <c r="C10344" s="7">
        <f t="shared" si="161"/>
        <v>172.1943</v>
      </c>
      <c r="I10344" s="1"/>
    </row>
    <row r="10345" spans="1:9" x14ac:dyDescent="0.25">
      <c r="A10345" s="3">
        <v>41825.388032407405</v>
      </c>
      <c r="B10345" s="6">
        <v>172210.94999999998</v>
      </c>
      <c r="C10345" s="7">
        <f t="shared" si="161"/>
        <v>172.21094999999997</v>
      </c>
      <c r="I10345" s="1"/>
    </row>
    <row r="10346" spans="1:9" x14ac:dyDescent="0.25">
      <c r="A10346" s="3">
        <v>41825.388182870367</v>
      </c>
      <c r="B10346" s="6">
        <v>172227.59999999998</v>
      </c>
      <c r="C10346" s="7">
        <f t="shared" si="161"/>
        <v>172.22759999999997</v>
      </c>
      <c r="I10346" s="1"/>
    </row>
    <row r="10347" spans="1:9" x14ac:dyDescent="0.25">
      <c r="A10347" s="3">
        <v>41825.388958333337</v>
      </c>
      <c r="B10347" s="6">
        <v>172244.24999999997</v>
      </c>
      <c r="C10347" s="7">
        <f t="shared" si="161"/>
        <v>172.24424999999997</v>
      </c>
      <c r="I10347" s="1"/>
    </row>
    <row r="10348" spans="1:9" x14ac:dyDescent="0.25">
      <c r="A10348" s="3">
        <v>41825.389050925929</v>
      </c>
      <c r="B10348" s="6">
        <v>172260.9</v>
      </c>
      <c r="C10348" s="7">
        <f t="shared" si="161"/>
        <v>172.26089999999999</v>
      </c>
      <c r="I10348" s="1"/>
    </row>
    <row r="10349" spans="1:9" x14ac:dyDescent="0.25">
      <c r="A10349" s="3">
        <v>41825.38989583333</v>
      </c>
      <c r="B10349" s="6">
        <v>172277.55</v>
      </c>
      <c r="C10349" s="7">
        <f t="shared" si="161"/>
        <v>172.27754999999999</v>
      </c>
      <c r="I10349" s="1"/>
    </row>
    <row r="10350" spans="1:9" x14ac:dyDescent="0.25">
      <c r="A10350" s="3">
        <v>41825.390150462961</v>
      </c>
      <c r="B10350" s="6">
        <v>172294.19999999998</v>
      </c>
      <c r="C10350" s="7">
        <f t="shared" si="161"/>
        <v>172.29419999999999</v>
      </c>
      <c r="I10350" s="1"/>
    </row>
    <row r="10351" spans="1:9" x14ac:dyDescent="0.25">
      <c r="A10351" s="3">
        <v>41825.391226851854</v>
      </c>
      <c r="B10351" s="6">
        <v>172310.84999999998</v>
      </c>
      <c r="C10351" s="7">
        <f t="shared" si="161"/>
        <v>172.31084999999999</v>
      </c>
      <c r="I10351" s="1"/>
    </row>
    <row r="10352" spans="1:9" x14ac:dyDescent="0.25">
      <c r="A10352" s="3">
        <v>41825.391296296293</v>
      </c>
      <c r="B10352" s="6">
        <v>172327.49999999997</v>
      </c>
      <c r="C10352" s="7">
        <f t="shared" si="161"/>
        <v>172.32749999999996</v>
      </c>
      <c r="I10352" s="1"/>
    </row>
    <row r="10353" spans="1:9" x14ac:dyDescent="0.25">
      <c r="A10353" s="3">
        <v>41825.392557870371</v>
      </c>
      <c r="B10353" s="6">
        <v>172344.15</v>
      </c>
      <c r="C10353" s="7">
        <f t="shared" si="161"/>
        <v>172.34414999999998</v>
      </c>
      <c r="I10353" s="1"/>
    </row>
    <row r="10354" spans="1:9" x14ac:dyDescent="0.25">
      <c r="A10354" s="3">
        <v>41825.392685185187</v>
      </c>
      <c r="B10354" s="6">
        <v>172360.8</v>
      </c>
      <c r="C10354" s="7">
        <f t="shared" si="161"/>
        <v>172.36079999999998</v>
      </c>
      <c r="I10354" s="1"/>
    </row>
    <row r="10355" spans="1:9" x14ac:dyDescent="0.25">
      <c r="A10355" s="3">
        <v>41825.395983796298</v>
      </c>
      <c r="B10355" s="6">
        <v>172377.44999999998</v>
      </c>
      <c r="C10355" s="7">
        <f t="shared" si="161"/>
        <v>172.37744999999998</v>
      </c>
      <c r="I10355" s="1"/>
    </row>
    <row r="10356" spans="1:9" x14ac:dyDescent="0.25">
      <c r="A10356" s="3">
        <v>41825.396215277775</v>
      </c>
      <c r="B10356" s="6">
        <v>172394.09999999998</v>
      </c>
      <c r="C10356" s="7">
        <f t="shared" si="161"/>
        <v>172.39409999999998</v>
      </c>
      <c r="I10356" s="1"/>
    </row>
    <row r="10357" spans="1:9" x14ac:dyDescent="0.25">
      <c r="A10357" s="3">
        <v>41825.397129629629</v>
      </c>
      <c r="B10357" s="6">
        <v>172410.74999999997</v>
      </c>
      <c r="C10357" s="7">
        <f t="shared" si="161"/>
        <v>172.41074999999998</v>
      </c>
      <c r="I10357" s="1"/>
    </row>
    <row r="10358" spans="1:9" x14ac:dyDescent="0.25">
      <c r="A10358" s="3">
        <v>41825.397233796299</v>
      </c>
      <c r="B10358" s="6">
        <v>172427.4</v>
      </c>
      <c r="C10358" s="7">
        <f t="shared" si="161"/>
        <v>172.42740000000001</v>
      </c>
      <c r="I10358" s="1"/>
    </row>
    <row r="10359" spans="1:9" x14ac:dyDescent="0.25">
      <c r="A10359" s="3">
        <v>41825.398009259261</v>
      </c>
      <c r="B10359" s="6">
        <v>172444.05</v>
      </c>
      <c r="C10359" s="7">
        <f t="shared" si="161"/>
        <v>172.44404999999998</v>
      </c>
      <c r="I10359" s="1"/>
    </row>
    <row r="10360" spans="1:9" x14ac:dyDescent="0.25">
      <c r="A10360" s="3">
        <v>41825.398136574076</v>
      </c>
      <c r="B10360" s="6">
        <v>172460.69999999998</v>
      </c>
      <c r="C10360" s="7">
        <f t="shared" si="161"/>
        <v>172.46069999999997</v>
      </c>
      <c r="I10360" s="1"/>
    </row>
    <row r="10361" spans="1:9" x14ac:dyDescent="0.25">
      <c r="A10361" s="3">
        <v>41825.399050925924</v>
      </c>
      <c r="B10361" s="6">
        <v>172477.34999999998</v>
      </c>
      <c r="C10361" s="7">
        <f t="shared" si="161"/>
        <v>172.47734999999997</v>
      </c>
      <c r="I10361" s="1"/>
    </row>
    <row r="10362" spans="1:9" x14ac:dyDescent="0.25">
      <c r="A10362" s="3">
        <v>41825.399340277778</v>
      </c>
      <c r="B10362" s="6">
        <v>172493.99999999997</v>
      </c>
      <c r="C10362" s="7">
        <f t="shared" si="161"/>
        <v>172.49399999999997</v>
      </c>
      <c r="I10362" s="1"/>
    </row>
    <row r="10363" spans="1:9" x14ac:dyDescent="0.25">
      <c r="A10363" s="3">
        <v>41825.400416666664</v>
      </c>
      <c r="B10363" s="6">
        <v>172510.65</v>
      </c>
      <c r="C10363" s="7">
        <f t="shared" si="161"/>
        <v>172.51065</v>
      </c>
      <c r="I10363" s="1"/>
    </row>
    <row r="10364" spans="1:9" x14ac:dyDescent="0.25">
      <c r="A10364" s="3">
        <v>41825.400520833333</v>
      </c>
      <c r="B10364" s="6">
        <v>172527.3</v>
      </c>
      <c r="C10364" s="7">
        <f t="shared" si="161"/>
        <v>172.5273</v>
      </c>
      <c r="I10364" s="1"/>
    </row>
    <row r="10365" spans="1:9" x14ac:dyDescent="0.25">
      <c r="A10365" s="3">
        <v>41825.401261574072</v>
      </c>
      <c r="B10365" s="6">
        <v>172543.94999999998</v>
      </c>
      <c r="C10365" s="7">
        <f t="shared" si="161"/>
        <v>172.54395</v>
      </c>
      <c r="I10365" s="1"/>
    </row>
    <row r="10366" spans="1:9" x14ac:dyDescent="0.25">
      <c r="A10366" s="3">
        <v>41825.401365740741</v>
      </c>
      <c r="B10366" s="6">
        <v>172560.59999999998</v>
      </c>
      <c r="C10366" s="7">
        <f t="shared" si="161"/>
        <v>172.56059999999997</v>
      </c>
      <c r="I10366" s="1"/>
    </row>
    <row r="10367" spans="1:9" x14ac:dyDescent="0.25">
      <c r="A10367" s="3">
        <v>41825.403819444444</v>
      </c>
      <c r="B10367" s="6">
        <v>172577.24999999997</v>
      </c>
      <c r="C10367" s="7">
        <f t="shared" si="161"/>
        <v>172.57724999999996</v>
      </c>
      <c r="I10367" s="1"/>
    </row>
    <row r="10368" spans="1:9" x14ac:dyDescent="0.25">
      <c r="A10368" s="3">
        <v>41825.403900462959</v>
      </c>
      <c r="B10368" s="6">
        <v>172593.9</v>
      </c>
      <c r="C10368" s="7">
        <f t="shared" si="161"/>
        <v>172.59389999999999</v>
      </c>
      <c r="I10368" s="1"/>
    </row>
    <row r="10369" spans="1:9" x14ac:dyDescent="0.25">
      <c r="A10369" s="3">
        <v>41825.404641203706</v>
      </c>
      <c r="B10369" s="6">
        <v>172610.55</v>
      </c>
      <c r="C10369" s="7">
        <f t="shared" si="161"/>
        <v>172.61054999999999</v>
      </c>
      <c r="I10369" s="1"/>
    </row>
    <row r="10370" spans="1:9" x14ac:dyDescent="0.25">
      <c r="A10370" s="3">
        <v>41825.405150462961</v>
      </c>
      <c r="B10370" s="6">
        <v>172627.19999999998</v>
      </c>
      <c r="C10370" s="7">
        <f t="shared" si="161"/>
        <v>172.62719999999999</v>
      </c>
      <c r="I10370" s="1"/>
    </row>
    <row r="10371" spans="1:9" x14ac:dyDescent="0.25">
      <c r="A10371" s="3">
        <v>41825.406284722223</v>
      </c>
      <c r="B10371" s="6">
        <v>172643.84999999998</v>
      </c>
      <c r="C10371" s="7">
        <f t="shared" ref="C10371:C10434" si="162">B10371/1000</f>
        <v>172.64384999999999</v>
      </c>
      <c r="I10371" s="1"/>
    </row>
    <row r="10372" spans="1:9" x14ac:dyDescent="0.25">
      <c r="A10372" s="3">
        <v>41825.406446759262</v>
      </c>
      <c r="B10372" s="6">
        <v>172660.49999999997</v>
      </c>
      <c r="C10372" s="7">
        <f t="shared" si="162"/>
        <v>172.66049999999998</v>
      </c>
      <c r="I10372" s="1"/>
    </row>
    <row r="10373" spans="1:9" x14ac:dyDescent="0.25">
      <c r="A10373" s="3">
        <v>41825.40761574074</v>
      </c>
      <c r="B10373" s="6">
        <v>172677.15</v>
      </c>
      <c r="C10373" s="7">
        <f t="shared" si="162"/>
        <v>172.67714999999998</v>
      </c>
      <c r="I10373" s="1"/>
    </row>
    <row r="10374" spans="1:9" x14ac:dyDescent="0.25">
      <c r="A10374" s="3">
        <v>41825.407777777778</v>
      </c>
      <c r="B10374" s="6">
        <v>172693.8</v>
      </c>
      <c r="C10374" s="7">
        <f t="shared" si="162"/>
        <v>172.69379999999998</v>
      </c>
      <c r="I10374" s="1"/>
    </row>
    <row r="10375" spans="1:9" x14ac:dyDescent="0.25">
      <c r="A10375" s="3">
        <v>41825.409282407411</v>
      </c>
      <c r="B10375" s="6">
        <v>172710.44999999998</v>
      </c>
      <c r="C10375" s="7">
        <f t="shared" si="162"/>
        <v>172.71044999999998</v>
      </c>
      <c r="I10375" s="1"/>
    </row>
    <row r="10376" spans="1:9" x14ac:dyDescent="0.25">
      <c r="A10376" s="3">
        <v>41825.409386574072</v>
      </c>
      <c r="B10376" s="6">
        <v>172727.09999999998</v>
      </c>
      <c r="C10376" s="7">
        <f t="shared" si="162"/>
        <v>172.72709999999998</v>
      </c>
      <c r="I10376" s="1"/>
    </row>
    <row r="10377" spans="1:9" x14ac:dyDescent="0.25">
      <c r="A10377" s="3">
        <v>41825.410324074073</v>
      </c>
      <c r="B10377" s="6">
        <v>172743.74999999997</v>
      </c>
      <c r="C10377" s="7">
        <f t="shared" si="162"/>
        <v>172.74374999999998</v>
      </c>
      <c r="I10377" s="1"/>
    </row>
    <row r="10378" spans="1:9" x14ac:dyDescent="0.25">
      <c r="A10378" s="3">
        <v>41825.410393518519</v>
      </c>
      <c r="B10378" s="6">
        <v>172760.4</v>
      </c>
      <c r="C10378" s="7">
        <f t="shared" si="162"/>
        <v>172.7604</v>
      </c>
      <c r="I10378" s="1"/>
    </row>
    <row r="10379" spans="1:9" x14ac:dyDescent="0.25">
      <c r="A10379" s="3">
        <v>41825.411793981482</v>
      </c>
      <c r="B10379" s="6">
        <v>172777.05</v>
      </c>
      <c r="C10379" s="7">
        <f t="shared" si="162"/>
        <v>172.77704999999997</v>
      </c>
      <c r="I10379" s="1"/>
    </row>
    <row r="10380" spans="1:9" x14ac:dyDescent="0.25">
      <c r="A10380" s="3">
        <v>41825.41196759259</v>
      </c>
      <c r="B10380" s="6">
        <v>172793.69999999998</v>
      </c>
      <c r="C10380" s="7">
        <f t="shared" si="162"/>
        <v>172.79369999999997</v>
      </c>
      <c r="I10380" s="1"/>
    </row>
    <row r="10381" spans="1:9" x14ac:dyDescent="0.25">
      <c r="A10381" s="3">
        <v>41825.413564814815</v>
      </c>
      <c r="B10381" s="6">
        <v>172810.34999999998</v>
      </c>
      <c r="C10381" s="7">
        <f t="shared" si="162"/>
        <v>172.81034999999997</v>
      </c>
      <c r="I10381" s="1"/>
    </row>
    <row r="10382" spans="1:9" x14ac:dyDescent="0.25">
      <c r="A10382" s="3">
        <v>41825.413668981484</v>
      </c>
      <c r="B10382" s="6">
        <v>172826.99999999997</v>
      </c>
      <c r="C10382" s="7">
        <f t="shared" si="162"/>
        <v>172.82699999999997</v>
      </c>
      <c r="I10382" s="1"/>
    </row>
    <row r="10383" spans="1:9" x14ac:dyDescent="0.25">
      <c r="A10383" s="3">
        <v>41825.414768518516</v>
      </c>
      <c r="B10383" s="6">
        <v>172843.65</v>
      </c>
      <c r="C10383" s="7">
        <f t="shared" si="162"/>
        <v>172.84365</v>
      </c>
      <c r="I10383" s="1"/>
    </row>
    <row r="10384" spans="1:9" x14ac:dyDescent="0.25">
      <c r="A10384" s="3">
        <v>41825.414861111109</v>
      </c>
      <c r="B10384" s="6">
        <v>172860.3</v>
      </c>
      <c r="C10384" s="7">
        <f t="shared" si="162"/>
        <v>172.8603</v>
      </c>
      <c r="I10384" s="1"/>
    </row>
    <row r="10385" spans="1:9" x14ac:dyDescent="0.25">
      <c r="A10385" s="3">
        <v>41825.416446759256</v>
      </c>
      <c r="B10385" s="6">
        <v>172876.94999999998</v>
      </c>
      <c r="C10385" s="7">
        <f t="shared" si="162"/>
        <v>172.87694999999999</v>
      </c>
      <c r="I10385" s="1"/>
    </row>
    <row r="10386" spans="1:9" x14ac:dyDescent="0.25">
      <c r="A10386" s="3">
        <v>41825.416585648149</v>
      </c>
      <c r="B10386" s="6">
        <v>172893.59999999998</v>
      </c>
      <c r="C10386" s="7">
        <f t="shared" si="162"/>
        <v>172.89359999999996</v>
      </c>
      <c r="I10386" s="1"/>
    </row>
    <row r="10387" spans="1:9" x14ac:dyDescent="0.25">
      <c r="A10387" s="3">
        <v>41825.418749999997</v>
      </c>
      <c r="B10387" s="6">
        <v>172910.24999999997</v>
      </c>
      <c r="C10387" s="7">
        <f t="shared" si="162"/>
        <v>172.91024999999996</v>
      </c>
      <c r="I10387" s="1"/>
    </row>
    <row r="10388" spans="1:9" x14ac:dyDescent="0.25">
      <c r="A10388" s="3">
        <v>41825.418946759259</v>
      </c>
      <c r="B10388" s="6">
        <v>172926.9</v>
      </c>
      <c r="C10388" s="7">
        <f t="shared" si="162"/>
        <v>172.92689999999999</v>
      </c>
      <c r="I10388" s="1"/>
    </row>
    <row r="10389" spans="1:9" x14ac:dyDescent="0.25">
      <c r="A10389" s="3">
        <v>41825.420763888891</v>
      </c>
      <c r="B10389" s="6">
        <v>172943.55</v>
      </c>
      <c r="C10389" s="7">
        <f t="shared" si="162"/>
        <v>172.94354999999999</v>
      </c>
      <c r="I10389" s="1"/>
    </row>
    <row r="10390" spans="1:9" x14ac:dyDescent="0.25">
      <c r="A10390" s="3">
        <v>41825.42087962963</v>
      </c>
      <c r="B10390" s="6">
        <v>172960.19999999998</v>
      </c>
      <c r="C10390" s="7">
        <f t="shared" si="162"/>
        <v>172.96019999999999</v>
      </c>
      <c r="I10390" s="1"/>
    </row>
    <row r="10391" spans="1:9" x14ac:dyDescent="0.25">
      <c r="A10391" s="3">
        <v>41825.422650462962</v>
      </c>
      <c r="B10391" s="6">
        <v>172976.84999999998</v>
      </c>
      <c r="C10391" s="7">
        <f t="shared" si="162"/>
        <v>172.97684999999998</v>
      </c>
      <c r="I10391" s="1"/>
    </row>
    <row r="10392" spans="1:9" x14ac:dyDescent="0.25">
      <c r="A10392" s="3">
        <v>41825.422858796293</v>
      </c>
      <c r="B10392" s="6">
        <v>172993.49999999997</v>
      </c>
      <c r="C10392" s="7">
        <f t="shared" si="162"/>
        <v>172.99349999999998</v>
      </c>
      <c r="I10392" s="1"/>
    </row>
    <row r="10393" spans="1:9" x14ac:dyDescent="0.25">
      <c r="A10393" s="3">
        <v>41825.42690972222</v>
      </c>
      <c r="B10393" s="6">
        <v>173010.15</v>
      </c>
      <c r="C10393" s="7">
        <f t="shared" si="162"/>
        <v>173.01014999999998</v>
      </c>
      <c r="I10393" s="1"/>
    </row>
    <row r="10394" spans="1:9" x14ac:dyDescent="0.25">
      <c r="A10394" s="3">
        <v>41825.42696759259</v>
      </c>
      <c r="B10394" s="6">
        <v>173026.8</v>
      </c>
      <c r="C10394" s="7">
        <f t="shared" si="162"/>
        <v>173.02679999999998</v>
      </c>
      <c r="I10394" s="1"/>
    </row>
    <row r="10395" spans="1:9" x14ac:dyDescent="0.25">
      <c r="A10395" s="3">
        <v>41825.429768518516</v>
      </c>
      <c r="B10395" s="6">
        <v>173043.44999999998</v>
      </c>
      <c r="C10395" s="7">
        <f t="shared" si="162"/>
        <v>173.04344999999998</v>
      </c>
      <c r="I10395" s="1"/>
    </row>
    <row r="10396" spans="1:9" x14ac:dyDescent="0.25">
      <c r="A10396" s="3">
        <v>41825.429895833331</v>
      </c>
      <c r="B10396" s="6">
        <v>173060.09999999998</v>
      </c>
      <c r="C10396" s="7">
        <f t="shared" si="162"/>
        <v>173.06009999999998</v>
      </c>
      <c r="I10396" s="1"/>
    </row>
    <row r="10397" spans="1:9" x14ac:dyDescent="0.25">
      <c r="A10397" s="3">
        <v>41825.434120370373</v>
      </c>
      <c r="B10397" s="6">
        <v>173076.74999999997</v>
      </c>
      <c r="C10397" s="7">
        <f t="shared" si="162"/>
        <v>173.07674999999998</v>
      </c>
      <c r="I10397" s="1"/>
    </row>
    <row r="10398" spans="1:9" x14ac:dyDescent="0.25">
      <c r="A10398" s="3">
        <v>41825.434282407405</v>
      </c>
      <c r="B10398" s="6">
        <v>173093.4</v>
      </c>
      <c r="C10398" s="7">
        <f t="shared" si="162"/>
        <v>173.0934</v>
      </c>
      <c r="I10398" s="1"/>
    </row>
    <row r="10399" spans="1:9" x14ac:dyDescent="0.25">
      <c r="A10399" s="3">
        <v>41825.435636574075</v>
      </c>
      <c r="B10399" s="6">
        <v>173110.05</v>
      </c>
      <c r="C10399" s="7">
        <f t="shared" si="162"/>
        <v>173.11005</v>
      </c>
      <c r="I10399" s="1"/>
    </row>
    <row r="10400" spans="1:9" x14ac:dyDescent="0.25">
      <c r="A10400" s="3">
        <v>41825.435740740744</v>
      </c>
      <c r="B10400" s="6">
        <v>173126.69999999998</v>
      </c>
      <c r="C10400" s="7">
        <f t="shared" si="162"/>
        <v>173.12669999999997</v>
      </c>
      <c r="I10400" s="1"/>
    </row>
    <row r="10401" spans="1:9" x14ac:dyDescent="0.25">
      <c r="A10401" s="3">
        <v>41825.436493055553</v>
      </c>
      <c r="B10401" s="6">
        <v>173143.34999999998</v>
      </c>
      <c r="C10401" s="7">
        <f t="shared" si="162"/>
        <v>173.14334999999997</v>
      </c>
      <c r="I10401" s="1"/>
    </row>
    <row r="10402" spans="1:9" x14ac:dyDescent="0.25">
      <c r="A10402" s="3">
        <v>41825.436608796299</v>
      </c>
      <c r="B10402" s="6">
        <v>173159.99999999997</v>
      </c>
      <c r="C10402" s="7">
        <f t="shared" si="162"/>
        <v>173.15999999999997</v>
      </c>
      <c r="I10402" s="1"/>
    </row>
    <row r="10403" spans="1:9" x14ac:dyDescent="0.25">
      <c r="A10403" s="3">
        <v>41825.438993055555</v>
      </c>
      <c r="B10403" s="6">
        <v>173176.65</v>
      </c>
      <c r="C10403" s="7">
        <f t="shared" si="162"/>
        <v>173.17665</v>
      </c>
      <c r="I10403" s="1"/>
    </row>
    <row r="10404" spans="1:9" x14ac:dyDescent="0.25">
      <c r="A10404" s="3">
        <v>41825.43917824074</v>
      </c>
      <c r="B10404" s="6">
        <v>173193.3</v>
      </c>
      <c r="C10404" s="7">
        <f t="shared" si="162"/>
        <v>173.19329999999999</v>
      </c>
      <c r="I10404" s="1"/>
    </row>
    <row r="10405" spans="1:9" x14ac:dyDescent="0.25">
      <c r="A10405" s="3">
        <v>41825.442314814813</v>
      </c>
      <c r="B10405" s="6">
        <v>173209.94999999998</v>
      </c>
      <c r="C10405" s="7">
        <f t="shared" si="162"/>
        <v>173.20994999999999</v>
      </c>
      <c r="I10405" s="1"/>
    </row>
    <row r="10406" spans="1:9" x14ac:dyDescent="0.25">
      <c r="A10406" s="3">
        <v>41825.442372685182</v>
      </c>
      <c r="B10406" s="6">
        <v>173226.59999999998</v>
      </c>
      <c r="C10406" s="7">
        <f t="shared" si="162"/>
        <v>173.22659999999999</v>
      </c>
      <c r="I10406" s="1"/>
    </row>
    <row r="10407" spans="1:9" x14ac:dyDescent="0.25">
      <c r="A10407" s="3">
        <v>41825.443240740744</v>
      </c>
      <c r="B10407" s="6">
        <v>173243.24999999997</v>
      </c>
      <c r="C10407" s="7">
        <f t="shared" si="162"/>
        <v>173.24324999999996</v>
      </c>
      <c r="I10407" s="1"/>
    </row>
    <row r="10408" spans="1:9" x14ac:dyDescent="0.25">
      <c r="A10408" s="3">
        <v>41825.443530092591</v>
      </c>
      <c r="B10408" s="6">
        <v>173259.9</v>
      </c>
      <c r="C10408" s="7">
        <f t="shared" si="162"/>
        <v>173.25989999999999</v>
      </c>
      <c r="I10408" s="1"/>
    </row>
    <row r="10409" spans="1:9" x14ac:dyDescent="0.25">
      <c r="A10409" s="3">
        <v>41825.445451388892</v>
      </c>
      <c r="B10409" s="6">
        <v>173276.55</v>
      </c>
      <c r="C10409" s="7">
        <f t="shared" si="162"/>
        <v>173.27654999999999</v>
      </c>
      <c r="I10409" s="1"/>
    </row>
    <row r="10410" spans="1:9" x14ac:dyDescent="0.25">
      <c r="A10410" s="3">
        <v>41825.445567129631</v>
      </c>
      <c r="B10410" s="6">
        <v>173293.19999999998</v>
      </c>
      <c r="C10410" s="7">
        <f t="shared" si="162"/>
        <v>173.29319999999998</v>
      </c>
      <c r="I10410" s="1"/>
    </row>
    <row r="10411" spans="1:9" x14ac:dyDescent="0.25">
      <c r="A10411" s="3">
        <v>41825.448391203703</v>
      </c>
      <c r="B10411" s="6">
        <v>173309.84999999998</v>
      </c>
      <c r="C10411" s="7">
        <f t="shared" si="162"/>
        <v>173.30984999999998</v>
      </c>
      <c r="I10411" s="1"/>
    </row>
    <row r="10412" spans="1:9" x14ac:dyDescent="0.25">
      <c r="A10412" s="3">
        <v>41825.448530092595</v>
      </c>
      <c r="B10412" s="6">
        <v>173326.49999999997</v>
      </c>
      <c r="C10412" s="7">
        <f t="shared" si="162"/>
        <v>173.32649999999998</v>
      </c>
      <c r="I10412" s="1"/>
    </row>
    <row r="10413" spans="1:9" x14ac:dyDescent="0.25">
      <c r="A10413" s="3">
        <v>41825.450636574074</v>
      </c>
      <c r="B10413" s="6">
        <v>173343.15</v>
      </c>
      <c r="C10413" s="7">
        <f t="shared" si="162"/>
        <v>173.34314999999998</v>
      </c>
      <c r="I10413" s="1"/>
    </row>
    <row r="10414" spans="1:9" x14ac:dyDescent="0.25">
      <c r="A10414" s="3">
        <v>41825.450937499998</v>
      </c>
      <c r="B10414" s="6">
        <v>173359.8</v>
      </c>
      <c r="C10414" s="7">
        <f t="shared" si="162"/>
        <v>173.35979999999998</v>
      </c>
      <c r="I10414" s="1"/>
    </row>
    <row r="10415" spans="1:9" x14ac:dyDescent="0.25">
      <c r="A10415" s="3">
        <v>41825.451666666668</v>
      </c>
      <c r="B10415" s="6">
        <v>173376.44999999998</v>
      </c>
      <c r="C10415" s="7">
        <f t="shared" si="162"/>
        <v>173.37644999999998</v>
      </c>
      <c r="I10415" s="1"/>
    </row>
    <row r="10416" spans="1:9" x14ac:dyDescent="0.25">
      <c r="A10416" s="3">
        <v>41825.451793981483</v>
      </c>
      <c r="B10416" s="6">
        <v>173393.09999999998</v>
      </c>
      <c r="C10416" s="7">
        <f t="shared" si="162"/>
        <v>173.39309999999998</v>
      </c>
      <c r="I10416" s="1"/>
    </row>
    <row r="10417" spans="1:9" x14ac:dyDescent="0.25">
      <c r="A10417" s="3">
        <v>41825.453356481485</v>
      </c>
      <c r="B10417" s="6">
        <v>173409.74999999997</v>
      </c>
      <c r="C10417" s="7">
        <f t="shared" si="162"/>
        <v>173.40974999999997</v>
      </c>
      <c r="I10417" s="1"/>
    </row>
    <row r="10418" spans="1:9" x14ac:dyDescent="0.25">
      <c r="A10418" s="3">
        <v>41825.453900462962</v>
      </c>
      <c r="B10418" s="6">
        <v>173426.4</v>
      </c>
      <c r="C10418" s="7">
        <f t="shared" si="162"/>
        <v>173.4264</v>
      </c>
      <c r="I10418" s="1"/>
    </row>
    <row r="10419" spans="1:9" x14ac:dyDescent="0.25">
      <c r="A10419" s="3">
        <v>41825.455034722225</v>
      </c>
      <c r="B10419" s="6">
        <v>173443.05</v>
      </c>
      <c r="C10419" s="7">
        <f t="shared" si="162"/>
        <v>173.44305</v>
      </c>
      <c r="I10419" s="1"/>
    </row>
    <row r="10420" spans="1:9" x14ac:dyDescent="0.25">
      <c r="A10420" s="3">
        <v>41825.455497685187</v>
      </c>
      <c r="B10420" s="6">
        <v>173459.69999999998</v>
      </c>
      <c r="C10420" s="7">
        <f t="shared" si="162"/>
        <v>173.45969999999997</v>
      </c>
      <c r="I10420" s="1"/>
    </row>
    <row r="10421" spans="1:9" x14ac:dyDescent="0.25">
      <c r="A10421" s="3">
        <v>41825.457372685189</v>
      </c>
      <c r="B10421" s="6">
        <v>173476.34999999998</v>
      </c>
      <c r="C10421" s="7">
        <f t="shared" si="162"/>
        <v>173.47634999999997</v>
      </c>
      <c r="I10421" s="1"/>
    </row>
    <row r="10422" spans="1:9" x14ac:dyDescent="0.25">
      <c r="A10422" s="3">
        <v>41825.457673611112</v>
      </c>
      <c r="B10422" s="6">
        <v>173492.99999999997</v>
      </c>
      <c r="C10422" s="7">
        <f t="shared" si="162"/>
        <v>173.49299999999997</v>
      </c>
      <c r="I10422" s="1"/>
    </row>
    <row r="10423" spans="1:9" x14ac:dyDescent="0.25">
      <c r="A10423" s="3">
        <v>41825.459039351852</v>
      </c>
      <c r="B10423" s="6">
        <v>173509.65</v>
      </c>
      <c r="C10423" s="7">
        <f t="shared" si="162"/>
        <v>173.50964999999999</v>
      </c>
      <c r="I10423" s="1"/>
    </row>
    <row r="10424" spans="1:9" x14ac:dyDescent="0.25">
      <c r="A10424" s="3">
        <v>41825.459166666667</v>
      </c>
      <c r="B10424" s="6">
        <v>173526.3</v>
      </c>
      <c r="C10424" s="7">
        <f t="shared" si="162"/>
        <v>173.52629999999999</v>
      </c>
      <c r="I10424" s="1"/>
    </row>
    <row r="10425" spans="1:9" x14ac:dyDescent="0.25">
      <c r="A10425" s="3">
        <v>41825.461111111108</v>
      </c>
      <c r="B10425" s="6">
        <v>173542.94999999998</v>
      </c>
      <c r="C10425" s="7">
        <f t="shared" si="162"/>
        <v>173.54294999999999</v>
      </c>
      <c r="I10425" s="1"/>
    </row>
    <row r="10426" spans="1:9" x14ac:dyDescent="0.25">
      <c r="A10426" s="3">
        <v>41825.461331018516</v>
      </c>
      <c r="B10426" s="6">
        <v>173559.59999999998</v>
      </c>
      <c r="C10426" s="7">
        <f t="shared" si="162"/>
        <v>173.55959999999999</v>
      </c>
      <c r="I10426" s="1"/>
    </row>
    <row r="10427" spans="1:9" x14ac:dyDescent="0.25">
      <c r="A10427" s="3">
        <v>41825.462326388886</v>
      </c>
      <c r="B10427" s="6">
        <v>173576.24999999997</v>
      </c>
      <c r="C10427" s="7">
        <f t="shared" si="162"/>
        <v>173.57624999999996</v>
      </c>
      <c r="I10427" s="1"/>
    </row>
    <row r="10428" spans="1:9" x14ac:dyDescent="0.25">
      <c r="A10428" s="3">
        <v>41825.462465277778</v>
      </c>
      <c r="B10428" s="6">
        <v>173592.9</v>
      </c>
      <c r="C10428" s="7">
        <f t="shared" si="162"/>
        <v>173.59289999999999</v>
      </c>
      <c r="I10428" s="1"/>
    </row>
    <row r="10429" spans="1:9" x14ac:dyDescent="0.25">
      <c r="A10429" s="3">
        <v>41825.463634259257</v>
      </c>
      <c r="B10429" s="6">
        <v>173609.55</v>
      </c>
      <c r="C10429" s="7">
        <f t="shared" si="162"/>
        <v>173.60954999999998</v>
      </c>
      <c r="I10429" s="1"/>
    </row>
    <row r="10430" spans="1:9" x14ac:dyDescent="0.25">
      <c r="A10430" s="3">
        <v>41825.463703703703</v>
      </c>
      <c r="B10430" s="6">
        <v>173626.19999999998</v>
      </c>
      <c r="C10430" s="7">
        <f t="shared" si="162"/>
        <v>173.62619999999998</v>
      </c>
      <c r="I10430" s="1"/>
    </row>
    <row r="10431" spans="1:9" x14ac:dyDescent="0.25">
      <c r="A10431" s="3">
        <v>41825.465486111112</v>
      </c>
      <c r="B10431" s="6">
        <v>173642.84999999998</v>
      </c>
      <c r="C10431" s="7">
        <f t="shared" si="162"/>
        <v>173.64284999999998</v>
      </c>
      <c r="I10431" s="1"/>
    </row>
    <row r="10432" spans="1:9" x14ac:dyDescent="0.25">
      <c r="A10432" s="3">
        <v>41825.465636574074</v>
      </c>
      <c r="B10432" s="6">
        <v>173659.49999999997</v>
      </c>
      <c r="C10432" s="7">
        <f t="shared" si="162"/>
        <v>173.65949999999998</v>
      </c>
      <c r="I10432" s="1"/>
    </row>
    <row r="10433" spans="1:9" x14ac:dyDescent="0.25">
      <c r="A10433" s="3">
        <v>41825.467372685183</v>
      </c>
      <c r="B10433" s="6">
        <v>173676.15</v>
      </c>
      <c r="C10433" s="7">
        <f t="shared" si="162"/>
        <v>173.67615000000001</v>
      </c>
      <c r="I10433" s="1"/>
    </row>
    <row r="10434" spans="1:9" x14ac:dyDescent="0.25">
      <c r="A10434" s="3">
        <v>41825.467476851853</v>
      </c>
      <c r="B10434" s="6">
        <v>173692.79999999999</v>
      </c>
      <c r="C10434" s="7">
        <f t="shared" si="162"/>
        <v>173.69279999999998</v>
      </c>
      <c r="I10434" s="1"/>
    </row>
    <row r="10435" spans="1:9" x14ac:dyDescent="0.25">
      <c r="A10435" s="3">
        <v>41825.468923611108</v>
      </c>
      <c r="B10435" s="6">
        <v>173709.44999999998</v>
      </c>
      <c r="C10435" s="7">
        <f t="shared" ref="C10435:C10498" si="163">B10435/1000</f>
        <v>173.70944999999998</v>
      </c>
      <c r="I10435" s="1"/>
    </row>
    <row r="10436" spans="1:9" x14ac:dyDescent="0.25">
      <c r="A10436" s="3">
        <v>41825.469467592593</v>
      </c>
      <c r="B10436" s="6">
        <v>173726.09999999998</v>
      </c>
      <c r="C10436" s="7">
        <f t="shared" si="163"/>
        <v>173.72609999999997</v>
      </c>
      <c r="I10436" s="1"/>
    </row>
    <row r="10437" spans="1:9" x14ac:dyDescent="0.25">
      <c r="A10437" s="3">
        <v>41825.470972222225</v>
      </c>
      <c r="B10437" s="6">
        <v>173742.74999999997</v>
      </c>
      <c r="C10437" s="7">
        <f t="shared" si="163"/>
        <v>173.74274999999997</v>
      </c>
      <c r="I10437" s="1"/>
    </row>
    <row r="10438" spans="1:9" x14ac:dyDescent="0.25">
      <c r="A10438" s="3">
        <v>41825.471192129633</v>
      </c>
      <c r="B10438" s="6">
        <v>173759.4</v>
      </c>
      <c r="C10438" s="7">
        <f t="shared" si="163"/>
        <v>173.7594</v>
      </c>
      <c r="I10438" s="1"/>
    </row>
    <row r="10439" spans="1:9" x14ac:dyDescent="0.25">
      <c r="A10439" s="3">
        <v>41825.473622685182</v>
      </c>
      <c r="B10439" s="6">
        <v>173776.05</v>
      </c>
      <c r="C10439" s="7">
        <f t="shared" si="163"/>
        <v>173.77605</v>
      </c>
      <c r="I10439" s="1"/>
    </row>
    <row r="10440" spans="1:9" x14ac:dyDescent="0.25">
      <c r="A10440" s="3">
        <v>41825.473703703705</v>
      </c>
      <c r="B10440" s="6">
        <v>173792.69999999998</v>
      </c>
      <c r="C10440" s="7">
        <f t="shared" si="163"/>
        <v>173.7927</v>
      </c>
      <c r="I10440" s="1"/>
    </row>
    <row r="10441" spans="1:9" x14ac:dyDescent="0.25">
      <c r="A10441" s="3">
        <v>41825.47446759259</v>
      </c>
      <c r="B10441" s="6">
        <v>173809.34999999998</v>
      </c>
      <c r="C10441" s="7">
        <f t="shared" si="163"/>
        <v>173.80934999999997</v>
      </c>
      <c r="I10441" s="1"/>
    </row>
    <row r="10442" spans="1:9" x14ac:dyDescent="0.25">
      <c r="A10442" s="3">
        <v>41825.474722222221</v>
      </c>
      <c r="B10442" s="6">
        <v>173825.99999999997</v>
      </c>
      <c r="C10442" s="7">
        <f t="shared" si="163"/>
        <v>173.82599999999996</v>
      </c>
      <c r="I10442" s="1"/>
    </row>
    <row r="10443" spans="1:9" x14ac:dyDescent="0.25">
      <c r="A10443" s="3">
        <v>41825.482766203706</v>
      </c>
      <c r="B10443" s="6">
        <v>173842.65</v>
      </c>
      <c r="C10443" s="7">
        <f t="shared" si="163"/>
        <v>173.84264999999999</v>
      </c>
      <c r="I10443" s="1"/>
    </row>
    <row r="10444" spans="1:9" x14ac:dyDescent="0.25">
      <c r="A10444" s="3">
        <v>41825.482905092591</v>
      </c>
      <c r="B10444" s="6">
        <v>173859.3</v>
      </c>
      <c r="C10444" s="7">
        <f t="shared" si="163"/>
        <v>173.85929999999999</v>
      </c>
      <c r="I10444" s="1"/>
    </row>
    <row r="10445" spans="1:9" x14ac:dyDescent="0.25">
      <c r="A10445" s="3">
        <v>41825.483865740738</v>
      </c>
      <c r="B10445" s="6">
        <v>173875.94999999998</v>
      </c>
      <c r="C10445" s="7">
        <f t="shared" si="163"/>
        <v>173.87594999999999</v>
      </c>
      <c r="I10445" s="1"/>
    </row>
    <row r="10446" spans="1:9" x14ac:dyDescent="0.25">
      <c r="A10446" s="3">
        <v>41825.483969907407</v>
      </c>
      <c r="B10446" s="6">
        <v>173892.59999999998</v>
      </c>
      <c r="C10446" s="7">
        <f t="shared" si="163"/>
        <v>173.89259999999999</v>
      </c>
      <c r="I10446" s="1"/>
    </row>
    <row r="10447" spans="1:9" x14ac:dyDescent="0.25">
      <c r="A10447" s="3">
        <v>41825.484618055554</v>
      </c>
      <c r="B10447" s="6">
        <v>173909.24999999997</v>
      </c>
      <c r="C10447" s="7">
        <f t="shared" si="163"/>
        <v>173.90924999999996</v>
      </c>
      <c r="I10447" s="1"/>
    </row>
    <row r="10448" spans="1:9" x14ac:dyDescent="0.25">
      <c r="A10448" s="3">
        <v>41825.484699074077</v>
      </c>
      <c r="B10448" s="6">
        <v>173925.9</v>
      </c>
      <c r="C10448" s="7">
        <f t="shared" si="163"/>
        <v>173.92589999999998</v>
      </c>
      <c r="I10448" s="1"/>
    </row>
    <row r="10449" spans="1:9" x14ac:dyDescent="0.25">
      <c r="A10449" s="3">
        <v>41825.48777777778</v>
      </c>
      <c r="B10449" s="6">
        <v>173942.55</v>
      </c>
      <c r="C10449" s="7">
        <f t="shared" si="163"/>
        <v>173.94254999999998</v>
      </c>
      <c r="I10449" s="1"/>
    </row>
    <row r="10450" spans="1:9" x14ac:dyDescent="0.25">
      <c r="A10450" s="3">
        <v>41825.487939814811</v>
      </c>
      <c r="B10450" s="6">
        <v>173959.19999999998</v>
      </c>
      <c r="C10450" s="7">
        <f t="shared" si="163"/>
        <v>173.95919999999998</v>
      </c>
      <c r="I10450" s="1"/>
    </row>
    <row r="10451" spans="1:9" x14ac:dyDescent="0.25">
      <c r="A10451" s="3">
        <v>41825.489293981482</v>
      </c>
      <c r="B10451" s="6">
        <v>173975.84999999998</v>
      </c>
      <c r="C10451" s="7">
        <f t="shared" si="163"/>
        <v>173.97584999999998</v>
      </c>
      <c r="I10451" s="1"/>
    </row>
    <row r="10452" spans="1:9" x14ac:dyDescent="0.25">
      <c r="A10452" s="3">
        <v>41825.489374999997</v>
      </c>
      <c r="B10452" s="6">
        <v>173992.49999999997</v>
      </c>
      <c r="C10452" s="7">
        <f t="shared" si="163"/>
        <v>173.99249999999998</v>
      </c>
      <c r="I10452" s="1"/>
    </row>
    <row r="10453" spans="1:9" x14ac:dyDescent="0.25">
      <c r="A10453" s="3">
        <v>41825.490231481483</v>
      </c>
      <c r="B10453" s="6">
        <v>174009.15</v>
      </c>
      <c r="C10453" s="7">
        <f t="shared" si="163"/>
        <v>174.00915000000001</v>
      </c>
      <c r="I10453" s="1"/>
    </row>
    <row r="10454" spans="1:9" x14ac:dyDescent="0.25">
      <c r="A10454" s="3">
        <v>41825.490798611114</v>
      </c>
      <c r="B10454" s="6">
        <v>174025.8</v>
      </c>
      <c r="C10454" s="7">
        <f t="shared" si="163"/>
        <v>174.02579999999998</v>
      </c>
      <c r="I10454" s="1"/>
    </row>
    <row r="10455" spans="1:9" x14ac:dyDescent="0.25">
      <c r="A10455" s="3">
        <v>41825.493171296293</v>
      </c>
      <c r="B10455" s="6">
        <v>174042.44999999998</v>
      </c>
      <c r="C10455" s="7">
        <f t="shared" si="163"/>
        <v>174.04244999999997</v>
      </c>
      <c r="I10455" s="1"/>
    </row>
    <row r="10456" spans="1:9" x14ac:dyDescent="0.25">
      <c r="A10456" s="3">
        <v>41825.493287037039</v>
      </c>
      <c r="B10456" s="6">
        <v>174059.09999999998</v>
      </c>
      <c r="C10456" s="7">
        <f t="shared" si="163"/>
        <v>174.05909999999997</v>
      </c>
      <c r="I10456" s="1"/>
    </row>
    <row r="10457" spans="1:9" x14ac:dyDescent="0.25">
      <c r="A10457" s="3">
        <v>41825.49527777778</v>
      </c>
      <c r="B10457" s="6">
        <v>174075.74999999997</v>
      </c>
      <c r="C10457" s="7">
        <f t="shared" si="163"/>
        <v>174.07574999999997</v>
      </c>
      <c r="I10457" s="1"/>
    </row>
    <row r="10458" spans="1:9" x14ac:dyDescent="0.25">
      <c r="A10458" s="3">
        <v>41825.49560185185</v>
      </c>
      <c r="B10458" s="6">
        <v>174092.4</v>
      </c>
      <c r="C10458" s="7">
        <f t="shared" si="163"/>
        <v>174.0924</v>
      </c>
      <c r="I10458" s="1"/>
    </row>
    <row r="10459" spans="1:9" x14ac:dyDescent="0.25">
      <c r="A10459" s="3">
        <v>41825.49796296296</v>
      </c>
      <c r="B10459" s="6">
        <v>174109.05</v>
      </c>
      <c r="C10459" s="7">
        <f t="shared" si="163"/>
        <v>174.10905</v>
      </c>
      <c r="I10459" s="1"/>
    </row>
    <row r="10460" spans="1:9" x14ac:dyDescent="0.25">
      <c r="A10460" s="3">
        <v>41825.498217592591</v>
      </c>
      <c r="B10460" s="6">
        <v>174125.69999999998</v>
      </c>
      <c r="C10460" s="7">
        <f t="shared" si="163"/>
        <v>174.12569999999999</v>
      </c>
      <c r="I10460" s="1"/>
    </row>
    <row r="10461" spans="1:9" x14ac:dyDescent="0.25">
      <c r="A10461" s="3">
        <v>41825.500509259262</v>
      </c>
      <c r="B10461" s="6">
        <v>174142.34999999998</v>
      </c>
      <c r="C10461" s="7">
        <f t="shared" si="163"/>
        <v>174.14234999999996</v>
      </c>
      <c r="I10461" s="1"/>
    </row>
    <row r="10462" spans="1:9" x14ac:dyDescent="0.25">
      <c r="A10462" s="3">
        <v>41825.500601851854</v>
      </c>
      <c r="B10462" s="6">
        <v>174158.99999999997</v>
      </c>
      <c r="C10462" s="7">
        <f t="shared" si="163"/>
        <v>174.15899999999996</v>
      </c>
      <c r="I10462" s="1"/>
    </row>
    <row r="10463" spans="1:9" x14ac:dyDescent="0.25">
      <c r="A10463" s="3">
        <v>41825.502268518518</v>
      </c>
      <c r="B10463" s="6">
        <v>174175.65</v>
      </c>
      <c r="C10463" s="7">
        <f t="shared" si="163"/>
        <v>174.17564999999999</v>
      </c>
      <c r="I10463" s="1"/>
    </row>
    <row r="10464" spans="1:9" x14ac:dyDescent="0.25">
      <c r="A10464" s="3">
        <v>41825.502881944441</v>
      </c>
      <c r="B10464" s="6">
        <v>174192.3</v>
      </c>
      <c r="C10464" s="7">
        <f t="shared" si="163"/>
        <v>174.19229999999999</v>
      </c>
      <c r="I10464" s="1"/>
    </row>
    <row r="10465" spans="1:9" x14ac:dyDescent="0.25">
      <c r="A10465" s="3">
        <v>41825.504837962966</v>
      </c>
      <c r="B10465" s="6">
        <v>174208.94999999998</v>
      </c>
      <c r="C10465" s="7">
        <f t="shared" si="163"/>
        <v>174.20894999999999</v>
      </c>
      <c r="I10465" s="1"/>
    </row>
    <row r="10466" spans="1:9" x14ac:dyDescent="0.25">
      <c r="A10466" s="3">
        <v>41825.504999999997</v>
      </c>
      <c r="B10466" s="6">
        <v>174225.59999999998</v>
      </c>
      <c r="C10466" s="7">
        <f t="shared" si="163"/>
        <v>174.22559999999999</v>
      </c>
      <c r="I10466" s="1"/>
    </row>
    <row r="10467" spans="1:9" x14ac:dyDescent="0.25">
      <c r="A10467" s="3">
        <v>41825.506249999999</v>
      </c>
      <c r="B10467" s="6">
        <v>174242.24999999997</v>
      </c>
      <c r="C10467" s="7">
        <f t="shared" si="163"/>
        <v>174.24224999999998</v>
      </c>
      <c r="I10467" s="1"/>
    </row>
    <row r="10468" spans="1:9" x14ac:dyDescent="0.25">
      <c r="A10468" s="3">
        <v>41825.506365740737</v>
      </c>
      <c r="B10468" s="6">
        <v>174258.9</v>
      </c>
      <c r="C10468" s="7">
        <f t="shared" si="163"/>
        <v>174.25889999999998</v>
      </c>
      <c r="I10468" s="1"/>
    </row>
    <row r="10469" spans="1:9" x14ac:dyDescent="0.25">
      <c r="A10469" s="3">
        <v>41825.507777777777</v>
      </c>
      <c r="B10469" s="6">
        <v>174275.55</v>
      </c>
      <c r="C10469" s="7">
        <f t="shared" si="163"/>
        <v>174.27554999999998</v>
      </c>
      <c r="I10469" s="1"/>
    </row>
    <row r="10470" spans="1:9" x14ac:dyDescent="0.25">
      <c r="A10470" s="3">
        <v>41825.507893518516</v>
      </c>
      <c r="B10470" s="6">
        <v>174292.19999999998</v>
      </c>
      <c r="C10470" s="7">
        <f t="shared" si="163"/>
        <v>174.29219999999998</v>
      </c>
      <c r="I10470" s="1"/>
    </row>
    <row r="10471" spans="1:9" x14ac:dyDescent="0.25">
      <c r="A10471" s="3">
        <v>41825.51185185185</v>
      </c>
      <c r="B10471" s="6">
        <v>174308.84999999998</v>
      </c>
      <c r="C10471" s="7">
        <f t="shared" si="163"/>
        <v>174.30884999999998</v>
      </c>
      <c r="I10471" s="1"/>
    </row>
    <row r="10472" spans="1:9" x14ac:dyDescent="0.25">
      <c r="A10472" s="3">
        <v>41825.512638888889</v>
      </c>
      <c r="B10472" s="6">
        <v>174325.49999999997</v>
      </c>
      <c r="C10472" s="7">
        <f t="shared" si="163"/>
        <v>174.32549999999998</v>
      </c>
      <c r="I10472" s="1"/>
    </row>
    <row r="10473" spans="1:9" x14ac:dyDescent="0.25">
      <c r="A10473" s="3">
        <v>41825.515370370369</v>
      </c>
      <c r="B10473" s="6">
        <v>174342.15</v>
      </c>
      <c r="C10473" s="7">
        <f t="shared" si="163"/>
        <v>174.34215</v>
      </c>
      <c r="I10473" s="1"/>
    </row>
    <row r="10474" spans="1:9" x14ac:dyDescent="0.25">
      <c r="A10474" s="3">
        <v>41825.515497685185</v>
      </c>
      <c r="B10474" s="6">
        <v>174358.8</v>
      </c>
      <c r="C10474" s="7">
        <f t="shared" si="163"/>
        <v>174.3588</v>
      </c>
      <c r="I10474" s="1"/>
    </row>
    <row r="10475" spans="1:9" x14ac:dyDescent="0.25">
      <c r="A10475" s="3">
        <v>41825.516932870371</v>
      </c>
      <c r="B10475" s="6">
        <v>174375.44999999998</v>
      </c>
      <c r="C10475" s="7">
        <f t="shared" si="163"/>
        <v>174.37544999999997</v>
      </c>
      <c r="I10475" s="1"/>
    </row>
    <row r="10476" spans="1:9" x14ac:dyDescent="0.25">
      <c r="A10476" s="3">
        <v>41825.51699074074</v>
      </c>
      <c r="B10476" s="6">
        <v>174392.09999999998</v>
      </c>
      <c r="C10476" s="7">
        <f t="shared" si="163"/>
        <v>174.39209999999997</v>
      </c>
      <c r="I10476" s="1"/>
    </row>
    <row r="10477" spans="1:9" x14ac:dyDescent="0.25">
      <c r="A10477" s="3">
        <v>41825.518078703702</v>
      </c>
      <c r="B10477" s="6">
        <v>174408.74999999997</v>
      </c>
      <c r="C10477" s="7">
        <f t="shared" si="163"/>
        <v>174.40874999999997</v>
      </c>
      <c r="I10477" s="1"/>
    </row>
    <row r="10478" spans="1:9" x14ac:dyDescent="0.25">
      <c r="A10478" s="3">
        <v>41825.51871527778</v>
      </c>
      <c r="B10478" s="6">
        <v>174425.4</v>
      </c>
      <c r="C10478" s="7">
        <f t="shared" si="163"/>
        <v>174.4254</v>
      </c>
      <c r="I10478" s="1"/>
    </row>
    <row r="10479" spans="1:9" x14ac:dyDescent="0.25">
      <c r="A10479" s="3">
        <v>41825.520173611112</v>
      </c>
      <c r="B10479" s="6">
        <v>174442.05</v>
      </c>
      <c r="C10479" s="7">
        <f t="shared" si="163"/>
        <v>174.44204999999999</v>
      </c>
      <c r="I10479" s="1"/>
    </row>
    <row r="10480" spans="1:9" x14ac:dyDescent="0.25">
      <c r="A10480" s="3">
        <v>41825.520312499997</v>
      </c>
      <c r="B10480" s="6">
        <v>174458.69999999998</v>
      </c>
      <c r="C10480" s="7">
        <f t="shared" si="163"/>
        <v>174.45869999999999</v>
      </c>
      <c r="I10480" s="1"/>
    </row>
    <row r="10481" spans="1:9" x14ac:dyDescent="0.25">
      <c r="A10481" s="3">
        <v>41825.521516203706</v>
      </c>
      <c r="B10481" s="6">
        <v>174475.34999999998</v>
      </c>
      <c r="C10481" s="7">
        <f t="shared" si="163"/>
        <v>174.47534999999996</v>
      </c>
      <c r="I10481" s="1"/>
    </row>
    <row r="10482" spans="1:9" x14ac:dyDescent="0.25">
      <c r="A10482" s="3">
        <v>41825.521620370368</v>
      </c>
      <c r="B10482" s="6">
        <v>174491.99999999997</v>
      </c>
      <c r="C10482" s="7">
        <f t="shared" si="163"/>
        <v>174.49199999999996</v>
      </c>
      <c r="I10482" s="1"/>
    </row>
    <row r="10483" spans="1:9" x14ac:dyDescent="0.25">
      <c r="A10483" s="3">
        <v>41825.523576388892</v>
      </c>
      <c r="B10483" s="6">
        <v>174508.65</v>
      </c>
      <c r="C10483" s="7">
        <f t="shared" si="163"/>
        <v>174.50864999999999</v>
      </c>
      <c r="I10483" s="1"/>
    </row>
    <row r="10484" spans="1:9" x14ac:dyDescent="0.25">
      <c r="A10484" s="3">
        <v>41825.52375</v>
      </c>
      <c r="B10484" s="6">
        <v>174525.3</v>
      </c>
      <c r="C10484" s="7">
        <f t="shared" si="163"/>
        <v>174.52529999999999</v>
      </c>
      <c r="I10484" s="1"/>
    </row>
    <row r="10485" spans="1:9" x14ac:dyDescent="0.25">
      <c r="A10485" s="3">
        <v>41825.525416666664</v>
      </c>
      <c r="B10485" s="6">
        <v>174541.94999999998</v>
      </c>
      <c r="C10485" s="7">
        <f t="shared" si="163"/>
        <v>174.54194999999999</v>
      </c>
      <c r="I10485" s="1"/>
    </row>
    <row r="10486" spans="1:9" x14ac:dyDescent="0.25">
      <c r="A10486" s="3">
        <v>41825.525497685187</v>
      </c>
      <c r="B10486" s="6">
        <v>174558.59999999998</v>
      </c>
      <c r="C10486" s="7">
        <f t="shared" si="163"/>
        <v>174.55859999999998</v>
      </c>
      <c r="I10486" s="1"/>
    </row>
    <row r="10487" spans="1:9" x14ac:dyDescent="0.25">
      <c r="A10487" s="3">
        <v>41825.526145833333</v>
      </c>
      <c r="B10487" s="6">
        <v>174575.24999999997</v>
      </c>
      <c r="C10487" s="7">
        <f t="shared" si="163"/>
        <v>174.57524999999998</v>
      </c>
      <c r="I10487" s="1"/>
    </row>
    <row r="10488" spans="1:9" x14ac:dyDescent="0.25">
      <c r="A10488" s="3">
        <v>41825.526307870372</v>
      </c>
      <c r="B10488" s="6">
        <v>174591.9</v>
      </c>
      <c r="C10488" s="7">
        <f t="shared" si="163"/>
        <v>174.59189999999998</v>
      </c>
      <c r="I10488" s="1"/>
    </row>
    <row r="10489" spans="1:9" x14ac:dyDescent="0.25">
      <c r="A10489" s="3">
        <v>41825.527604166666</v>
      </c>
      <c r="B10489" s="6">
        <v>174608.55</v>
      </c>
      <c r="C10489" s="7">
        <f t="shared" si="163"/>
        <v>174.60854999999998</v>
      </c>
      <c r="I10489" s="1"/>
    </row>
    <row r="10490" spans="1:9" x14ac:dyDescent="0.25">
      <c r="A10490" s="3">
        <v>41825.527939814812</v>
      </c>
      <c r="B10490" s="6">
        <v>174625.19999999998</v>
      </c>
      <c r="C10490" s="7">
        <f t="shared" si="163"/>
        <v>174.62519999999998</v>
      </c>
      <c r="I10490" s="1"/>
    </row>
    <row r="10491" spans="1:9" x14ac:dyDescent="0.25">
      <c r="A10491" s="3">
        <v>41825.530497685184</v>
      </c>
      <c r="B10491" s="6">
        <v>174641.84999999998</v>
      </c>
      <c r="C10491" s="7">
        <f t="shared" si="163"/>
        <v>174.64184999999998</v>
      </c>
      <c r="I10491" s="1"/>
    </row>
    <row r="10492" spans="1:9" x14ac:dyDescent="0.25">
      <c r="A10492" s="3">
        <v>41825.530590277776</v>
      </c>
      <c r="B10492" s="6">
        <v>174658.49999999997</v>
      </c>
      <c r="C10492" s="7">
        <f t="shared" si="163"/>
        <v>174.65849999999998</v>
      </c>
      <c r="I10492" s="1"/>
    </row>
    <row r="10493" spans="1:9" x14ac:dyDescent="0.25">
      <c r="A10493" s="3">
        <v>41825.532789351855</v>
      </c>
      <c r="B10493" s="6">
        <v>174675.15</v>
      </c>
      <c r="C10493" s="7">
        <f t="shared" si="163"/>
        <v>174.67515</v>
      </c>
      <c r="I10493" s="1"/>
    </row>
    <row r="10494" spans="1:9" x14ac:dyDescent="0.25">
      <c r="A10494" s="3">
        <v>41825.532905092594</v>
      </c>
      <c r="B10494" s="6">
        <v>174691.8</v>
      </c>
      <c r="C10494" s="7">
        <f t="shared" si="163"/>
        <v>174.6918</v>
      </c>
      <c r="I10494" s="1"/>
    </row>
    <row r="10495" spans="1:9" x14ac:dyDescent="0.25">
      <c r="A10495" s="3">
        <v>41825.536192129628</v>
      </c>
      <c r="B10495" s="6">
        <v>174708.44999999998</v>
      </c>
      <c r="C10495" s="7">
        <f t="shared" si="163"/>
        <v>174.70844999999997</v>
      </c>
      <c r="I10495" s="1"/>
    </row>
    <row r="10496" spans="1:9" x14ac:dyDescent="0.25">
      <c r="A10496" s="3">
        <v>41825.536365740743</v>
      </c>
      <c r="B10496" s="6">
        <v>174725.09999999998</v>
      </c>
      <c r="C10496" s="7">
        <f t="shared" si="163"/>
        <v>174.72509999999997</v>
      </c>
      <c r="I10496" s="1"/>
    </row>
    <row r="10497" spans="1:9" x14ac:dyDescent="0.25">
      <c r="A10497" s="3">
        <v>41825.538865740738</v>
      </c>
      <c r="B10497" s="6">
        <v>174741.74999999997</v>
      </c>
      <c r="C10497" s="7">
        <f t="shared" si="163"/>
        <v>174.74174999999997</v>
      </c>
      <c r="I10497" s="1"/>
    </row>
    <row r="10498" spans="1:9" x14ac:dyDescent="0.25">
      <c r="A10498" s="3">
        <v>41825.539027777777</v>
      </c>
      <c r="B10498" s="6">
        <v>174758.39999999999</v>
      </c>
      <c r="C10498" s="7">
        <f t="shared" si="163"/>
        <v>174.75839999999999</v>
      </c>
      <c r="I10498" s="1"/>
    </row>
    <row r="10499" spans="1:9" x14ac:dyDescent="0.25">
      <c r="A10499" s="3">
        <v>41825.542766203704</v>
      </c>
      <c r="B10499" s="6">
        <v>174775.05</v>
      </c>
      <c r="C10499" s="7">
        <f t="shared" ref="C10499:C10562" si="164">B10499/1000</f>
        <v>174.77504999999999</v>
      </c>
      <c r="I10499" s="1"/>
    </row>
    <row r="10500" spans="1:9" x14ac:dyDescent="0.25">
      <c r="A10500" s="3">
        <v>41825.542951388888</v>
      </c>
      <c r="B10500" s="6">
        <v>174791.69999999998</v>
      </c>
      <c r="C10500" s="7">
        <f t="shared" si="164"/>
        <v>174.79169999999999</v>
      </c>
      <c r="I10500" s="1"/>
    </row>
    <row r="10501" spans="1:9" x14ac:dyDescent="0.25">
      <c r="A10501" s="3">
        <v>41825.546898148146</v>
      </c>
      <c r="B10501" s="6">
        <v>174808.34999999998</v>
      </c>
      <c r="C10501" s="7">
        <f t="shared" si="164"/>
        <v>174.80834999999999</v>
      </c>
      <c r="I10501" s="1"/>
    </row>
    <row r="10502" spans="1:9" x14ac:dyDescent="0.25">
      <c r="A10502" s="3">
        <v>41825.547152777777</v>
      </c>
      <c r="B10502" s="6">
        <v>174824.99999999997</v>
      </c>
      <c r="C10502" s="7">
        <f t="shared" si="164"/>
        <v>174.82499999999996</v>
      </c>
      <c r="I10502" s="1"/>
    </row>
    <row r="10503" spans="1:9" x14ac:dyDescent="0.25">
      <c r="A10503" s="3">
        <v>41825.548206018517</v>
      </c>
      <c r="B10503" s="6">
        <v>174841.65</v>
      </c>
      <c r="C10503" s="7">
        <f t="shared" si="164"/>
        <v>174.84164999999999</v>
      </c>
      <c r="I10503" s="1"/>
    </row>
    <row r="10504" spans="1:9" x14ac:dyDescent="0.25">
      <c r="A10504" s="3">
        <v>41825.548437500001</v>
      </c>
      <c r="B10504" s="6">
        <v>174858.3</v>
      </c>
      <c r="C10504" s="7">
        <f t="shared" si="164"/>
        <v>174.85829999999999</v>
      </c>
      <c r="I10504" s="1"/>
    </row>
    <row r="10505" spans="1:9" x14ac:dyDescent="0.25">
      <c r="A10505" s="3">
        <v>41825.549247685187</v>
      </c>
      <c r="B10505" s="6">
        <v>174874.94999999998</v>
      </c>
      <c r="C10505" s="7">
        <f t="shared" si="164"/>
        <v>174.87494999999998</v>
      </c>
      <c r="I10505" s="1"/>
    </row>
    <row r="10506" spans="1:9" x14ac:dyDescent="0.25">
      <c r="A10506" s="3">
        <v>41825.549328703702</v>
      </c>
      <c r="B10506" s="6">
        <v>174891.59999999998</v>
      </c>
      <c r="C10506" s="7">
        <f t="shared" si="164"/>
        <v>174.89159999999998</v>
      </c>
      <c r="I10506" s="1"/>
    </row>
    <row r="10507" spans="1:9" x14ac:dyDescent="0.25">
      <c r="A10507" s="3">
        <v>41825.55028935185</v>
      </c>
      <c r="B10507" s="6">
        <v>174908.24999999997</v>
      </c>
      <c r="C10507" s="7">
        <f t="shared" si="164"/>
        <v>174.90824999999998</v>
      </c>
      <c r="I10507" s="1"/>
    </row>
    <row r="10508" spans="1:9" x14ac:dyDescent="0.25">
      <c r="A10508" s="3">
        <v>41825.550347222219</v>
      </c>
      <c r="B10508" s="6">
        <v>174924.9</v>
      </c>
      <c r="C10508" s="7">
        <f t="shared" si="164"/>
        <v>174.92490000000001</v>
      </c>
      <c r="I10508" s="1"/>
    </row>
    <row r="10509" spans="1:9" x14ac:dyDescent="0.25">
      <c r="A10509" s="3">
        <v>41825.551759259259</v>
      </c>
      <c r="B10509" s="6">
        <v>174941.55</v>
      </c>
      <c r="C10509" s="7">
        <f t="shared" si="164"/>
        <v>174.94154999999998</v>
      </c>
      <c r="I10509" s="1"/>
    </row>
    <row r="10510" spans="1:9" x14ac:dyDescent="0.25">
      <c r="A10510" s="3">
        <v>41825.551840277774</v>
      </c>
      <c r="B10510" s="6">
        <v>174958.19999999998</v>
      </c>
      <c r="C10510" s="7">
        <f t="shared" si="164"/>
        <v>174.95819999999998</v>
      </c>
      <c r="I10510" s="1"/>
    </row>
    <row r="10511" spans="1:9" x14ac:dyDescent="0.25">
      <c r="A10511" s="3">
        <v>41825.55259259259</v>
      </c>
      <c r="B10511" s="6">
        <v>174974.84999999998</v>
      </c>
      <c r="C10511" s="7">
        <f t="shared" si="164"/>
        <v>174.97484999999998</v>
      </c>
      <c r="I10511" s="1"/>
    </row>
    <row r="10512" spans="1:9" x14ac:dyDescent="0.25">
      <c r="A10512" s="3">
        <v>41825.553182870368</v>
      </c>
      <c r="B10512" s="6">
        <v>174991.49999999997</v>
      </c>
      <c r="C10512" s="7">
        <f t="shared" si="164"/>
        <v>174.99149999999997</v>
      </c>
      <c r="I10512" s="1"/>
    </row>
    <row r="10513" spans="1:9" x14ac:dyDescent="0.25">
      <c r="A10513" s="3">
        <v>41825.554212962961</v>
      </c>
      <c r="B10513" s="6">
        <v>175008.15</v>
      </c>
      <c r="C10513" s="7">
        <f t="shared" si="164"/>
        <v>175.00815</v>
      </c>
      <c r="I10513" s="1"/>
    </row>
    <row r="10514" spans="1:9" x14ac:dyDescent="0.25">
      <c r="A10514" s="3">
        <v>41825.554293981484</v>
      </c>
      <c r="B10514" s="6">
        <v>175024.8</v>
      </c>
      <c r="C10514" s="7">
        <f t="shared" si="164"/>
        <v>175.0248</v>
      </c>
      <c r="I10514" s="1"/>
    </row>
    <row r="10515" spans="1:9" x14ac:dyDescent="0.25">
      <c r="A10515" s="3">
        <v>41825.555833333332</v>
      </c>
      <c r="B10515" s="6">
        <v>175041.44999999998</v>
      </c>
      <c r="C10515" s="7">
        <f t="shared" si="164"/>
        <v>175.04144999999997</v>
      </c>
      <c r="I10515" s="1"/>
    </row>
    <row r="10516" spans="1:9" x14ac:dyDescent="0.25">
      <c r="A10516" s="3">
        <v>41825.555914351855</v>
      </c>
      <c r="B10516" s="6">
        <v>175058.09999999998</v>
      </c>
      <c r="C10516" s="7">
        <f t="shared" si="164"/>
        <v>175.05809999999997</v>
      </c>
      <c r="I10516" s="1"/>
    </row>
    <row r="10517" spans="1:9" x14ac:dyDescent="0.25">
      <c r="A10517" s="3">
        <v>41825.557685185187</v>
      </c>
      <c r="B10517" s="6">
        <v>175074.74999999997</v>
      </c>
      <c r="C10517" s="7">
        <f t="shared" si="164"/>
        <v>175.07474999999997</v>
      </c>
      <c r="I10517" s="1"/>
    </row>
    <row r="10518" spans="1:9" x14ac:dyDescent="0.25">
      <c r="A10518" s="3">
        <v>41825.557893518519</v>
      </c>
      <c r="B10518" s="6">
        <v>175091.4</v>
      </c>
      <c r="C10518" s="7">
        <f t="shared" si="164"/>
        <v>175.09139999999999</v>
      </c>
      <c r="I10518" s="1"/>
    </row>
    <row r="10519" spans="1:9" x14ac:dyDescent="0.25">
      <c r="A10519" s="3">
        <v>41825.559965277775</v>
      </c>
      <c r="B10519" s="6">
        <v>175108.05</v>
      </c>
      <c r="C10519" s="7">
        <f t="shared" si="164"/>
        <v>175.10804999999999</v>
      </c>
      <c r="I10519" s="1"/>
    </row>
    <row r="10520" spans="1:9" x14ac:dyDescent="0.25">
      <c r="A10520" s="3">
        <v>41825.560081018521</v>
      </c>
      <c r="B10520" s="6">
        <v>175124.69999999998</v>
      </c>
      <c r="C10520" s="7">
        <f t="shared" si="164"/>
        <v>175.12469999999999</v>
      </c>
      <c r="I10520" s="1"/>
    </row>
    <row r="10521" spans="1:9" x14ac:dyDescent="0.25">
      <c r="A10521" s="3">
        <v>41825.561319444445</v>
      </c>
      <c r="B10521" s="6">
        <v>175141.34999999998</v>
      </c>
      <c r="C10521" s="7">
        <f t="shared" si="164"/>
        <v>175.14134999999999</v>
      </c>
      <c r="I10521" s="1"/>
    </row>
    <row r="10522" spans="1:9" x14ac:dyDescent="0.25">
      <c r="A10522" s="3">
        <v>41825.561435185184</v>
      </c>
      <c r="B10522" s="6">
        <v>175157.99999999997</v>
      </c>
      <c r="C10522" s="7">
        <f t="shared" si="164"/>
        <v>175.15799999999996</v>
      </c>
      <c r="I10522" s="1"/>
    </row>
    <row r="10523" spans="1:9" x14ac:dyDescent="0.25">
      <c r="A10523" s="3">
        <v>41825.562696759262</v>
      </c>
      <c r="B10523" s="6">
        <v>175174.65</v>
      </c>
      <c r="C10523" s="7">
        <f t="shared" si="164"/>
        <v>175.17464999999999</v>
      </c>
      <c r="I10523" s="1"/>
    </row>
    <row r="10524" spans="1:9" x14ac:dyDescent="0.25">
      <c r="A10524" s="3">
        <v>41825.562847222223</v>
      </c>
      <c r="B10524" s="6">
        <v>175191.3</v>
      </c>
      <c r="C10524" s="7">
        <f t="shared" si="164"/>
        <v>175.19129999999998</v>
      </c>
      <c r="I10524" s="1"/>
    </row>
    <row r="10525" spans="1:9" x14ac:dyDescent="0.25">
      <c r="A10525" s="3">
        <v>41825.56417824074</v>
      </c>
      <c r="B10525" s="6">
        <v>175207.94999999998</v>
      </c>
      <c r="C10525" s="7">
        <f t="shared" si="164"/>
        <v>175.20794999999998</v>
      </c>
      <c r="I10525" s="1"/>
    </row>
    <row r="10526" spans="1:9" x14ac:dyDescent="0.25">
      <c r="A10526" s="3">
        <v>41825.564305555556</v>
      </c>
      <c r="B10526" s="6">
        <v>175224.59999999998</v>
      </c>
      <c r="C10526" s="7">
        <f t="shared" si="164"/>
        <v>175.22459999999998</v>
      </c>
      <c r="I10526" s="1"/>
    </row>
    <row r="10527" spans="1:9" x14ac:dyDescent="0.25">
      <c r="A10527" s="3">
        <v>41825.565833333334</v>
      </c>
      <c r="B10527" s="6">
        <v>175241.24999999997</v>
      </c>
      <c r="C10527" s="7">
        <f t="shared" si="164"/>
        <v>175.24124999999998</v>
      </c>
      <c r="I10527" s="1"/>
    </row>
    <row r="10528" spans="1:9" x14ac:dyDescent="0.25">
      <c r="A10528" s="3">
        <v>41825.565937500003</v>
      </c>
      <c r="B10528" s="6">
        <v>175257.9</v>
      </c>
      <c r="C10528" s="7">
        <f t="shared" si="164"/>
        <v>175.25790000000001</v>
      </c>
      <c r="I10528" s="1"/>
    </row>
    <row r="10529" spans="1:9" x14ac:dyDescent="0.25">
      <c r="A10529" s="3">
        <v>41825.566574074073</v>
      </c>
      <c r="B10529" s="6">
        <v>175274.55</v>
      </c>
      <c r="C10529" s="7">
        <f t="shared" si="164"/>
        <v>175.27454999999998</v>
      </c>
      <c r="I10529" s="1"/>
    </row>
    <row r="10530" spans="1:9" x14ac:dyDescent="0.25">
      <c r="A10530" s="3">
        <v>41825.566631944443</v>
      </c>
      <c r="B10530" s="6">
        <v>175291.19999999998</v>
      </c>
      <c r="C10530" s="7">
        <f t="shared" si="164"/>
        <v>175.29119999999998</v>
      </c>
      <c r="I10530" s="1"/>
    </row>
    <row r="10531" spans="1:9" x14ac:dyDescent="0.25">
      <c r="A10531" s="3">
        <v>41825.567384259259</v>
      </c>
      <c r="B10531" s="6">
        <v>175307.84999999998</v>
      </c>
      <c r="C10531" s="7">
        <f t="shared" si="164"/>
        <v>175.30784999999997</v>
      </c>
      <c r="I10531" s="1"/>
    </row>
    <row r="10532" spans="1:9" x14ac:dyDescent="0.25">
      <c r="A10532" s="3">
        <v>41825.567453703705</v>
      </c>
      <c r="B10532" s="6">
        <v>175324.49999999997</v>
      </c>
      <c r="C10532" s="7">
        <f t="shared" si="164"/>
        <v>175.32449999999997</v>
      </c>
      <c r="I10532" s="1"/>
    </row>
    <row r="10533" spans="1:9" x14ac:dyDescent="0.25">
      <c r="A10533" s="3">
        <v>41825.568182870367</v>
      </c>
      <c r="B10533" s="6">
        <v>175341.15</v>
      </c>
      <c r="C10533" s="7">
        <f t="shared" si="164"/>
        <v>175.34115</v>
      </c>
      <c r="I10533" s="1"/>
    </row>
    <row r="10534" spans="1:9" x14ac:dyDescent="0.25">
      <c r="A10534" s="3">
        <v>41825.56827546296</v>
      </c>
      <c r="B10534" s="6">
        <v>175357.8</v>
      </c>
      <c r="C10534" s="7">
        <f t="shared" si="164"/>
        <v>175.3578</v>
      </c>
      <c r="I10534" s="1"/>
    </row>
    <row r="10535" spans="1:9" x14ac:dyDescent="0.25">
      <c r="A10535" s="3">
        <v>41825.570428240739</v>
      </c>
      <c r="B10535" s="6">
        <v>175374.44999999998</v>
      </c>
      <c r="C10535" s="7">
        <f t="shared" si="164"/>
        <v>175.37445</v>
      </c>
      <c r="I10535" s="1"/>
    </row>
    <row r="10536" spans="1:9" x14ac:dyDescent="0.25">
      <c r="A10536" s="3">
        <v>41825.570567129631</v>
      </c>
      <c r="B10536" s="6">
        <v>175391.09999999998</v>
      </c>
      <c r="C10536" s="7">
        <f t="shared" si="164"/>
        <v>175.39109999999997</v>
      </c>
      <c r="I10536" s="1"/>
    </row>
    <row r="10537" spans="1:9" x14ac:dyDescent="0.25">
      <c r="A10537" s="3">
        <v>41825.571469907409</v>
      </c>
      <c r="B10537" s="6">
        <v>175407.74999999997</v>
      </c>
      <c r="C10537" s="7">
        <f t="shared" si="164"/>
        <v>175.40774999999996</v>
      </c>
      <c r="I10537" s="1"/>
    </row>
    <row r="10538" spans="1:9" x14ac:dyDescent="0.25">
      <c r="A10538" s="3">
        <v>41825.571585648147</v>
      </c>
      <c r="B10538" s="6">
        <v>175424.4</v>
      </c>
      <c r="C10538" s="7">
        <f t="shared" si="164"/>
        <v>175.42439999999999</v>
      </c>
      <c r="I10538" s="1"/>
    </row>
    <row r="10539" spans="1:9" x14ac:dyDescent="0.25">
      <c r="A10539" s="3">
        <v>41825.573344907411</v>
      </c>
      <c r="B10539" s="6">
        <v>175441.05</v>
      </c>
      <c r="C10539" s="7">
        <f t="shared" si="164"/>
        <v>175.44104999999999</v>
      </c>
      <c r="I10539" s="1"/>
    </row>
    <row r="10540" spans="1:9" x14ac:dyDescent="0.25">
      <c r="A10540" s="3">
        <v>41825.573541666665</v>
      </c>
      <c r="B10540" s="6">
        <v>175457.69999999998</v>
      </c>
      <c r="C10540" s="7">
        <f t="shared" si="164"/>
        <v>175.45769999999999</v>
      </c>
      <c r="I10540" s="1"/>
    </row>
    <row r="10541" spans="1:9" x14ac:dyDescent="0.25">
      <c r="A10541" s="3">
        <v>41825.574386574073</v>
      </c>
      <c r="B10541" s="6">
        <v>175474.34999999998</v>
      </c>
      <c r="C10541" s="7">
        <f t="shared" si="164"/>
        <v>175.47434999999999</v>
      </c>
      <c r="I10541" s="1"/>
    </row>
    <row r="10542" spans="1:9" x14ac:dyDescent="0.25">
      <c r="A10542" s="3">
        <v>41825.574479166666</v>
      </c>
      <c r="B10542" s="6">
        <v>175490.99999999997</v>
      </c>
      <c r="C10542" s="7">
        <f t="shared" si="164"/>
        <v>175.49099999999996</v>
      </c>
      <c r="I10542" s="1"/>
    </row>
    <row r="10543" spans="1:9" x14ac:dyDescent="0.25">
      <c r="A10543" s="3">
        <v>41825.575787037036</v>
      </c>
      <c r="B10543" s="6">
        <v>175507.65</v>
      </c>
      <c r="C10543" s="7">
        <f t="shared" si="164"/>
        <v>175.50764999999998</v>
      </c>
      <c r="I10543" s="1"/>
    </row>
    <row r="10544" spans="1:9" x14ac:dyDescent="0.25">
      <c r="A10544" s="3">
        <v>41825.575914351852</v>
      </c>
      <c r="B10544" s="6">
        <v>175524.3</v>
      </c>
      <c r="C10544" s="7">
        <f t="shared" si="164"/>
        <v>175.52429999999998</v>
      </c>
      <c r="I10544" s="1"/>
    </row>
    <row r="10545" spans="1:9" x14ac:dyDescent="0.25">
      <c r="A10545" s="3">
        <v>41825.577222222222</v>
      </c>
      <c r="B10545" s="6">
        <v>175540.94999999998</v>
      </c>
      <c r="C10545" s="7">
        <f t="shared" si="164"/>
        <v>175.54094999999998</v>
      </c>
      <c r="I10545" s="1"/>
    </row>
    <row r="10546" spans="1:9" x14ac:dyDescent="0.25">
      <c r="A10546" s="3">
        <v>41825.577430555553</v>
      </c>
      <c r="B10546" s="6">
        <v>175557.59999999998</v>
      </c>
      <c r="C10546" s="7">
        <f t="shared" si="164"/>
        <v>175.55759999999998</v>
      </c>
      <c r="I10546" s="1"/>
    </row>
    <row r="10547" spans="1:9" x14ac:dyDescent="0.25">
      <c r="A10547" s="3">
        <v>41825.578136574077</v>
      </c>
      <c r="B10547" s="6">
        <v>175574.24999999997</v>
      </c>
      <c r="C10547" s="7">
        <f t="shared" si="164"/>
        <v>175.57424999999998</v>
      </c>
      <c r="I10547" s="1"/>
    </row>
    <row r="10548" spans="1:9" x14ac:dyDescent="0.25">
      <c r="A10548" s="3">
        <v>41825.578194444446</v>
      </c>
      <c r="B10548" s="6">
        <v>175590.9</v>
      </c>
      <c r="C10548" s="7">
        <f t="shared" si="164"/>
        <v>175.5909</v>
      </c>
      <c r="I10548" s="1"/>
    </row>
    <row r="10549" spans="1:9" x14ac:dyDescent="0.25">
      <c r="A10549" s="3">
        <v>41825.579108796293</v>
      </c>
      <c r="B10549" s="6">
        <v>175607.55</v>
      </c>
      <c r="C10549" s="7">
        <f t="shared" si="164"/>
        <v>175.60754999999997</v>
      </c>
      <c r="I10549" s="1"/>
    </row>
    <row r="10550" spans="1:9" x14ac:dyDescent="0.25">
      <c r="A10550" s="3">
        <v>41825.579212962963</v>
      </c>
      <c r="B10550" s="6">
        <v>175624.19999999998</v>
      </c>
      <c r="C10550" s="7">
        <f t="shared" si="164"/>
        <v>175.62419999999997</v>
      </c>
      <c r="I10550" s="1"/>
    </row>
    <row r="10551" spans="1:9" x14ac:dyDescent="0.25">
      <c r="A10551" s="3">
        <v>41825.580324074072</v>
      </c>
      <c r="B10551" s="6">
        <v>175640.84999999998</v>
      </c>
      <c r="C10551" s="7">
        <f t="shared" si="164"/>
        <v>175.64084999999997</v>
      </c>
      <c r="I10551" s="1"/>
    </row>
    <row r="10552" spans="1:9" x14ac:dyDescent="0.25">
      <c r="A10552" s="3">
        <v>41825.580509259256</v>
      </c>
      <c r="B10552" s="6">
        <v>175657.49999999997</v>
      </c>
      <c r="C10552" s="7">
        <f t="shared" si="164"/>
        <v>175.65749999999997</v>
      </c>
      <c r="I10552" s="1"/>
    </row>
    <row r="10553" spans="1:9" x14ac:dyDescent="0.25">
      <c r="A10553" s="3">
        <v>41825.581967592596</v>
      </c>
      <c r="B10553" s="6">
        <v>175674.15</v>
      </c>
      <c r="C10553" s="7">
        <f t="shared" si="164"/>
        <v>175.67415</v>
      </c>
      <c r="I10553" s="1"/>
    </row>
    <row r="10554" spans="1:9" x14ac:dyDescent="0.25">
      <c r="A10554" s="3">
        <v>41825.58221064815</v>
      </c>
      <c r="B10554" s="6">
        <v>175690.8</v>
      </c>
      <c r="C10554" s="7">
        <f t="shared" si="164"/>
        <v>175.6908</v>
      </c>
      <c r="I10554" s="1"/>
    </row>
    <row r="10555" spans="1:9" x14ac:dyDescent="0.25">
      <c r="A10555" s="3">
        <v>41825.585266203707</v>
      </c>
      <c r="B10555" s="6">
        <v>175707.44999999998</v>
      </c>
      <c r="C10555" s="7">
        <f t="shared" si="164"/>
        <v>175.70744999999999</v>
      </c>
      <c r="I10555" s="1"/>
    </row>
    <row r="10556" spans="1:9" x14ac:dyDescent="0.25">
      <c r="A10556" s="3">
        <v>41825.585497685184</v>
      </c>
      <c r="B10556" s="6">
        <v>175724.09999999998</v>
      </c>
      <c r="C10556" s="7">
        <f t="shared" si="164"/>
        <v>175.72409999999996</v>
      </c>
      <c r="I10556" s="1"/>
    </row>
    <row r="10557" spans="1:9" x14ac:dyDescent="0.25">
      <c r="A10557" s="3">
        <v>41825.588113425925</v>
      </c>
      <c r="B10557" s="6">
        <v>175740.74999999997</v>
      </c>
      <c r="C10557" s="7">
        <f t="shared" si="164"/>
        <v>175.74074999999996</v>
      </c>
      <c r="I10557" s="1"/>
    </row>
    <row r="10558" spans="1:9" x14ac:dyDescent="0.25">
      <c r="A10558" s="3">
        <v>41825.588229166664</v>
      </c>
      <c r="B10558" s="6">
        <v>175757.4</v>
      </c>
      <c r="C10558" s="7">
        <f t="shared" si="164"/>
        <v>175.75739999999999</v>
      </c>
      <c r="I10558" s="1"/>
    </row>
    <row r="10559" spans="1:9" x14ac:dyDescent="0.25">
      <c r="A10559" s="3">
        <v>41825.589444444442</v>
      </c>
      <c r="B10559" s="6">
        <v>175774.05</v>
      </c>
      <c r="C10559" s="7">
        <f t="shared" si="164"/>
        <v>175.77404999999999</v>
      </c>
      <c r="I10559" s="1"/>
    </row>
    <row r="10560" spans="1:9" x14ac:dyDescent="0.25">
      <c r="A10560" s="3">
        <v>41825.58971064815</v>
      </c>
      <c r="B10560" s="6">
        <v>175790.69999999998</v>
      </c>
      <c r="C10560" s="7">
        <f t="shared" si="164"/>
        <v>175.79069999999999</v>
      </c>
      <c r="I10560" s="1"/>
    </row>
    <row r="10561" spans="1:9" x14ac:dyDescent="0.25">
      <c r="A10561" s="3">
        <v>41825.591249999998</v>
      </c>
      <c r="B10561" s="6">
        <v>175807.34999999998</v>
      </c>
      <c r="C10561" s="7">
        <f t="shared" si="164"/>
        <v>175.80734999999999</v>
      </c>
      <c r="I10561" s="1"/>
    </row>
    <row r="10562" spans="1:9" x14ac:dyDescent="0.25">
      <c r="A10562" s="3">
        <v>41825.591331018521</v>
      </c>
      <c r="B10562" s="6">
        <v>175823.99999999997</v>
      </c>
      <c r="C10562" s="7">
        <f t="shared" si="164"/>
        <v>175.82399999999998</v>
      </c>
      <c r="I10562" s="1"/>
    </row>
    <row r="10563" spans="1:9" x14ac:dyDescent="0.25">
      <c r="A10563" s="3">
        <v>41825.593472222223</v>
      </c>
      <c r="B10563" s="6">
        <v>175840.65</v>
      </c>
      <c r="C10563" s="7">
        <f t="shared" ref="C10563:C10626" si="165">B10563/1000</f>
        <v>175.84064999999998</v>
      </c>
      <c r="I10563" s="1"/>
    </row>
    <row r="10564" spans="1:9" x14ac:dyDescent="0.25">
      <c r="A10564" s="3">
        <v>41825.593692129631</v>
      </c>
      <c r="B10564" s="6">
        <v>175857.3</v>
      </c>
      <c r="C10564" s="7">
        <f t="shared" si="165"/>
        <v>175.85729999999998</v>
      </c>
      <c r="I10564" s="1"/>
    </row>
    <row r="10565" spans="1:9" x14ac:dyDescent="0.25">
      <c r="A10565" s="3">
        <v>41825.596782407411</v>
      </c>
      <c r="B10565" s="6">
        <v>175873.94999999998</v>
      </c>
      <c r="C10565" s="7">
        <f t="shared" si="165"/>
        <v>175.87394999999998</v>
      </c>
      <c r="I10565" s="1"/>
    </row>
    <row r="10566" spans="1:9" x14ac:dyDescent="0.25">
      <c r="A10566" s="3">
        <v>41825.596898148149</v>
      </c>
      <c r="B10566" s="6">
        <v>175890.59999999998</v>
      </c>
      <c r="C10566" s="7">
        <f t="shared" si="165"/>
        <v>175.89059999999998</v>
      </c>
      <c r="I10566" s="1"/>
    </row>
    <row r="10567" spans="1:9" x14ac:dyDescent="0.25">
      <c r="A10567" s="3">
        <v>41825.597939814812</v>
      </c>
      <c r="B10567" s="6">
        <v>175907.24999999997</v>
      </c>
      <c r="C10567" s="7">
        <f t="shared" si="165"/>
        <v>175.90724999999998</v>
      </c>
      <c r="I10567" s="1"/>
    </row>
    <row r="10568" spans="1:9" x14ac:dyDescent="0.25">
      <c r="A10568" s="3">
        <v>41825.598055555558</v>
      </c>
      <c r="B10568" s="6">
        <v>175923.9</v>
      </c>
      <c r="C10568" s="7">
        <f t="shared" si="165"/>
        <v>175.9239</v>
      </c>
      <c r="I10568" s="1"/>
    </row>
    <row r="10569" spans="1:9" x14ac:dyDescent="0.25">
      <c r="A10569" s="3">
        <v>41825.599212962959</v>
      </c>
      <c r="B10569" s="6">
        <v>175940.55</v>
      </c>
      <c r="C10569" s="7">
        <f t="shared" si="165"/>
        <v>175.94055</v>
      </c>
      <c r="I10569" s="1"/>
    </row>
    <row r="10570" spans="1:9" x14ac:dyDescent="0.25">
      <c r="A10570" s="3">
        <v>41825.599282407406</v>
      </c>
      <c r="B10570" s="6">
        <v>175957.19999999998</v>
      </c>
      <c r="C10570" s="7">
        <f t="shared" si="165"/>
        <v>175.95719999999997</v>
      </c>
      <c r="I10570" s="1"/>
    </row>
    <row r="10571" spans="1:9" x14ac:dyDescent="0.25">
      <c r="A10571" s="3">
        <v>41825.599999999999</v>
      </c>
      <c r="B10571" s="6">
        <v>175973.84999999998</v>
      </c>
      <c r="C10571" s="7">
        <f t="shared" si="165"/>
        <v>175.97384999999997</v>
      </c>
      <c r="I10571" s="1"/>
    </row>
    <row r="10572" spans="1:9" x14ac:dyDescent="0.25">
      <c r="A10572" s="3">
        <v>41825.60015046296</v>
      </c>
      <c r="B10572" s="6">
        <v>175990.49999999997</v>
      </c>
      <c r="C10572" s="7">
        <f t="shared" si="165"/>
        <v>175.99049999999997</v>
      </c>
      <c r="I10572" s="1"/>
    </row>
    <row r="10573" spans="1:9" x14ac:dyDescent="0.25">
      <c r="A10573" s="3">
        <v>41825.601400462961</v>
      </c>
      <c r="B10573" s="6">
        <v>176007.15</v>
      </c>
      <c r="C10573" s="7">
        <f t="shared" si="165"/>
        <v>176.00715</v>
      </c>
      <c r="I10573" s="1"/>
    </row>
    <row r="10574" spans="1:9" x14ac:dyDescent="0.25">
      <c r="A10574" s="3">
        <v>41825.601493055554</v>
      </c>
      <c r="B10574" s="6">
        <v>176023.8</v>
      </c>
      <c r="C10574" s="7">
        <f t="shared" si="165"/>
        <v>176.02379999999999</v>
      </c>
      <c r="I10574" s="1"/>
    </row>
    <row r="10575" spans="1:9" x14ac:dyDescent="0.25">
      <c r="A10575" s="3">
        <v>41825.602870370371</v>
      </c>
      <c r="B10575" s="6">
        <v>176040.44999999998</v>
      </c>
      <c r="C10575" s="7">
        <f t="shared" si="165"/>
        <v>176.04044999999999</v>
      </c>
      <c r="I10575" s="1"/>
    </row>
    <row r="10576" spans="1:9" x14ac:dyDescent="0.25">
      <c r="A10576" s="3">
        <v>41825.602939814817</v>
      </c>
      <c r="B10576" s="6">
        <v>176057.09999999998</v>
      </c>
      <c r="C10576" s="7">
        <f t="shared" si="165"/>
        <v>176.05709999999996</v>
      </c>
      <c r="I10576" s="1"/>
    </row>
    <row r="10577" spans="1:9" x14ac:dyDescent="0.25">
      <c r="A10577" s="3">
        <v>41825.604675925926</v>
      </c>
      <c r="B10577" s="6">
        <v>176073.74999999997</v>
      </c>
      <c r="C10577" s="7">
        <f t="shared" si="165"/>
        <v>176.07374999999996</v>
      </c>
      <c r="I10577" s="1"/>
    </row>
    <row r="10578" spans="1:9" x14ac:dyDescent="0.25">
      <c r="A10578" s="3">
        <v>41825.604942129627</v>
      </c>
      <c r="B10578" s="6">
        <v>176090.4</v>
      </c>
      <c r="C10578" s="7">
        <f t="shared" si="165"/>
        <v>176.09039999999999</v>
      </c>
      <c r="I10578" s="1"/>
    </row>
    <row r="10579" spans="1:9" x14ac:dyDescent="0.25">
      <c r="A10579" s="3">
        <v>41825.606030092589</v>
      </c>
      <c r="B10579" s="6">
        <v>176107.05</v>
      </c>
      <c r="C10579" s="7">
        <f t="shared" si="165"/>
        <v>176.10704999999999</v>
      </c>
      <c r="I10579" s="1"/>
    </row>
    <row r="10580" spans="1:9" x14ac:dyDescent="0.25">
      <c r="A10580" s="3">
        <v>41825.606076388889</v>
      </c>
      <c r="B10580" s="6">
        <v>176123.69999999998</v>
      </c>
      <c r="C10580" s="7">
        <f t="shared" si="165"/>
        <v>176.12369999999999</v>
      </c>
      <c r="I10580" s="1"/>
    </row>
    <row r="10581" spans="1:9" x14ac:dyDescent="0.25">
      <c r="A10581" s="3">
        <v>41825.607893518521</v>
      </c>
      <c r="B10581" s="6">
        <v>176140.34999999998</v>
      </c>
      <c r="C10581" s="7">
        <f t="shared" si="165"/>
        <v>176.14034999999998</v>
      </c>
      <c r="I10581" s="1"/>
    </row>
    <row r="10582" spans="1:9" x14ac:dyDescent="0.25">
      <c r="A10582" s="3">
        <v>41825.608252314814</v>
      </c>
      <c r="B10582" s="6">
        <v>176156.99999999997</v>
      </c>
      <c r="C10582" s="7">
        <f t="shared" si="165"/>
        <v>176.15699999999998</v>
      </c>
      <c r="I10582" s="1"/>
    </row>
    <row r="10583" spans="1:9" x14ac:dyDescent="0.25">
      <c r="A10583" s="3">
        <v>41825.609722222223</v>
      </c>
      <c r="B10583" s="6">
        <v>176173.65</v>
      </c>
      <c r="C10583" s="7">
        <f t="shared" si="165"/>
        <v>176.17364999999998</v>
      </c>
      <c r="I10583" s="1"/>
    </row>
    <row r="10584" spans="1:9" x14ac:dyDescent="0.25">
      <c r="A10584" s="3">
        <v>41825.61005787037</v>
      </c>
      <c r="B10584" s="6">
        <v>176190.3</v>
      </c>
      <c r="C10584" s="7">
        <f t="shared" si="165"/>
        <v>176.19029999999998</v>
      </c>
      <c r="I10584" s="1"/>
    </row>
    <row r="10585" spans="1:9" x14ac:dyDescent="0.25">
      <c r="A10585" s="3">
        <v>41825.611956018518</v>
      </c>
      <c r="B10585" s="6">
        <v>176206.94999999998</v>
      </c>
      <c r="C10585" s="7">
        <f t="shared" si="165"/>
        <v>176.20694999999998</v>
      </c>
      <c r="I10585" s="1"/>
    </row>
    <row r="10586" spans="1:9" x14ac:dyDescent="0.25">
      <c r="A10586" s="3">
        <v>41825.612071759257</v>
      </c>
      <c r="B10586" s="6">
        <v>176223.59999999998</v>
      </c>
      <c r="C10586" s="7">
        <f t="shared" si="165"/>
        <v>176.22359999999998</v>
      </c>
      <c r="I10586" s="1"/>
    </row>
    <row r="10587" spans="1:9" x14ac:dyDescent="0.25">
      <c r="A10587" s="3">
        <v>41825.612881944442</v>
      </c>
      <c r="B10587" s="6">
        <v>176240.24999999997</v>
      </c>
      <c r="C10587" s="7">
        <f t="shared" si="165"/>
        <v>176.24024999999997</v>
      </c>
      <c r="I10587" s="1"/>
    </row>
    <row r="10588" spans="1:9" x14ac:dyDescent="0.25">
      <c r="A10588" s="3">
        <v>41825.612974537034</v>
      </c>
      <c r="B10588" s="6">
        <v>176256.9</v>
      </c>
      <c r="C10588" s="7">
        <f t="shared" si="165"/>
        <v>176.2569</v>
      </c>
      <c r="I10588" s="1"/>
    </row>
    <row r="10589" spans="1:9" x14ac:dyDescent="0.25">
      <c r="A10589" s="3">
        <v>41825.618460648147</v>
      </c>
      <c r="B10589" s="6">
        <v>176273.55</v>
      </c>
      <c r="C10589" s="7">
        <f t="shared" si="165"/>
        <v>176.27355</v>
      </c>
      <c r="I10589" s="1"/>
    </row>
    <row r="10590" spans="1:9" x14ac:dyDescent="0.25">
      <c r="A10590" s="3">
        <v>41825.61855324074</v>
      </c>
      <c r="B10590" s="6">
        <v>176290.19999999998</v>
      </c>
      <c r="C10590" s="7">
        <f t="shared" si="165"/>
        <v>176.29019999999997</v>
      </c>
      <c r="I10590" s="1"/>
    </row>
    <row r="10591" spans="1:9" x14ac:dyDescent="0.25">
      <c r="A10591" s="3">
        <v>41825.619930555556</v>
      </c>
      <c r="B10591" s="6">
        <v>176306.84999999998</v>
      </c>
      <c r="C10591" s="7">
        <f t="shared" si="165"/>
        <v>176.30684999999997</v>
      </c>
      <c r="I10591" s="1"/>
    </row>
    <row r="10592" spans="1:9" x14ac:dyDescent="0.25">
      <c r="A10592" s="3">
        <v>41825.620046296295</v>
      </c>
      <c r="B10592" s="6">
        <v>176323.49999999997</v>
      </c>
      <c r="C10592" s="7">
        <f t="shared" si="165"/>
        <v>176.32349999999997</v>
      </c>
      <c r="I10592" s="1"/>
    </row>
    <row r="10593" spans="1:9" x14ac:dyDescent="0.25">
      <c r="A10593" s="3">
        <v>41825.622858796298</v>
      </c>
      <c r="B10593" s="6">
        <v>176340.15</v>
      </c>
      <c r="C10593" s="7">
        <f t="shared" si="165"/>
        <v>176.34014999999999</v>
      </c>
      <c r="I10593" s="1"/>
    </row>
    <row r="10594" spans="1:9" x14ac:dyDescent="0.25">
      <c r="A10594" s="3">
        <v>41825.622974537036</v>
      </c>
      <c r="B10594" s="6">
        <v>176356.8</v>
      </c>
      <c r="C10594" s="7">
        <f t="shared" si="165"/>
        <v>176.35679999999999</v>
      </c>
      <c r="I10594" s="1"/>
    </row>
    <row r="10595" spans="1:9" x14ac:dyDescent="0.25">
      <c r="A10595" s="3">
        <v>41825.624594907407</v>
      </c>
      <c r="B10595" s="6">
        <v>176373.44999999998</v>
      </c>
      <c r="C10595" s="7">
        <f t="shared" si="165"/>
        <v>176.37344999999999</v>
      </c>
      <c r="I10595" s="1"/>
    </row>
    <row r="10596" spans="1:9" x14ac:dyDescent="0.25">
      <c r="A10596" s="3">
        <v>41825.6250462963</v>
      </c>
      <c r="B10596" s="6">
        <v>176390.09999999998</v>
      </c>
      <c r="C10596" s="7">
        <f t="shared" si="165"/>
        <v>176.39009999999999</v>
      </c>
      <c r="I10596" s="1"/>
    </row>
    <row r="10597" spans="1:9" x14ac:dyDescent="0.25">
      <c r="A10597" s="3">
        <v>41825.62841435185</v>
      </c>
      <c r="B10597" s="6">
        <v>176406.74999999997</v>
      </c>
      <c r="C10597" s="7">
        <f t="shared" si="165"/>
        <v>176.40674999999996</v>
      </c>
      <c r="I10597" s="1"/>
    </row>
    <row r="10598" spans="1:9" x14ac:dyDescent="0.25">
      <c r="A10598" s="3">
        <v>41825.628865740742</v>
      </c>
      <c r="B10598" s="6">
        <v>176423.4</v>
      </c>
      <c r="C10598" s="7">
        <f t="shared" si="165"/>
        <v>176.42339999999999</v>
      </c>
      <c r="I10598" s="1"/>
    </row>
    <row r="10599" spans="1:9" x14ac:dyDescent="0.25">
      <c r="A10599" s="3">
        <v>41825.630925925929</v>
      </c>
      <c r="B10599" s="6">
        <v>176440.05</v>
      </c>
      <c r="C10599" s="7">
        <f t="shared" si="165"/>
        <v>176.44004999999999</v>
      </c>
      <c r="I10599" s="1"/>
    </row>
    <row r="10600" spans="1:9" x14ac:dyDescent="0.25">
      <c r="A10600" s="3">
        <v>41825.631423611114</v>
      </c>
      <c r="B10600" s="6">
        <v>176456.69999999998</v>
      </c>
      <c r="C10600" s="7">
        <f t="shared" si="165"/>
        <v>176.45669999999998</v>
      </c>
      <c r="I10600" s="1"/>
    </row>
    <row r="10601" spans="1:9" x14ac:dyDescent="0.25">
      <c r="A10601" s="3">
        <v>41825.633657407408</v>
      </c>
      <c r="B10601" s="6">
        <v>176473.34999999998</v>
      </c>
      <c r="C10601" s="7">
        <f t="shared" si="165"/>
        <v>176.47334999999998</v>
      </c>
      <c r="I10601" s="1"/>
    </row>
    <row r="10602" spans="1:9" x14ac:dyDescent="0.25">
      <c r="A10602" s="3">
        <v>41825.63386574074</v>
      </c>
      <c r="B10602" s="6">
        <v>176489.99999999997</v>
      </c>
      <c r="C10602" s="7">
        <f t="shared" si="165"/>
        <v>176.48999999999998</v>
      </c>
      <c r="I10602" s="1"/>
    </row>
    <row r="10603" spans="1:9" x14ac:dyDescent="0.25">
      <c r="A10603" s="3">
        <v>41825.639444444445</v>
      </c>
      <c r="B10603" s="6">
        <v>176506.65</v>
      </c>
      <c r="C10603" s="7">
        <f t="shared" si="165"/>
        <v>176.50665000000001</v>
      </c>
      <c r="I10603" s="1"/>
    </row>
    <row r="10604" spans="1:9" x14ac:dyDescent="0.25">
      <c r="A10604" s="3">
        <v>41825.639872685184</v>
      </c>
      <c r="B10604" s="6">
        <v>176523.3</v>
      </c>
      <c r="C10604" s="7">
        <f t="shared" si="165"/>
        <v>176.52329999999998</v>
      </c>
      <c r="I10604" s="1"/>
    </row>
    <row r="10605" spans="1:9" x14ac:dyDescent="0.25">
      <c r="A10605" s="3">
        <v>41825.643842592595</v>
      </c>
      <c r="B10605" s="6">
        <v>176539.94999999998</v>
      </c>
      <c r="C10605" s="7">
        <f t="shared" si="165"/>
        <v>176.53994999999998</v>
      </c>
      <c r="I10605" s="1"/>
    </row>
    <row r="10606" spans="1:9" x14ac:dyDescent="0.25">
      <c r="A10606" s="3">
        <v>41825.643946759257</v>
      </c>
      <c r="B10606" s="6">
        <v>176556.59999999998</v>
      </c>
      <c r="C10606" s="7">
        <f t="shared" si="165"/>
        <v>176.55659999999997</v>
      </c>
      <c r="I10606" s="1"/>
    </row>
    <row r="10607" spans="1:9" x14ac:dyDescent="0.25">
      <c r="A10607" s="3">
        <v>41825.645219907405</v>
      </c>
      <c r="B10607" s="6">
        <v>176573.24999999997</v>
      </c>
      <c r="C10607" s="7">
        <f t="shared" si="165"/>
        <v>176.57324999999997</v>
      </c>
      <c r="I10607" s="1"/>
    </row>
    <row r="10608" spans="1:9" x14ac:dyDescent="0.25">
      <c r="A10608" s="3">
        <v>41825.645335648151</v>
      </c>
      <c r="B10608" s="6">
        <v>176589.9</v>
      </c>
      <c r="C10608" s="7">
        <f t="shared" si="165"/>
        <v>176.5899</v>
      </c>
      <c r="I10608" s="1"/>
    </row>
    <row r="10609" spans="1:9" x14ac:dyDescent="0.25">
      <c r="A10609" s="3">
        <v>41825.646817129629</v>
      </c>
      <c r="B10609" s="6">
        <v>176606.55</v>
      </c>
      <c r="C10609" s="7">
        <f t="shared" si="165"/>
        <v>176.60655</v>
      </c>
      <c r="I10609" s="1"/>
    </row>
    <row r="10610" spans="1:9" x14ac:dyDescent="0.25">
      <c r="A10610" s="3">
        <v>41825.646967592591</v>
      </c>
      <c r="B10610" s="6">
        <v>176623.19999999998</v>
      </c>
      <c r="C10610" s="7">
        <f t="shared" si="165"/>
        <v>176.62319999999997</v>
      </c>
      <c r="I10610" s="1"/>
    </row>
    <row r="10611" spans="1:9" x14ac:dyDescent="0.25">
      <c r="A10611" s="3">
        <v>41825.648032407407</v>
      </c>
      <c r="B10611" s="6">
        <v>176639.84999999998</v>
      </c>
      <c r="C10611" s="7">
        <f t="shared" si="165"/>
        <v>176.63984999999997</v>
      </c>
      <c r="I10611" s="1"/>
    </row>
    <row r="10612" spans="1:9" x14ac:dyDescent="0.25">
      <c r="A10612" s="3">
        <v>41825.648182870369</v>
      </c>
      <c r="B10612" s="6">
        <v>176656.49999999997</v>
      </c>
      <c r="C10612" s="7">
        <f t="shared" si="165"/>
        <v>176.65649999999997</v>
      </c>
      <c r="I10612" s="1"/>
    </row>
    <row r="10613" spans="1:9" x14ac:dyDescent="0.25">
      <c r="A10613" s="3">
        <v>41825.649733796294</v>
      </c>
      <c r="B10613" s="6">
        <v>176673.15</v>
      </c>
      <c r="C10613" s="7">
        <f t="shared" si="165"/>
        <v>176.67314999999999</v>
      </c>
      <c r="I10613" s="1"/>
    </row>
    <row r="10614" spans="1:9" x14ac:dyDescent="0.25">
      <c r="A10614" s="3">
        <v>41825.64984953704</v>
      </c>
      <c r="B10614" s="6">
        <v>176689.8</v>
      </c>
      <c r="C10614" s="7">
        <f t="shared" si="165"/>
        <v>176.68979999999999</v>
      </c>
      <c r="I10614" s="1"/>
    </row>
    <row r="10615" spans="1:9" x14ac:dyDescent="0.25">
      <c r="A10615" s="3">
        <v>41825.651145833333</v>
      </c>
      <c r="B10615" s="6">
        <v>176706.44999999998</v>
      </c>
      <c r="C10615" s="7">
        <f t="shared" si="165"/>
        <v>176.70644999999999</v>
      </c>
      <c r="I10615" s="1"/>
    </row>
    <row r="10616" spans="1:9" x14ac:dyDescent="0.25">
      <c r="A10616" s="3">
        <v>41825.651203703703</v>
      </c>
      <c r="B10616" s="6">
        <v>176723.09999999998</v>
      </c>
      <c r="C10616" s="7">
        <f t="shared" si="165"/>
        <v>176.72309999999999</v>
      </c>
      <c r="I10616" s="1"/>
    </row>
    <row r="10617" spans="1:9" x14ac:dyDescent="0.25">
      <c r="A10617" s="3">
        <v>41825.652233796296</v>
      </c>
      <c r="B10617" s="6">
        <v>176739.74999999997</v>
      </c>
      <c r="C10617" s="7">
        <f t="shared" si="165"/>
        <v>176.73974999999996</v>
      </c>
      <c r="I10617" s="1"/>
    </row>
    <row r="10618" spans="1:9" x14ac:dyDescent="0.25">
      <c r="A10618" s="3">
        <v>41825.652361111112</v>
      </c>
      <c r="B10618" s="6">
        <v>176756.4</v>
      </c>
      <c r="C10618" s="7">
        <f t="shared" si="165"/>
        <v>176.75639999999999</v>
      </c>
      <c r="I10618" s="1"/>
    </row>
    <row r="10619" spans="1:9" x14ac:dyDescent="0.25">
      <c r="A10619" s="3">
        <v>41825.654745370368</v>
      </c>
      <c r="B10619" s="6">
        <v>176773.05</v>
      </c>
      <c r="C10619" s="7">
        <f t="shared" si="165"/>
        <v>176.77304999999998</v>
      </c>
      <c r="I10619" s="1"/>
    </row>
    <row r="10620" spans="1:9" x14ac:dyDescent="0.25">
      <c r="A10620" s="3">
        <v>41825.654965277776</v>
      </c>
      <c r="B10620" s="6">
        <v>176789.69999999998</v>
      </c>
      <c r="C10620" s="7">
        <f t="shared" si="165"/>
        <v>176.78969999999998</v>
      </c>
      <c r="I10620" s="1"/>
    </row>
    <row r="10621" spans="1:9" x14ac:dyDescent="0.25">
      <c r="A10621" s="3">
        <v>41825.656168981484</v>
      </c>
      <c r="B10621" s="6">
        <v>176806.34999999998</v>
      </c>
      <c r="C10621" s="7">
        <f t="shared" si="165"/>
        <v>176.80634999999998</v>
      </c>
      <c r="I10621" s="1"/>
    </row>
    <row r="10622" spans="1:9" x14ac:dyDescent="0.25">
      <c r="A10622" s="3">
        <v>41825.656226851854</v>
      </c>
      <c r="B10622" s="6">
        <v>176822.99999999997</v>
      </c>
      <c r="C10622" s="7">
        <f t="shared" si="165"/>
        <v>176.82299999999998</v>
      </c>
      <c r="I10622" s="1"/>
    </row>
    <row r="10623" spans="1:9" x14ac:dyDescent="0.25">
      <c r="A10623" s="3">
        <v>41825.657037037039</v>
      </c>
      <c r="B10623" s="6">
        <v>176839.65</v>
      </c>
      <c r="C10623" s="7">
        <f t="shared" si="165"/>
        <v>176.83965000000001</v>
      </c>
      <c r="I10623" s="1"/>
    </row>
    <row r="10624" spans="1:9" x14ac:dyDescent="0.25">
      <c r="A10624" s="3">
        <v>41825.657118055555</v>
      </c>
      <c r="B10624" s="6">
        <v>176856.3</v>
      </c>
      <c r="C10624" s="7">
        <f t="shared" si="165"/>
        <v>176.85629999999998</v>
      </c>
      <c r="I10624" s="1"/>
    </row>
    <row r="10625" spans="1:9" x14ac:dyDescent="0.25">
      <c r="A10625" s="3">
        <v>41825.657789351855</v>
      </c>
      <c r="B10625" s="6">
        <v>176872.94999999998</v>
      </c>
      <c r="C10625" s="7">
        <f t="shared" si="165"/>
        <v>176.87294999999997</v>
      </c>
      <c r="I10625" s="1"/>
    </row>
    <row r="10626" spans="1:9" x14ac:dyDescent="0.25">
      <c r="A10626" s="3">
        <v>41825.65792824074</v>
      </c>
      <c r="B10626" s="6">
        <v>176889.59999999998</v>
      </c>
      <c r="C10626" s="7">
        <f t="shared" si="165"/>
        <v>176.88959999999997</v>
      </c>
      <c r="I10626" s="1"/>
    </row>
    <row r="10627" spans="1:9" x14ac:dyDescent="0.25">
      <c r="A10627" s="3">
        <v>41825.659756944442</v>
      </c>
      <c r="B10627" s="6">
        <v>176906.24999999997</v>
      </c>
      <c r="C10627" s="7">
        <f t="shared" ref="C10627:C10690" si="166">B10627/1000</f>
        <v>176.90624999999997</v>
      </c>
      <c r="I10627" s="1"/>
    </row>
    <row r="10628" spans="1:9" x14ac:dyDescent="0.25">
      <c r="A10628" s="3">
        <v>41825.659918981481</v>
      </c>
      <c r="B10628" s="6">
        <v>176922.9</v>
      </c>
      <c r="C10628" s="7">
        <f t="shared" si="166"/>
        <v>176.9229</v>
      </c>
      <c r="I10628" s="1"/>
    </row>
    <row r="10629" spans="1:9" x14ac:dyDescent="0.25">
      <c r="A10629" s="3">
        <v>41825.661238425928</v>
      </c>
      <c r="B10629" s="6">
        <v>176939.55</v>
      </c>
      <c r="C10629" s="7">
        <f t="shared" si="166"/>
        <v>176.93955</v>
      </c>
      <c r="I10629" s="1"/>
    </row>
    <row r="10630" spans="1:9" x14ac:dyDescent="0.25">
      <c r="A10630" s="3">
        <v>41825.661516203705</v>
      </c>
      <c r="B10630" s="6">
        <v>176956.19999999998</v>
      </c>
      <c r="C10630" s="7">
        <f t="shared" si="166"/>
        <v>176.9562</v>
      </c>
      <c r="I10630" s="1"/>
    </row>
    <row r="10631" spans="1:9" x14ac:dyDescent="0.25">
      <c r="A10631" s="3">
        <v>41825.662314814814</v>
      </c>
      <c r="B10631" s="6">
        <v>176972.84999999998</v>
      </c>
      <c r="C10631" s="7">
        <f t="shared" si="166"/>
        <v>176.97284999999997</v>
      </c>
      <c r="I10631" s="1"/>
    </row>
    <row r="10632" spans="1:9" x14ac:dyDescent="0.25">
      <c r="A10632" s="3">
        <v>41825.662407407406</v>
      </c>
      <c r="B10632" s="6">
        <v>176989.49999999997</v>
      </c>
      <c r="C10632" s="7">
        <f t="shared" si="166"/>
        <v>176.98949999999996</v>
      </c>
      <c r="I10632" s="1"/>
    </row>
    <row r="10633" spans="1:9" x14ac:dyDescent="0.25">
      <c r="A10633" s="3">
        <v>41825.663645833331</v>
      </c>
      <c r="B10633" s="6">
        <v>177006.15</v>
      </c>
      <c r="C10633" s="7">
        <f t="shared" si="166"/>
        <v>177.00614999999999</v>
      </c>
      <c r="I10633" s="1"/>
    </row>
    <row r="10634" spans="1:9" x14ac:dyDescent="0.25">
      <c r="A10634" s="3">
        <v>41825.663842592592</v>
      </c>
      <c r="B10634" s="6">
        <v>177022.8</v>
      </c>
      <c r="C10634" s="7">
        <f t="shared" si="166"/>
        <v>177.02279999999999</v>
      </c>
      <c r="I10634" s="1"/>
    </row>
    <row r="10635" spans="1:9" x14ac:dyDescent="0.25">
      <c r="A10635" s="3">
        <v>41825.669108796297</v>
      </c>
      <c r="B10635" s="6">
        <v>177039.44999999998</v>
      </c>
      <c r="C10635" s="7">
        <f t="shared" si="166"/>
        <v>177.03944999999999</v>
      </c>
      <c r="I10635" s="1"/>
    </row>
    <row r="10636" spans="1:9" x14ac:dyDescent="0.25">
      <c r="A10636" s="3">
        <v>41825.669224537036</v>
      </c>
      <c r="B10636" s="6">
        <v>177056.09999999998</v>
      </c>
      <c r="C10636" s="7">
        <f t="shared" si="166"/>
        <v>177.05609999999999</v>
      </c>
      <c r="I10636" s="1"/>
    </row>
    <row r="10637" spans="1:9" x14ac:dyDescent="0.25">
      <c r="A10637" s="3">
        <v>41825.673437500001</v>
      </c>
      <c r="B10637" s="6">
        <v>177072.74999999997</v>
      </c>
      <c r="C10637" s="7">
        <f t="shared" si="166"/>
        <v>177.07274999999998</v>
      </c>
      <c r="I10637" s="1"/>
    </row>
    <row r="10638" spans="1:9" x14ac:dyDescent="0.25">
      <c r="A10638" s="3">
        <v>41825.673715277779</v>
      </c>
      <c r="B10638" s="6">
        <v>177089.4</v>
      </c>
      <c r="C10638" s="7">
        <f t="shared" si="166"/>
        <v>177.08939999999998</v>
      </c>
      <c r="I10638" s="1"/>
    </row>
    <row r="10639" spans="1:9" x14ac:dyDescent="0.25">
      <c r="A10639" s="3">
        <v>41825.675543981481</v>
      </c>
      <c r="B10639" s="6">
        <v>177106.05</v>
      </c>
      <c r="C10639" s="7">
        <f t="shared" si="166"/>
        <v>177.10604999999998</v>
      </c>
      <c r="I10639" s="1"/>
    </row>
    <row r="10640" spans="1:9" x14ac:dyDescent="0.25">
      <c r="A10640" s="3">
        <v>41825.675694444442</v>
      </c>
      <c r="B10640" s="6">
        <v>177122.69999999998</v>
      </c>
      <c r="C10640" s="7">
        <f t="shared" si="166"/>
        <v>177.12269999999998</v>
      </c>
      <c r="I10640" s="1"/>
    </row>
    <row r="10641" spans="1:9" x14ac:dyDescent="0.25">
      <c r="A10641" s="3">
        <v>41825.677291666667</v>
      </c>
      <c r="B10641" s="6">
        <v>177139.34999999998</v>
      </c>
      <c r="C10641" s="7">
        <f t="shared" si="166"/>
        <v>177.13934999999998</v>
      </c>
      <c r="I10641" s="1"/>
    </row>
    <row r="10642" spans="1:9" x14ac:dyDescent="0.25">
      <c r="A10642" s="3">
        <v>41825.677476851852</v>
      </c>
      <c r="B10642" s="6">
        <v>177155.99999999997</v>
      </c>
      <c r="C10642" s="7">
        <f t="shared" si="166"/>
        <v>177.15599999999998</v>
      </c>
      <c r="I10642" s="1"/>
    </row>
    <row r="10643" spans="1:9" x14ac:dyDescent="0.25">
      <c r="A10643" s="3">
        <v>41825.680243055554</v>
      </c>
      <c r="B10643" s="6">
        <v>177172.65</v>
      </c>
      <c r="C10643" s="7">
        <f t="shared" si="166"/>
        <v>177.17265</v>
      </c>
      <c r="I10643" s="1"/>
    </row>
    <row r="10644" spans="1:9" x14ac:dyDescent="0.25">
      <c r="A10644" s="3">
        <v>41825.680543981478</v>
      </c>
      <c r="B10644" s="6">
        <v>177189.3</v>
      </c>
      <c r="C10644" s="7">
        <f t="shared" si="166"/>
        <v>177.18929999999997</v>
      </c>
      <c r="I10644" s="1"/>
    </row>
    <row r="10645" spans="1:9" x14ac:dyDescent="0.25">
      <c r="A10645" s="3">
        <v>41825.682199074072</v>
      </c>
      <c r="B10645" s="6">
        <v>177205.94999999998</v>
      </c>
      <c r="C10645" s="7">
        <f t="shared" si="166"/>
        <v>177.20594999999997</v>
      </c>
      <c r="I10645" s="1"/>
    </row>
    <row r="10646" spans="1:9" x14ac:dyDescent="0.25">
      <c r="A10646" s="3">
        <v>41825.682395833333</v>
      </c>
      <c r="B10646" s="6">
        <v>177222.59999999998</v>
      </c>
      <c r="C10646" s="7">
        <f t="shared" si="166"/>
        <v>177.22259999999997</v>
      </c>
      <c r="I10646" s="1"/>
    </row>
    <row r="10647" spans="1:9" x14ac:dyDescent="0.25">
      <c r="A10647" s="3">
        <v>41825.685046296298</v>
      </c>
      <c r="B10647" s="6">
        <v>177239.24999999997</v>
      </c>
      <c r="C10647" s="7">
        <f t="shared" si="166"/>
        <v>177.23924999999997</v>
      </c>
      <c r="I10647" s="1"/>
    </row>
    <row r="10648" spans="1:9" x14ac:dyDescent="0.25">
      <c r="A10648" s="3">
        <v>41825.68513888889</v>
      </c>
      <c r="B10648" s="6">
        <v>177255.9</v>
      </c>
      <c r="C10648" s="7">
        <f t="shared" si="166"/>
        <v>177.2559</v>
      </c>
      <c r="I10648" s="1"/>
    </row>
    <row r="10649" spans="1:9" x14ac:dyDescent="0.25">
      <c r="A10649" s="3">
        <v>41825.686215277776</v>
      </c>
      <c r="B10649" s="6">
        <v>177272.55</v>
      </c>
      <c r="C10649" s="7">
        <f t="shared" si="166"/>
        <v>177.27255</v>
      </c>
      <c r="I10649" s="1"/>
    </row>
    <row r="10650" spans="1:9" x14ac:dyDescent="0.25">
      <c r="A10650" s="3">
        <v>41825.686307870368</v>
      </c>
      <c r="B10650" s="6">
        <v>177289.19999999998</v>
      </c>
      <c r="C10650" s="7">
        <f t="shared" si="166"/>
        <v>177.28919999999999</v>
      </c>
      <c r="I10650" s="1"/>
    </row>
    <row r="10651" spans="1:9" x14ac:dyDescent="0.25">
      <c r="A10651" s="3">
        <v>41825.689652777779</v>
      </c>
      <c r="B10651" s="6">
        <v>177305.84999999998</v>
      </c>
      <c r="C10651" s="7">
        <f t="shared" si="166"/>
        <v>177.30584999999996</v>
      </c>
      <c r="I10651" s="1"/>
    </row>
    <row r="10652" spans="1:9" x14ac:dyDescent="0.25">
      <c r="A10652" s="3">
        <v>41825.690312500003</v>
      </c>
      <c r="B10652" s="6">
        <v>177322.49999999997</v>
      </c>
      <c r="C10652" s="7">
        <f t="shared" si="166"/>
        <v>177.32249999999996</v>
      </c>
      <c r="I10652" s="1"/>
    </row>
    <row r="10653" spans="1:9" x14ac:dyDescent="0.25">
      <c r="A10653" s="3">
        <v>41825.694537037038</v>
      </c>
      <c r="B10653" s="6">
        <v>177339.15</v>
      </c>
      <c r="C10653" s="7">
        <f t="shared" si="166"/>
        <v>177.33914999999999</v>
      </c>
      <c r="I10653" s="1"/>
    </row>
    <row r="10654" spans="1:9" x14ac:dyDescent="0.25">
      <c r="A10654" s="3">
        <v>41825.694652777776</v>
      </c>
      <c r="B10654" s="6">
        <v>177355.8</v>
      </c>
      <c r="C10654" s="7">
        <f t="shared" si="166"/>
        <v>177.35579999999999</v>
      </c>
      <c r="I10654" s="1"/>
    </row>
    <row r="10655" spans="1:9" x14ac:dyDescent="0.25">
      <c r="A10655" s="3">
        <v>41825.69809027778</v>
      </c>
      <c r="B10655" s="6">
        <v>177372.44999999998</v>
      </c>
      <c r="C10655" s="7">
        <f t="shared" si="166"/>
        <v>177.37244999999999</v>
      </c>
      <c r="I10655" s="1"/>
    </row>
    <row r="10656" spans="1:9" x14ac:dyDescent="0.25">
      <c r="A10656" s="3">
        <v>41825.698229166665</v>
      </c>
      <c r="B10656" s="6">
        <v>177389.09999999998</v>
      </c>
      <c r="C10656" s="7">
        <f t="shared" si="166"/>
        <v>177.38909999999998</v>
      </c>
      <c r="I10656" s="1"/>
    </row>
    <row r="10657" spans="1:9" x14ac:dyDescent="0.25">
      <c r="A10657" s="3">
        <v>41825.709456018521</v>
      </c>
      <c r="B10657" s="6">
        <v>177405.74999999997</v>
      </c>
      <c r="C10657" s="7">
        <f t="shared" si="166"/>
        <v>177.40574999999998</v>
      </c>
      <c r="I10657" s="1"/>
    </row>
    <row r="10658" spans="1:9" x14ac:dyDescent="0.25">
      <c r="A10658" s="3">
        <v>41825.712534722225</v>
      </c>
      <c r="B10658" s="6">
        <v>177422.4</v>
      </c>
      <c r="C10658" s="7">
        <f t="shared" si="166"/>
        <v>177.42239999999998</v>
      </c>
      <c r="I10658" s="1"/>
    </row>
    <row r="10659" spans="1:9" x14ac:dyDescent="0.25">
      <c r="A10659" s="3">
        <v>41825.726203703707</v>
      </c>
      <c r="B10659" s="6">
        <v>177439.05</v>
      </c>
      <c r="C10659" s="7">
        <f t="shared" si="166"/>
        <v>177.43904999999998</v>
      </c>
      <c r="I10659" s="1"/>
    </row>
    <row r="10660" spans="1:9" x14ac:dyDescent="0.25">
      <c r="A10660" s="3">
        <v>41825.726458333331</v>
      </c>
      <c r="B10660" s="6">
        <v>177455.69999999998</v>
      </c>
      <c r="C10660" s="7">
        <f t="shared" si="166"/>
        <v>177.45569999999998</v>
      </c>
      <c r="I10660" s="1"/>
    </row>
    <row r="10661" spans="1:9" x14ac:dyDescent="0.25">
      <c r="A10661" s="3">
        <v>41825.730219907404</v>
      </c>
      <c r="B10661" s="6">
        <v>177472.34999999998</v>
      </c>
      <c r="C10661" s="7">
        <f t="shared" si="166"/>
        <v>177.47234999999998</v>
      </c>
      <c r="I10661" s="1"/>
    </row>
    <row r="10662" spans="1:9" x14ac:dyDescent="0.25">
      <c r="A10662" s="3">
        <v>41825.730914351851</v>
      </c>
      <c r="B10662" s="6">
        <v>177488.99999999997</v>
      </c>
      <c r="C10662" s="7">
        <f t="shared" si="166"/>
        <v>177.48899999999998</v>
      </c>
      <c r="I10662" s="1"/>
    </row>
    <row r="10663" spans="1:9" x14ac:dyDescent="0.25">
      <c r="A10663" s="3">
        <v>41825.732569444444</v>
      </c>
      <c r="B10663" s="6">
        <v>177505.65</v>
      </c>
      <c r="C10663" s="7">
        <f t="shared" si="166"/>
        <v>177.50565</v>
      </c>
      <c r="I10663" s="1"/>
    </row>
    <row r="10664" spans="1:9" x14ac:dyDescent="0.25">
      <c r="A10664" s="3">
        <v>41825.732708333337</v>
      </c>
      <c r="B10664" s="6">
        <v>177522.3</v>
      </c>
      <c r="C10664" s="7">
        <f t="shared" si="166"/>
        <v>177.5223</v>
      </c>
      <c r="I10664" s="1"/>
    </row>
    <row r="10665" spans="1:9" x14ac:dyDescent="0.25">
      <c r="A10665" s="3">
        <v>41825.733981481484</v>
      </c>
      <c r="B10665" s="6">
        <v>177538.94999999998</v>
      </c>
      <c r="C10665" s="7">
        <f t="shared" si="166"/>
        <v>177.53894999999997</v>
      </c>
      <c r="I10665" s="1"/>
    </row>
    <row r="10666" spans="1:9" x14ac:dyDescent="0.25">
      <c r="A10666" s="3">
        <v>41825.734351851854</v>
      </c>
      <c r="B10666" s="6">
        <v>177555.59999999998</v>
      </c>
      <c r="C10666" s="7">
        <f t="shared" si="166"/>
        <v>177.55559999999997</v>
      </c>
      <c r="I10666" s="1"/>
    </row>
    <row r="10667" spans="1:9" x14ac:dyDescent="0.25">
      <c r="A10667" s="3">
        <v>41825.74422453704</v>
      </c>
      <c r="B10667" s="6">
        <v>177572.24999999997</v>
      </c>
      <c r="C10667" s="7">
        <f t="shared" si="166"/>
        <v>177.57224999999997</v>
      </c>
      <c r="I10667" s="1"/>
    </row>
    <row r="10668" spans="1:9" x14ac:dyDescent="0.25">
      <c r="A10668" s="3">
        <v>41825.745069444441</v>
      </c>
      <c r="B10668" s="6">
        <v>177588.9</v>
      </c>
      <c r="C10668" s="7">
        <f t="shared" si="166"/>
        <v>177.5889</v>
      </c>
      <c r="I10668" s="1"/>
    </row>
    <row r="10669" spans="1:9" x14ac:dyDescent="0.25">
      <c r="A10669" s="3">
        <v>41825.761574074073</v>
      </c>
      <c r="B10669" s="6">
        <v>177605.55</v>
      </c>
      <c r="C10669" s="7">
        <f t="shared" si="166"/>
        <v>177.60554999999999</v>
      </c>
      <c r="I10669" s="1"/>
    </row>
    <row r="10670" spans="1:9" x14ac:dyDescent="0.25">
      <c r="A10670" s="3">
        <v>41825.761689814812</v>
      </c>
      <c r="B10670" s="6">
        <v>177622.19999999998</v>
      </c>
      <c r="C10670" s="7">
        <f t="shared" si="166"/>
        <v>177.62219999999999</v>
      </c>
      <c r="I10670" s="1"/>
    </row>
    <row r="10671" spans="1:9" x14ac:dyDescent="0.25">
      <c r="A10671" s="3">
        <v>41825.763993055552</v>
      </c>
      <c r="B10671" s="6">
        <v>177638.84999999998</v>
      </c>
      <c r="C10671" s="7">
        <f t="shared" si="166"/>
        <v>177.63884999999999</v>
      </c>
      <c r="I10671" s="1"/>
    </row>
    <row r="10672" spans="1:9" x14ac:dyDescent="0.25">
      <c r="A10672" s="3">
        <v>41825.764085648145</v>
      </c>
      <c r="B10672" s="6">
        <v>177655.49999999997</v>
      </c>
      <c r="C10672" s="7">
        <f t="shared" si="166"/>
        <v>177.65549999999996</v>
      </c>
      <c r="I10672" s="1"/>
    </row>
    <row r="10673" spans="1:9" x14ac:dyDescent="0.25">
      <c r="A10673" s="3">
        <v>41825.765046296299</v>
      </c>
      <c r="B10673" s="6">
        <v>177672.15</v>
      </c>
      <c r="C10673" s="7">
        <f t="shared" si="166"/>
        <v>177.67214999999999</v>
      </c>
      <c r="I10673" s="1"/>
    </row>
    <row r="10674" spans="1:9" x14ac:dyDescent="0.25">
      <c r="A10674" s="3">
        <v>41825.765266203707</v>
      </c>
      <c r="B10674" s="6">
        <v>177688.8</v>
      </c>
      <c r="C10674" s="7">
        <f t="shared" si="166"/>
        <v>177.68879999999999</v>
      </c>
      <c r="I10674" s="1"/>
    </row>
    <row r="10675" spans="1:9" x14ac:dyDescent="0.25">
      <c r="A10675" s="3">
        <v>41825.767222222225</v>
      </c>
      <c r="B10675" s="6">
        <v>177705.44999999998</v>
      </c>
      <c r="C10675" s="7">
        <f t="shared" si="166"/>
        <v>177.70544999999998</v>
      </c>
      <c r="I10675" s="1"/>
    </row>
    <row r="10676" spans="1:9" x14ac:dyDescent="0.25">
      <c r="A10676" s="3">
        <v>41825.767465277779</v>
      </c>
      <c r="B10676" s="6">
        <v>177722.09999999998</v>
      </c>
      <c r="C10676" s="7">
        <f t="shared" si="166"/>
        <v>177.72209999999998</v>
      </c>
      <c r="I10676" s="1"/>
    </row>
    <row r="10677" spans="1:9" x14ac:dyDescent="0.25">
      <c r="A10677" s="3">
        <v>41825.769155092596</v>
      </c>
      <c r="B10677" s="6">
        <v>177738.74999999997</v>
      </c>
      <c r="C10677" s="7">
        <f t="shared" si="166"/>
        <v>177.73874999999998</v>
      </c>
      <c r="I10677" s="1"/>
    </row>
    <row r="10678" spans="1:9" x14ac:dyDescent="0.25">
      <c r="A10678" s="3">
        <v>41825.76934027778</v>
      </c>
      <c r="B10678" s="6">
        <v>177755.4</v>
      </c>
      <c r="C10678" s="7">
        <f t="shared" si="166"/>
        <v>177.75539999999998</v>
      </c>
      <c r="I10678" s="1"/>
    </row>
    <row r="10679" spans="1:9" x14ac:dyDescent="0.25">
      <c r="A10679" s="3">
        <v>41825.776053240741</v>
      </c>
      <c r="B10679" s="6">
        <v>177772.05</v>
      </c>
      <c r="C10679" s="7">
        <f t="shared" si="166"/>
        <v>177.77204999999998</v>
      </c>
      <c r="I10679" s="1"/>
    </row>
    <row r="10680" spans="1:9" x14ac:dyDescent="0.25">
      <c r="A10680" s="3">
        <v>41825.776342592595</v>
      </c>
      <c r="B10680" s="6">
        <v>177788.69999999998</v>
      </c>
      <c r="C10680" s="7">
        <f t="shared" si="166"/>
        <v>177.78869999999998</v>
      </c>
      <c r="I10680" s="1"/>
    </row>
    <row r="10681" spans="1:9" x14ac:dyDescent="0.25">
      <c r="A10681" s="3">
        <v>41825.798043981478</v>
      </c>
      <c r="B10681" s="6">
        <v>177805.34999999998</v>
      </c>
      <c r="C10681" s="7">
        <f t="shared" si="166"/>
        <v>177.80534999999998</v>
      </c>
      <c r="I10681" s="1"/>
    </row>
    <row r="10682" spans="1:9" x14ac:dyDescent="0.25">
      <c r="A10682" s="3">
        <v>41825.798391203702</v>
      </c>
      <c r="B10682" s="6">
        <v>177821.99999999997</v>
      </c>
      <c r="C10682" s="7">
        <f t="shared" si="166"/>
        <v>177.82199999999997</v>
      </c>
      <c r="I10682" s="1"/>
    </row>
    <row r="10683" spans="1:9" x14ac:dyDescent="0.25">
      <c r="A10683" s="3">
        <v>41825.803333333337</v>
      </c>
      <c r="B10683" s="6">
        <v>177838.65</v>
      </c>
      <c r="C10683" s="7">
        <f t="shared" si="166"/>
        <v>177.83865</v>
      </c>
      <c r="I10683" s="1"/>
    </row>
    <row r="10684" spans="1:9" x14ac:dyDescent="0.25">
      <c r="A10684" s="3">
        <v>41825.803576388891</v>
      </c>
      <c r="B10684" s="6">
        <v>177855.3</v>
      </c>
      <c r="C10684" s="7">
        <f t="shared" si="166"/>
        <v>177.8553</v>
      </c>
      <c r="I10684" s="1"/>
    </row>
    <row r="10685" spans="1:9" x14ac:dyDescent="0.25">
      <c r="A10685" s="3">
        <v>41825.875983796293</v>
      </c>
      <c r="B10685" s="6">
        <v>177871.94999999998</v>
      </c>
      <c r="C10685" s="7">
        <f t="shared" si="166"/>
        <v>177.87194999999997</v>
      </c>
      <c r="I10685" s="1"/>
    </row>
    <row r="10686" spans="1:9" x14ac:dyDescent="0.25">
      <c r="A10686" s="3">
        <v>41825.902870370373</v>
      </c>
      <c r="B10686" s="6">
        <v>177888.59999999998</v>
      </c>
      <c r="C10686" s="7">
        <f t="shared" si="166"/>
        <v>177.88859999999997</v>
      </c>
      <c r="I10686" s="1"/>
    </row>
    <row r="10687" spans="1:9" x14ac:dyDescent="0.25">
      <c r="A10687" s="3">
        <v>41825.992222222223</v>
      </c>
      <c r="B10687" s="6">
        <v>177905.24999999997</v>
      </c>
      <c r="C10687" s="7">
        <f t="shared" si="166"/>
        <v>177.90524999999997</v>
      </c>
      <c r="I10687" s="1"/>
    </row>
    <row r="10688" spans="1:9" x14ac:dyDescent="0.25">
      <c r="A10688" s="3">
        <v>41825.992546296293</v>
      </c>
      <c r="B10688" s="6">
        <v>177921.9</v>
      </c>
      <c r="C10688" s="7">
        <f t="shared" si="166"/>
        <v>177.92189999999999</v>
      </c>
      <c r="I10688" s="1"/>
    </row>
    <row r="10689" spans="1:9" x14ac:dyDescent="0.25">
      <c r="A10689" s="3">
        <v>41856.008981481478</v>
      </c>
      <c r="B10689" s="6">
        <v>177938.55</v>
      </c>
      <c r="C10689" s="7">
        <f t="shared" si="166"/>
        <v>177.93854999999999</v>
      </c>
      <c r="I10689" s="1"/>
    </row>
    <row r="10690" spans="1:9" x14ac:dyDescent="0.25">
      <c r="A10690" s="3">
        <v>41856.009120370371</v>
      </c>
      <c r="B10690" s="6">
        <v>177955.19999999998</v>
      </c>
      <c r="C10690" s="7">
        <f t="shared" si="166"/>
        <v>177.95519999999999</v>
      </c>
      <c r="I10690" s="1"/>
    </row>
    <row r="10691" spans="1:9" x14ac:dyDescent="0.25">
      <c r="A10691" s="3">
        <v>41856.012673611112</v>
      </c>
      <c r="B10691" s="6">
        <v>177971.84999999998</v>
      </c>
      <c r="C10691" s="7">
        <f t="shared" ref="C10691:C10754" si="167">B10691/1000</f>
        <v>177.97184999999999</v>
      </c>
      <c r="I10691" s="1"/>
    </row>
    <row r="10692" spans="1:9" x14ac:dyDescent="0.25">
      <c r="A10692" s="3">
        <v>41856.01295138889</v>
      </c>
      <c r="B10692" s="6">
        <v>177988.49999999997</v>
      </c>
      <c r="C10692" s="7">
        <f t="shared" si="167"/>
        <v>177.98849999999996</v>
      </c>
      <c r="I10692" s="1"/>
    </row>
    <row r="10693" spans="1:9" x14ac:dyDescent="0.25">
      <c r="A10693" s="3">
        <v>41856.265914351854</v>
      </c>
      <c r="B10693" s="6">
        <v>178005.15</v>
      </c>
      <c r="C10693" s="7">
        <f t="shared" si="167"/>
        <v>178.00514999999999</v>
      </c>
      <c r="I10693" s="1"/>
    </row>
    <row r="10694" spans="1:9" x14ac:dyDescent="0.25">
      <c r="A10694" s="3">
        <v>41856.266145833331</v>
      </c>
      <c r="B10694" s="6">
        <v>178021.8</v>
      </c>
      <c r="C10694" s="7">
        <f t="shared" si="167"/>
        <v>178.02179999999998</v>
      </c>
      <c r="I10694" s="1"/>
    </row>
    <row r="10695" spans="1:9" x14ac:dyDescent="0.25">
      <c r="A10695" s="3">
        <v>41856.337870370371</v>
      </c>
      <c r="B10695" s="6">
        <v>178038.44999999998</v>
      </c>
      <c r="C10695" s="7">
        <f t="shared" si="167"/>
        <v>178.03844999999998</v>
      </c>
      <c r="I10695" s="1"/>
    </row>
    <row r="10696" spans="1:9" x14ac:dyDescent="0.25">
      <c r="A10696" s="3">
        <v>41856.338113425925</v>
      </c>
      <c r="B10696" s="6">
        <v>178055.09999999998</v>
      </c>
      <c r="C10696" s="7">
        <f t="shared" si="167"/>
        <v>178.05509999999998</v>
      </c>
      <c r="I10696" s="1"/>
    </row>
    <row r="10697" spans="1:9" x14ac:dyDescent="0.25">
      <c r="A10697" s="3">
        <v>41856.357627314814</v>
      </c>
      <c r="B10697" s="6">
        <v>178071.74999999997</v>
      </c>
      <c r="C10697" s="7">
        <f t="shared" si="167"/>
        <v>178.07174999999998</v>
      </c>
      <c r="I10697" s="1"/>
    </row>
    <row r="10698" spans="1:9" x14ac:dyDescent="0.25">
      <c r="A10698" s="3">
        <v>41856.361354166664</v>
      </c>
      <c r="B10698" s="6">
        <v>178088.4</v>
      </c>
      <c r="C10698" s="7">
        <f t="shared" si="167"/>
        <v>178.08840000000001</v>
      </c>
      <c r="I10698" s="1"/>
    </row>
    <row r="10699" spans="1:9" x14ac:dyDescent="0.25">
      <c r="A10699" s="3">
        <v>41856.364398148151</v>
      </c>
      <c r="B10699" s="6">
        <v>178105.05</v>
      </c>
      <c r="C10699" s="7">
        <f t="shared" si="167"/>
        <v>178.10504999999998</v>
      </c>
      <c r="I10699" s="1"/>
    </row>
    <row r="10700" spans="1:9" x14ac:dyDescent="0.25">
      <c r="A10700" s="3">
        <v>41856.364733796298</v>
      </c>
      <c r="B10700" s="6">
        <v>178121.69999999998</v>
      </c>
      <c r="C10700" s="7">
        <f t="shared" si="167"/>
        <v>178.12169999999998</v>
      </c>
      <c r="I10700" s="1"/>
    </row>
    <row r="10701" spans="1:9" x14ac:dyDescent="0.25">
      <c r="A10701" s="3">
        <v>41856.368877314817</v>
      </c>
      <c r="B10701" s="6">
        <v>178138.34999999998</v>
      </c>
      <c r="C10701" s="7">
        <f t="shared" si="167"/>
        <v>178.13834999999997</v>
      </c>
      <c r="I10701" s="1"/>
    </row>
    <row r="10702" spans="1:9" x14ac:dyDescent="0.25">
      <c r="A10702" s="3">
        <v>41856.368981481479</v>
      </c>
      <c r="B10702" s="6">
        <v>178154.99999999997</v>
      </c>
      <c r="C10702" s="7">
        <f t="shared" si="167"/>
        <v>178.15499999999997</v>
      </c>
      <c r="I10702" s="1"/>
    </row>
    <row r="10703" spans="1:9" x14ac:dyDescent="0.25">
      <c r="A10703" s="3">
        <v>41856.370717592596</v>
      </c>
      <c r="B10703" s="6">
        <v>178171.65</v>
      </c>
      <c r="C10703" s="7">
        <f t="shared" si="167"/>
        <v>178.17165</v>
      </c>
      <c r="I10703" s="1"/>
    </row>
    <row r="10704" spans="1:9" x14ac:dyDescent="0.25">
      <c r="A10704" s="3">
        <v>41856.370925925927</v>
      </c>
      <c r="B10704" s="6">
        <v>178188.3</v>
      </c>
      <c r="C10704" s="7">
        <f t="shared" si="167"/>
        <v>178.1883</v>
      </c>
      <c r="I10704" s="1"/>
    </row>
    <row r="10705" spans="1:9" x14ac:dyDescent="0.25">
      <c r="A10705" s="3">
        <v>41856.375416666669</v>
      </c>
      <c r="B10705" s="6">
        <v>178204.94999999998</v>
      </c>
      <c r="C10705" s="7">
        <f t="shared" si="167"/>
        <v>178.20495</v>
      </c>
      <c r="I10705" s="1"/>
    </row>
    <row r="10706" spans="1:9" x14ac:dyDescent="0.25">
      <c r="A10706" s="3">
        <v>41856.37604166667</v>
      </c>
      <c r="B10706" s="6">
        <v>178221.59999999998</v>
      </c>
      <c r="C10706" s="7">
        <f t="shared" si="167"/>
        <v>178.22159999999997</v>
      </c>
      <c r="I10706" s="1"/>
    </row>
    <row r="10707" spans="1:9" x14ac:dyDescent="0.25">
      <c r="A10707" s="3">
        <v>41856.379224537035</v>
      </c>
      <c r="B10707" s="6">
        <v>178238.24999999997</v>
      </c>
      <c r="C10707" s="7">
        <f t="shared" si="167"/>
        <v>178.23824999999997</v>
      </c>
      <c r="I10707" s="1"/>
    </row>
    <row r="10708" spans="1:9" x14ac:dyDescent="0.25">
      <c r="A10708" s="3">
        <v>41856.380520833336</v>
      </c>
      <c r="B10708" s="6">
        <v>178254.9</v>
      </c>
      <c r="C10708" s="7">
        <f t="shared" si="167"/>
        <v>178.25489999999999</v>
      </c>
      <c r="I10708" s="1"/>
    </row>
    <row r="10709" spans="1:9" x14ac:dyDescent="0.25">
      <c r="A10709" s="3">
        <v>41856.382141203707</v>
      </c>
      <c r="B10709" s="6">
        <v>178271.55</v>
      </c>
      <c r="C10709" s="7">
        <f t="shared" si="167"/>
        <v>178.27154999999999</v>
      </c>
      <c r="I10709" s="1"/>
    </row>
    <row r="10710" spans="1:9" x14ac:dyDescent="0.25">
      <c r="A10710" s="3">
        <v>41856.382835648146</v>
      </c>
      <c r="B10710" s="6">
        <v>178288.19999999998</v>
      </c>
      <c r="C10710" s="7">
        <f t="shared" si="167"/>
        <v>178.28819999999999</v>
      </c>
      <c r="I10710" s="1"/>
    </row>
    <row r="10711" spans="1:9" x14ac:dyDescent="0.25">
      <c r="A10711" s="3">
        <v>41856.384143518517</v>
      </c>
      <c r="B10711" s="6">
        <v>178304.84999999998</v>
      </c>
      <c r="C10711" s="7">
        <f t="shared" si="167"/>
        <v>178.30484999999999</v>
      </c>
      <c r="I10711" s="1"/>
    </row>
    <row r="10712" spans="1:9" x14ac:dyDescent="0.25">
      <c r="A10712" s="3">
        <v>41856.384733796294</v>
      </c>
      <c r="B10712" s="6">
        <v>178321.49999999997</v>
      </c>
      <c r="C10712" s="7">
        <f t="shared" si="167"/>
        <v>178.32149999999996</v>
      </c>
      <c r="I10712" s="1"/>
    </row>
    <row r="10713" spans="1:9" x14ac:dyDescent="0.25">
      <c r="A10713" s="3">
        <v>41856.38784722222</v>
      </c>
      <c r="B10713" s="6">
        <v>178338.15</v>
      </c>
      <c r="C10713" s="7">
        <f t="shared" si="167"/>
        <v>178.33814999999998</v>
      </c>
      <c r="I10713" s="1"/>
    </row>
    <row r="10714" spans="1:9" x14ac:dyDescent="0.25">
      <c r="A10714" s="3">
        <v>41856.388182870367</v>
      </c>
      <c r="B10714" s="6">
        <v>178354.8</v>
      </c>
      <c r="C10714" s="7">
        <f t="shared" si="167"/>
        <v>178.35479999999998</v>
      </c>
      <c r="I10714" s="1"/>
    </row>
    <row r="10715" spans="1:9" x14ac:dyDescent="0.25">
      <c r="A10715" s="3">
        <v>41856.389837962961</v>
      </c>
      <c r="B10715" s="6">
        <v>178371.44999999998</v>
      </c>
      <c r="C10715" s="7">
        <f t="shared" si="167"/>
        <v>178.37144999999998</v>
      </c>
      <c r="I10715" s="1"/>
    </row>
    <row r="10716" spans="1:9" x14ac:dyDescent="0.25">
      <c r="A10716" s="3">
        <v>41856.391608796293</v>
      </c>
      <c r="B10716" s="6">
        <v>178388.09999999998</v>
      </c>
      <c r="C10716" s="7">
        <f t="shared" si="167"/>
        <v>178.38809999999998</v>
      </c>
      <c r="I10716" s="1"/>
    </row>
    <row r="10717" spans="1:9" x14ac:dyDescent="0.25">
      <c r="A10717" s="3">
        <v>41856.397361111114</v>
      </c>
      <c r="B10717" s="6">
        <v>178404.74999999997</v>
      </c>
      <c r="C10717" s="7">
        <f t="shared" si="167"/>
        <v>178.40474999999998</v>
      </c>
      <c r="I10717" s="1"/>
    </row>
    <row r="10718" spans="1:9" x14ac:dyDescent="0.25">
      <c r="A10718" s="3">
        <v>41856.397546296299</v>
      </c>
      <c r="B10718" s="6">
        <v>178421.4</v>
      </c>
      <c r="C10718" s="7">
        <f t="shared" si="167"/>
        <v>178.42140000000001</v>
      </c>
      <c r="I10718" s="1"/>
    </row>
    <row r="10719" spans="1:9" x14ac:dyDescent="0.25">
      <c r="A10719" s="3">
        <v>41856.401064814818</v>
      </c>
      <c r="B10719" s="6">
        <v>178438.05</v>
      </c>
      <c r="C10719" s="7">
        <f t="shared" si="167"/>
        <v>178.43804999999998</v>
      </c>
      <c r="I10719" s="1"/>
    </row>
    <row r="10720" spans="1:9" x14ac:dyDescent="0.25">
      <c r="A10720" s="3">
        <v>41856.401296296295</v>
      </c>
      <c r="B10720" s="6">
        <v>178454.69999999998</v>
      </c>
      <c r="C10720" s="7">
        <f t="shared" si="167"/>
        <v>178.45469999999997</v>
      </c>
      <c r="I10720" s="1"/>
    </row>
    <row r="10721" spans="1:9" x14ac:dyDescent="0.25">
      <c r="A10721" s="3">
        <v>41856.412326388891</v>
      </c>
      <c r="B10721" s="6">
        <v>178471.34999999998</v>
      </c>
      <c r="C10721" s="7">
        <f t="shared" si="167"/>
        <v>178.47134999999997</v>
      </c>
      <c r="I10721" s="1"/>
    </row>
    <row r="10722" spans="1:9" x14ac:dyDescent="0.25">
      <c r="A10722" s="3">
        <v>41856.414375</v>
      </c>
      <c r="B10722" s="6">
        <v>178487.99999999997</v>
      </c>
      <c r="C10722" s="7">
        <f t="shared" si="167"/>
        <v>178.48799999999997</v>
      </c>
      <c r="I10722" s="1"/>
    </row>
    <row r="10723" spans="1:9" x14ac:dyDescent="0.25">
      <c r="A10723" s="3">
        <v>41856.417500000003</v>
      </c>
      <c r="B10723" s="6">
        <v>178504.65</v>
      </c>
      <c r="C10723" s="7">
        <f t="shared" si="167"/>
        <v>178.50465</v>
      </c>
      <c r="I10723" s="1"/>
    </row>
    <row r="10724" spans="1:9" x14ac:dyDescent="0.25">
      <c r="A10724" s="3">
        <v>41856.417766203704</v>
      </c>
      <c r="B10724" s="6">
        <v>178521.3</v>
      </c>
      <c r="C10724" s="7">
        <f t="shared" si="167"/>
        <v>178.5213</v>
      </c>
      <c r="I10724" s="1"/>
    </row>
    <row r="10725" spans="1:9" x14ac:dyDescent="0.25">
      <c r="A10725" s="3">
        <v>41856.420636574076</v>
      </c>
      <c r="B10725" s="6">
        <v>178537.94999999998</v>
      </c>
      <c r="C10725" s="7">
        <f t="shared" si="167"/>
        <v>178.53795</v>
      </c>
      <c r="I10725" s="1"/>
    </row>
    <row r="10726" spans="1:9" x14ac:dyDescent="0.25">
      <c r="A10726" s="3">
        <v>41856.420787037037</v>
      </c>
      <c r="B10726" s="6">
        <v>178554.59999999998</v>
      </c>
      <c r="C10726" s="7">
        <f t="shared" si="167"/>
        <v>178.55459999999997</v>
      </c>
      <c r="I10726" s="1"/>
    </row>
    <row r="10727" spans="1:9" x14ac:dyDescent="0.25">
      <c r="A10727" s="3">
        <v>41856.426180555558</v>
      </c>
      <c r="B10727" s="6">
        <v>178571.24999999997</v>
      </c>
      <c r="C10727" s="7">
        <f t="shared" si="167"/>
        <v>178.57124999999996</v>
      </c>
      <c r="I10727" s="1"/>
    </row>
    <row r="10728" spans="1:9" x14ac:dyDescent="0.25">
      <c r="A10728" s="3">
        <v>41856.426354166666</v>
      </c>
      <c r="B10728" s="6">
        <v>178587.9</v>
      </c>
      <c r="C10728" s="7">
        <f t="shared" si="167"/>
        <v>178.58789999999999</v>
      </c>
      <c r="I10728" s="1"/>
    </row>
    <row r="10729" spans="1:9" x14ac:dyDescent="0.25">
      <c r="A10729" s="3">
        <v>41856.428449074076</v>
      </c>
      <c r="B10729" s="6">
        <v>178604.55</v>
      </c>
      <c r="C10729" s="7">
        <f t="shared" si="167"/>
        <v>178.60454999999999</v>
      </c>
      <c r="I10729" s="1"/>
    </row>
    <row r="10730" spans="1:9" x14ac:dyDescent="0.25">
      <c r="A10730" s="3">
        <v>41856.42869212963</v>
      </c>
      <c r="B10730" s="6">
        <v>178621.19999999998</v>
      </c>
      <c r="C10730" s="7">
        <f t="shared" si="167"/>
        <v>178.62119999999999</v>
      </c>
      <c r="I10730" s="1"/>
    </row>
    <row r="10731" spans="1:9" x14ac:dyDescent="0.25">
      <c r="A10731" s="3">
        <v>41856.433564814812</v>
      </c>
      <c r="B10731" s="6">
        <v>178637.84999999998</v>
      </c>
      <c r="C10731" s="7">
        <f t="shared" si="167"/>
        <v>178.63784999999999</v>
      </c>
      <c r="I10731" s="1"/>
    </row>
    <row r="10732" spans="1:9" x14ac:dyDescent="0.25">
      <c r="A10732" s="3">
        <v>41856.434803240743</v>
      </c>
      <c r="B10732" s="6">
        <v>178654.49999999997</v>
      </c>
      <c r="C10732" s="7">
        <f t="shared" si="167"/>
        <v>178.65449999999998</v>
      </c>
      <c r="I10732" s="1"/>
    </row>
    <row r="10733" spans="1:9" x14ac:dyDescent="0.25">
      <c r="A10733" s="3">
        <v>41856.436851851853</v>
      </c>
      <c r="B10733" s="6">
        <v>178671.15</v>
      </c>
      <c r="C10733" s="7">
        <f t="shared" si="167"/>
        <v>178.67114999999998</v>
      </c>
      <c r="I10733" s="1"/>
    </row>
    <row r="10734" spans="1:9" x14ac:dyDescent="0.25">
      <c r="A10734" s="3">
        <v>41856.436967592592</v>
      </c>
      <c r="B10734" s="6">
        <v>178687.8</v>
      </c>
      <c r="C10734" s="7">
        <f t="shared" si="167"/>
        <v>178.68779999999998</v>
      </c>
      <c r="I10734" s="1"/>
    </row>
    <row r="10735" spans="1:9" x14ac:dyDescent="0.25">
      <c r="A10735" s="3">
        <v>41856.438437500001</v>
      </c>
      <c r="B10735" s="6">
        <v>178704.44999999998</v>
      </c>
      <c r="C10735" s="7">
        <f t="shared" si="167"/>
        <v>178.70444999999998</v>
      </c>
      <c r="I10735" s="1"/>
    </row>
    <row r="10736" spans="1:9" x14ac:dyDescent="0.25">
      <c r="A10736" s="3">
        <v>41856.438680555555</v>
      </c>
      <c r="B10736" s="6">
        <v>178721.09999999998</v>
      </c>
      <c r="C10736" s="7">
        <f t="shared" si="167"/>
        <v>178.72109999999998</v>
      </c>
      <c r="I10736" s="1"/>
    </row>
    <row r="10737" spans="1:9" x14ac:dyDescent="0.25">
      <c r="A10737" s="3">
        <v>41856.442824074074</v>
      </c>
      <c r="B10737" s="6">
        <v>178737.74999999997</v>
      </c>
      <c r="C10737" s="7">
        <f t="shared" si="167"/>
        <v>178.73774999999998</v>
      </c>
      <c r="I10737" s="1"/>
    </row>
    <row r="10738" spans="1:9" x14ac:dyDescent="0.25">
      <c r="A10738" s="3">
        <v>41856.443043981482</v>
      </c>
      <c r="B10738" s="6">
        <v>178754.4</v>
      </c>
      <c r="C10738" s="7">
        <f t="shared" si="167"/>
        <v>178.7544</v>
      </c>
      <c r="I10738" s="1"/>
    </row>
    <row r="10739" spans="1:9" x14ac:dyDescent="0.25">
      <c r="A10739" s="3">
        <v>41856.447500000002</v>
      </c>
      <c r="B10739" s="6">
        <v>178771.05</v>
      </c>
      <c r="C10739" s="7">
        <f t="shared" si="167"/>
        <v>178.77105</v>
      </c>
      <c r="I10739" s="1"/>
    </row>
    <row r="10740" spans="1:9" x14ac:dyDescent="0.25">
      <c r="A10740" s="3">
        <v>41856.449201388888</v>
      </c>
      <c r="B10740" s="6">
        <v>178787.69999999998</v>
      </c>
      <c r="C10740" s="7">
        <f t="shared" si="167"/>
        <v>178.78769999999997</v>
      </c>
      <c r="I10740" s="1"/>
    </row>
    <row r="10741" spans="1:9" x14ac:dyDescent="0.25">
      <c r="A10741" s="3">
        <v>41856.450821759259</v>
      </c>
      <c r="B10741" s="6">
        <v>178804.34999999998</v>
      </c>
      <c r="C10741" s="7">
        <f t="shared" si="167"/>
        <v>178.80434999999997</v>
      </c>
      <c r="I10741" s="1"/>
    </row>
    <row r="10742" spans="1:9" x14ac:dyDescent="0.25">
      <c r="A10742" s="3">
        <v>41856.450937499998</v>
      </c>
      <c r="B10742" s="6">
        <v>178820.99999999997</v>
      </c>
      <c r="C10742" s="7">
        <f t="shared" si="167"/>
        <v>178.82099999999997</v>
      </c>
      <c r="I10742" s="1"/>
    </row>
    <row r="10743" spans="1:9" x14ac:dyDescent="0.25">
      <c r="A10743" s="3">
        <v>41856.453703703701</v>
      </c>
      <c r="B10743" s="6">
        <v>178837.65</v>
      </c>
      <c r="C10743" s="7">
        <f t="shared" si="167"/>
        <v>178.83765</v>
      </c>
      <c r="I10743" s="1"/>
    </row>
    <row r="10744" spans="1:9" x14ac:dyDescent="0.25">
      <c r="A10744" s="3">
        <v>41856.453784722224</v>
      </c>
      <c r="B10744" s="6">
        <v>178854.3</v>
      </c>
      <c r="C10744" s="7">
        <f t="shared" si="167"/>
        <v>178.85429999999999</v>
      </c>
      <c r="I10744" s="1"/>
    </row>
    <row r="10745" spans="1:9" x14ac:dyDescent="0.25">
      <c r="A10745" s="3">
        <v>41856.456365740742</v>
      </c>
      <c r="B10745" s="6">
        <v>178870.94999999998</v>
      </c>
      <c r="C10745" s="7">
        <f t="shared" si="167"/>
        <v>178.87094999999999</v>
      </c>
      <c r="I10745" s="1"/>
    </row>
    <row r="10746" spans="1:9" x14ac:dyDescent="0.25">
      <c r="A10746" s="3">
        <v>41856.456516203703</v>
      </c>
      <c r="B10746" s="6">
        <v>178887.59999999998</v>
      </c>
      <c r="C10746" s="7">
        <f t="shared" si="167"/>
        <v>178.88759999999996</v>
      </c>
      <c r="I10746" s="1"/>
    </row>
    <row r="10747" spans="1:9" x14ac:dyDescent="0.25">
      <c r="A10747" s="3">
        <v>41856.457858796297</v>
      </c>
      <c r="B10747" s="6">
        <v>178904.24999999997</v>
      </c>
      <c r="C10747" s="7">
        <f t="shared" si="167"/>
        <v>178.90424999999996</v>
      </c>
      <c r="I10747" s="1"/>
    </row>
    <row r="10748" spans="1:9" x14ac:dyDescent="0.25">
      <c r="A10748" s="3">
        <v>41856.457962962966</v>
      </c>
      <c r="B10748" s="6">
        <v>178920.9</v>
      </c>
      <c r="C10748" s="7">
        <f t="shared" si="167"/>
        <v>178.92089999999999</v>
      </c>
      <c r="I10748" s="1"/>
    </row>
    <row r="10749" spans="1:9" x14ac:dyDescent="0.25">
      <c r="A10749" s="3">
        <v>41856.460439814815</v>
      </c>
      <c r="B10749" s="6">
        <v>178937.55</v>
      </c>
      <c r="C10749" s="7">
        <f t="shared" si="167"/>
        <v>178.93754999999999</v>
      </c>
      <c r="I10749" s="1"/>
    </row>
    <row r="10750" spans="1:9" x14ac:dyDescent="0.25">
      <c r="A10750" s="3">
        <v>41856.460844907408</v>
      </c>
      <c r="B10750" s="6">
        <v>178954.19999999998</v>
      </c>
      <c r="C10750" s="7">
        <f t="shared" si="167"/>
        <v>178.95419999999999</v>
      </c>
      <c r="I10750" s="1"/>
    </row>
    <row r="10751" spans="1:9" x14ac:dyDescent="0.25">
      <c r="A10751" s="3">
        <v>41856.465428240743</v>
      </c>
      <c r="B10751" s="6">
        <v>178970.84999999998</v>
      </c>
      <c r="C10751" s="7">
        <f t="shared" si="167"/>
        <v>178.97084999999998</v>
      </c>
      <c r="I10751" s="1"/>
    </row>
    <row r="10752" spans="1:9" x14ac:dyDescent="0.25">
      <c r="A10752" s="3">
        <v>41856.465682870374</v>
      </c>
      <c r="B10752" s="6">
        <v>178987.49999999997</v>
      </c>
      <c r="C10752" s="7">
        <f t="shared" si="167"/>
        <v>178.98749999999998</v>
      </c>
      <c r="I10752" s="1"/>
    </row>
    <row r="10753" spans="1:9" x14ac:dyDescent="0.25">
      <c r="A10753" s="3">
        <v>41856.470138888886</v>
      </c>
      <c r="B10753" s="6">
        <v>179004.15</v>
      </c>
      <c r="C10753" s="7">
        <f t="shared" si="167"/>
        <v>179.00414999999998</v>
      </c>
      <c r="I10753" s="1"/>
    </row>
    <row r="10754" spans="1:9" x14ac:dyDescent="0.25">
      <c r="A10754" s="3">
        <v>41856.47042824074</v>
      </c>
      <c r="B10754" s="6">
        <v>179020.79999999999</v>
      </c>
      <c r="C10754" s="7">
        <f t="shared" si="167"/>
        <v>179.02079999999998</v>
      </c>
      <c r="I10754" s="1"/>
    </row>
    <row r="10755" spans="1:9" x14ac:dyDescent="0.25">
      <c r="A10755" s="3">
        <v>41856.474675925929</v>
      </c>
      <c r="B10755" s="6">
        <v>179037.44999999998</v>
      </c>
      <c r="C10755" s="7">
        <f t="shared" ref="C10755:C10818" si="168">B10755/1000</f>
        <v>179.03744999999998</v>
      </c>
      <c r="I10755" s="1"/>
    </row>
    <row r="10756" spans="1:9" x14ac:dyDescent="0.25">
      <c r="A10756" s="3">
        <v>41856.475173611114</v>
      </c>
      <c r="B10756" s="6">
        <v>179054.09999999998</v>
      </c>
      <c r="C10756" s="7">
        <f t="shared" si="168"/>
        <v>179.05409999999998</v>
      </c>
      <c r="I10756" s="1"/>
    </row>
    <row r="10757" spans="1:9" x14ac:dyDescent="0.25">
      <c r="A10757" s="3">
        <v>41856.476956018516</v>
      </c>
      <c r="B10757" s="6">
        <v>179070.74999999997</v>
      </c>
      <c r="C10757" s="7">
        <f t="shared" si="168"/>
        <v>179.07074999999998</v>
      </c>
      <c r="I10757" s="1"/>
    </row>
    <row r="10758" spans="1:9" x14ac:dyDescent="0.25">
      <c r="A10758" s="3">
        <v>41856.477071759262</v>
      </c>
      <c r="B10758" s="6">
        <v>179087.4</v>
      </c>
      <c r="C10758" s="7">
        <f t="shared" si="168"/>
        <v>179.0874</v>
      </c>
      <c r="I10758" s="1"/>
    </row>
    <row r="10759" spans="1:9" x14ac:dyDescent="0.25">
      <c r="A10759" s="3">
        <v>41856.48133101852</v>
      </c>
      <c r="B10759" s="6">
        <v>179104.05</v>
      </c>
      <c r="C10759" s="7">
        <f t="shared" si="168"/>
        <v>179.10405</v>
      </c>
      <c r="I10759" s="1"/>
    </row>
    <row r="10760" spans="1:9" x14ac:dyDescent="0.25">
      <c r="A10760" s="3">
        <v>41856.482152777775</v>
      </c>
      <c r="B10760" s="6">
        <v>179120.69999999998</v>
      </c>
      <c r="C10760" s="7">
        <f t="shared" si="168"/>
        <v>179.12069999999997</v>
      </c>
      <c r="I10760" s="1"/>
    </row>
    <row r="10761" spans="1:9" x14ac:dyDescent="0.25">
      <c r="A10761" s="3">
        <v>41856.4841087963</v>
      </c>
      <c r="B10761" s="6">
        <v>179137.34999999998</v>
      </c>
      <c r="C10761" s="7">
        <f t="shared" si="168"/>
        <v>179.13734999999997</v>
      </c>
      <c r="I10761" s="1"/>
    </row>
    <row r="10762" spans="1:9" x14ac:dyDescent="0.25">
      <c r="A10762" s="3">
        <v>41856.484224537038</v>
      </c>
      <c r="B10762" s="6">
        <v>179153.99999999997</v>
      </c>
      <c r="C10762" s="7">
        <f t="shared" si="168"/>
        <v>179.15399999999997</v>
      </c>
      <c r="I10762" s="1"/>
    </row>
    <row r="10763" spans="1:9" x14ac:dyDescent="0.25">
      <c r="A10763" s="3">
        <v>41856.485763888886</v>
      </c>
      <c r="B10763" s="6">
        <v>179170.65</v>
      </c>
      <c r="C10763" s="7">
        <f t="shared" si="168"/>
        <v>179.17064999999999</v>
      </c>
      <c r="I10763" s="1"/>
    </row>
    <row r="10764" spans="1:9" x14ac:dyDescent="0.25">
      <c r="A10764" s="3">
        <v>41856.485891203702</v>
      </c>
      <c r="B10764" s="6">
        <v>179187.3</v>
      </c>
      <c r="C10764" s="7">
        <f t="shared" si="168"/>
        <v>179.18729999999999</v>
      </c>
      <c r="I10764" s="1"/>
    </row>
    <row r="10765" spans="1:9" x14ac:dyDescent="0.25">
      <c r="A10765" s="3">
        <v>41856.489895833336</v>
      </c>
      <c r="B10765" s="6">
        <v>179203.94999999998</v>
      </c>
      <c r="C10765" s="7">
        <f t="shared" si="168"/>
        <v>179.20394999999999</v>
      </c>
      <c r="I10765" s="1"/>
    </row>
    <row r="10766" spans="1:9" x14ac:dyDescent="0.25">
      <c r="A10766" s="3">
        <v>41856.490428240744</v>
      </c>
      <c r="B10766" s="6">
        <v>179220.59999999998</v>
      </c>
      <c r="C10766" s="7">
        <f t="shared" si="168"/>
        <v>179.22059999999999</v>
      </c>
      <c r="I10766" s="1"/>
    </row>
    <row r="10767" spans="1:9" x14ac:dyDescent="0.25">
      <c r="A10767" s="3">
        <v>41856.494560185187</v>
      </c>
      <c r="B10767" s="6">
        <v>179237.24999999997</v>
      </c>
      <c r="C10767" s="7">
        <f t="shared" si="168"/>
        <v>179.23724999999996</v>
      </c>
      <c r="I10767" s="1"/>
    </row>
    <row r="10768" spans="1:9" x14ac:dyDescent="0.25">
      <c r="A10768" s="3">
        <v>41856.494745370372</v>
      </c>
      <c r="B10768" s="6">
        <v>179253.9</v>
      </c>
      <c r="C10768" s="7">
        <f t="shared" si="168"/>
        <v>179.25389999999999</v>
      </c>
      <c r="I10768" s="1"/>
    </row>
    <row r="10769" spans="1:9" x14ac:dyDescent="0.25">
      <c r="A10769" s="3">
        <v>41856.498136574075</v>
      </c>
      <c r="B10769" s="6">
        <v>179270.55</v>
      </c>
      <c r="C10769" s="7">
        <f t="shared" si="168"/>
        <v>179.27054999999999</v>
      </c>
      <c r="I10769" s="1"/>
    </row>
    <row r="10770" spans="1:9" x14ac:dyDescent="0.25">
      <c r="A10770" s="3">
        <v>41856.498263888891</v>
      </c>
      <c r="B10770" s="6">
        <v>179287.19999999998</v>
      </c>
      <c r="C10770" s="7">
        <f t="shared" si="168"/>
        <v>179.28719999999998</v>
      </c>
      <c r="I10770" s="1"/>
    </row>
    <row r="10771" spans="1:9" x14ac:dyDescent="0.25">
      <c r="A10771" s="3">
        <v>41856.499490740738</v>
      </c>
      <c r="B10771" s="6">
        <v>179303.84999999998</v>
      </c>
      <c r="C10771" s="7">
        <f t="shared" si="168"/>
        <v>179.30384999999998</v>
      </c>
      <c r="I10771" s="1"/>
    </row>
    <row r="10772" spans="1:9" x14ac:dyDescent="0.25">
      <c r="A10772" s="3">
        <v>41856.500127314815</v>
      </c>
      <c r="B10772" s="6">
        <v>179320.49999999997</v>
      </c>
      <c r="C10772" s="7">
        <f t="shared" si="168"/>
        <v>179.32049999999998</v>
      </c>
      <c r="I10772" s="1"/>
    </row>
    <row r="10773" spans="1:9" x14ac:dyDescent="0.25">
      <c r="A10773" s="3">
        <v>41856.50199074074</v>
      </c>
      <c r="B10773" s="6">
        <v>179337.15</v>
      </c>
      <c r="C10773" s="7">
        <f t="shared" si="168"/>
        <v>179.33715000000001</v>
      </c>
      <c r="I10773" s="1"/>
    </row>
    <row r="10774" spans="1:9" x14ac:dyDescent="0.25">
      <c r="A10774" s="3">
        <v>41856.502210648148</v>
      </c>
      <c r="B10774" s="6">
        <v>179353.8</v>
      </c>
      <c r="C10774" s="7">
        <f t="shared" si="168"/>
        <v>179.35379999999998</v>
      </c>
      <c r="I10774" s="1"/>
    </row>
    <row r="10775" spans="1:9" x14ac:dyDescent="0.25">
      <c r="A10775" s="3">
        <v>41856.506041666667</v>
      </c>
      <c r="B10775" s="6">
        <v>179370.44999999998</v>
      </c>
      <c r="C10775" s="7">
        <f t="shared" si="168"/>
        <v>179.37044999999998</v>
      </c>
      <c r="I10775" s="1"/>
    </row>
    <row r="10776" spans="1:9" x14ac:dyDescent="0.25">
      <c r="A10776" s="3">
        <v>41856.506111111114</v>
      </c>
      <c r="B10776" s="6">
        <v>179387.09999999998</v>
      </c>
      <c r="C10776" s="7">
        <f t="shared" si="168"/>
        <v>179.38709999999998</v>
      </c>
      <c r="I10776" s="1"/>
    </row>
    <row r="10777" spans="1:9" x14ac:dyDescent="0.25">
      <c r="A10777" s="3">
        <v>41856.507870370369</v>
      </c>
      <c r="B10777" s="6">
        <v>179403.74999999997</v>
      </c>
      <c r="C10777" s="7">
        <f t="shared" si="168"/>
        <v>179.40374999999997</v>
      </c>
      <c r="I10777" s="1"/>
    </row>
    <row r="10778" spans="1:9" x14ac:dyDescent="0.25">
      <c r="A10778" s="3">
        <v>41856.507974537039</v>
      </c>
      <c r="B10778" s="6">
        <v>179420.4</v>
      </c>
      <c r="C10778" s="7">
        <f t="shared" si="168"/>
        <v>179.4204</v>
      </c>
      <c r="I10778" s="1"/>
    </row>
    <row r="10779" spans="1:9" x14ac:dyDescent="0.25">
      <c r="A10779" s="3">
        <v>41856.509050925924</v>
      </c>
      <c r="B10779" s="6">
        <v>179437.05</v>
      </c>
      <c r="C10779" s="7">
        <f t="shared" si="168"/>
        <v>179.43705</v>
      </c>
      <c r="I10779" s="1"/>
    </row>
    <row r="10780" spans="1:9" x14ac:dyDescent="0.25">
      <c r="A10780" s="3">
        <v>41856.509814814817</v>
      </c>
      <c r="B10780" s="6">
        <v>179453.69999999998</v>
      </c>
      <c r="C10780" s="7">
        <f t="shared" si="168"/>
        <v>179.45369999999997</v>
      </c>
      <c r="I10780" s="1"/>
    </row>
    <row r="10781" spans="1:9" x14ac:dyDescent="0.25">
      <c r="A10781" s="3">
        <v>41856.515775462962</v>
      </c>
      <c r="B10781" s="6">
        <v>179470.34999999998</v>
      </c>
      <c r="C10781" s="7">
        <f t="shared" si="168"/>
        <v>179.47034999999997</v>
      </c>
      <c r="I10781" s="1"/>
    </row>
    <row r="10782" spans="1:9" x14ac:dyDescent="0.25">
      <c r="A10782" s="3">
        <v>41856.515868055554</v>
      </c>
      <c r="B10782" s="6">
        <v>179486.99999999997</v>
      </c>
      <c r="C10782" s="7">
        <f t="shared" si="168"/>
        <v>179.48699999999997</v>
      </c>
      <c r="I10782" s="1"/>
    </row>
    <row r="10783" spans="1:9" x14ac:dyDescent="0.25">
      <c r="A10783" s="3">
        <v>41856.518113425926</v>
      </c>
      <c r="B10783" s="6">
        <v>179503.65</v>
      </c>
      <c r="C10783" s="7">
        <f t="shared" si="168"/>
        <v>179.50364999999999</v>
      </c>
      <c r="I10783" s="1"/>
    </row>
    <row r="10784" spans="1:9" x14ac:dyDescent="0.25">
      <c r="A10784" s="3">
        <v>41856.518229166664</v>
      </c>
      <c r="B10784" s="6">
        <v>179520.3</v>
      </c>
      <c r="C10784" s="7">
        <f t="shared" si="168"/>
        <v>179.52029999999999</v>
      </c>
      <c r="I10784" s="1"/>
    </row>
    <row r="10785" spans="1:9" x14ac:dyDescent="0.25">
      <c r="A10785" s="3">
        <v>41856.519988425927</v>
      </c>
      <c r="B10785" s="6">
        <v>179536.94999999998</v>
      </c>
      <c r="C10785" s="7">
        <f t="shared" si="168"/>
        <v>179.53694999999999</v>
      </c>
      <c r="I10785" s="1"/>
    </row>
    <row r="10786" spans="1:9" x14ac:dyDescent="0.25">
      <c r="A10786" s="3">
        <v>41856.52008101852</v>
      </c>
      <c r="B10786" s="6">
        <v>179553.59999999998</v>
      </c>
      <c r="C10786" s="7">
        <f t="shared" si="168"/>
        <v>179.55359999999999</v>
      </c>
      <c r="I10786" s="1"/>
    </row>
    <row r="10787" spans="1:9" x14ac:dyDescent="0.25">
      <c r="A10787" s="3">
        <v>41856.524722222224</v>
      </c>
      <c r="B10787" s="6">
        <v>179570.24999999997</v>
      </c>
      <c r="C10787" s="7">
        <f t="shared" si="168"/>
        <v>179.57024999999996</v>
      </c>
      <c r="I10787" s="1"/>
    </row>
    <row r="10788" spans="1:9" x14ac:dyDescent="0.25">
      <c r="A10788" s="3">
        <v>41856.52480324074</v>
      </c>
      <c r="B10788" s="6">
        <v>179586.9</v>
      </c>
      <c r="C10788" s="7">
        <f t="shared" si="168"/>
        <v>179.58689999999999</v>
      </c>
      <c r="I10788" s="1"/>
    </row>
    <row r="10789" spans="1:9" x14ac:dyDescent="0.25">
      <c r="A10789" s="3">
        <v>41856.525775462964</v>
      </c>
      <c r="B10789" s="6">
        <v>179603.55</v>
      </c>
      <c r="C10789" s="7">
        <f t="shared" si="168"/>
        <v>179.60354999999998</v>
      </c>
      <c r="I10789" s="1"/>
    </row>
    <row r="10790" spans="1:9" x14ac:dyDescent="0.25">
      <c r="A10790" s="3">
        <v>41856.525856481479</v>
      </c>
      <c r="B10790" s="6">
        <v>179620.19999999998</v>
      </c>
      <c r="C10790" s="7">
        <f t="shared" si="168"/>
        <v>179.62019999999998</v>
      </c>
      <c r="I10790" s="1"/>
    </row>
    <row r="10791" spans="1:9" x14ac:dyDescent="0.25">
      <c r="A10791" s="3">
        <v>41856.528217592589</v>
      </c>
      <c r="B10791" s="6">
        <v>179636.84999999998</v>
      </c>
      <c r="C10791" s="7">
        <f t="shared" si="168"/>
        <v>179.63684999999998</v>
      </c>
      <c r="I10791" s="1"/>
    </row>
    <row r="10792" spans="1:9" x14ac:dyDescent="0.25">
      <c r="A10792" s="3">
        <v>41856.528310185182</v>
      </c>
      <c r="B10792" s="6">
        <v>179653.49999999997</v>
      </c>
      <c r="C10792" s="7">
        <f t="shared" si="168"/>
        <v>179.65349999999998</v>
      </c>
      <c r="I10792" s="1"/>
    </row>
    <row r="10793" spans="1:9" x14ac:dyDescent="0.25">
      <c r="A10793" s="3">
        <v>41856.530729166669</v>
      </c>
      <c r="B10793" s="6">
        <v>179670.15</v>
      </c>
      <c r="C10793" s="7">
        <f t="shared" si="168"/>
        <v>179.67015000000001</v>
      </c>
      <c r="I10793" s="1"/>
    </row>
    <row r="10794" spans="1:9" x14ac:dyDescent="0.25">
      <c r="A10794" s="3">
        <v>41856.530925925923</v>
      </c>
      <c r="B10794" s="6">
        <v>179686.8</v>
      </c>
      <c r="C10794" s="7">
        <f t="shared" si="168"/>
        <v>179.68679999999998</v>
      </c>
      <c r="I10794" s="1"/>
    </row>
    <row r="10795" spans="1:9" x14ac:dyDescent="0.25">
      <c r="A10795" s="3">
        <v>41856.533182870371</v>
      </c>
      <c r="B10795" s="6">
        <v>179703.44999999998</v>
      </c>
      <c r="C10795" s="7">
        <f t="shared" si="168"/>
        <v>179.70344999999998</v>
      </c>
      <c r="I10795" s="1"/>
    </row>
    <row r="10796" spans="1:9" x14ac:dyDescent="0.25">
      <c r="A10796" s="3">
        <v>41856.533379629633</v>
      </c>
      <c r="B10796" s="6">
        <v>179720.09999999998</v>
      </c>
      <c r="C10796" s="7">
        <f t="shared" si="168"/>
        <v>179.72009999999997</v>
      </c>
      <c r="I10796" s="1"/>
    </row>
    <row r="10797" spans="1:9" x14ac:dyDescent="0.25">
      <c r="A10797" s="3">
        <v>41856.53769675926</v>
      </c>
      <c r="B10797" s="6">
        <v>179736.74999999997</v>
      </c>
      <c r="C10797" s="7">
        <f t="shared" si="168"/>
        <v>179.73674999999997</v>
      </c>
      <c r="I10797" s="1"/>
    </row>
    <row r="10798" spans="1:9" x14ac:dyDescent="0.25">
      <c r="A10798" s="3">
        <v>41856.537962962961</v>
      </c>
      <c r="B10798" s="6">
        <v>179753.4</v>
      </c>
      <c r="C10798" s="7">
        <f t="shared" si="168"/>
        <v>179.7534</v>
      </c>
      <c r="I10798" s="1"/>
    </row>
    <row r="10799" spans="1:9" x14ac:dyDescent="0.25">
      <c r="A10799" s="3">
        <v>41856.548819444448</v>
      </c>
      <c r="B10799" s="6">
        <v>179770.05</v>
      </c>
      <c r="C10799" s="7">
        <f t="shared" si="168"/>
        <v>179.77005</v>
      </c>
      <c r="I10799" s="1"/>
    </row>
    <row r="10800" spans="1:9" x14ac:dyDescent="0.25">
      <c r="A10800" s="3">
        <v>41856.549155092594</v>
      </c>
      <c r="B10800" s="6">
        <v>179786.69999999998</v>
      </c>
      <c r="C10800" s="7">
        <f t="shared" si="168"/>
        <v>179.7867</v>
      </c>
      <c r="I10800" s="1"/>
    </row>
    <row r="10801" spans="1:9" x14ac:dyDescent="0.25">
      <c r="A10801" s="3">
        <v>41856.554386574076</v>
      </c>
      <c r="B10801" s="6">
        <v>179803.34999999998</v>
      </c>
      <c r="C10801" s="7">
        <f t="shared" si="168"/>
        <v>179.80334999999997</v>
      </c>
      <c r="I10801" s="1"/>
    </row>
    <row r="10802" spans="1:9" x14ac:dyDescent="0.25">
      <c r="A10802" s="3">
        <v>41856.554502314815</v>
      </c>
      <c r="B10802" s="6">
        <v>179819.99999999997</v>
      </c>
      <c r="C10802" s="7">
        <f t="shared" si="168"/>
        <v>179.81999999999996</v>
      </c>
      <c r="I10802" s="1"/>
    </row>
    <row r="10803" spans="1:9" x14ac:dyDescent="0.25">
      <c r="A10803" s="3">
        <v>41856.557083333333</v>
      </c>
      <c r="B10803" s="6">
        <v>179836.65</v>
      </c>
      <c r="C10803" s="7">
        <f t="shared" si="168"/>
        <v>179.83664999999999</v>
      </c>
      <c r="I10803" s="1"/>
    </row>
    <row r="10804" spans="1:9" x14ac:dyDescent="0.25">
      <c r="A10804" s="3">
        <v>41856.559050925927</v>
      </c>
      <c r="B10804" s="6">
        <v>179853.3</v>
      </c>
      <c r="C10804" s="7">
        <f t="shared" si="168"/>
        <v>179.85329999999999</v>
      </c>
      <c r="I10804" s="1"/>
    </row>
    <row r="10805" spans="1:9" x14ac:dyDescent="0.25">
      <c r="A10805" s="3">
        <v>41856.566840277781</v>
      </c>
      <c r="B10805" s="6">
        <v>179869.94999999998</v>
      </c>
      <c r="C10805" s="7">
        <f t="shared" si="168"/>
        <v>179.86994999999999</v>
      </c>
      <c r="I10805" s="1"/>
    </row>
    <row r="10806" spans="1:9" x14ac:dyDescent="0.25">
      <c r="A10806" s="3">
        <v>41856.567048611112</v>
      </c>
      <c r="B10806" s="6">
        <v>179886.59999999998</v>
      </c>
      <c r="C10806" s="7">
        <f t="shared" si="168"/>
        <v>179.88659999999999</v>
      </c>
      <c r="I10806" s="1"/>
    </row>
    <row r="10807" spans="1:9" x14ac:dyDescent="0.25">
      <c r="A10807" s="3">
        <v>41856.572453703702</v>
      </c>
      <c r="B10807" s="6">
        <v>179903.24999999997</v>
      </c>
      <c r="C10807" s="7">
        <f t="shared" si="168"/>
        <v>179.90324999999996</v>
      </c>
      <c r="I10807" s="1"/>
    </row>
    <row r="10808" spans="1:9" x14ac:dyDescent="0.25">
      <c r="A10808" s="3">
        <v>41856.572638888887</v>
      </c>
      <c r="B10808" s="6">
        <v>179919.9</v>
      </c>
      <c r="C10808" s="7">
        <f t="shared" si="168"/>
        <v>179.91989999999998</v>
      </c>
      <c r="I10808" s="1"/>
    </row>
    <row r="10809" spans="1:9" x14ac:dyDescent="0.25">
      <c r="A10809" s="3">
        <v>41856.573946759258</v>
      </c>
      <c r="B10809" s="6">
        <v>179936.55</v>
      </c>
      <c r="C10809" s="7">
        <f t="shared" si="168"/>
        <v>179.93654999999998</v>
      </c>
      <c r="I10809" s="1"/>
    </row>
    <row r="10810" spans="1:9" x14ac:dyDescent="0.25">
      <c r="A10810" s="3">
        <v>41856.574097222219</v>
      </c>
      <c r="B10810" s="6">
        <v>179953.19999999998</v>
      </c>
      <c r="C10810" s="7">
        <f t="shared" si="168"/>
        <v>179.95319999999998</v>
      </c>
      <c r="I10810" s="1"/>
    </row>
    <row r="10811" spans="1:9" x14ac:dyDescent="0.25">
      <c r="A10811" s="3">
        <v>41856.585046296299</v>
      </c>
      <c r="B10811" s="6">
        <v>179969.84999999998</v>
      </c>
      <c r="C10811" s="7">
        <f t="shared" si="168"/>
        <v>179.96984999999998</v>
      </c>
      <c r="I10811" s="1"/>
    </row>
    <row r="10812" spans="1:9" x14ac:dyDescent="0.25">
      <c r="A10812" s="3">
        <v>41856.585219907407</v>
      </c>
      <c r="B10812" s="6">
        <v>179986.49999999997</v>
      </c>
      <c r="C10812" s="7">
        <f t="shared" si="168"/>
        <v>179.98649999999998</v>
      </c>
      <c r="I10812" s="1"/>
    </row>
    <row r="10813" spans="1:9" x14ac:dyDescent="0.25">
      <c r="A10813" s="3">
        <v>41856.593657407408</v>
      </c>
      <c r="B10813" s="6">
        <v>180003.15</v>
      </c>
      <c r="C10813" s="7">
        <f t="shared" si="168"/>
        <v>180.00315000000001</v>
      </c>
      <c r="I10813" s="1"/>
    </row>
    <row r="10814" spans="1:9" x14ac:dyDescent="0.25">
      <c r="A10814" s="3">
        <v>41856.593877314815</v>
      </c>
      <c r="B10814" s="6">
        <v>180019.8</v>
      </c>
      <c r="C10814" s="7">
        <f t="shared" si="168"/>
        <v>180.01979999999998</v>
      </c>
      <c r="I10814" s="1"/>
    </row>
    <row r="10815" spans="1:9" x14ac:dyDescent="0.25">
      <c r="A10815" s="3">
        <v>41856.600787037038</v>
      </c>
      <c r="B10815" s="6">
        <v>180036.44999999998</v>
      </c>
      <c r="C10815" s="7">
        <f t="shared" si="168"/>
        <v>180.03644999999997</v>
      </c>
      <c r="I10815" s="1"/>
    </row>
    <row r="10816" spans="1:9" x14ac:dyDescent="0.25">
      <c r="A10816" s="3">
        <v>41856.601053240738</v>
      </c>
      <c r="B10816" s="6">
        <v>180053.09999999998</v>
      </c>
      <c r="C10816" s="7">
        <f t="shared" si="168"/>
        <v>180.05309999999997</v>
      </c>
      <c r="I10816" s="1"/>
    </row>
    <row r="10817" spans="1:9" x14ac:dyDescent="0.25">
      <c r="A10817" s="3">
        <v>41856.603668981479</v>
      </c>
      <c r="B10817" s="6">
        <v>180069.74999999997</v>
      </c>
      <c r="C10817" s="7">
        <f t="shared" si="168"/>
        <v>180.06974999999997</v>
      </c>
      <c r="I10817" s="1"/>
    </row>
    <row r="10818" spans="1:9" x14ac:dyDescent="0.25">
      <c r="A10818" s="3">
        <v>41856.603796296295</v>
      </c>
      <c r="B10818" s="6">
        <v>180086.39999999999</v>
      </c>
      <c r="C10818" s="7">
        <f t="shared" si="168"/>
        <v>180.0864</v>
      </c>
      <c r="I10818" s="1"/>
    </row>
    <row r="10819" spans="1:9" x14ac:dyDescent="0.25">
      <c r="A10819" s="3">
        <v>41856.607129629629</v>
      </c>
      <c r="B10819" s="6">
        <v>180103.05</v>
      </c>
      <c r="C10819" s="7">
        <f t="shared" ref="C10819:C10882" si="169">B10819/1000</f>
        <v>180.10305</v>
      </c>
      <c r="I10819" s="1"/>
    </row>
    <row r="10820" spans="1:9" x14ac:dyDescent="0.25">
      <c r="A10820" s="3">
        <v>41856.607418981483</v>
      </c>
      <c r="B10820" s="6">
        <v>180119.69999999998</v>
      </c>
      <c r="C10820" s="7">
        <f t="shared" si="169"/>
        <v>180.11969999999999</v>
      </c>
      <c r="I10820" s="1"/>
    </row>
    <row r="10821" spans="1:9" x14ac:dyDescent="0.25">
      <c r="A10821" s="3">
        <v>41856.60832175926</v>
      </c>
      <c r="B10821" s="6">
        <v>180136.34999999998</v>
      </c>
      <c r="C10821" s="7">
        <f t="shared" si="169"/>
        <v>180.13634999999996</v>
      </c>
      <c r="I10821" s="1"/>
    </row>
    <row r="10822" spans="1:9" x14ac:dyDescent="0.25">
      <c r="A10822" s="3">
        <v>41856.608449074076</v>
      </c>
      <c r="B10822" s="6">
        <v>180152.99999999997</v>
      </c>
      <c r="C10822" s="7">
        <f t="shared" si="169"/>
        <v>180.15299999999996</v>
      </c>
      <c r="I10822" s="1"/>
    </row>
    <row r="10823" spans="1:9" x14ac:dyDescent="0.25">
      <c r="A10823" s="3">
        <v>41856.611562500002</v>
      </c>
      <c r="B10823" s="6">
        <v>180169.65</v>
      </c>
      <c r="C10823" s="7">
        <f t="shared" si="169"/>
        <v>180.16964999999999</v>
      </c>
      <c r="I10823" s="1"/>
    </row>
    <row r="10824" spans="1:9" x14ac:dyDescent="0.25">
      <c r="A10824" s="3">
        <v>41856.61204861111</v>
      </c>
      <c r="B10824" s="6">
        <v>180186.3</v>
      </c>
      <c r="C10824" s="7">
        <f t="shared" si="169"/>
        <v>180.18629999999999</v>
      </c>
      <c r="I10824" s="1"/>
    </row>
    <row r="10825" spans="1:9" x14ac:dyDescent="0.25">
      <c r="A10825" s="3">
        <v>41856.616805555554</v>
      </c>
      <c r="B10825" s="6">
        <v>180202.94999999998</v>
      </c>
      <c r="C10825" s="7">
        <f t="shared" si="169"/>
        <v>180.20294999999999</v>
      </c>
      <c r="I10825" s="1"/>
    </row>
    <row r="10826" spans="1:9" x14ac:dyDescent="0.25">
      <c r="A10826" s="3">
        <v>41856.616932870369</v>
      </c>
      <c r="B10826" s="6">
        <v>180219.59999999998</v>
      </c>
      <c r="C10826" s="7">
        <f t="shared" si="169"/>
        <v>180.21959999999999</v>
      </c>
      <c r="I10826" s="1"/>
    </row>
    <row r="10827" spans="1:9" x14ac:dyDescent="0.25">
      <c r="A10827" s="3">
        <v>41856.62127314815</v>
      </c>
      <c r="B10827" s="6">
        <v>180236.24999999997</v>
      </c>
      <c r="C10827" s="7">
        <f t="shared" si="169"/>
        <v>180.23624999999998</v>
      </c>
      <c r="I10827" s="1"/>
    </row>
    <row r="10828" spans="1:9" x14ac:dyDescent="0.25">
      <c r="A10828" s="3">
        <v>41856.621817129628</v>
      </c>
      <c r="B10828" s="6">
        <v>180252.9</v>
      </c>
      <c r="C10828" s="7">
        <f t="shared" si="169"/>
        <v>180.25289999999998</v>
      </c>
      <c r="I10828" s="1"/>
    </row>
    <row r="10829" spans="1:9" x14ac:dyDescent="0.25">
      <c r="A10829" s="3">
        <v>41856.627604166664</v>
      </c>
      <c r="B10829" s="6">
        <v>180269.55</v>
      </c>
      <c r="C10829" s="7">
        <f t="shared" si="169"/>
        <v>180.26954999999998</v>
      </c>
      <c r="I10829" s="1"/>
    </row>
    <row r="10830" spans="1:9" x14ac:dyDescent="0.25">
      <c r="A10830" s="3">
        <v>41856.627685185187</v>
      </c>
      <c r="B10830" s="6">
        <v>180286.19999999998</v>
      </c>
      <c r="C10830" s="7">
        <f t="shared" si="169"/>
        <v>180.28619999999998</v>
      </c>
      <c r="I10830" s="1"/>
    </row>
    <row r="10831" spans="1:9" x14ac:dyDescent="0.25">
      <c r="A10831" s="3">
        <v>41856.62976851852</v>
      </c>
      <c r="B10831" s="6">
        <v>180302.84999999998</v>
      </c>
      <c r="C10831" s="7">
        <f t="shared" si="169"/>
        <v>180.30284999999998</v>
      </c>
      <c r="I10831" s="1"/>
    </row>
    <row r="10832" spans="1:9" x14ac:dyDescent="0.25">
      <c r="A10832" s="3">
        <v>41856.629884259259</v>
      </c>
      <c r="B10832" s="6">
        <v>180319.49999999997</v>
      </c>
      <c r="C10832" s="7">
        <f t="shared" si="169"/>
        <v>180.31949999999998</v>
      </c>
      <c r="I10832" s="1"/>
    </row>
    <row r="10833" spans="1:9" x14ac:dyDescent="0.25">
      <c r="A10833" s="3">
        <v>41856.631342592591</v>
      </c>
      <c r="B10833" s="6">
        <v>180336.15</v>
      </c>
      <c r="C10833" s="7">
        <f t="shared" si="169"/>
        <v>180.33615</v>
      </c>
      <c r="I10833" s="1"/>
    </row>
    <row r="10834" spans="1:9" x14ac:dyDescent="0.25">
      <c r="A10834" s="3">
        <v>41856.633206018516</v>
      </c>
      <c r="B10834" s="6">
        <v>180352.8</v>
      </c>
      <c r="C10834" s="7">
        <f t="shared" si="169"/>
        <v>180.3528</v>
      </c>
      <c r="I10834" s="1"/>
    </row>
    <row r="10835" spans="1:9" x14ac:dyDescent="0.25">
      <c r="A10835" s="3">
        <v>41856.640324074076</v>
      </c>
      <c r="B10835" s="6">
        <v>180369.44999999998</v>
      </c>
      <c r="C10835" s="7">
        <f t="shared" si="169"/>
        <v>180.36944999999997</v>
      </c>
      <c r="I10835" s="1"/>
    </row>
    <row r="10836" spans="1:9" x14ac:dyDescent="0.25">
      <c r="A10836" s="3">
        <v>41856.640393518515</v>
      </c>
      <c r="B10836" s="6">
        <v>180386.09999999998</v>
      </c>
      <c r="C10836" s="7">
        <f t="shared" si="169"/>
        <v>180.38609999999997</v>
      </c>
      <c r="I10836" s="1"/>
    </row>
    <row r="10837" spans="1:9" x14ac:dyDescent="0.25">
      <c r="A10837" s="3">
        <v>41856.645277777781</v>
      </c>
      <c r="B10837" s="6">
        <v>180402.74999999997</v>
      </c>
      <c r="C10837" s="7">
        <f t="shared" si="169"/>
        <v>180.40274999999997</v>
      </c>
      <c r="I10837" s="1"/>
    </row>
    <row r="10838" spans="1:9" x14ac:dyDescent="0.25">
      <c r="A10838" s="3">
        <v>41856.645416666666</v>
      </c>
      <c r="B10838" s="6">
        <v>180419.4</v>
      </c>
      <c r="C10838" s="7">
        <f t="shared" si="169"/>
        <v>180.4194</v>
      </c>
      <c r="I10838" s="1"/>
    </row>
    <row r="10839" spans="1:9" x14ac:dyDescent="0.25">
      <c r="A10839" s="3">
        <v>41856.6481712963</v>
      </c>
      <c r="B10839" s="6">
        <v>180436.05</v>
      </c>
      <c r="C10839" s="7">
        <f t="shared" si="169"/>
        <v>180.43604999999999</v>
      </c>
      <c r="I10839" s="1"/>
    </row>
    <row r="10840" spans="1:9" x14ac:dyDescent="0.25">
      <c r="A10840" s="3">
        <v>41856.648344907408</v>
      </c>
      <c r="B10840" s="6">
        <v>180452.69999999998</v>
      </c>
      <c r="C10840" s="7">
        <f t="shared" si="169"/>
        <v>180.45269999999999</v>
      </c>
      <c r="I10840" s="1"/>
    </row>
    <row r="10841" spans="1:9" x14ac:dyDescent="0.25">
      <c r="A10841" s="3">
        <v>41856.653599537036</v>
      </c>
      <c r="B10841" s="6">
        <v>180469.34999999998</v>
      </c>
      <c r="C10841" s="7">
        <f t="shared" si="169"/>
        <v>180.46934999999996</v>
      </c>
      <c r="I10841" s="1"/>
    </row>
    <row r="10842" spans="1:9" x14ac:dyDescent="0.25">
      <c r="A10842" s="3">
        <v>41856.653726851851</v>
      </c>
      <c r="B10842" s="6">
        <v>180485.99999999997</v>
      </c>
      <c r="C10842" s="7">
        <f t="shared" si="169"/>
        <v>180.48599999999996</v>
      </c>
      <c r="I10842" s="1"/>
    </row>
    <row r="10843" spans="1:9" x14ac:dyDescent="0.25">
      <c r="A10843" s="3">
        <v>41856.657106481478</v>
      </c>
      <c r="B10843" s="6">
        <v>180502.65</v>
      </c>
      <c r="C10843" s="7">
        <f t="shared" si="169"/>
        <v>180.50264999999999</v>
      </c>
      <c r="I10843" s="1"/>
    </row>
    <row r="10844" spans="1:9" x14ac:dyDescent="0.25">
      <c r="A10844" s="3">
        <v>41856.658854166664</v>
      </c>
      <c r="B10844" s="6">
        <v>180519.3</v>
      </c>
      <c r="C10844" s="7">
        <f t="shared" si="169"/>
        <v>180.51929999999999</v>
      </c>
      <c r="I10844" s="1"/>
    </row>
    <row r="10845" spans="1:9" x14ac:dyDescent="0.25">
      <c r="A10845" s="3">
        <v>41856.661574074074</v>
      </c>
      <c r="B10845" s="6">
        <v>180535.94999999998</v>
      </c>
      <c r="C10845" s="7">
        <f t="shared" si="169"/>
        <v>180.53594999999999</v>
      </c>
      <c r="I10845" s="1"/>
    </row>
    <row r="10846" spans="1:9" x14ac:dyDescent="0.25">
      <c r="A10846" s="3">
        <v>41856.662557870368</v>
      </c>
      <c r="B10846" s="6">
        <v>180552.59999999998</v>
      </c>
      <c r="C10846" s="7">
        <f t="shared" si="169"/>
        <v>180.55259999999998</v>
      </c>
      <c r="I10846" s="1"/>
    </row>
    <row r="10847" spans="1:9" x14ac:dyDescent="0.25">
      <c r="A10847" s="3">
        <v>41856.667071759257</v>
      </c>
      <c r="B10847" s="6">
        <v>180569.24999999997</v>
      </c>
      <c r="C10847" s="7">
        <f t="shared" si="169"/>
        <v>180.56924999999998</v>
      </c>
      <c r="I10847" s="1"/>
    </row>
    <row r="10848" spans="1:9" x14ac:dyDescent="0.25">
      <c r="A10848" s="3">
        <v>41856.667256944442</v>
      </c>
      <c r="B10848" s="6">
        <v>180585.9</v>
      </c>
      <c r="C10848" s="7">
        <f t="shared" si="169"/>
        <v>180.58589999999998</v>
      </c>
      <c r="I10848" s="1"/>
    </row>
    <row r="10849" spans="1:9" x14ac:dyDescent="0.25">
      <c r="A10849" s="3">
        <v>41856.66851851852</v>
      </c>
      <c r="B10849" s="6">
        <v>180602.55</v>
      </c>
      <c r="C10849" s="7">
        <f t="shared" si="169"/>
        <v>180.60254999999998</v>
      </c>
      <c r="I10849" s="1"/>
    </row>
    <row r="10850" spans="1:9" x14ac:dyDescent="0.25">
      <c r="A10850" s="3">
        <v>41856.668715277781</v>
      </c>
      <c r="B10850" s="6">
        <v>180619.19999999998</v>
      </c>
      <c r="C10850" s="7">
        <f t="shared" si="169"/>
        <v>180.61919999999998</v>
      </c>
      <c r="I10850" s="1"/>
    </row>
    <row r="10851" spans="1:9" x14ac:dyDescent="0.25">
      <c r="A10851" s="3">
        <v>41856.671412037038</v>
      </c>
      <c r="B10851" s="6">
        <v>180635.84999999998</v>
      </c>
      <c r="C10851" s="7">
        <f t="shared" si="169"/>
        <v>180.63584999999998</v>
      </c>
      <c r="I10851" s="1"/>
    </row>
    <row r="10852" spans="1:9" x14ac:dyDescent="0.25">
      <c r="A10852" s="3">
        <v>41856.672974537039</v>
      </c>
      <c r="B10852" s="6">
        <v>180652.49999999997</v>
      </c>
      <c r="C10852" s="7">
        <f t="shared" si="169"/>
        <v>180.65249999999997</v>
      </c>
      <c r="I10852" s="1"/>
    </row>
    <row r="10853" spans="1:9" x14ac:dyDescent="0.25">
      <c r="A10853" s="3">
        <v>41856.679942129631</v>
      </c>
      <c r="B10853" s="6">
        <v>180669.15</v>
      </c>
      <c r="C10853" s="7">
        <f t="shared" si="169"/>
        <v>180.66915</v>
      </c>
      <c r="I10853" s="1"/>
    </row>
    <row r="10854" spans="1:9" x14ac:dyDescent="0.25">
      <c r="A10854" s="3">
        <v>41856.680069444446</v>
      </c>
      <c r="B10854" s="6">
        <v>180685.8</v>
      </c>
      <c r="C10854" s="7">
        <f t="shared" si="169"/>
        <v>180.6858</v>
      </c>
      <c r="I10854" s="1"/>
    </row>
    <row r="10855" spans="1:9" x14ac:dyDescent="0.25">
      <c r="A10855" s="3">
        <v>41856.681909722225</v>
      </c>
      <c r="B10855" s="6">
        <v>180702.44999999998</v>
      </c>
      <c r="C10855" s="7">
        <f t="shared" si="169"/>
        <v>180.70244999999997</v>
      </c>
      <c r="I10855" s="1"/>
    </row>
    <row r="10856" spans="1:9" x14ac:dyDescent="0.25">
      <c r="A10856" s="3">
        <v>41856.682222222225</v>
      </c>
      <c r="B10856" s="6">
        <v>180719.09999999998</v>
      </c>
      <c r="C10856" s="7">
        <f t="shared" si="169"/>
        <v>180.71909999999997</v>
      </c>
      <c r="I10856" s="1"/>
    </row>
    <row r="10857" spans="1:9" x14ac:dyDescent="0.25">
      <c r="A10857" s="3">
        <v>41856.687395833331</v>
      </c>
      <c r="B10857" s="6">
        <v>180735.74999999997</v>
      </c>
      <c r="C10857" s="7">
        <f t="shared" si="169"/>
        <v>180.73574999999997</v>
      </c>
      <c r="I10857" s="1"/>
    </row>
    <row r="10858" spans="1:9" x14ac:dyDescent="0.25">
      <c r="A10858" s="3">
        <v>41856.687638888892</v>
      </c>
      <c r="B10858" s="6">
        <v>180752.4</v>
      </c>
      <c r="C10858" s="7">
        <f t="shared" si="169"/>
        <v>180.75239999999999</v>
      </c>
      <c r="I10858" s="1"/>
    </row>
    <row r="10859" spans="1:9" x14ac:dyDescent="0.25">
      <c r="A10859" s="3">
        <v>41856.698414351849</v>
      </c>
      <c r="B10859" s="6">
        <v>180769.05</v>
      </c>
      <c r="C10859" s="7">
        <f t="shared" si="169"/>
        <v>180.76904999999999</v>
      </c>
      <c r="I10859" s="1"/>
    </row>
    <row r="10860" spans="1:9" x14ac:dyDescent="0.25">
      <c r="A10860" s="3">
        <v>41856.698587962965</v>
      </c>
      <c r="B10860" s="6">
        <v>180785.69999999998</v>
      </c>
      <c r="C10860" s="7">
        <f t="shared" si="169"/>
        <v>180.78569999999999</v>
      </c>
      <c r="I10860" s="1"/>
    </row>
    <row r="10861" spans="1:9" x14ac:dyDescent="0.25">
      <c r="A10861" s="3">
        <v>41856.707962962966</v>
      </c>
      <c r="B10861" s="6">
        <v>180802.34999999998</v>
      </c>
      <c r="C10861" s="7">
        <f t="shared" si="169"/>
        <v>180.80234999999999</v>
      </c>
      <c r="I10861" s="1"/>
    </row>
    <row r="10862" spans="1:9" x14ac:dyDescent="0.25">
      <c r="A10862" s="3">
        <v>41856.708124999997</v>
      </c>
      <c r="B10862" s="6">
        <v>180818.99999999997</v>
      </c>
      <c r="C10862" s="7">
        <f t="shared" si="169"/>
        <v>180.81899999999996</v>
      </c>
      <c r="I10862" s="1"/>
    </row>
    <row r="10863" spans="1:9" x14ac:dyDescent="0.25">
      <c r="A10863" s="3">
        <v>41856.712233796294</v>
      </c>
      <c r="B10863" s="6">
        <v>180835.65</v>
      </c>
      <c r="C10863" s="7">
        <f t="shared" si="169"/>
        <v>180.83564999999999</v>
      </c>
      <c r="I10863" s="1"/>
    </row>
    <row r="10864" spans="1:9" x14ac:dyDescent="0.25">
      <c r="A10864" s="3">
        <v>41856.712337962963</v>
      </c>
      <c r="B10864" s="6">
        <v>180852.3</v>
      </c>
      <c r="C10864" s="7">
        <f t="shared" si="169"/>
        <v>180.85229999999999</v>
      </c>
      <c r="I10864" s="1"/>
    </row>
    <row r="10865" spans="1:9" x14ac:dyDescent="0.25">
      <c r="A10865" s="3">
        <v>41856.713831018518</v>
      </c>
      <c r="B10865" s="6">
        <v>180868.94999999998</v>
      </c>
      <c r="C10865" s="7">
        <f t="shared" si="169"/>
        <v>180.86894999999998</v>
      </c>
      <c r="I10865" s="1"/>
    </row>
    <row r="10866" spans="1:9" x14ac:dyDescent="0.25">
      <c r="A10866" s="3">
        <v>41856.714837962965</v>
      </c>
      <c r="B10866" s="6">
        <v>180885.59999999998</v>
      </c>
      <c r="C10866" s="7">
        <f t="shared" si="169"/>
        <v>180.88559999999998</v>
      </c>
      <c r="I10866" s="1"/>
    </row>
    <row r="10867" spans="1:9" x14ac:dyDescent="0.25">
      <c r="A10867" s="3">
        <v>41856.716805555552</v>
      </c>
      <c r="B10867" s="6">
        <v>180902.24999999997</v>
      </c>
      <c r="C10867" s="7">
        <f t="shared" si="169"/>
        <v>180.90224999999998</v>
      </c>
      <c r="I10867" s="1"/>
    </row>
    <row r="10868" spans="1:9" x14ac:dyDescent="0.25">
      <c r="A10868" s="3">
        <v>41856.717037037037</v>
      </c>
      <c r="B10868" s="6">
        <v>180918.9</v>
      </c>
      <c r="C10868" s="7">
        <f t="shared" si="169"/>
        <v>180.91890000000001</v>
      </c>
      <c r="I10868" s="1"/>
    </row>
    <row r="10869" spans="1:9" x14ac:dyDescent="0.25">
      <c r="A10869" s="3">
        <v>41856.719328703701</v>
      </c>
      <c r="B10869" s="6">
        <v>180935.55</v>
      </c>
      <c r="C10869" s="7">
        <f t="shared" si="169"/>
        <v>180.93554999999998</v>
      </c>
      <c r="I10869" s="1"/>
    </row>
    <row r="10870" spans="1:9" x14ac:dyDescent="0.25">
      <c r="A10870" s="3">
        <v>41856.71979166667</v>
      </c>
      <c r="B10870" s="6">
        <v>180952.19999999998</v>
      </c>
      <c r="C10870" s="7">
        <f t="shared" si="169"/>
        <v>180.95219999999998</v>
      </c>
      <c r="I10870" s="1"/>
    </row>
    <row r="10871" spans="1:9" x14ac:dyDescent="0.25">
      <c r="A10871" s="3">
        <v>41856.722581018519</v>
      </c>
      <c r="B10871" s="6">
        <v>180968.84999999998</v>
      </c>
      <c r="C10871" s="7">
        <f t="shared" si="169"/>
        <v>180.96884999999997</v>
      </c>
      <c r="I10871" s="1"/>
    </row>
    <row r="10872" spans="1:9" x14ac:dyDescent="0.25">
      <c r="A10872" s="3">
        <v>41856.722731481481</v>
      </c>
      <c r="B10872" s="6">
        <v>180985.49999999997</v>
      </c>
      <c r="C10872" s="7">
        <f t="shared" si="169"/>
        <v>180.98549999999997</v>
      </c>
      <c r="I10872" s="1"/>
    </row>
    <row r="10873" spans="1:9" x14ac:dyDescent="0.25">
      <c r="A10873" s="3">
        <v>41856.726979166669</v>
      </c>
      <c r="B10873" s="6">
        <v>181002.15</v>
      </c>
      <c r="C10873" s="7">
        <f t="shared" si="169"/>
        <v>181.00215</v>
      </c>
      <c r="I10873" s="1"/>
    </row>
    <row r="10874" spans="1:9" x14ac:dyDescent="0.25">
      <c r="A10874" s="3">
        <v>41856.730057870373</v>
      </c>
      <c r="B10874" s="6">
        <v>181018.8</v>
      </c>
      <c r="C10874" s="7">
        <f t="shared" si="169"/>
        <v>181.0188</v>
      </c>
      <c r="I10874" s="1"/>
    </row>
    <row r="10875" spans="1:9" x14ac:dyDescent="0.25">
      <c r="A10875" s="3">
        <v>41856.737905092596</v>
      </c>
      <c r="B10875" s="6">
        <v>181035.44999999998</v>
      </c>
      <c r="C10875" s="7">
        <f t="shared" si="169"/>
        <v>181.03544999999997</v>
      </c>
      <c r="I10875" s="1"/>
    </row>
    <row r="10876" spans="1:9" x14ac:dyDescent="0.25">
      <c r="A10876" s="3">
        <v>41856.738958333335</v>
      </c>
      <c r="B10876" s="6">
        <v>181052.09999999998</v>
      </c>
      <c r="C10876" s="7">
        <f t="shared" si="169"/>
        <v>181.05209999999997</v>
      </c>
      <c r="I10876" s="1"/>
    </row>
    <row r="10877" spans="1:9" x14ac:dyDescent="0.25">
      <c r="A10877" s="3">
        <v>41856.742256944446</v>
      </c>
      <c r="B10877" s="6">
        <v>181068.74999999997</v>
      </c>
      <c r="C10877" s="7">
        <f t="shared" si="169"/>
        <v>181.06874999999997</v>
      </c>
      <c r="I10877" s="1"/>
    </row>
    <row r="10878" spans="1:9" x14ac:dyDescent="0.25">
      <c r="A10878" s="3">
        <v>41856.742777777778</v>
      </c>
      <c r="B10878" s="6">
        <v>181085.4</v>
      </c>
      <c r="C10878" s="7">
        <f t="shared" si="169"/>
        <v>181.08539999999999</v>
      </c>
      <c r="I10878" s="1"/>
    </row>
    <row r="10879" spans="1:9" x14ac:dyDescent="0.25">
      <c r="A10879" s="3">
        <v>41856.743506944447</v>
      </c>
      <c r="B10879" s="6">
        <v>181102.05</v>
      </c>
      <c r="C10879" s="7">
        <f t="shared" si="169"/>
        <v>181.10204999999999</v>
      </c>
      <c r="I10879" s="1"/>
    </row>
    <row r="10880" spans="1:9" x14ac:dyDescent="0.25">
      <c r="A10880" s="3">
        <v>41856.743564814817</v>
      </c>
      <c r="B10880" s="6">
        <v>181118.69999999998</v>
      </c>
      <c r="C10880" s="7">
        <f t="shared" si="169"/>
        <v>181.11869999999999</v>
      </c>
      <c r="I10880" s="1"/>
    </row>
    <row r="10881" spans="1:9" x14ac:dyDescent="0.25">
      <c r="A10881" s="3">
        <v>41856.750277777777</v>
      </c>
      <c r="B10881" s="6">
        <v>181135.34999999998</v>
      </c>
      <c r="C10881" s="7">
        <f t="shared" si="169"/>
        <v>181.13534999999999</v>
      </c>
      <c r="I10881" s="1"/>
    </row>
    <row r="10882" spans="1:9" x14ac:dyDescent="0.25">
      <c r="A10882" s="3">
        <v>41856.75037037037</v>
      </c>
      <c r="B10882" s="6">
        <v>181151.99999999997</v>
      </c>
      <c r="C10882" s="7">
        <f t="shared" si="169"/>
        <v>181.15199999999996</v>
      </c>
      <c r="I10882" s="1"/>
    </row>
    <row r="10883" spans="1:9" x14ac:dyDescent="0.25">
      <c r="A10883" s="3">
        <v>41856.758576388886</v>
      </c>
      <c r="B10883" s="6">
        <v>181168.65</v>
      </c>
      <c r="C10883" s="7">
        <f t="shared" ref="C10883:C10946" si="170">B10883/1000</f>
        <v>181.16864999999999</v>
      </c>
      <c r="I10883" s="1"/>
    </row>
    <row r="10884" spans="1:9" x14ac:dyDescent="0.25">
      <c r="A10884" s="3">
        <v>41856.758657407408</v>
      </c>
      <c r="B10884" s="6">
        <v>181185.3</v>
      </c>
      <c r="C10884" s="7">
        <f t="shared" si="170"/>
        <v>181.18529999999998</v>
      </c>
      <c r="I10884" s="1"/>
    </row>
    <row r="10885" spans="1:9" x14ac:dyDescent="0.25">
      <c r="A10885" s="3">
        <v>41856.774826388886</v>
      </c>
      <c r="B10885" s="6">
        <v>181201.94999999998</v>
      </c>
      <c r="C10885" s="7">
        <f t="shared" si="170"/>
        <v>181.20194999999998</v>
      </c>
      <c r="I10885" s="1"/>
    </row>
    <row r="10886" spans="1:9" x14ac:dyDescent="0.25">
      <c r="A10886" s="3">
        <v>41856.776724537034</v>
      </c>
      <c r="B10886" s="6">
        <v>181218.59999999998</v>
      </c>
      <c r="C10886" s="7">
        <f t="shared" si="170"/>
        <v>181.21859999999998</v>
      </c>
      <c r="I10886" s="1"/>
    </row>
    <row r="10887" spans="1:9" x14ac:dyDescent="0.25">
      <c r="A10887" s="3">
        <v>41856.77884259259</v>
      </c>
      <c r="B10887" s="6">
        <v>181235.24999999997</v>
      </c>
      <c r="C10887" s="7">
        <f t="shared" si="170"/>
        <v>181.23524999999998</v>
      </c>
      <c r="I10887" s="1"/>
    </row>
    <row r="10888" spans="1:9" x14ac:dyDescent="0.25">
      <c r="A10888" s="3">
        <v>41856.778935185182</v>
      </c>
      <c r="B10888" s="6">
        <v>181251.9</v>
      </c>
      <c r="C10888" s="7">
        <f t="shared" si="170"/>
        <v>181.25190000000001</v>
      </c>
      <c r="I10888" s="1"/>
    </row>
    <row r="10889" spans="1:9" x14ac:dyDescent="0.25">
      <c r="A10889" s="3">
        <v>41856.785162037035</v>
      </c>
      <c r="B10889" s="6">
        <v>181268.55</v>
      </c>
      <c r="C10889" s="7">
        <f t="shared" si="170"/>
        <v>181.26854999999998</v>
      </c>
      <c r="I10889" s="1"/>
    </row>
    <row r="10890" spans="1:9" x14ac:dyDescent="0.25">
      <c r="A10890" s="3">
        <v>41856.78601851852</v>
      </c>
      <c r="B10890" s="6">
        <v>181285.19999999998</v>
      </c>
      <c r="C10890" s="7">
        <f t="shared" si="170"/>
        <v>181.28519999999997</v>
      </c>
      <c r="I10890" s="1"/>
    </row>
    <row r="10891" spans="1:9" x14ac:dyDescent="0.25">
      <c r="A10891" s="3">
        <v>41856.796979166669</v>
      </c>
      <c r="B10891" s="6">
        <v>181301.84999999998</v>
      </c>
      <c r="C10891" s="7">
        <f t="shared" si="170"/>
        <v>181.30184999999997</v>
      </c>
      <c r="I10891" s="1"/>
    </row>
    <row r="10892" spans="1:9" x14ac:dyDescent="0.25">
      <c r="A10892" s="3">
        <v>41856.797407407408</v>
      </c>
      <c r="B10892" s="6">
        <v>181318.49999999997</v>
      </c>
      <c r="C10892" s="7">
        <f t="shared" si="170"/>
        <v>181.31849999999997</v>
      </c>
      <c r="I10892" s="1"/>
    </row>
    <row r="10893" spans="1:9" x14ac:dyDescent="0.25">
      <c r="A10893" s="3">
        <v>41856.808657407404</v>
      </c>
      <c r="B10893" s="6">
        <v>181335.15</v>
      </c>
      <c r="C10893" s="7">
        <f t="shared" si="170"/>
        <v>181.33515</v>
      </c>
      <c r="I10893" s="1"/>
    </row>
    <row r="10894" spans="1:9" x14ac:dyDescent="0.25">
      <c r="A10894" s="3">
        <v>41856.809583333335</v>
      </c>
      <c r="B10894" s="6">
        <v>181351.8</v>
      </c>
      <c r="C10894" s="7">
        <f t="shared" si="170"/>
        <v>181.3518</v>
      </c>
      <c r="I10894" s="1"/>
    </row>
    <row r="10895" spans="1:9" x14ac:dyDescent="0.25">
      <c r="A10895" s="3">
        <v>41856.813564814816</v>
      </c>
      <c r="B10895" s="6">
        <v>181368.44999999998</v>
      </c>
      <c r="C10895" s="7">
        <f t="shared" si="170"/>
        <v>181.36845</v>
      </c>
      <c r="I10895" s="1"/>
    </row>
    <row r="10896" spans="1:9" x14ac:dyDescent="0.25">
      <c r="A10896" s="3">
        <v>41856.813668981478</v>
      </c>
      <c r="B10896" s="6">
        <v>181385.09999999998</v>
      </c>
      <c r="C10896" s="7">
        <f t="shared" si="170"/>
        <v>181.38509999999997</v>
      </c>
      <c r="I10896" s="1"/>
    </row>
    <row r="10897" spans="1:9" x14ac:dyDescent="0.25">
      <c r="A10897" s="3">
        <v>41856.819374999999</v>
      </c>
      <c r="B10897" s="6">
        <v>181401.74999999997</v>
      </c>
      <c r="C10897" s="7">
        <f t="shared" si="170"/>
        <v>181.40174999999996</v>
      </c>
      <c r="I10897" s="1"/>
    </row>
    <row r="10898" spans="1:9" x14ac:dyDescent="0.25">
      <c r="A10898" s="3">
        <v>41856.819513888891</v>
      </c>
      <c r="B10898" s="6">
        <v>181418.4</v>
      </c>
      <c r="C10898" s="7">
        <f t="shared" si="170"/>
        <v>181.41839999999999</v>
      </c>
      <c r="I10898" s="1"/>
    </row>
    <row r="10899" spans="1:9" x14ac:dyDescent="0.25">
      <c r="A10899" s="3">
        <v>41856.82439814815</v>
      </c>
      <c r="B10899" s="6">
        <v>181435.05</v>
      </c>
      <c r="C10899" s="7">
        <f t="shared" si="170"/>
        <v>181.43504999999999</v>
      </c>
      <c r="I10899" s="1"/>
    </row>
    <row r="10900" spans="1:9" x14ac:dyDescent="0.25">
      <c r="A10900" s="3">
        <v>41856.825949074075</v>
      </c>
      <c r="B10900" s="6">
        <v>181451.69999999998</v>
      </c>
      <c r="C10900" s="7">
        <f t="shared" si="170"/>
        <v>181.45169999999999</v>
      </c>
      <c r="I10900" s="1"/>
    </row>
    <row r="10901" spans="1:9" x14ac:dyDescent="0.25">
      <c r="A10901" s="3">
        <v>41856.840300925927</v>
      </c>
      <c r="B10901" s="6">
        <v>181468.34999999998</v>
      </c>
      <c r="C10901" s="7">
        <f t="shared" si="170"/>
        <v>181.46834999999999</v>
      </c>
      <c r="I10901" s="1"/>
    </row>
    <row r="10902" spans="1:9" x14ac:dyDescent="0.25">
      <c r="A10902" s="3">
        <v>41856.841550925928</v>
      </c>
      <c r="B10902" s="6">
        <v>181484.99999999997</v>
      </c>
      <c r="C10902" s="7">
        <f t="shared" si="170"/>
        <v>181.48499999999996</v>
      </c>
      <c r="I10902" s="1"/>
    </row>
    <row r="10903" spans="1:9" x14ac:dyDescent="0.25">
      <c r="A10903" s="3">
        <v>41856.844189814816</v>
      </c>
      <c r="B10903" s="6">
        <v>181501.65</v>
      </c>
      <c r="C10903" s="7">
        <f t="shared" si="170"/>
        <v>181.50164999999998</v>
      </c>
      <c r="I10903" s="1"/>
    </row>
    <row r="10904" spans="1:9" x14ac:dyDescent="0.25">
      <c r="A10904" s="3">
        <v>41856.844293981485</v>
      </c>
      <c r="B10904" s="6">
        <v>181518.3</v>
      </c>
      <c r="C10904" s="7">
        <f t="shared" si="170"/>
        <v>181.51829999999998</v>
      </c>
      <c r="I10904" s="1"/>
    </row>
    <row r="10905" spans="1:9" x14ac:dyDescent="0.25">
      <c r="A10905" s="3">
        <v>41856.848969907405</v>
      </c>
      <c r="B10905" s="6">
        <v>181534.94999999998</v>
      </c>
      <c r="C10905" s="7">
        <f t="shared" si="170"/>
        <v>181.53494999999998</v>
      </c>
      <c r="I10905" s="1"/>
    </row>
    <row r="10906" spans="1:9" x14ac:dyDescent="0.25">
      <c r="A10906" s="3">
        <v>41856.849189814813</v>
      </c>
      <c r="B10906" s="6">
        <v>181551.59999999998</v>
      </c>
      <c r="C10906" s="7">
        <f t="shared" si="170"/>
        <v>181.55159999999998</v>
      </c>
      <c r="I10906" s="1"/>
    </row>
    <row r="10907" spans="1:9" x14ac:dyDescent="0.25">
      <c r="A10907" s="3">
        <v>41856.853541666664</v>
      </c>
      <c r="B10907" s="6">
        <v>181568.24999999997</v>
      </c>
      <c r="C10907" s="7">
        <f t="shared" si="170"/>
        <v>181.56824999999998</v>
      </c>
      <c r="I10907" s="1"/>
    </row>
    <row r="10908" spans="1:9" x14ac:dyDescent="0.25">
      <c r="A10908" s="3">
        <v>41856.855682870373</v>
      </c>
      <c r="B10908" s="6">
        <v>181584.9</v>
      </c>
      <c r="C10908" s="7">
        <f t="shared" si="170"/>
        <v>181.5849</v>
      </c>
      <c r="I10908" s="1"/>
    </row>
    <row r="10909" spans="1:9" x14ac:dyDescent="0.25">
      <c r="A10909" s="3">
        <v>41856.86136574074</v>
      </c>
      <c r="B10909" s="6">
        <v>181601.55</v>
      </c>
      <c r="C10909" s="7">
        <f t="shared" si="170"/>
        <v>181.60154999999997</v>
      </c>
      <c r="I10909" s="1"/>
    </row>
    <row r="10910" spans="1:9" x14ac:dyDescent="0.25">
      <c r="A10910" s="3">
        <v>41856.865277777775</v>
      </c>
      <c r="B10910" s="6">
        <v>181618.19999999998</v>
      </c>
      <c r="C10910" s="7">
        <f t="shared" si="170"/>
        <v>181.61819999999997</v>
      </c>
      <c r="I10910" s="1"/>
    </row>
    <row r="10911" spans="1:9" x14ac:dyDescent="0.25">
      <c r="A10911" s="3">
        <v>41856.883773148147</v>
      </c>
      <c r="B10911" s="6">
        <v>181634.84999999998</v>
      </c>
      <c r="C10911" s="7">
        <f t="shared" si="170"/>
        <v>181.63484999999997</v>
      </c>
      <c r="I10911" s="1"/>
    </row>
    <row r="10912" spans="1:9" x14ac:dyDescent="0.25">
      <c r="A10912" s="3">
        <v>41856.884699074071</v>
      </c>
      <c r="B10912" s="6">
        <v>181651.49999999997</v>
      </c>
      <c r="C10912" s="7">
        <f t="shared" si="170"/>
        <v>181.65149999999997</v>
      </c>
      <c r="I10912" s="1"/>
    </row>
    <row r="10913" spans="1:9" x14ac:dyDescent="0.25">
      <c r="A10913" s="3">
        <v>41856.892013888886</v>
      </c>
      <c r="B10913" s="6">
        <v>181668.15</v>
      </c>
      <c r="C10913" s="7">
        <f t="shared" si="170"/>
        <v>181.66815</v>
      </c>
      <c r="I10913" s="1"/>
    </row>
    <row r="10914" spans="1:9" x14ac:dyDescent="0.25">
      <c r="A10914" s="3">
        <v>41856.89912037037</v>
      </c>
      <c r="B10914" s="6">
        <v>181684.8</v>
      </c>
      <c r="C10914" s="7">
        <f t="shared" si="170"/>
        <v>181.6848</v>
      </c>
      <c r="I10914" s="1"/>
    </row>
    <row r="10915" spans="1:9" x14ac:dyDescent="0.25">
      <c r="A10915" s="3">
        <v>41887.295555555553</v>
      </c>
      <c r="B10915" s="6">
        <v>181701.44999999998</v>
      </c>
      <c r="C10915" s="7">
        <f t="shared" si="170"/>
        <v>181.70144999999999</v>
      </c>
      <c r="I10915" s="1"/>
    </row>
    <row r="10916" spans="1:9" x14ac:dyDescent="0.25">
      <c r="A10916" s="3">
        <v>41887.296331018515</v>
      </c>
      <c r="B10916" s="6">
        <v>181718.09999999998</v>
      </c>
      <c r="C10916" s="7">
        <f t="shared" si="170"/>
        <v>181.71809999999996</v>
      </c>
      <c r="I10916" s="1"/>
    </row>
    <row r="10917" spans="1:9" x14ac:dyDescent="0.25">
      <c r="A10917" s="3">
        <v>41887.320567129631</v>
      </c>
      <c r="B10917" s="6">
        <v>181734.74999999997</v>
      </c>
      <c r="C10917" s="7">
        <f t="shared" si="170"/>
        <v>181.73474999999996</v>
      </c>
      <c r="I10917" s="1"/>
    </row>
    <row r="10918" spans="1:9" x14ac:dyDescent="0.25">
      <c r="A10918" s="3">
        <v>41887.322870370372</v>
      </c>
      <c r="B10918" s="6">
        <v>181751.4</v>
      </c>
      <c r="C10918" s="7">
        <f t="shared" si="170"/>
        <v>181.75139999999999</v>
      </c>
      <c r="I10918" s="1"/>
    </row>
    <row r="10919" spans="1:9" x14ac:dyDescent="0.25">
      <c r="A10919" s="3">
        <v>41887.350069444445</v>
      </c>
      <c r="B10919" s="6">
        <v>181768.05</v>
      </c>
      <c r="C10919" s="7">
        <f t="shared" si="170"/>
        <v>181.76804999999999</v>
      </c>
      <c r="I10919" s="1"/>
    </row>
    <row r="10920" spans="1:9" x14ac:dyDescent="0.25">
      <c r="A10920" s="3">
        <v>41887.351446759261</v>
      </c>
      <c r="B10920" s="6">
        <v>181784.69999999998</v>
      </c>
      <c r="C10920" s="7">
        <f t="shared" si="170"/>
        <v>181.78469999999999</v>
      </c>
      <c r="I10920" s="1"/>
    </row>
    <row r="10921" spans="1:9" x14ac:dyDescent="0.25">
      <c r="A10921" s="3">
        <v>41887.358749999999</v>
      </c>
      <c r="B10921" s="6">
        <v>181801.34999999998</v>
      </c>
      <c r="C10921" s="7">
        <f t="shared" si="170"/>
        <v>181.80134999999999</v>
      </c>
      <c r="I10921" s="1"/>
    </row>
    <row r="10922" spans="1:9" x14ac:dyDescent="0.25">
      <c r="A10922" s="3">
        <v>41887.359074074076</v>
      </c>
      <c r="B10922" s="6">
        <v>181817.99999999997</v>
      </c>
      <c r="C10922" s="7">
        <f t="shared" si="170"/>
        <v>181.81799999999998</v>
      </c>
      <c r="I10922" s="1"/>
    </row>
    <row r="10923" spans="1:9" x14ac:dyDescent="0.25">
      <c r="A10923" s="3">
        <v>41887.369398148148</v>
      </c>
      <c r="B10923" s="6">
        <v>181834.65</v>
      </c>
      <c r="C10923" s="7">
        <f t="shared" si="170"/>
        <v>181.83464999999998</v>
      </c>
      <c r="I10923" s="1"/>
    </row>
    <row r="10924" spans="1:9" x14ac:dyDescent="0.25">
      <c r="A10924" s="3">
        <v>41887.36954861111</v>
      </c>
      <c r="B10924" s="6">
        <v>181851.3</v>
      </c>
      <c r="C10924" s="7">
        <f t="shared" si="170"/>
        <v>181.85129999999998</v>
      </c>
      <c r="I10924" s="1"/>
    </row>
    <row r="10925" spans="1:9" x14ac:dyDescent="0.25">
      <c r="A10925" s="3">
        <v>41887.372662037036</v>
      </c>
      <c r="B10925" s="6">
        <v>181867.94999999998</v>
      </c>
      <c r="C10925" s="7">
        <f t="shared" si="170"/>
        <v>181.86794999999998</v>
      </c>
      <c r="I10925" s="1"/>
    </row>
    <row r="10926" spans="1:9" x14ac:dyDescent="0.25">
      <c r="A10926" s="3">
        <v>41887.372870370367</v>
      </c>
      <c r="B10926" s="6">
        <v>181884.59999999998</v>
      </c>
      <c r="C10926" s="7">
        <f t="shared" si="170"/>
        <v>181.88459999999998</v>
      </c>
      <c r="I10926" s="1"/>
    </row>
    <row r="10927" spans="1:9" x14ac:dyDescent="0.25">
      <c r="A10927" s="3">
        <v>41887.384236111109</v>
      </c>
      <c r="B10927" s="6">
        <v>181901.24999999997</v>
      </c>
      <c r="C10927" s="7">
        <f t="shared" si="170"/>
        <v>181.90124999999998</v>
      </c>
      <c r="I10927" s="1"/>
    </row>
    <row r="10928" spans="1:9" x14ac:dyDescent="0.25">
      <c r="A10928" s="3">
        <v>41887.389953703707</v>
      </c>
      <c r="B10928" s="6">
        <v>181917.9</v>
      </c>
      <c r="C10928" s="7">
        <f t="shared" si="170"/>
        <v>181.9179</v>
      </c>
      <c r="I10928" s="1"/>
    </row>
    <row r="10929" spans="1:9" x14ac:dyDescent="0.25">
      <c r="A10929" s="3">
        <v>41887.412685185183</v>
      </c>
      <c r="B10929" s="6">
        <v>181934.55</v>
      </c>
      <c r="C10929" s="7">
        <f t="shared" si="170"/>
        <v>181.93455</v>
      </c>
      <c r="I10929" s="1"/>
    </row>
    <row r="10930" spans="1:9" x14ac:dyDescent="0.25">
      <c r="A10930" s="3">
        <v>41887.41300925926</v>
      </c>
      <c r="B10930" s="6">
        <v>181951.19999999998</v>
      </c>
      <c r="C10930" s="7">
        <f t="shared" si="170"/>
        <v>181.95119999999997</v>
      </c>
      <c r="I10930" s="1"/>
    </row>
    <row r="10931" spans="1:9" x14ac:dyDescent="0.25">
      <c r="A10931" s="3">
        <v>41887.413553240738</v>
      </c>
      <c r="B10931" s="6">
        <v>181967.84999999998</v>
      </c>
      <c r="C10931" s="7">
        <f t="shared" si="170"/>
        <v>181.96784999999997</v>
      </c>
      <c r="I10931" s="1"/>
    </row>
    <row r="10932" spans="1:9" x14ac:dyDescent="0.25">
      <c r="A10932" s="3">
        <v>41887.416967592595</v>
      </c>
      <c r="B10932" s="6">
        <v>181984.49999999997</v>
      </c>
      <c r="C10932" s="7">
        <f t="shared" si="170"/>
        <v>181.98449999999997</v>
      </c>
      <c r="I10932" s="1"/>
    </row>
    <row r="10933" spans="1:9" x14ac:dyDescent="0.25">
      <c r="A10933" s="3">
        <v>41887.423368055555</v>
      </c>
      <c r="B10933" s="6">
        <v>182001.15</v>
      </c>
      <c r="C10933" s="7">
        <f t="shared" si="170"/>
        <v>182.00115</v>
      </c>
      <c r="I10933" s="1"/>
    </row>
    <row r="10934" spans="1:9" x14ac:dyDescent="0.25">
      <c r="A10934" s="3">
        <v>41887.423564814817</v>
      </c>
      <c r="B10934" s="6">
        <v>182017.8</v>
      </c>
      <c r="C10934" s="7">
        <f t="shared" si="170"/>
        <v>182.01779999999999</v>
      </c>
      <c r="I10934" s="1"/>
    </row>
    <row r="10935" spans="1:9" x14ac:dyDescent="0.25">
      <c r="A10935" s="3">
        <v>41887.426631944443</v>
      </c>
      <c r="B10935" s="6">
        <v>182034.44999999998</v>
      </c>
      <c r="C10935" s="7">
        <f t="shared" si="170"/>
        <v>182.03444999999999</v>
      </c>
      <c r="I10935" s="1"/>
    </row>
    <row r="10936" spans="1:9" x14ac:dyDescent="0.25">
      <c r="A10936" s="3">
        <v>41887.426759259259</v>
      </c>
      <c r="B10936" s="6">
        <v>182051.09999999998</v>
      </c>
      <c r="C10936" s="7">
        <f t="shared" si="170"/>
        <v>182.05109999999996</v>
      </c>
      <c r="I10936" s="1"/>
    </row>
    <row r="10937" spans="1:9" x14ac:dyDescent="0.25">
      <c r="A10937" s="3">
        <v>41887.42931712963</v>
      </c>
      <c r="B10937" s="6">
        <v>182067.74999999997</v>
      </c>
      <c r="C10937" s="7">
        <f t="shared" si="170"/>
        <v>182.06774999999996</v>
      </c>
      <c r="I10937" s="1"/>
    </row>
    <row r="10938" spans="1:9" x14ac:dyDescent="0.25">
      <c r="A10938" s="3">
        <v>41887.429548611108</v>
      </c>
      <c r="B10938" s="6">
        <v>182084.4</v>
      </c>
      <c r="C10938" s="7">
        <f t="shared" si="170"/>
        <v>182.08439999999999</v>
      </c>
      <c r="I10938" s="1"/>
    </row>
    <row r="10939" spans="1:9" x14ac:dyDescent="0.25">
      <c r="A10939" s="3">
        <v>41887.432152777779</v>
      </c>
      <c r="B10939" s="6">
        <v>182101.05</v>
      </c>
      <c r="C10939" s="7">
        <f t="shared" si="170"/>
        <v>182.10104999999999</v>
      </c>
      <c r="I10939" s="1"/>
    </row>
    <row r="10940" spans="1:9" x14ac:dyDescent="0.25">
      <c r="A10940" s="3">
        <v>41887.432303240741</v>
      </c>
      <c r="B10940" s="6">
        <v>182117.69999999998</v>
      </c>
      <c r="C10940" s="7">
        <f t="shared" si="170"/>
        <v>182.11769999999999</v>
      </c>
      <c r="I10940" s="1"/>
    </row>
    <row r="10941" spans="1:9" x14ac:dyDescent="0.25">
      <c r="A10941" s="3">
        <v>41887.434340277781</v>
      </c>
      <c r="B10941" s="6">
        <v>182134.34999999998</v>
      </c>
      <c r="C10941" s="7">
        <f t="shared" si="170"/>
        <v>182.13434999999998</v>
      </c>
      <c r="I10941" s="1"/>
    </row>
    <row r="10942" spans="1:9" x14ac:dyDescent="0.25">
      <c r="A10942" s="3">
        <v>41887.434432870374</v>
      </c>
      <c r="B10942" s="6">
        <v>182150.99999999997</v>
      </c>
      <c r="C10942" s="7">
        <f t="shared" si="170"/>
        <v>182.15099999999998</v>
      </c>
      <c r="I10942" s="1"/>
    </row>
    <row r="10943" spans="1:9" x14ac:dyDescent="0.25">
      <c r="A10943" s="3">
        <v>41887.435706018521</v>
      </c>
      <c r="B10943" s="6">
        <v>182167.65</v>
      </c>
      <c r="C10943" s="7">
        <f t="shared" si="170"/>
        <v>182.16764999999998</v>
      </c>
      <c r="I10943" s="1"/>
    </row>
    <row r="10944" spans="1:9" x14ac:dyDescent="0.25">
      <c r="A10944" s="3">
        <v>41887.436423611114</v>
      </c>
      <c r="B10944" s="6">
        <v>182184.3</v>
      </c>
      <c r="C10944" s="7">
        <f t="shared" si="170"/>
        <v>182.18429999999998</v>
      </c>
      <c r="I10944" s="1"/>
    </row>
    <row r="10945" spans="1:9" x14ac:dyDescent="0.25">
      <c r="A10945" s="3">
        <v>41887.43886574074</v>
      </c>
      <c r="B10945" s="6">
        <v>182200.94999999998</v>
      </c>
      <c r="C10945" s="7">
        <f t="shared" si="170"/>
        <v>182.20094999999998</v>
      </c>
      <c r="I10945" s="1"/>
    </row>
    <row r="10946" spans="1:9" x14ac:dyDescent="0.25">
      <c r="A10946" s="3">
        <v>41887.439074074071</v>
      </c>
      <c r="B10946" s="6">
        <v>182217.59999999998</v>
      </c>
      <c r="C10946" s="7">
        <f t="shared" si="170"/>
        <v>182.21759999999998</v>
      </c>
      <c r="I10946" s="1"/>
    </row>
    <row r="10947" spans="1:9" x14ac:dyDescent="0.25">
      <c r="A10947" s="3">
        <v>41887.44190972222</v>
      </c>
      <c r="B10947" s="6">
        <v>182234.24999999997</v>
      </c>
      <c r="C10947" s="7">
        <f t="shared" ref="C10947:C11010" si="171">B10947/1000</f>
        <v>182.23424999999997</v>
      </c>
      <c r="I10947" s="1"/>
    </row>
    <row r="10948" spans="1:9" x14ac:dyDescent="0.25">
      <c r="A10948" s="3">
        <v>41887.442129629628</v>
      </c>
      <c r="B10948" s="6">
        <v>182250.9</v>
      </c>
      <c r="C10948" s="7">
        <f t="shared" si="171"/>
        <v>182.2509</v>
      </c>
      <c r="I10948" s="1"/>
    </row>
    <row r="10949" spans="1:9" x14ac:dyDescent="0.25">
      <c r="A10949" s="3">
        <v>41887.452870370369</v>
      </c>
      <c r="B10949" s="6">
        <v>182267.55</v>
      </c>
      <c r="C10949" s="7">
        <f t="shared" si="171"/>
        <v>182.26755</v>
      </c>
      <c r="I10949" s="1"/>
    </row>
    <row r="10950" spans="1:9" x14ac:dyDescent="0.25">
      <c r="A10950" s="3">
        <v>41887.453055555554</v>
      </c>
      <c r="B10950" s="6">
        <v>182284.19999999998</v>
      </c>
      <c r="C10950" s="7">
        <f t="shared" si="171"/>
        <v>182.28419999999997</v>
      </c>
      <c r="I10950" s="1"/>
    </row>
    <row r="10951" spans="1:9" x14ac:dyDescent="0.25">
      <c r="A10951" s="3">
        <v>41887.455381944441</v>
      </c>
      <c r="B10951" s="6">
        <v>182300.84999999998</v>
      </c>
      <c r="C10951" s="7">
        <f t="shared" si="171"/>
        <v>182.30084999999997</v>
      </c>
      <c r="I10951" s="1"/>
    </row>
    <row r="10952" spans="1:9" x14ac:dyDescent="0.25">
      <c r="A10952" s="3">
        <v>41887.455682870372</v>
      </c>
      <c r="B10952" s="6">
        <v>182317.49999999997</v>
      </c>
      <c r="C10952" s="7">
        <f t="shared" si="171"/>
        <v>182.31749999999997</v>
      </c>
      <c r="I10952" s="1"/>
    </row>
    <row r="10953" spans="1:9" x14ac:dyDescent="0.25">
      <c r="A10953" s="3">
        <v>41887.459594907406</v>
      </c>
      <c r="B10953" s="6">
        <v>182334.15</v>
      </c>
      <c r="C10953" s="7">
        <f t="shared" si="171"/>
        <v>182.33414999999999</v>
      </c>
      <c r="I10953" s="1"/>
    </row>
    <row r="10954" spans="1:9" x14ac:dyDescent="0.25">
      <c r="A10954" s="3">
        <v>41887.459780092591</v>
      </c>
      <c r="B10954" s="6">
        <v>182350.8</v>
      </c>
      <c r="C10954" s="7">
        <f t="shared" si="171"/>
        <v>182.35079999999999</v>
      </c>
      <c r="I10954" s="1"/>
    </row>
    <row r="10955" spans="1:9" x14ac:dyDescent="0.25">
      <c r="A10955" s="3">
        <v>41887.462418981479</v>
      </c>
      <c r="B10955" s="6">
        <v>182367.44999999998</v>
      </c>
      <c r="C10955" s="7">
        <f t="shared" si="171"/>
        <v>182.36744999999999</v>
      </c>
      <c r="I10955" s="1"/>
    </row>
    <row r="10956" spans="1:9" x14ac:dyDescent="0.25">
      <c r="A10956" s="3">
        <v>41887.462546296294</v>
      </c>
      <c r="B10956" s="6">
        <v>182384.09999999998</v>
      </c>
      <c r="C10956" s="7">
        <f t="shared" si="171"/>
        <v>182.38409999999999</v>
      </c>
      <c r="I10956" s="1"/>
    </row>
    <row r="10957" spans="1:9" x14ac:dyDescent="0.25">
      <c r="A10957" s="3">
        <v>41887.464502314811</v>
      </c>
      <c r="B10957" s="6">
        <v>182400.74999999997</v>
      </c>
      <c r="C10957" s="7">
        <f t="shared" si="171"/>
        <v>182.40074999999996</v>
      </c>
      <c r="I10957" s="1"/>
    </row>
    <row r="10958" spans="1:9" x14ac:dyDescent="0.25">
      <c r="A10958" s="3">
        <v>41887.464768518519</v>
      </c>
      <c r="B10958" s="6">
        <v>182417.4</v>
      </c>
      <c r="C10958" s="7">
        <f t="shared" si="171"/>
        <v>182.41739999999999</v>
      </c>
      <c r="I10958" s="1"/>
    </row>
    <row r="10959" spans="1:9" x14ac:dyDescent="0.25">
      <c r="A10959" s="3">
        <v>41887.468807870369</v>
      </c>
      <c r="B10959" s="6">
        <v>182434.05</v>
      </c>
      <c r="C10959" s="7">
        <f t="shared" si="171"/>
        <v>182.43404999999998</v>
      </c>
      <c r="I10959" s="1"/>
    </row>
    <row r="10960" spans="1:9" x14ac:dyDescent="0.25">
      <c r="A10960" s="3">
        <v>41887.469583333332</v>
      </c>
      <c r="B10960" s="6">
        <v>182450.69999999998</v>
      </c>
      <c r="C10960" s="7">
        <f t="shared" si="171"/>
        <v>182.45069999999998</v>
      </c>
      <c r="I10960" s="1"/>
    </row>
    <row r="10961" spans="1:9" x14ac:dyDescent="0.25">
      <c r="A10961" s="3">
        <v>41887.473946759259</v>
      </c>
      <c r="B10961" s="6">
        <v>182467.34999999998</v>
      </c>
      <c r="C10961" s="7">
        <f t="shared" si="171"/>
        <v>182.46734999999998</v>
      </c>
      <c r="I10961" s="1"/>
    </row>
    <row r="10962" spans="1:9" x14ac:dyDescent="0.25">
      <c r="A10962" s="3">
        <v>41887.474108796298</v>
      </c>
      <c r="B10962" s="6">
        <v>182483.99999999997</v>
      </c>
      <c r="C10962" s="7">
        <f t="shared" si="171"/>
        <v>182.48399999999998</v>
      </c>
      <c r="I10962" s="1"/>
    </row>
    <row r="10963" spans="1:9" x14ac:dyDescent="0.25">
      <c r="A10963" s="3">
        <v>41887.477708333332</v>
      </c>
      <c r="B10963" s="6">
        <v>182500.65</v>
      </c>
      <c r="C10963" s="7">
        <f t="shared" si="171"/>
        <v>182.50065000000001</v>
      </c>
      <c r="I10963" s="1"/>
    </row>
    <row r="10964" spans="1:9" x14ac:dyDescent="0.25">
      <c r="A10964" s="3">
        <v>41887.477870370371</v>
      </c>
      <c r="B10964" s="6">
        <v>182517.3</v>
      </c>
      <c r="C10964" s="7">
        <f t="shared" si="171"/>
        <v>182.51729999999998</v>
      </c>
      <c r="I10964" s="1"/>
    </row>
    <row r="10965" spans="1:9" x14ac:dyDescent="0.25">
      <c r="A10965" s="3">
        <v>41887.478831018518</v>
      </c>
      <c r="B10965" s="6">
        <v>182533.94999999998</v>
      </c>
      <c r="C10965" s="7">
        <f t="shared" si="171"/>
        <v>182.53394999999998</v>
      </c>
      <c r="I10965" s="1"/>
    </row>
    <row r="10966" spans="1:9" x14ac:dyDescent="0.25">
      <c r="A10966" s="3">
        <v>41887.47892361111</v>
      </c>
      <c r="B10966" s="6">
        <v>182550.59999999998</v>
      </c>
      <c r="C10966" s="7">
        <f t="shared" si="171"/>
        <v>182.55059999999997</v>
      </c>
      <c r="I10966" s="1"/>
    </row>
    <row r="10967" spans="1:9" x14ac:dyDescent="0.25">
      <c r="A10967" s="3">
        <v>41887.479849537034</v>
      </c>
      <c r="B10967" s="6">
        <v>182567.24999999997</v>
      </c>
      <c r="C10967" s="7">
        <f t="shared" si="171"/>
        <v>182.56724999999997</v>
      </c>
      <c r="I10967" s="1"/>
    </row>
    <row r="10968" spans="1:9" x14ac:dyDescent="0.25">
      <c r="A10968" s="3">
        <v>41887.479988425926</v>
      </c>
      <c r="B10968" s="6">
        <v>182583.9</v>
      </c>
      <c r="C10968" s="7">
        <f t="shared" si="171"/>
        <v>182.5839</v>
      </c>
      <c r="I10968" s="1"/>
    </row>
    <row r="10969" spans="1:9" x14ac:dyDescent="0.25">
      <c r="A10969" s="3">
        <v>41887.483032407406</v>
      </c>
      <c r="B10969" s="6">
        <v>182600.55</v>
      </c>
      <c r="C10969" s="7">
        <f t="shared" si="171"/>
        <v>182.60055</v>
      </c>
      <c r="I10969" s="1"/>
    </row>
    <row r="10970" spans="1:9" x14ac:dyDescent="0.25">
      <c r="A10970" s="3">
        <v>41887.483159722222</v>
      </c>
      <c r="B10970" s="6">
        <v>182617.19999999998</v>
      </c>
      <c r="C10970" s="7">
        <f t="shared" si="171"/>
        <v>182.61719999999997</v>
      </c>
      <c r="I10970" s="1"/>
    </row>
    <row r="10971" spans="1:9" x14ac:dyDescent="0.25">
      <c r="A10971" s="3">
        <v>41887.485381944447</v>
      </c>
      <c r="B10971" s="6">
        <v>182633.84999999998</v>
      </c>
      <c r="C10971" s="7">
        <f t="shared" si="171"/>
        <v>182.63384999999997</v>
      </c>
      <c r="I10971" s="1"/>
    </row>
    <row r="10972" spans="1:9" x14ac:dyDescent="0.25">
      <c r="A10972" s="3">
        <v>41887.485659722224</v>
      </c>
      <c r="B10972" s="6">
        <v>182650.49999999997</v>
      </c>
      <c r="C10972" s="7">
        <f t="shared" si="171"/>
        <v>182.65049999999997</v>
      </c>
      <c r="I10972" s="1"/>
    </row>
    <row r="10973" spans="1:9" x14ac:dyDescent="0.25">
      <c r="A10973" s="3">
        <v>41887.487662037034</v>
      </c>
      <c r="B10973" s="6">
        <v>182667.15</v>
      </c>
      <c r="C10973" s="7">
        <f t="shared" si="171"/>
        <v>182.66714999999999</v>
      </c>
      <c r="I10973" s="1"/>
    </row>
    <row r="10974" spans="1:9" x14ac:dyDescent="0.25">
      <c r="A10974" s="3">
        <v>41887.487800925926</v>
      </c>
      <c r="B10974" s="6">
        <v>182683.8</v>
      </c>
      <c r="C10974" s="7">
        <f t="shared" si="171"/>
        <v>182.68379999999999</v>
      </c>
      <c r="I10974" s="1"/>
    </row>
    <row r="10975" spans="1:9" x14ac:dyDescent="0.25">
      <c r="A10975" s="3">
        <v>41887.493460648147</v>
      </c>
      <c r="B10975" s="6">
        <v>182700.44999999998</v>
      </c>
      <c r="C10975" s="7">
        <f t="shared" si="171"/>
        <v>182.70044999999999</v>
      </c>
      <c r="I10975" s="1"/>
    </row>
    <row r="10976" spans="1:9" x14ac:dyDescent="0.25">
      <c r="A10976" s="3">
        <v>41887.493587962963</v>
      </c>
      <c r="B10976" s="6">
        <v>182717.09999999998</v>
      </c>
      <c r="C10976" s="7">
        <f t="shared" si="171"/>
        <v>182.71709999999999</v>
      </c>
      <c r="I10976" s="1"/>
    </row>
    <row r="10977" spans="1:9" x14ac:dyDescent="0.25">
      <c r="A10977" s="3">
        <v>41887.496898148151</v>
      </c>
      <c r="B10977" s="6">
        <v>182733.74999999997</v>
      </c>
      <c r="C10977" s="7">
        <f t="shared" si="171"/>
        <v>182.73374999999996</v>
      </c>
      <c r="I10977" s="1"/>
    </row>
    <row r="10978" spans="1:9" x14ac:dyDescent="0.25">
      <c r="A10978" s="3">
        <v>41887.49732638889</v>
      </c>
      <c r="B10978" s="6">
        <v>182750.4</v>
      </c>
      <c r="C10978" s="7">
        <f t="shared" si="171"/>
        <v>182.75039999999998</v>
      </c>
      <c r="I10978" s="1"/>
    </row>
    <row r="10979" spans="1:9" x14ac:dyDescent="0.25">
      <c r="A10979" s="3">
        <v>41887.510868055557</v>
      </c>
      <c r="B10979" s="6">
        <v>182767.05</v>
      </c>
      <c r="C10979" s="7">
        <f t="shared" si="171"/>
        <v>182.76704999999998</v>
      </c>
      <c r="I10979" s="1"/>
    </row>
    <row r="10980" spans="1:9" x14ac:dyDescent="0.25">
      <c r="A10980" s="3">
        <v>41887.511018518519</v>
      </c>
      <c r="B10980" s="6">
        <v>182783.69999999998</v>
      </c>
      <c r="C10980" s="7">
        <f t="shared" si="171"/>
        <v>182.78369999999998</v>
      </c>
      <c r="I10980" s="1"/>
    </row>
    <row r="10981" spans="1:9" x14ac:dyDescent="0.25">
      <c r="A10981" s="3">
        <v>41887.513275462959</v>
      </c>
      <c r="B10981" s="6">
        <v>182800.34999999998</v>
      </c>
      <c r="C10981" s="7">
        <f t="shared" si="171"/>
        <v>182.80034999999998</v>
      </c>
      <c r="I10981" s="1"/>
    </row>
    <row r="10982" spans="1:9" x14ac:dyDescent="0.25">
      <c r="A10982" s="3">
        <v>41887.513344907406</v>
      </c>
      <c r="B10982" s="6">
        <v>182816.99999999997</v>
      </c>
      <c r="C10982" s="7">
        <f t="shared" si="171"/>
        <v>182.81699999999998</v>
      </c>
      <c r="I10982" s="1"/>
    </row>
    <row r="10983" spans="1:9" x14ac:dyDescent="0.25">
      <c r="A10983" s="3">
        <v>41887.515729166669</v>
      </c>
      <c r="B10983" s="6">
        <v>182833.65</v>
      </c>
      <c r="C10983" s="7">
        <f t="shared" si="171"/>
        <v>182.83365000000001</v>
      </c>
      <c r="I10983" s="1"/>
    </row>
    <row r="10984" spans="1:9" x14ac:dyDescent="0.25">
      <c r="A10984" s="3">
        <v>41887.516979166663</v>
      </c>
      <c r="B10984" s="6">
        <v>182850.3</v>
      </c>
      <c r="C10984" s="7">
        <f t="shared" si="171"/>
        <v>182.85029999999998</v>
      </c>
      <c r="I10984" s="1"/>
    </row>
    <row r="10985" spans="1:9" x14ac:dyDescent="0.25">
      <c r="A10985" s="3">
        <v>41887.522048611114</v>
      </c>
      <c r="B10985" s="6">
        <v>182866.94999999998</v>
      </c>
      <c r="C10985" s="7">
        <f t="shared" si="171"/>
        <v>182.86694999999997</v>
      </c>
      <c r="I10985" s="1"/>
    </row>
    <row r="10986" spans="1:9" x14ac:dyDescent="0.25">
      <c r="A10986" s="3">
        <v>41887.522280092591</v>
      </c>
      <c r="B10986" s="6">
        <v>182883.59999999998</v>
      </c>
      <c r="C10986" s="7">
        <f t="shared" si="171"/>
        <v>182.88359999999997</v>
      </c>
      <c r="I10986" s="1"/>
    </row>
    <row r="10987" spans="1:9" x14ac:dyDescent="0.25">
      <c r="A10987" s="3">
        <v>41887.529166666667</v>
      </c>
      <c r="B10987" s="6">
        <v>182900.24999999997</v>
      </c>
      <c r="C10987" s="7">
        <f t="shared" si="171"/>
        <v>182.90024999999997</v>
      </c>
      <c r="I10987" s="1"/>
    </row>
    <row r="10988" spans="1:9" x14ac:dyDescent="0.25">
      <c r="A10988" s="3">
        <v>41887.529317129629</v>
      </c>
      <c r="B10988" s="6">
        <v>182916.9</v>
      </c>
      <c r="C10988" s="7">
        <f t="shared" si="171"/>
        <v>182.9169</v>
      </c>
      <c r="I10988" s="1"/>
    </row>
    <row r="10989" spans="1:9" x14ac:dyDescent="0.25">
      <c r="A10989" s="3">
        <v>41887.530057870368</v>
      </c>
      <c r="B10989" s="6">
        <v>182933.55</v>
      </c>
      <c r="C10989" s="7">
        <f t="shared" si="171"/>
        <v>182.93355</v>
      </c>
      <c r="I10989" s="1"/>
    </row>
    <row r="10990" spans="1:9" x14ac:dyDescent="0.25">
      <c r="A10990" s="3">
        <v>41887.530115740738</v>
      </c>
      <c r="B10990" s="6">
        <v>182950.19999999998</v>
      </c>
      <c r="C10990" s="7">
        <f t="shared" si="171"/>
        <v>182.9502</v>
      </c>
      <c r="I10990" s="1"/>
    </row>
    <row r="10991" spans="1:9" x14ac:dyDescent="0.25">
      <c r="A10991" s="3">
        <v>41887.531307870369</v>
      </c>
      <c r="B10991" s="6">
        <v>182966.84999999998</v>
      </c>
      <c r="C10991" s="7">
        <f t="shared" si="171"/>
        <v>182.96684999999997</v>
      </c>
      <c r="I10991" s="1"/>
    </row>
    <row r="10992" spans="1:9" x14ac:dyDescent="0.25">
      <c r="A10992" s="3">
        <v>41887.532013888886</v>
      </c>
      <c r="B10992" s="6">
        <v>182983.49999999997</v>
      </c>
      <c r="C10992" s="7">
        <f t="shared" si="171"/>
        <v>182.98349999999996</v>
      </c>
      <c r="I10992" s="1"/>
    </row>
    <row r="10993" spans="1:9" x14ac:dyDescent="0.25">
      <c r="A10993" s="3">
        <v>41887.535821759258</v>
      </c>
      <c r="B10993" s="6">
        <v>183000.15</v>
      </c>
      <c r="C10993" s="7">
        <f t="shared" si="171"/>
        <v>183.00014999999999</v>
      </c>
      <c r="I10993" s="1"/>
    </row>
    <row r="10994" spans="1:9" x14ac:dyDescent="0.25">
      <c r="A10994" s="3">
        <v>41887.536041666666</v>
      </c>
      <c r="B10994" s="6">
        <v>183016.8</v>
      </c>
      <c r="C10994" s="7">
        <f t="shared" si="171"/>
        <v>183.01679999999999</v>
      </c>
      <c r="I10994" s="1"/>
    </row>
    <row r="10995" spans="1:9" x14ac:dyDescent="0.25">
      <c r="A10995" s="3">
        <v>41887.53701388889</v>
      </c>
      <c r="B10995" s="6">
        <v>183033.44999999998</v>
      </c>
      <c r="C10995" s="7">
        <f t="shared" si="171"/>
        <v>183.03344999999999</v>
      </c>
      <c r="I10995" s="1"/>
    </row>
    <row r="10996" spans="1:9" x14ac:dyDescent="0.25">
      <c r="A10996" s="3">
        <v>41887.537141203706</v>
      </c>
      <c r="B10996" s="6">
        <v>183050.09999999998</v>
      </c>
      <c r="C10996" s="7">
        <f t="shared" si="171"/>
        <v>183.05009999999999</v>
      </c>
      <c r="I10996" s="1"/>
    </row>
    <row r="10997" spans="1:9" x14ac:dyDescent="0.25">
      <c r="A10997" s="3">
        <v>41887.5391087963</v>
      </c>
      <c r="B10997" s="6">
        <v>183066.74999999997</v>
      </c>
      <c r="C10997" s="7">
        <f t="shared" si="171"/>
        <v>183.06674999999998</v>
      </c>
      <c r="I10997" s="1"/>
    </row>
    <row r="10998" spans="1:9" x14ac:dyDescent="0.25">
      <c r="A10998" s="3">
        <v>41887.539293981485</v>
      </c>
      <c r="B10998" s="6">
        <v>183083.4</v>
      </c>
      <c r="C10998" s="7">
        <f t="shared" si="171"/>
        <v>183.08339999999998</v>
      </c>
      <c r="I10998" s="1"/>
    </row>
    <row r="10999" spans="1:9" x14ac:dyDescent="0.25">
      <c r="A10999" s="3">
        <v>41887.541550925926</v>
      </c>
      <c r="B10999" s="6">
        <v>183100.05</v>
      </c>
      <c r="C10999" s="7">
        <f t="shared" si="171"/>
        <v>183.10004999999998</v>
      </c>
      <c r="I10999" s="1"/>
    </row>
    <row r="11000" spans="1:9" x14ac:dyDescent="0.25">
      <c r="A11000" s="3">
        <v>41887.541666666664</v>
      </c>
      <c r="B11000" s="6">
        <v>183116.69999999998</v>
      </c>
      <c r="C11000" s="7">
        <f t="shared" si="171"/>
        <v>183.11669999999998</v>
      </c>
      <c r="I11000" s="1"/>
    </row>
    <row r="11001" spans="1:9" x14ac:dyDescent="0.25">
      <c r="A11001" s="3">
        <v>41887.543599537035</v>
      </c>
      <c r="B11001" s="6">
        <v>183133.34999999998</v>
      </c>
      <c r="C11001" s="7">
        <f t="shared" si="171"/>
        <v>183.13334999999998</v>
      </c>
      <c r="I11001" s="1"/>
    </row>
    <row r="11002" spans="1:9" x14ac:dyDescent="0.25">
      <c r="A11002" s="3">
        <v>41887.543703703705</v>
      </c>
      <c r="B11002" s="6">
        <v>183149.99999999997</v>
      </c>
      <c r="C11002" s="7">
        <f t="shared" si="171"/>
        <v>183.14999999999998</v>
      </c>
      <c r="I11002" s="1"/>
    </row>
    <row r="11003" spans="1:9" x14ac:dyDescent="0.25">
      <c r="A11003" s="3">
        <v>41887.544641203705</v>
      </c>
      <c r="B11003" s="6">
        <v>183166.65</v>
      </c>
      <c r="C11003" s="7">
        <f t="shared" si="171"/>
        <v>183.16665</v>
      </c>
      <c r="I11003" s="1"/>
    </row>
    <row r="11004" spans="1:9" x14ac:dyDescent="0.25">
      <c r="A11004" s="3">
        <v>41887.544710648152</v>
      </c>
      <c r="B11004" s="6">
        <v>183183.3</v>
      </c>
      <c r="C11004" s="7">
        <f t="shared" si="171"/>
        <v>183.18329999999997</v>
      </c>
      <c r="I11004" s="1"/>
    </row>
    <row r="11005" spans="1:9" x14ac:dyDescent="0.25">
      <c r="A11005" s="3">
        <v>41887.547766203701</v>
      </c>
      <c r="B11005" s="6">
        <v>183199.94999999998</v>
      </c>
      <c r="C11005" s="7">
        <f t="shared" si="171"/>
        <v>183.19994999999997</v>
      </c>
      <c r="I11005" s="1"/>
    </row>
    <row r="11006" spans="1:9" x14ac:dyDescent="0.25">
      <c r="A11006" s="3">
        <v>41887.54791666667</v>
      </c>
      <c r="B11006" s="6">
        <v>183216.59999999998</v>
      </c>
      <c r="C11006" s="7">
        <f t="shared" si="171"/>
        <v>183.21659999999997</v>
      </c>
      <c r="I11006" s="1"/>
    </row>
    <row r="11007" spans="1:9" x14ac:dyDescent="0.25">
      <c r="A11007" s="3">
        <v>41887.554131944446</v>
      </c>
      <c r="B11007" s="6">
        <v>183233.24999999997</v>
      </c>
      <c r="C11007" s="7">
        <f t="shared" si="171"/>
        <v>183.23324999999997</v>
      </c>
      <c r="I11007" s="1"/>
    </row>
    <row r="11008" spans="1:9" x14ac:dyDescent="0.25">
      <c r="A11008" s="3">
        <v>41887.554282407407</v>
      </c>
      <c r="B11008" s="6">
        <v>183249.9</v>
      </c>
      <c r="C11008" s="7">
        <f t="shared" si="171"/>
        <v>183.2499</v>
      </c>
      <c r="I11008" s="1"/>
    </row>
    <row r="11009" spans="1:9" x14ac:dyDescent="0.25">
      <c r="A11009" s="3">
        <v>41887.558379629627</v>
      </c>
      <c r="B11009" s="6">
        <v>183266.55</v>
      </c>
      <c r="C11009" s="7">
        <f t="shared" si="171"/>
        <v>183.26655</v>
      </c>
      <c r="I11009" s="1"/>
    </row>
    <row r="11010" spans="1:9" x14ac:dyDescent="0.25">
      <c r="A11010" s="3">
        <v>41887.558541666665</v>
      </c>
      <c r="B11010" s="6">
        <v>183283.19999999998</v>
      </c>
      <c r="C11010" s="7">
        <f t="shared" si="171"/>
        <v>183.28319999999999</v>
      </c>
      <c r="I11010" s="1"/>
    </row>
    <row r="11011" spans="1:9" x14ac:dyDescent="0.25">
      <c r="A11011" s="3">
        <v>41887.563101851854</v>
      </c>
      <c r="B11011" s="6">
        <v>183299.84999999998</v>
      </c>
      <c r="C11011" s="7">
        <f t="shared" ref="C11011:C11074" si="172">B11011/1000</f>
        <v>183.29984999999996</v>
      </c>
      <c r="I11011" s="1"/>
    </row>
    <row r="11012" spans="1:9" x14ac:dyDescent="0.25">
      <c r="A11012" s="3">
        <v>41887.563321759262</v>
      </c>
      <c r="B11012" s="6">
        <v>183316.49999999997</v>
      </c>
      <c r="C11012" s="7">
        <f t="shared" si="172"/>
        <v>183.31649999999996</v>
      </c>
      <c r="I11012" s="1"/>
    </row>
    <row r="11013" spans="1:9" x14ac:dyDescent="0.25">
      <c r="A11013" s="3">
        <v>41887.566574074073</v>
      </c>
      <c r="B11013" s="6">
        <v>183333.15</v>
      </c>
      <c r="C11013" s="7">
        <f t="shared" si="172"/>
        <v>183.33314999999999</v>
      </c>
      <c r="I11013" s="1"/>
    </row>
    <row r="11014" spans="1:9" x14ac:dyDescent="0.25">
      <c r="A11014" s="3">
        <v>41887.566828703704</v>
      </c>
      <c r="B11014" s="6">
        <v>183349.8</v>
      </c>
      <c r="C11014" s="7">
        <f t="shared" si="172"/>
        <v>183.34979999999999</v>
      </c>
      <c r="I11014" s="1"/>
    </row>
    <row r="11015" spans="1:9" x14ac:dyDescent="0.25">
      <c r="A11015" s="3">
        <v>41887.5705787037</v>
      </c>
      <c r="B11015" s="6">
        <v>183366.44999999998</v>
      </c>
      <c r="C11015" s="7">
        <f t="shared" si="172"/>
        <v>183.36644999999999</v>
      </c>
      <c r="I11015" s="1"/>
    </row>
    <row r="11016" spans="1:9" x14ac:dyDescent="0.25">
      <c r="A11016" s="3">
        <v>41887.570717592593</v>
      </c>
      <c r="B11016" s="6">
        <v>183383.09999999998</v>
      </c>
      <c r="C11016" s="7">
        <f t="shared" si="172"/>
        <v>183.38309999999998</v>
      </c>
      <c r="I11016" s="1"/>
    </row>
    <row r="11017" spans="1:9" x14ac:dyDescent="0.25">
      <c r="A11017" s="3">
        <v>41887.572800925926</v>
      </c>
      <c r="B11017" s="6">
        <v>183399.74999999997</v>
      </c>
      <c r="C11017" s="7">
        <f t="shared" si="172"/>
        <v>183.39974999999998</v>
      </c>
      <c r="I11017" s="1"/>
    </row>
    <row r="11018" spans="1:9" x14ac:dyDescent="0.25">
      <c r="A11018" s="3">
        <v>41887.573229166665</v>
      </c>
      <c r="B11018" s="6">
        <v>183416.4</v>
      </c>
      <c r="C11018" s="7">
        <f t="shared" si="172"/>
        <v>183.41639999999998</v>
      </c>
      <c r="I11018" s="1"/>
    </row>
    <row r="11019" spans="1:9" x14ac:dyDescent="0.25">
      <c r="A11019" s="3">
        <v>41887.575335648151</v>
      </c>
      <c r="B11019" s="6">
        <v>183433.05</v>
      </c>
      <c r="C11019" s="7">
        <f t="shared" si="172"/>
        <v>183.43304999999998</v>
      </c>
      <c r="I11019" s="1"/>
    </row>
    <row r="11020" spans="1:9" x14ac:dyDescent="0.25">
      <c r="A11020" s="3">
        <v>41887.575439814813</v>
      </c>
      <c r="B11020" s="6">
        <v>183449.69999999998</v>
      </c>
      <c r="C11020" s="7">
        <f t="shared" si="172"/>
        <v>183.44969999999998</v>
      </c>
      <c r="I11020" s="1"/>
    </row>
    <row r="11021" spans="1:9" x14ac:dyDescent="0.25">
      <c r="A11021" s="3">
        <v>41887.582013888888</v>
      </c>
      <c r="B11021" s="6">
        <v>183466.34999999998</v>
      </c>
      <c r="C11021" s="7">
        <f t="shared" si="172"/>
        <v>183.46634999999998</v>
      </c>
      <c r="I11021" s="1"/>
    </row>
    <row r="11022" spans="1:9" x14ac:dyDescent="0.25">
      <c r="A11022" s="3">
        <v>41887.582384259258</v>
      </c>
      <c r="B11022" s="6">
        <v>183482.99999999997</v>
      </c>
      <c r="C11022" s="7">
        <f t="shared" si="172"/>
        <v>183.48299999999998</v>
      </c>
      <c r="I11022" s="1"/>
    </row>
    <row r="11023" spans="1:9" x14ac:dyDescent="0.25">
      <c r="A11023" s="3">
        <v>41887.584756944445</v>
      </c>
      <c r="B11023" s="6">
        <v>183499.65</v>
      </c>
      <c r="C11023" s="7">
        <f t="shared" si="172"/>
        <v>183.49965</v>
      </c>
      <c r="I11023" s="1"/>
    </row>
    <row r="11024" spans="1:9" x14ac:dyDescent="0.25">
      <c r="A11024" s="3">
        <v>41887.585462962961</v>
      </c>
      <c r="B11024" s="6">
        <v>183516.3</v>
      </c>
      <c r="C11024" s="7">
        <f t="shared" si="172"/>
        <v>183.5163</v>
      </c>
      <c r="I11024" s="1"/>
    </row>
    <row r="11025" spans="1:9" x14ac:dyDescent="0.25">
      <c r="A11025" s="3">
        <v>41887.591226851851</v>
      </c>
      <c r="B11025" s="6">
        <v>183532.94999999998</v>
      </c>
      <c r="C11025" s="7">
        <f t="shared" si="172"/>
        <v>183.53294999999997</v>
      </c>
      <c r="I11025" s="1"/>
    </row>
    <row r="11026" spans="1:9" x14ac:dyDescent="0.25">
      <c r="A11026" s="3">
        <v>41887.591331018521</v>
      </c>
      <c r="B11026" s="6">
        <v>183549.59999999998</v>
      </c>
      <c r="C11026" s="7">
        <f t="shared" si="172"/>
        <v>183.54959999999997</v>
      </c>
      <c r="I11026" s="1"/>
    </row>
    <row r="11027" spans="1:9" x14ac:dyDescent="0.25">
      <c r="A11027" s="3">
        <v>41887.592164351852</v>
      </c>
      <c r="B11027" s="6">
        <v>183566.24999999997</v>
      </c>
      <c r="C11027" s="7">
        <f t="shared" si="172"/>
        <v>183.56624999999997</v>
      </c>
      <c r="I11027" s="1"/>
    </row>
    <row r="11028" spans="1:9" x14ac:dyDescent="0.25">
      <c r="A11028" s="3">
        <v>41887.592314814814</v>
      </c>
      <c r="B11028" s="6">
        <v>183582.9</v>
      </c>
      <c r="C11028" s="7">
        <f t="shared" si="172"/>
        <v>183.5829</v>
      </c>
      <c r="I11028" s="1"/>
    </row>
    <row r="11029" spans="1:9" x14ac:dyDescent="0.25">
      <c r="A11029" s="3">
        <v>41887.598993055559</v>
      </c>
      <c r="B11029" s="6">
        <v>183599.55</v>
      </c>
      <c r="C11029" s="7">
        <f t="shared" si="172"/>
        <v>183.59954999999999</v>
      </c>
      <c r="I11029" s="1"/>
    </row>
    <row r="11030" spans="1:9" x14ac:dyDescent="0.25">
      <c r="A11030" s="3">
        <v>41887.60087962963</v>
      </c>
      <c r="B11030" s="6">
        <v>183616.19999999998</v>
      </c>
      <c r="C11030" s="7">
        <f t="shared" si="172"/>
        <v>183.61619999999999</v>
      </c>
      <c r="I11030" s="1"/>
    </row>
    <row r="11031" spans="1:9" x14ac:dyDescent="0.25">
      <c r="A11031" s="3">
        <v>41887.60423611111</v>
      </c>
      <c r="B11031" s="6">
        <v>183632.84999999998</v>
      </c>
      <c r="C11031" s="7">
        <f t="shared" si="172"/>
        <v>183.63284999999999</v>
      </c>
      <c r="I11031" s="1"/>
    </row>
    <row r="11032" spans="1:9" x14ac:dyDescent="0.25">
      <c r="A11032" s="3">
        <v>41887.604398148149</v>
      </c>
      <c r="B11032" s="6">
        <v>183649.49999999997</v>
      </c>
      <c r="C11032" s="7">
        <f t="shared" si="172"/>
        <v>183.64949999999996</v>
      </c>
      <c r="I11032" s="1"/>
    </row>
    <row r="11033" spans="1:9" x14ac:dyDescent="0.25">
      <c r="A11033" s="3">
        <v>41887.605347222219</v>
      </c>
      <c r="B11033" s="6">
        <v>183666.15</v>
      </c>
      <c r="C11033" s="7">
        <f t="shared" si="172"/>
        <v>183.66614999999999</v>
      </c>
      <c r="I11033" s="1"/>
    </row>
    <row r="11034" spans="1:9" x14ac:dyDescent="0.25">
      <c r="A11034" s="3">
        <v>41887.60564814815</v>
      </c>
      <c r="B11034" s="6">
        <v>183682.8</v>
      </c>
      <c r="C11034" s="7">
        <f t="shared" si="172"/>
        <v>183.68279999999999</v>
      </c>
      <c r="I11034" s="1"/>
    </row>
    <row r="11035" spans="1:9" x14ac:dyDescent="0.25">
      <c r="A11035" s="3">
        <v>41887.608935185184</v>
      </c>
      <c r="B11035" s="6">
        <v>183699.44999999998</v>
      </c>
      <c r="C11035" s="7">
        <f t="shared" si="172"/>
        <v>183.69944999999998</v>
      </c>
      <c r="I11035" s="1"/>
    </row>
    <row r="11036" spans="1:9" x14ac:dyDescent="0.25">
      <c r="A11036" s="3">
        <v>41887.609016203707</v>
      </c>
      <c r="B11036" s="6">
        <v>183716.09999999998</v>
      </c>
      <c r="C11036" s="7">
        <f t="shared" si="172"/>
        <v>183.71609999999998</v>
      </c>
      <c r="I11036" s="1"/>
    </row>
    <row r="11037" spans="1:9" x14ac:dyDescent="0.25">
      <c r="A11037" s="3">
        <v>41887.613125000003</v>
      </c>
      <c r="B11037" s="6">
        <v>183732.74999999997</v>
      </c>
      <c r="C11037" s="7">
        <f t="shared" si="172"/>
        <v>183.73274999999998</v>
      </c>
      <c r="I11037" s="1"/>
    </row>
    <row r="11038" spans="1:9" x14ac:dyDescent="0.25">
      <c r="A11038" s="3">
        <v>41887.613229166665</v>
      </c>
      <c r="B11038" s="6">
        <v>183749.4</v>
      </c>
      <c r="C11038" s="7">
        <f t="shared" si="172"/>
        <v>183.74939999999998</v>
      </c>
      <c r="I11038" s="1"/>
    </row>
    <row r="11039" spans="1:9" x14ac:dyDescent="0.25">
      <c r="A11039" s="3">
        <v>41887.61445601852</v>
      </c>
      <c r="B11039" s="6">
        <v>183766.05</v>
      </c>
      <c r="C11039" s="7">
        <f t="shared" si="172"/>
        <v>183.76604999999998</v>
      </c>
      <c r="I11039" s="1"/>
    </row>
    <row r="11040" spans="1:9" x14ac:dyDescent="0.25">
      <c r="A11040" s="3">
        <v>41887.614548611113</v>
      </c>
      <c r="B11040" s="6">
        <v>183782.69999999998</v>
      </c>
      <c r="C11040" s="7">
        <f t="shared" si="172"/>
        <v>183.78269999999998</v>
      </c>
      <c r="I11040" s="1"/>
    </row>
    <row r="11041" spans="1:9" x14ac:dyDescent="0.25">
      <c r="A11041" s="3">
        <v>41887.616539351853</v>
      </c>
      <c r="B11041" s="6">
        <v>183799.34999999998</v>
      </c>
      <c r="C11041" s="7">
        <f t="shared" si="172"/>
        <v>183.79934999999998</v>
      </c>
      <c r="I11041" s="1"/>
    </row>
    <row r="11042" spans="1:9" x14ac:dyDescent="0.25">
      <c r="A11042" s="3">
        <v>41887.616701388892</v>
      </c>
      <c r="B11042" s="6">
        <v>183815.99999999997</v>
      </c>
      <c r="C11042" s="7">
        <f t="shared" si="172"/>
        <v>183.81599999999997</v>
      </c>
      <c r="I11042" s="1"/>
    </row>
    <row r="11043" spans="1:9" x14ac:dyDescent="0.25">
      <c r="A11043" s="3">
        <v>41887.62096064815</v>
      </c>
      <c r="B11043" s="6">
        <v>183832.65</v>
      </c>
      <c r="C11043" s="7">
        <f t="shared" si="172"/>
        <v>183.83265</v>
      </c>
      <c r="I11043" s="1"/>
    </row>
    <row r="11044" spans="1:9" x14ac:dyDescent="0.25">
      <c r="A11044" s="3">
        <v>41887.621018518519</v>
      </c>
      <c r="B11044" s="6">
        <v>183849.3</v>
      </c>
      <c r="C11044" s="7">
        <f t="shared" si="172"/>
        <v>183.8493</v>
      </c>
      <c r="I11044" s="1"/>
    </row>
    <row r="11045" spans="1:9" x14ac:dyDescent="0.25">
      <c r="A11045" s="3">
        <v>41887.622407407405</v>
      </c>
      <c r="B11045" s="6">
        <v>183865.94999999998</v>
      </c>
      <c r="C11045" s="7">
        <f t="shared" si="172"/>
        <v>183.86594999999997</v>
      </c>
      <c r="I11045" s="1"/>
    </row>
    <row r="11046" spans="1:9" x14ac:dyDescent="0.25">
      <c r="A11046" s="3">
        <v>41887.622488425928</v>
      </c>
      <c r="B11046" s="6">
        <v>183882.59999999998</v>
      </c>
      <c r="C11046" s="7">
        <f t="shared" si="172"/>
        <v>183.88259999999997</v>
      </c>
      <c r="I11046" s="1"/>
    </row>
    <row r="11047" spans="1:9" x14ac:dyDescent="0.25">
      <c r="A11047" s="3">
        <v>41887.623310185183</v>
      </c>
      <c r="B11047" s="6">
        <v>183899.24999999997</v>
      </c>
      <c r="C11047" s="7">
        <f t="shared" si="172"/>
        <v>183.89924999999997</v>
      </c>
      <c r="I11047" s="1"/>
    </row>
    <row r="11048" spans="1:9" x14ac:dyDescent="0.25">
      <c r="A11048" s="3">
        <v>41887.623414351852</v>
      </c>
      <c r="B11048" s="6">
        <v>183915.9</v>
      </c>
      <c r="C11048" s="7">
        <f t="shared" si="172"/>
        <v>183.91589999999999</v>
      </c>
      <c r="I11048" s="1"/>
    </row>
    <row r="11049" spans="1:9" x14ac:dyDescent="0.25">
      <c r="A11049" s="3">
        <v>41887.625162037039</v>
      </c>
      <c r="B11049" s="6">
        <v>183932.55</v>
      </c>
      <c r="C11049" s="7">
        <f t="shared" si="172"/>
        <v>183.93254999999999</v>
      </c>
      <c r="I11049" s="1"/>
    </row>
    <row r="11050" spans="1:9" x14ac:dyDescent="0.25">
      <c r="A11050" s="3">
        <v>41887.625254629631</v>
      </c>
      <c r="B11050" s="6">
        <v>183949.19999999998</v>
      </c>
      <c r="C11050" s="7">
        <f t="shared" si="172"/>
        <v>183.94919999999999</v>
      </c>
      <c r="I11050" s="1"/>
    </row>
    <row r="11051" spans="1:9" x14ac:dyDescent="0.25">
      <c r="A11051" s="3">
        <v>41887.626469907409</v>
      </c>
      <c r="B11051" s="6">
        <v>183965.84999999998</v>
      </c>
      <c r="C11051" s="7">
        <f t="shared" si="172"/>
        <v>183.96584999999999</v>
      </c>
      <c r="I11051" s="1"/>
    </row>
    <row r="11052" spans="1:9" x14ac:dyDescent="0.25">
      <c r="A11052" s="3">
        <v>41887.626527777778</v>
      </c>
      <c r="B11052" s="6">
        <v>183982.49999999997</v>
      </c>
      <c r="C11052" s="7">
        <f t="shared" si="172"/>
        <v>183.98249999999996</v>
      </c>
      <c r="I11052" s="1"/>
    </row>
    <row r="11053" spans="1:9" x14ac:dyDescent="0.25">
      <c r="A11053" s="3">
        <v>41887.627025462964</v>
      </c>
      <c r="B11053" s="6">
        <v>183999.15</v>
      </c>
      <c r="C11053" s="7">
        <f t="shared" si="172"/>
        <v>183.99914999999999</v>
      </c>
      <c r="I11053" s="1"/>
    </row>
    <row r="11054" spans="1:9" x14ac:dyDescent="0.25">
      <c r="A11054" s="3">
        <v>41887.62709490741</v>
      </c>
      <c r="B11054" s="6">
        <v>184015.8</v>
      </c>
      <c r="C11054" s="7">
        <f t="shared" si="172"/>
        <v>184.01579999999998</v>
      </c>
      <c r="I11054" s="1"/>
    </row>
    <row r="11055" spans="1:9" x14ac:dyDescent="0.25">
      <c r="A11055" s="3">
        <v>41887.629282407404</v>
      </c>
      <c r="B11055" s="6">
        <v>184032.44999999998</v>
      </c>
      <c r="C11055" s="7">
        <f t="shared" si="172"/>
        <v>184.03244999999998</v>
      </c>
      <c r="I11055" s="1"/>
    </row>
    <row r="11056" spans="1:9" x14ac:dyDescent="0.25">
      <c r="A11056" s="3">
        <v>41887.629652777781</v>
      </c>
      <c r="B11056" s="6">
        <v>184049.09999999998</v>
      </c>
      <c r="C11056" s="7">
        <f t="shared" si="172"/>
        <v>184.04909999999998</v>
      </c>
      <c r="I11056" s="1"/>
    </row>
    <row r="11057" spans="1:9" x14ac:dyDescent="0.25">
      <c r="A11057" s="3">
        <v>41887.632245370369</v>
      </c>
      <c r="B11057" s="6">
        <v>184065.74999999997</v>
      </c>
      <c r="C11057" s="7">
        <f t="shared" si="172"/>
        <v>184.06574999999998</v>
      </c>
      <c r="I11057" s="1"/>
    </row>
    <row r="11058" spans="1:9" x14ac:dyDescent="0.25">
      <c r="A11058" s="3">
        <v>41887.632314814815</v>
      </c>
      <c r="B11058" s="6">
        <v>184082.4</v>
      </c>
      <c r="C11058" s="7">
        <f t="shared" si="172"/>
        <v>184.08240000000001</v>
      </c>
      <c r="I11058" s="1"/>
    </row>
    <row r="11059" spans="1:9" x14ac:dyDescent="0.25">
      <c r="A11059" s="3">
        <v>41887.632835648146</v>
      </c>
      <c r="B11059" s="6">
        <v>184099.05</v>
      </c>
      <c r="C11059" s="7">
        <f t="shared" si="172"/>
        <v>184.09904999999998</v>
      </c>
      <c r="I11059" s="1"/>
    </row>
    <row r="11060" spans="1:9" x14ac:dyDescent="0.25">
      <c r="A11060" s="3">
        <v>41887.632905092592</v>
      </c>
      <c r="B11060" s="6">
        <v>184115.69999999998</v>
      </c>
      <c r="C11060" s="7">
        <f t="shared" si="172"/>
        <v>184.11569999999998</v>
      </c>
      <c r="I11060" s="1"/>
    </row>
    <row r="11061" spans="1:9" x14ac:dyDescent="0.25">
      <c r="A11061" s="3">
        <v>41887.633483796293</v>
      </c>
      <c r="B11061" s="6">
        <v>184132.34999999998</v>
      </c>
      <c r="C11061" s="7">
        <f t="shared" si="172"/>
        <v>184.13234999999997</v>
      </c>
      <c r="I11061" s="1"/>
    </row>
    <row r="11062" spans="1:9" x14ac:dyDescent="0.25">
      <c r="A11062" s="3">
        <v>41887.63354166667</v>
      </c>
      <c r="B11062" s="6">
        <v>184148.99999999997</v>
      </c>
      <c r="C11062" s="7">
        <f t="shared" si="172"/>
        <v>184.14899999999997</v>
      </c>
      <c r="I11062" s="1"/>
    </row>
    <row r="11063" spans="1:9" x14ac:dyDescent="0.25">
      <c r="A11063" s="3">
        <v>41887.634247685186</v>
      </c>
      <c r="B11063" s="6">
        <v>184165.65</v>
      </c>
      <c r="C11063" s="7">
        <f t="shared" si="172"/>
        <v>184.16565</v>
      </c>
      <c r="I11063" s="1"/>
    </row>
    <row r="11064" spans="1:9" x14ac:dyDescent="0.25">
      <c r="A11064" s="3">
        <v>41887.634340277778</v>
      </c>
      <c r="B11064" s="6">
        <v>184182.3</v>
      </c>
      <c r="C11064" s="7">
        <f t="shared" si="172"/>
        <v>184.1823</v>
      </c>
      <c r="I11064" s="1"/>
    </row>
    <row r="11065" spans="1:9" x14ac:dyDescent="0.25">
      <c r="A11065" s="3">
        <v>41887.642094907409</v>
      </c>
      <c r="B11065" s="6">
        <v>184198.94999999998</v>
      </c>
      <c r="C11065" s="7">
        <f t="shared" si="172"/>
        <v>184.19895</v>
      </c>
      <c r="I11065" s="1"/>
    </row>
    <row r="11066" spans="1:9" x14ac:dyDescent="0.25">
      <c r="A11066" s="3">
        <v>41887.642418981479</v>
      </c>
      <c r="B11066" s="6">
        <v>184215.59999999998</v>
      </c>
      <c r="C11066" s="7">
        <f t="shared" si="172"/>
        <v>184.21559999999997</v>
      </c>
      <c r="I11066" s="1"/>
    </row>
    <row r="11067" spans="1:9" x14ac:dyDescent="0.25">
      <c r="A11067" s="3">
        <v>41887.644282407404</v>
      </c>
      <c r="B11067" s="6">
        <v>184232.24999999997</v>
      </c>
      <c r="C11067" s="7">
        <f t="shared" si="172"/>
        <v>184.23224999999996</v>
      </c>
      <c r="I11067" s="1"/>
    </row>
    <row r="11068" spans="1:9" x14ac:dyDescent="0.25">
      <c r="A11068" s="3">
        <v>41887.645497685182</v>
      </c>
      <c r="B11068" s="6">
        <v>184248.9</v>
      </c>
      <c r="C11068" s="7">
        <f t="shared" si="172"/>
        <v>184.24889999999999</v>
      </c>
      <c r="I11068" s="1"/>
    </row>
    <row r="11069" spans="1:9" x14ac:dyDescent="0.25">
      <c r="A11069" s="3">
        <v>41887.64634259259</v>
      </c>
      <c r="B11069" s="6">
        <v>184265.55</v>
      </c>
      <c r="C11069" s="7">
        <f t="shared" si="172"/>
        <v>184.26554999999999</v>
      </c>
      <c r="I11069" s="1"/>
    </row>
    <row r="11070" spans="1:9" x14ac:dyDescent="0.25">
      <c r="A11070" s="3">
        <v>41887.646412037036</v>
      </c>
      <c r="B11070" s="6">
        <v>184282.19999999998</v>
      </c>
      <c r="C11070" s="7">
        <f t="shared" si="172"/>
        <v>184.28219999999999</v>
      </c>
      <c r="I11070" s="1"/>
    </row>
    <row r="11071" spans="1:9" x14ac:dyDescent="0.25">
      <c r="A11071" s="3">
        <v>41887.649884259263</v>
      </c>
      <c r="B11071" s="6">
        <v>184298.84999999998</v>
      </c>
      <c r="C11071" s="7">
        <f t="shared" si="172"/>
        <v>184.29884999999999</v>
      </c>
      <c r="I11071" s="1"/>
    </row>
    <row r="11072" spans="1:9" x14ac:dyDescent="0.25">
      <c r="A11072" s="3">
        <v>41887.650011574071</v>
      </c>
      <c r="B11072" s="6">
        <v>184315.49999999997</v>
      </c>
      <c r="C11072" s="7">
        <f t="shared" si="172"/>
        <v>184.31549999999996</v>
      </c>
      <c r="I11072" s="1"/>
    </row>
    <row r="11073" spans="1:9" x14ac:dyDescent="0.25">
      <c r="A11073" s="3">
        <v>41887.655439814815</v>
      </c>
      <c r="B11073" s="6">
        <v>184332.15</v>
      </c>
      <c r="C11073" s="7">
        <f t="shared" si="172"/>
        <v>184.33214999999998</v>
      </c>
      <c r="I11073" s="1"/>
    </row>
    <row r="11074" spans="1:9" x14ac:dyDescent="0.25">
      <c r="A11074" s="3">
        <v>41887.655543981484</v>
      </c>
      <c r="B11074" s="6">
        <v>184348.79999999999</v>
      </c>
      <c r="C11074" s="7">
        <f t="shared" si="172"/>
        <v>184.34879999999998</v>
      </c>
      <c r="I11074" s="1"/>
    </row>
    <row r="11075" spans="1:9" x14ac:dyDescent="0.25">
      <c r="A11075" s="3">
        <v>41887.656064814815</v>
      </c>
      <c r="B11075" s="6">
        <v>184365.44999999998</v>
      </c>
      <c r="C11075" s="7">
        <f t="shared" ref="C11075:C11138" si="173">B11075/1000</f>
        <v>184.36544999999998</v>
      </c>
      <c r="I11075" s="1"/>
    </row>
    <row r="11076" spans="1:9" x14ac:dyDescent="0.25">
      <c r="A11076" s="3">
        <v>41887.656111111108</v>
      </c>
      <c r="B11076" s="6">
        <v>184382.09999999998</v>
      </c>
      <c r="C11076" s="7">
        <f t="shared" si="173"/>
        <v>184.38209999999998</v>
      </c>
      <c r="I11076" s="1"/>
    </row>
    <row r="11077" spans="1:9" x14ac:dyDescent="0.25">
      <c r="A11077" s="3">
        <v>41887.658506944441</v>
      </c>
      <c r="B11077" s="6">
        <v>184398.74999999997</v>
      </c>
      <c r="C11077" s="7">
        <f t="shared" si="173"/>
        <v>184.39874999999998</v>
      </c>
      <c r="I11077" s="1"/>
    </row>
    <row r="11078" spans="1:9" x14ac:dyDescent="0.25">
      <c r="A11078" s="3">
        <v>41887.659236111111</v>
      </c>
      <c r="B11078" s="6">
        <v>184415.4</v>
      </c>
      <c r="C11078" s="7">
        <f t="shared" si="173"/>
        <v>184.41540000000001</v>
      </c>
      <c r="I11078" s="1"/>
    </row>
    <row r="11079" spans="1:9" x14ac:dyDescent="0.25">
      <c r="A11079" s="3">
        <v>41887.662499999999</v>
      </c>
      <c r="B11079" s="6">
        <v>184432.05</v>
      </c>
      <c r="C11079" s="7">
        <f t="shared" si="173"/>
        <v>184.43204999999998</v>
      </c>
      <c r="I11079" s="1"/>
    </row>
    <row r="11080" spans="1:9" x14ac:dyDescent="0.25">
      <c r="A11080" s="3">
        <v>41887.662777777776</v>
      </c>
      <c r="B11080" s="6">
        <v>184448.69999999998</v>
      </c>
      <c r="C11080" s="7">
        <f t="shared" si="173"/>
        <v>184.44869999999997</v>
      </c>
      <c r="I11080" s="1"/>
    </row>
    <row r="11081" spans="1:9" x14ac:dyDescent="0.25">
      <c r="A11081" s="3">
        <v>41887.666250000002</v>
      </c>
      <c r="B11081" s="6">
        <v>184465.34999999998</v>
      </c>
      <c r="C11081" s="7">
        <f t="shared" si="173"/>
        <v>184.46534999999997</v>
      </c>
      <c r="I11081" s="1"/>
    </row>
    <row r="11082" spans="1:9" x14ac:dyDescent="0.25">
      <c r="A11082" s="3">
        <v>41887.666365740741</v>
      </c>
      <c r="B11082" s="6">
        <v>184481.99999999997</v>
      </c>
      <c r="C11082" s="7">
        <f t="shared" si="173"/>
        <v>184.48199999999997</v>
      </c>
      <c r="I11082" s="1"/>
    </row>
    <row r="11083" spans="1:9" x14ac:dyDescent="0.25">
      <c r="A11083" s="3">
        <v>41887.668865740743</v>
      </c>
      <c r="B11083" s="6">
        <v>184498.65</v>
      </c>
      <c r="C11083" s="7">
        <f t="shared" si="173"/>
        <v>184.49865</v>
      </c>
      <c r="I11083" s="1"/>
    </row>
    <row r="11084" spans="1:9" x14ac:dyDescent="0.25">
      <c r="A11084" s="3">
        <v>41887.669016203705</v>
      </c>
      <c r="B11084" s="6">
        <v>184515.3</v>
      </c>
      <c r="C11084" s="7">
        <f t="shared" si="173"/>
        <v>184.5153</v>
      </c>
      <c r="I11084" s="1"/>
    </row>
    <row r="11085" spans="1:9" x14ac:dyDescent="0.25">
      <c r="A11085" s="3">
        <v>41887.672326388885</v>
      </c>
      <c r="B11085" s="6">
        <v>184531.94999999998</v>
      </c>
      <c r="C11085" s="7">
        <f t="shared" si="173"/>
        <v>184.53194999999999</v>
      </c>
      <c r="I11085" s="1"/>
    </row>
    <row r="11086" spans="1:9" x14ac:dyDescent="0.25">
      <c r="A11086" s="3">
        <v>41887.672893518517</v>
      </c>
      <c r="B11086" s="6">
        <v>184548.59999999998</v>
      </c>
      <c r="C11086" s="7">
        <f t="shared" si="173"/>
        <v>184.54859999999996</v>
      </c>
      <c r="I11086" s="1"/>
    </row>
    <row r="11087" spans="1:9" x14ac:dyDescent="0.25">
      <c r="A11087" s="3">
        <v>41887.673564814817</v>
      </c>
      <c r="B11087" s="6">
        <v>184565.24999999997</v>
      </c>
      <c r="C11087" s="7">
        <f t="shared" si="173"/>
        <v>184.56524999999996</v>
      </c>
      <c r="I11087" s="1"/>
    </row>
    <row r="11088" spans="1:9" x14ac:dyDescent="0.25">
      <c r="A11088" s="3">
        <v>41887.673611111109</v>
      </c>
      <c r="B11088" s="6">
        <v>184581.9</v>
      </c>
      <c r="C11088" s="7">
        <f t="shared" si="173"/>
        <v>184.58189999999999</v>
      </c>
      <c r="I11088" s="1"/>
    </row>
    <row r="11089" spans="1:9" x14ac:dyDescent="0.25">
      <c r="A11089" s="3">
        <v>41887.675509259258</v>
      </c>
      <c r="B11089" s="6">
        <v>184598.55</v>
      </c>
      <c r="C11089" s="7">
        <f t="shared" si="173"/>
        <v>184.59854999999999</v>
      </c>
      <c r="I11089" s="1"/>
    </row>
    <row r="11090" spans="1:9" x14ac:dyDescent="0.25">
      <c r="A11090" s="3">
        <v>41887.67560185185</v>
      </c>
      <c r="B11090" s="6">
        <v>184615.19999999998</v>
      </c>
      <c r="C11090" s="7">
        <f t="shared" si="173"/>
        <v>184.61519999999999</v>
      </c>
      <c r="I11090" s="1"/>
    </row>
    <row r="11091" spans="1:9" x14ac:dyDescent="0.25">
      <c r="A11091" s="3">
        <v>41887.677453703705</v>
      </c>
      <c r="B11091" s="6">
        <v>184631.84999999998</v>
      </c>
      <c r="C11091" s="7">
        <f t="shared" si="173"/>
        <v>184.63184999999999</v>
      </c>
      <c r="I11091" s="1"/>
    </row>
    <row r="11092" spans="1:9" x14ac:dyDescent="0.25">
      <c r="A11092" s="3">
        <v>41887.677523148152</v>
      </c>
      <c r="B11092" s="6">
        <v>184648.49999999997</v>
      </c>
      <c r="C11092" s="7">
        <f t="shared" si="173"/>
        <v>184.64849999999998</v>
      </c>
      <c r="I11092" s="1"/>
    </row>
    <row r="11093" spans="1:9" x14ac:dyDescent="0.25">
      <c r="A11093" s="3">
        <v>41887.678113425929</v>
      </c>
      <c r="B11093" s="6">
        <v>184665.15</v>
      </c>
      <c r="C11093" s="7">
        <f t="shared" si="173"/>
        <v>184.66514999999998</v>
      </c>
      <c r="I11093" s="1"/>
    </row>
    <row r="11094" spans="1:9" x14ac:dyDescent="0.25">
      <c r="A11094" s="3">
        <v>41887.678252314814</v>
      </c>
      <c r="B11094" s="6">
        <v>184681.8</v>
      </c>
      <c r="C11094" s="7">
        <f t="shared" si="173"/>
        <v>184.68179999999998</v>
      </c>
      <c r="I11094" s="1"/>
    </row>
    <row r="11095" spans="1:9" x14ac:dyDescent="0.25">
      <c r="A11095" s="3">
        <v>41887.679097222222</v>
      </c>
      <c r="B11095" s="6">
        <v>184698.44999999998</v>
      </c>
      <c r="C11095" s="7">
        <f t="shared" si="173"/>
        <v>184.69844999999998</v>
      </c>
      <c r="I11095" s="1"/>
    </row>
    <row r="11096" spans="1:9" x14ac:dyDescent="0.25">
      <c r="A11096" s="3">
        <v>41887.67931712963</v>
      </c>
      <c r="B11096" s="6">
        <v>184715.09999999998</v>
      </c>
      <c r="C11096" s="7">
        <f t="shared" si="173"/>
        <v>184.71509999999998</v>
      </c>
      <c r="I11096" s="1"/>
    </row>
    <row r="11097" spans="1:9" x14ac:dyDescent="0.25">
      <c r="A11097" s="3">
        <v>41887.695034722223</v>
      </c>
      <c r="B11097" s="6">
        <v>184731.74999999997</v>
      </c>
      <c r="C11097" s="7">
        <f t="shared" si="173"/>
        <v>184.73174999999998</v>
      </c>
      <c r="I11097" s="1"/>
    </row>
    <row r="11098" spans="1:9" x14ac:dyDescent="0.25">
      <c r="A11098" s="3">
        <v>41887.695115740738</v>
      </c>
      <c r="B11098" s="6">
        <v>184748.4</v>
      </c>
      <c r="C11098" s="7">
        <f t="shared" si="173"/>
        <v>184.7484</v>
      </c>
      <c r="I11098" s="1"/>
    </row>
    <row r="11099" spans="1:9" x14ac:dyDescent="0.25">
      <c r="A11099" s="3">
        <v>41887.695914351854</v>
      </c>
      <c r="B11099" s="6">
        <v>184765.05</v>
      </c>
      <c r="C11099" s="7">
        <f t="shared" si="173"/>
        <v>184.76505</v>
      </c>
      <c r="I11099" s="1"/>
    </row>
    <row r="11100" spans="1:9" x14ac:dyDescent="0.25">
      <c r="A11100" s="3">
        <v>41887.695972222224</v>
      </c>
      <c r="B11100" s="6">
        <v>184781.69999999998</v>
      </c>
      <c r="C11100" s="7">
        <f t="shared" si="173"/>
        <v>184.78169999999997</v>
      </c>
      <c r="I11100" s="1"/>
    </row>
    <row r="11101" spans="1:9" x14ac:dyDescent="0.25">
      <c r="A11101" s="3">
        <v>41887.696458333332</v>
      </c>
      <c r="B11101" s="6">
        <v>184798.34999999998</v>
      </c>
      <c r="C11101" s="7">
        <f t="shared" si="173"/>
        <v>184.79834999999997</v>
      </c>
      <c r="I11101" s="1"/>
    </row>
    <row r="11102" spans="1:9" x14ac:dyDescent="0.25">
      <c r="A11102" s="3">
        <v>41887.696562500001</v>
      </c>
      <c r="B11102" s="6">
        <v>184814.99999999997</v>
      </c>
      <c r="C11102" s="7">
        <f t="shared" si="173"/>
        <v>184.81499999999997</v>
      </c>
      <c r="I11102" s="1"/>
    </row>
    <row r="11103" spans="1:9" x14ac:dyDescent="0.25">
      <c r="A11103" s="3">
        <v>41887.699618055558</v>
      </c>
      <c r="B11103" s="6">
        <v>184831.65</v>
      </c>
      <c r="C11103" s="7">
        <f t="shared" si="173"/>
        <v>184.83165</v>
      </c>
      <c r="I11103" s="1"/>
    </row>
    <row r="11104" spans="1:9" x14ac:dyDescent="0.25">
      <c r="A11104" s="3">
        <v>41887.699837962966</v>
      </c>
      <c r="B11104" s="6">
        <v>184848.3</v>
      </c>
      <c r="C11104" s="7">
        <f t="shared" si="173"/>
        <v>184.84829999999999</v>
      </c>
      <c r="I11104" s="1"/>
    </row>
    <row r="11105" spans="1:9" x14ac:dyDescent="0.25">
      <c r="A11105" s="3">
        <v>41887.704629629632</v>
      </c>
      <c r="B11105" s="6">
        <v>184864.94999999998</v>
      </c>
      <c r="C11105" s="7">
        <f t="shared" si="173"/>
        <v>184.86494999999999</v>
      </c>
      <c r="I11105" s="1"/>
    </row>
    <row r="11106" spans="1:9" x14ac:dyDescent="0.25">
      <c r="A11106" s="3">
        <v>41887.704710648148</v>
      </c>
      <c r="B11106" s="6">
        <v>184881.59999999998</v>
      </c>
      <c r="C11106" s="7">
        <f t="shared" si="173"/>
        <v>184.88159999999996</v>
      </c>
      <c r="I11106" s="1"/>
    </row>
    <row r="11107" spans="1:9" x14ac:dyDescent="0.25">
      <c r="A11107" s="3">
        <v>41887.705983796295</v>
      </c>
      <c r="B11107" s="6">
        <v>184898.24999999997</v>
      </c>
      <c r="C11107" s="7">
        <f t="shared" si="173"/>
        <v>184.89824999999996</v>
      </c>
      <c r="I11107" s="1"/>
    </row>
    <row r="11108" spans="1:9" x14ac:dyDescent="0.25">
      <c r="A11108" s="3">
        <v>41887.706053240741</v>
      </c>
      <c r="B11108" s="6">
        <v>184914.9</v>
      </c>
      <c r="C11108" s="7">
        <f t="shared" si="173"/>
        <v>184.91489999999999</v>
      </c>
      <c r="I11108" s="1"/>
    </row>
    <row r="11109" spans="1:9" x14ac:dyDescent="0.25">
      <c r="A11109" s="3">
        <v>41887.711747685185</v>
      </c>
      <c r="B11109" s="6">
        <v>184931.55</v>
      </c>
      <c r="C11109" s="7">
        <f t="shared" si="173"/>
        <v>184.93154999999999</v>
      </c>
      <c r="I11109" s="1"/>
    </row>
    <row r="11110" spans="1:9" x14ac:dyDescent="0.25">
      <c r="A11110" s="3">
        <v>41887.711863425924</v>
      </c>
      <c r="B11110" s="6">
        <v>184948.19999999998</v>
      </c>
      <c r="C11110" s="7">
        <f t="shared" si="173"/>
        <v>184.94819999999999</v>
      </c>
      <c r="I11110" s="1"/>
    </row>
    <row r="11111" spans="1:9" x14ac:dyDescent="0.25">
      <c r="A11111" s="3">
        <v>41887.715324074074</v>
      </c>
      <c r="B11111" s="6">
        <v>184964.84999999998</v>
      </c>
      <c r="C11111" s="7">
        <f t="shared" si="173"/>
        <v>184.96484999999998</v>
      </c>
      <c r="I11111" s="1"/>
    </row>
    <row r="11112" spans="1:9" x14ac:dyDescent="0.25">
      <c r="A11112" s="3">
        <v>41887.715405092589</v>
      </c>
      <c r="B11112" s="6">
        <v>184981.49999999997</v>
      </c>
      <c r="C11112" s="7">
        <f t="shared" si="173"/>
        <v>184.98149999999998</v>
      </c>
      <c r="I11112" s="1"/>
    </row>
    <row r="11113" spans="1:9" x14ac:dyDescent="0.25">
      <c r="A11113" s="3">
        <v>41887.716006944444</v>
      </c>
      <c r="B11113" s="6">
        <v>184998.15</v>
      </c>
      <c r="C11113" s="7">
        <f t="shared" si="173"/>
        <v>184.99814999999998</v>
      </c>
      <c r="I11113" s="1"/>
    </row>
    <row r="11114" spans="1:9" x14ac:dyDescent="0.25">
      <c r="A11114" s="3">
        <v>41887.716111111113</v>
      </c>
      <c r="B11114" s="6">
        <v>185014.8</v>
      </c>
      <c r="C11114" s="7">
        <f t="shared" si="173"/>
        <v>185.01479999999998</v>
      </c>
      <c r="I11114" s="1"/>
    </row>
    <row r="11115" spans="1:9" x14ac:dyDescent="0.25">
      <c r="A11115" s="3">
        <v>41887.716840277775</v>
      </c>
      <c r="B11115" s="6">
        <v>185031.44999999998</v>
      </c>
      <c r="C11115" s="7">
        <f t="shared" si="173"/>
        <v>185.03144999999998</v>
      </c>
      <c r="I11115" s="1"/>
    </row>
    <row r="11116" spans="1:9" x14ac:dyDescent="0.25">
      <c r="A11116" s="3">
        <v>41887.716909722221</v>
      </c>
      <c r="B11116" s="6">
        <v>185048.09999999998</v>
      </c>
      <c r="C11116" s="7">
        <f t="shared" si="173"/>
        <v>185.04809999999998</v>
      </c>
      <c r="I11116" s="1"/>
    </row>
    <row r="11117" spans="1:9" x14ac:dyDescent="0.25">
      <c r="A11117" s="3">
        <v>41887.71775462963</v>
      </c>
      <c r="B11117" s="6">
        <v>185064.74999999997</v>
      </c>
      <c r="C11117" s="7">
        <f t="shared" si="173"/>
        <v>185.06474999999998</v>
      </c>
      <c r="I11117" s="1"/>
    </row>
    <row r="11118" spans="1:9" x14ac:dyDescent="0.25">
      <c r="A11118" s="3">
        <v>41887.717824074076</v>
      </c>
      <c r="B11118" s="6">
        <v>185081.4</v>
      </c>
      <c r="C11118" s="7">
        <f t="shared" si="173"/>
        <v>185.0814</v>
      </c>
      <c r="I11118" s="1"/>
    </row>
    <row r="11119" spans="1:9" x14ac:dyDescent="0.25">
      <c r="A11119" s="3">
        <v>41887.719421296293</v>
      </c>
      <c r="B11119" s="6">
        <v>185098.05</v>
      </c>
      <c r="C11119" s="7">
        <f t="shared" si="173"/>
        <v>185.09805</v>
      </c>
      <c r="I11119" s="1"/>
    </row>
    <row r="11120" spans="1:9" x14ac:dyDescent="0.25">
      <c r="A11120" s="3">
        <v>41887.719618055555</v>
      </c>
      <c r="B11120" s="6">
        <v>185114.69999999998</v>
      </c>
      <c r="C11120" s="7">
        <f t="shared" si="173"/>
        <v>185.11469999999997</v>
      </c>
      <c r="I11120" s="1"/>
    </row>
    <row r="11121" spans="1:9" x14ac:dyDescent="0.25">
      <c r="A11121" s="3">
        <v>41887.72384259259</v>
      </c>
      <c r="B11121" s="6">
        <v>185131.34999999998</v>
      </c>
      <c r="C11121" s="7">
        <f t="shared" si="173"/>
        <v>185.13134999999997</v>
      </c>
      <c r="I11121" s="1"/>
    </row>
    <row r="11122" spans="1:9" x14ac:dyDescent="0.25">
      <c r="A11122" s="3">
        <v>41887.723946759259</v>
      </c>
      <c r="B11122" s="6">
        <v>185147.99999999997</v>
      </c>
      <c r="C11122" s="7">
        <f t="shared" si="173"/>
        <v>185.14799999999997</v>
      </c>
      <c r="I11122" s="1"/>
    </row>
    <row r="11123" spans="1:9" x14ac:dyDescent="0.25">
      <c r="A11123" s="3">
        <v>41887.725104166668</v>
      </c>
      <c r="B11123" s="6">
        <v>185164.65</v>
      </c>
      <c r="C11123" s="7">
        <f t="shared" si="173"/>
        <v>185.16464999999999</v>
      </c>
      <c r="I11123" s="1"/>
    </row>
    <row r="11124" spans="1:9" x14ac:dyDescent="0.25">
      <c r="A11124" s="3">
        <v>41887.725162037037</v>
      </c>
      <c r="B11124" s="6">
        <v>185181.3</v>
      </c>
      <c r="C11124" s="7">
        <f t="shared" si="173"/>
        <v>185.18129999999999</v>
      </c>
      <c r="I11124" s="1"/>
    </row>
    <row r="11125" spans="1:9" x14ac:dyDescent="0.25">
      <c r="A11125" s="3">
        <v>41887.726423611108</v>
      </c>
      <c r="B11125" s="6">
        <v>185197.94999999998</v>
      </c>
      <c r="C11125" s="7">
        <f t="shared" si="173"/>
        <v>185.19794999999999</v>
      </c>
      <c r="I11125" s="1"/>
    </row>
    <row r="11126" spans="1:9" x14ac:dyDescent="0.25">
      <c r="A11126" s="3">
        <v>41887.726539351854</v>
      </c>
      <c r="B11126" s="6">
        <v>185214.59999999998</v>
      </c>
      <c r="C11126" s="7">
        <f t="shared" si="173"/>
        <v>185.21459999999999</v>
      </c>
      <c r="I11126" s="1"/>
    </row>
    <row r="11127" spans="1:9" x14ac:dyDescent="0.25">
      <c r="A11127" s="3">
        <v>41887.731342592589</v>
      </c>
      <c r="B11127" s="6">
        <v>185231.24999999997</v>
      </c>
      <c r="C11127" s="7">
        <f t="shared" si="173"/>
        <v>185.23124999999996</v>
      </c>
      <c r="I11127" s="1"/>
    </row>
    <row r="11128" spans="1:9" x14ac:dyDescent="0.25">
      <c r="A11128" s="3">
        <v>41887.731435185182</v>
      </c>
      <c r="B11128" s="6">
        <v>185247.9</v>
      </c>
      <c r="C11128" s="7">
        <f t="shared" si="173"/>
        <v>185.24789999999999</v>
      </c>
      <c r="I11128" s="1"/>
    </row>
    <row r="11129" spans="1:9" x14ac:dyDescent="0.25">
      <c r="A11129" s="3">
        <v>41887.736712962964</v>
      </c>
      <c r="B11129" s="6">
        <v>185264.55</v>
      </c>
      <c r="C11129" s="7">
        <f t="shared" si="173"/>
        <v>185.26454999999999</v>
      </c>
      <c r="I11129" s="1"/>
    </row>
    <row r="11130" spans="1:9" x14ac:dyDescent="0.25">
      <c r="A11130" s="3">
        <v>41887.736886574072</v>
      </c>
      <c r="B11130" s="6">
        <v>185281.19999999998</v>
      </c>
      <c r="C11130" s="7">
        <f t="shared" si="173"/>
        <v>185.28119999999998</v>
      </c>
      <c r="I11130" s="1"/>
    </row>
    <row r="11131" spans="1:9" x14ac:dyDescent="0.25">
      <c r="A11131" s="3">
        <v>41887.739328703705</v>
      </c>
      <c r="B11131" s="6">
        <v>185297.84999999998</v>
      </c>
      <c r="C11131" s="7">
        <f t="shared" si="173"/>
        <v>185.29784999999998</v>
      </c>
      <c r="I11131" s="1"/>
    </row>
    <row r="11132" spans="1:9" x14ac:dyDescent="0.25">
      <c r="A11132" s="3">
        <v>41887.739432870374</v>
      </c>
      <c r="B11132" s="6">
        <v>185314.49999999997</v>
      </c>
      <c r="C11132" s="7">
        <f t="shared" si="173"/>
        <v>185.31449999999998</v>
      </c>
      <c r="I11132" s="1"/>
    </row>
    <row r="11133" spans="1:9" x14ac:dyDescent="0.25">
      <c r="A11133" s="3">
        <v>41887.744560185187</v>
      </c>
      <c r="B11133" s="6">
        <v>185331.15</v>
      </c>
      <c r="C11133" s="7">
        <f t="shared" si="173"/>
        <v>185.33115000000001</v>
      </c>
      <c r="I11133" s="1"/>
    </row>
    <row r="11134" spans="1:9" x14ac:dyDescent="0.25">
      <c r="A11134" s="3">
        <v>41887.745115740741</v>
      </c>
      <c r="B11134" s="6">
        <v>185347.8</v>
      </c>
      <c r="C11134" s="7">
        <f t="shared" si="173"/>
        <v>185.34779999999998</v>
      </c>
      <c r="I11134" s="1"/>
    </row>
    <row r="11135" spans="1:9" x14ac:dyDescent="0.25">
      <c r="A11135" s="3">
        <v>41887.748240740744</v>
      </c>
      <c r="B11135" s="6">
        <v>185364.44999999998</v>
      </c>
      <c r="C11135" s="7">
        <f t="shared" si="173"/>
        <v>185.36444999999998</v>
      </c>
      <c r="I11135" s="1"/>
    </row>
    <row r="11136" spans="1:9" x14ac:dyDescent="0.25">
      <c r="A11136" s="3">
        <v>41887.74863425926</v>
      </c>
      <c r="B11136" s="6">
        <v>185381.09999999998</v>
      </c>
      <c r="C11136" s="7">
        <f t="shared" si="173"/>
        <v>185.38109999999998</v>
      </c>
      <c r="I11136" s="1"/>
    </row>
    <row r="11137" spans="1:9" x14ac:dyDescent="0.25">
      <c r="A11137" s="3">
        <v>41887.750740740739</v>
      </c>
      <c r="B11137" s="6">
        <v>185397.74999999997</v>
      </c>
      <c r="C11137" s="7">
        <f t="shared" si="173"/>
        <v>185.39774999999997</v>
      </c>
      <c r="I11137" s="1"/>
    </row>
    <row r="11138" spans="1:9" x14ac:dyDescent="0.25">
      <c r="A11138" s="3">
        <v>41887.750868055555</v>
      </c>
      <c r="B11138" s="6">
        <v>185414.39999999999</v>
      </c>
      <c r="C11138" s="7">
        <f t="shared" si="173"/>
        <v>185.4144</v>
      </c>
      <c r="I11138" s="1"/>
    </row>
    <row r="11139" spans="1:9" x14ac:dyDescent="0.25">
      <c r="A11139" s="3">
        <v>41887.754710648151</v>
      </c>
      <c r="B11139" s="6">
        <v>185431.05</v>
      </c>
      <c r="C11139" s="7">
        <f t="shared" ref="C11139:C11202" si="174">B11139/1000</f>
        <v>185.43105</v>
      </c>
      <c r="I11139" s="1"/>
    </row>
    <row r="11140" spans="1:9" x14ac:dyDescent="0.25">
      <c r="A11140" s="3">
        <v>41887.754826388889</v>
      </c>
      <c r="B11140" s="6">
        <v>185447.69999999998</v>
      </c>
      <c r="C11140" s="7">
        <f t="shared" si="174"/>
        <v>185.44769999999997</v>
      </c>
      <c r="I11140" s="1"/>
    </row>
    <row r="11141" spans="1:9" x14ac:dyDescent="0.25">
      <c r="A11141" s="3">
        <v>41887.757175925923</v>
      </c>
      <c r="B11141" s="6">
        <v>185464.34999999998</v>
      </c>
      <c r="C11141" s="7">
        <f t="shared" si="174"/>
        <v>185.46434999999997</v>
      </c>
      <c r="I11141" s="1"/>
    </row>
    <row r="11142" spans="1:9" x14ac:dyDescent="0.25">
      <c r="A11142" s="3">
        <v>41887.757280092592</v>
      </c>
      <c r="B11142" s="6">
        <v>185480.99999999997</v>
      </c>
      <c r="C11142" s="7">
        <f t="shared" si="174"/>
        <v>185.48099999999997</v>
      </c>
      <c r="I11142" s="1"/>
    </row>
    <row r="11143" spans="1:9" x14ac:dyDescent="0.25">
      <c r="A11143" s="3">
        <v>41887.761180555557</v>
      </c>
      <c r="B11143" s="6">
        <v>185497.65</v>
      </c>
      <c r="C11143" s="7">
        <f t="shared" si="174"/>
        <v>185.49764999999999</v>
      </c>
      <c r="I11143" s="1"/>
    </row>
    <row r="11144" spans="1:9" x14ac:dyDescent="0.25">
      <c r="A11144" s="3">
        <v>41887.761296296296</v>
      </c>
      <c r="B11144" s="6">
        <v>185514.3</v>
      </c>
      <c r="C11144" s="7">
        <f t="shared" si="174"/>
        <v>185.51429999999999</v>
      </c>
      <c r="I11144" s="1"/>
    </row>
    <row r="11145" spans="1:9" x14ac:dyDescent="0.25">
      <c r="A11145" s="3">
        <v>41887.767893518518</v>
      </c>
      <c r="B11145" s="6">
        <v>185530.94999999998</v>
      </c>
      <c r="C11145" s="7">
        <f t="shared" si="174"/>
        <v>185.53094999999999</v>
      </c>
      <c r="I11145" s="1"/>
    </row>
    <row r="11146" spans="1:9" x14ac:dyDescent="0.25">
      <c r="A11146" s="3">
        <v>41887.768136574072</v>
      </c>
      <c r="B11146" s="6">
        <v>185547.59999999998</v>
      </c>
      <c r="C11146" s="7">
        <f t="shared" si="174"/>
        <v>185.54759999999999</v>
      </c>
      <c r="I11146" s="1"/>
    </row>
    <row r="11147" spans="1:9" x14ac:dyDescent="0.25">
      <c r="A11147" s="3">
        <v>41887.78193287037</v>
      </c>
      <c r="B11147" s="6">
        <v>185564.24999999997</v>
      </c>
      <c r="C11147" s="7">
        <f t="shared" si="174"/>
        <v>185.56424999999996</v>
      </c>
      <c r="I11147" s="1"/>
    </row>
    <row r="11148" spans="1:9" x14ac:dyDescent="0.25">
      <c r="A11148" s="3">
        <v>41887.782106481478</v>
      </c>
      <c r="B11148" s="6">
        <v>185580.9</v>
      </c>
      <c r="C11148" s="7">
        <f t="shared" si="174"/>
        <v>185.58089999999999</v>
      </c>
      <c r="I11148" s="1"/>
    </row>
    <row r="11149" spans="1:9" x14ac:dyDescent="0.25">
      <c r="A11149" s="3">
        <v>41887.796666666669</v>
      </c>
      <c r="B11149" s="6">
        <v>185597.55</v>
      </c>
      <c r="C11149" s="7">
        <f t="shared" si="174"/>
        <v>185.59754999999998</v>
      </c>
      <c r="I11149" s="1"/>
    </row>
    <row r="11150" spans="1:9" x14ac:dyDescent="0.25">
      <c r="A11150" s="3">
        <v>41887.796909722223</v>
      </c>
      <c r="B11150" s="6">
        <v>185614.19999999998</v>
      </c>
      <c r="C11150" s="7">
        <f t="shared" si="174"/>
        <v>185.61419999999998</v>
      </c>
      <c r="I11150" s="1"/>
    </row>
    <row r="11151" spans="1:9" x14ac:dyDescent="0.25">
      <c r="A11151" s="3">
        <v>41887.808391203704</v>
      </c>
      <c r="B11151" s="6">
        <v>185630.84999999998</v>
      </c>
      <c r="C11151" s="7">
        <f t="shared" si="174"/>
        <v>185.63084999999998</v>
      </c>
      <c r="I11151" s="1"/>
    </row>
    <row r="11152" spans="1:9" x14ac:dyDescent="0.25">
      <c r="A11152" s="3">
        <v>41887.813171296293</v>
      </c>
      <c r="B11152" s="6">
        <v>185647.49999999997</v>
      </c>
      <c r="C11152" s="7">
        <f t="shared" si="174"/>
        <v>185.64749999999998</v>
      </c>
      <c r="I11152" s="1"/>
    </row>
    <row r="11153" spans="1:9" x14ac:dyDescent="0.25">
      <c r="A11153" s="3">
        <v>41887.822662037041</v>
      </c>
      <c r="B11153" s="6">
        <v>185664.15</v>
      </c>
      <c r="C11153" s="7">
        <f t="shared" si="174"/>
        <v>185.66415000000001</v>
      </c>
      <c r="I11153" s="1"/>
    </row>
    <row r="11154" spans="1:9" x14ac:dyDescent="0.25">
      <c r="A11154" s="3">
        <v>41887.824201388888</v>
      </c>
      <c r="B11154" s="6">
        <v>185680.8</v>
      </c>
      <c r="C11154" s="7">
        <f t="shared" si="174"/>
        <v>185.68079999999998</v>
      </c>
      <c r="I11154" s="1"/>
    </row>
    <row r="11155" spans="1:9" x14ac:dyDescent="0.25">
      <c r="A11155" s="3">
        <v>41887.830787037034</v>
      </c>
      <c r="B11155" s="6">
        <v>185697.44999999998</v>
      </c>
      <c r="C11155" s="7">
        <f t="shared" si="174"/>
        <v>185.69744999999998</v>
      </c>
      <c r="I11155" s="1"/>
    </row>
    <row r="11156" spans="1:9" x14ac:dyDescent="0.25">
      <c r="A11156" s="3">
        <v>41887.830879629626</v>
      </c>
      <c r="B11156" s="6">
        <v>185714.09999999998</v>
      </c>
      <c r="C11156" s="7">
        <f t="shared" si="174"/>
        <v>185.71409999999997</v>
      </c>
      <c r="I11156" s="1"/>
    </row>
    <row r="11157" spans="1:9" x14ac:dyDescent="0.25">
      <c r="A11157" s="3">
        <v>41887.838634259257</v>
      </c>
      <c r="B11157" s="6">
        <v>185730.74999999997</v>
      </c>
      <c r="C11157" s="7">
        <f t="shared" si="174"/>
        <v>185.73074999999997</v>
      </c>
      <c r="I11157" s="1"/>
    </row>
    <row r="11158" spans="1:9" x14ac:dyDescent="0.25">
      <c r="A11158" s="3">
        <v>41887.838761574072</v>
      </c>
      <c r="B11158" s="6">
        <v>185747.4</v>
      </c>
      <c r="C11158" s="7">
        <f t="shared" si="174"/>
        <v>185.7474</v>
      </c>
      <c r="I11158" s="1"/>
    </row>
    <row r="11159" spans="1:9" x14ac:dyDescent="0.25">
      <c r="A11159" s="3">
        <v>41887.850011574075</v>
      </c>
      <c r="B11159" s="6">
        <v>185764.05</v>
      </c>
      <c r="C11159" s="7">
        <f t="shared" si="174"/>
        <v>185.76405</v>
      </c>
      <c r="I11159" s="1"/>
    </row>
    <row r="11160" spans="1:9" x14ac:dyDescent="0.25">
      <c r="A11160" s="3">
        <v>41917.000810185185</v>
      </c>
      <c r="B11160" s="6">
        <v>185780.69999999998</v>
      </c>
      <c r="C11160" s="7">
        <f t="shared" si="174"/>
        <v>185.7807</v>
      </c>
      <c r="I11160" s="1"/>
    </row>
    <row r="11161" spans="1:9" x14ac:dyDescent="0.25">
      <c r="A11161" s="3">
        <v>41917.316481481481</v>
      </c>
      <c r="B11161" s="6">
        <v>185797.34999999998</v>
      </c>
      <c r="C11161" s="7">
        <f t="shared" si="174"/>
        <v>185.79734999999997</v>
      </c>
      <c r="I11161" s="1"/>
    </row>
    <row r="11162" spans="1:9" x14ac:dyDescent="0.25">
      <c r="A11162" s="3">
        <v>41917.353217592594</v>
      </c>
      <c r="B11162" s="6">
        <v>185813.99999999997</v>
      </c>
      <c r="C11162" s="7">
        <f t="shared" si="174"/>
        <v>185.81399999999996</v>
      </c>
      <c r="I11162" s="1"/>
    </row>
    <row r="11163" spans="1:9" x14ac:dyDescent="0.25">
      <c r="A11163" s="3">
        <v>41917.353460648148</v>
      </c>
      <c r="B11163" s="6">
        <v>185830.65</v>
      </c>
      <c r="C11163" s="7">
        <f t="shared" si="174"/>
        <v>185.83064999999999</v>
      </c>
      <c r="I11163" s="1"/>
    </row>
    <row r="11164" spans="1:9" x14ac:dyDescent="0.25">
      <c r="A11164" s="3">
        <v>41917.356620370374</v>
      </c>
      <c r="B11164" s="6">
        <v>185847.3</v>
      </c>
      <c r="C11164" s="7">
        <f t="shared" si="174"/>
        <v>185.84729999999999</v>
      </c>
      <c r="I11164" s="1"/>
    </row>
    <row r="11165" spans="1:9" x14ac:dyDescent="0.25">
      <c r="A11165" s="3">
        <v>41917.356874999998</v>
      </c>
      <c r="B11165" s="6">
        <v>185863.94999999998</v>
      </c>
      <c r="C11165" s="7">
        <f t="shared" si="174"/>
        <v>185.86394999999999</v>
      </c>
      <c r="I11165" s="1"/>
    </row>
    <row r="11166" spans="1:9" x14ac:dyDescent="0.25">
      <c r="A11166" s="3">
        <v>41917.361504629633</v>
      </c>
      <c r="B11166" s="6">
        <v>185880.59999999998</v>
      </c>
      <c r="C11166" s="7">
        <f t="shared" si="174"/>
        <v>185.88059999999999</v>
      </c>
      <c r="I11166" s="1"/>
    </row>
    <row r="11167" spans="1:9" x14ac:dyDescent="0.25">
      <c r="A11167" s="3">
        <v>41917.365254629629</v>
      </c>
      <c r="B11167" s="6">
        <v>185897.24999999997</v>
      </c>
      <c r="C11167" s="7">
        <f t="shared" si="174"/>
        <v>185.89724999999996</v>
      </c>
      <c r="I11167" s="1"/>
    </row>
    <row r="11168" spans="1:9" x14ac:dyDescent="0.25">
      <c r="A11168" s="3">
        <v>41917.384270833332</v>
      </c>
      <c r="B11168" s="6">
        <v>185913.9</v>
      </c>
      <c r="C11168" s="7">
        <f t="shared" si="174"/>
        <v>185.91389999999998</v>
      </c>
      <c r="I11168" s="1"/>
    </row>
    <row r="11169" spans="1:9" x14ac:dyDescent="0.25">
      <c r="A11169" s="3">
        <v>41917.384444444448</v>
      </c>
      <c r="B11169" s="6">
        <v>185930.55</v>
      </c>
      <c r="C11169" s="7">
        <f t="shared" si="174"/>
        <v>185.93054999999998</v>
      </c>
      <c r="I11169" s="1"/>
    </row>
    <row r="11170" spans="1:9" x14ac:dyDescent="0.25">
      <c r="A11170" s="3">
        <v>41917.395196759258</v>
      </c>
      <c r="B11170" s="6">
        <v>185947.19999999998</v>
      </c>
      <c r="C11170" s="7">
        <f t="shared" si="174"/>
        <v>185.94719999999998</v>
      </c>
      <c r="I11170" s="1"/>
    </row>
    <row r="11171" spans="1:9" x14ac:dyDescent="0.25">
      <c r="A11171" s="3">
        <v>41917.396215277775</v>
      </c>
      <c r="B11171" s="6">
        <v>185963.84999999998</v>
      </c>
      <c r="C11171" s="7">
        <f t="shared" si="174"/>
        <v>185.96384999999998</v>
      </c>
      <c r="I11171" s="1"/>
    </row>
    <row r="11172" spans="1:9" x14ac:dyDescent="0.25">
      <c r="A11172" s="3">
        <v>41917.404965277776</v>
      </c>
      <c r="B11172" s="6">
        <v>185980.49999999997</v>
      </c>
      <c r="C11172" s="7">
        <f t="shared" si="174"/>
        <v>185.98049999999998</v>
      </c>
      <c r="I11172" s="1"/>
    </row>
    <row r="11173" spans="1:9" x14ac:dyDescent="0.25">
      <c r="A11173" s="3">
        <v>41917.405219907407</v>
      </c>
      <c r="B11173" s="6">
        <v>185997.15</v>
      </c>
      <c r="C11173" s="7">
        <f t="shared" si="174"/>
        <v>185.99715</v>
      </c>
      <c r="I11173" s="1"/>
    </row>
    <row r="11174" spans="1:9" x14ac:dyDescent="0.25">
      <c r="A11174" s="3">
        <v>41917.410925925928</v>
      </c>
      <c r="B11174" s="6">
        <v>186013.8</v>
      </c>
      <c r="C11174" s="7">
        <f t="shared" si="174"/>
        <v>186.01379999999997</v>
      </c>
      <c r="I11174" s="1"/>
    </row>
    <row r="11175" spans="1:9" x14ac:dyDescent="0.25">
      <c r="A11175" s="3">
        <v>41917.411481481482</v>
      </c>
      <c r="B11175" s="6">
        <v>186030.44999999998</v>
      </c>
      <c r="C11175" s="7">
        <f t="shared" si="174"/>
        <v>186.03044999999997</v>
      </c>
      <c r="I11175" s="1"/>
    </row>
    <row r="11176" spans="1:9" x14ac:dyDescent="0.25">
      <c r="A11176" s="3">
        <v>41917.414386574077</v>
      </c>
      <c r="B11176" s="6">
        <v>186047.09999999998</v>
      </c>
      <c r="C11176" s="7">
        <f t="shared" si="174"/>
        <v>186.04709999999997</v>
      </c>
      <c r="I11176" s="1"/>
    </row>
    <row r="11177" spans="1:9" x14ac:dyDescent="0.25">
      <c r="A11177" s="3">
        <v>41917.415486111109</v>
      </c>
      <c r="B11177" s="6">
        <v>186063.74999999997</v>
      </c>
      <c r="C11177" s="7">
        <f t="shared" si="174"/>
        <v>186.06374999999997</v>
      </c>
      <c r="I11177" s="1"/>
    </row>
    <row r="11178" spans="1:9" x14ac:dyDescent="0.25">
      <c r="A11178" s="3">
        <v>41917.417847222219</v>
      </c>
      <c r="B11178" s="6">
        <v>186080.4</v>
      </c>
      <c r="C11178" s="7">
        <f t="shared" si="174"/>
        <v>186.0804</v>
      </c>
      <c r="I11178" s="1"/>
    </row>
    <row r="11179" spans="1:9" x14ac:dyDescent="0.25">
      <c r="A11179" s="3">
        <v>41917.417997685188</v>
      </c>
      <c r="B11179" s="6">
        <v>186097.05</v>
      </c>
      <c r="C11179" s="7">
        <f t="shared" si="174"/>
        <v>186.09705</v>
      </c>
      <c r="I11179" s="1"/>
    </row>
    <row r="11180" spans="1:9" x14ac:dyDescent="0.25">
      <c r="A11180" s="3">
        <v>41917.418900462966</v>
      </c>
      <c r="B11180" s="6">
        <v>186113.69999999998</v>
      </c>
      <c r="C11180" s="7">
        <f t="shared" si="174"/>
        <v>186.11369999999999</v>
      </c>
      <c r="I11180" s="1"/>
    </row>
    <row r="11181" spans="1:9" x14ac:dyDescent="0.25">
      <c r="A11181" s="3">
        <v>41917.419131944444</v>
      </c>
      <c r="B11181" s="6">
        <v>186130.34999999998</v>
      </c>
      <c r="C11181" s="7">
        <f t="shared" si="174"/>
        <v>186.13034999999996</v>
      </c>
      <c r="I11181" s="1"/>
    </row>
    <row r="11182" spans="1:9" x14ac:dyDescent="0.25">
      <c r="A11182" s="3">
        <v>41917.421365740738</v>
      </c>
      <c r="B11182" s="6">
        <v>186146.99999999997</v>
      </c>
      <c r="C11182" s="7">
        <f t="shared" si="174"/>
        <v>186.14699999999996</v>
      </c>
      <c r="I11182" s="1"/>
    </row>
    <row r="11183" spans="1:9" x14ac:dyDescent="0.25">
      <c r="A11183" s="3">
        <v>41917.421458333331</v>
      </c>
      <c r="B11183" s="6">
        <v>186163.65</v>
      </c>
      <c r="C11183" s="7">
        <f t="shared" si="174"/>
        <v>186.16364999999999</v>
      </c>
      <c r="I11183" s="1"/>
    </row>
    <row r="11184" spans="1:9" x14ac:dyDescent="0.25">
      <c r="A11184" s="3">
        <v>41917.423414351855</v>
      </c>
      <c r="B11184" s="6">
        <v>186180.3</v>
      </c>
      <c r="C11184" s="7">
        <f t="shared" si="174"/>
        <v>186.18029999999999</v>
      </c>
      <c r="I11184" s="1"/>
    </row>
    <row r="11185" spans="1:9" x14ac:dyDescent="0.25">
      <c r="A11185" s="3">
        <v>41917.423773148148</v>
      </c>
      <c r="B11185" s="6">
        <v>186196.94999999998</v>
      </c>
      <c r="C11185" s="7">
        <f t="shared" si="174"/>
        <v>186.19694999999999</v>
      </c>
      <c r="I11185" s="1"/>
    </row>
    <row r="11186" spans="1:9" x14ac:dyDescent="0.25">
      <c r="A11186" s="3">
        <v>41917.430914351855</v>
      </c>
      <c r="B11186" s="6">
        <v>186213.59999999998</v>
      </c>
      <c r="C11186" s="7">
        <f t="shared" si="174"/>
        <v>186.21359999999999</v>
      </c>
      <c r="I11186" s="1"/>
    </row>
    <row r="11187" spans="1:9" x14ac:dyDescent="0.25">
      <c r="A11187" s="3">
        <v>41917.431030092594</v>
      </c>
      <c r="B11187" s="6">
        <v>186230.24999999997</v>
      </c>
      <c r="C11187" s="7">
        <f t="shared" si="174"/>
        <v>186.23024999999998</v>
      </c>
      <c r="I11187" s="1"/>
    </row>
    <row r="11188" spans="1:9" x14ac:dyDescent="0.25">
      <c r="A11188" s="3">
        <v>41917.432129629633</v>
      </c>
      <c r="B11188" s="6">
        <v>186246.9</v>
      </c>
      <c r="C11188" s="7">
        <f t="shared" si="174"/>
        <v>186.24689999999998</v>
      </c>
      <c r="I11188" s="1"/>
    </row>
    <row r="11189" spans="1:9" x14ac:dyDescent="0.25">
      <c r="A11189" s="3">
        <v>41917.432337962964</v>
      </c>
      <c r="B11189" s="6">
        <v>186263.55</v>
      </c>
      <c r="C11189" s="7">
        <f t="shared" si="174"/>
        <v>186.26354999999998</v>
      </c>
      <c r="I11189" s="1"/>
    </row>
    <row r="11190" spans="1:9" x14ac:dyDescent="0.25">
      <c r="A11190" s="3">
        <v>41917.434548611112</v>
      </c>
      <c r="B11190" s="6">
        <v>186280.19999999998</v>
      </c>
      <c r="C11190" s="7">
        <f t="shared" si="174"/>
        <v>186.28019999999998</v>
      </c>
      <c r="I11190" s="1"/>
    </row>
    <row r="11191" spans="1:9" x14ac:dyDescent="0.25">
      <c r="A11191" s="3">
        <v>41917.43478009259</v>
      </c>
      <c r="B11191" s="6">
        <v>186296.84999999998</v>
      </c>
      <c r="C11191" s="7">
        <f t="shared" si="174"/>
        <v>186.29684999999998</v>
      </c>
      <c r="I11191" s="1"/>
    </row>
    <row r="11192" spans="1:9" x14ac:dyDescent="0.25">
      <c r="A11192" s="3">
        <v>41917.436956018515</v>
      </c>
      <c r="B11192" s="6">
        <v>186313.49999999997</v>
      </c>
      <c r="C11192" s="7">
        <f t="shared" si="174"/>
        <v>186.31349999999998</v>
      </c>
      <c r="I11192" s="1"/>
    </row>
    <row r="11193" spans="1:9" x14ac:dyDescent="0.25">
      <c r="A11193" s="3">
        <v>41917.437696759262</v>
      </c>
      <c r="B11193" s="6">
        <v>186330.15</v>
      </c>
      <c r="C11193" s="7">
        <f t="shared" si="174"/>
        <v>186.33015</v>
      </c>
      <c r="I11193" s="1"/>
    </row>
    <row r="11194" spans="1:9" x14ac:dyDescent="0.25">
      <c r="A11194" s="3">
        <v>41917.443090277775</v>
      </c>
      <c r="B11194" s="6">
        <v>186346.8</v>
      </c>
      <c r="C11194" s="7">
        <f t="shared" si="174"/>
        <v>186.3468</v>
      </c>
      <c r="I11194" s="1"/>
    </row>
    <row r="11195" spans="1:9" x14ac:dyDescent="0.25">
      <c r="A11195" s="3">
        <v>41917.44332175926</v>
      </c>
      <c r="B11195" s="6">
        <v>186363.44999999998</v>
      </c>
      <c r="C11195" s="7">
        <f t="shared" si="174"/>
        <v>186.36344999999997</v>
      </c>
      <c r="I11195" s="1"/>
    </row>
    <row r="11196" spans="1:9" x14ac:dyDescent="0.25">
      <c r="A11196" s="3">
        <v>41917.44568287037</v>
      </c>
      <c r="B11196" s="6">
        <v>186380.09999999998</v>
      </c>
      <c r="C11196" s="7">
        <f t="shared" si="174"/>
        <v>186.38009999999997</v>
      </c>
      <c r="I11196" s="1"/>
    </row>
    <row r="11197" spans="1:9" x14ac:dyDescent="0.25">
      <c r="A11197" s="3">
        <v>41917.445856481485</v>
      </c>
      <c r="B11197" s="6">
        <v>186396.74999999997</v>
      </c>
      <c r="C11197" s="7">
        <f t="shared" si="174"/>
        <v>186.39674999999997</v>
      </c>
      <c r="I11197" s="1"/>
    </row>
    <row r="11198" spans="1:9" x14ac:dyDescent="0.25">
      <c r="A11198" s="3">
        <v>41917.45039351852</v>
      </c>
      <c r="B11198" s="6">
        <v>186413.4</v>
      </c>
      <c r="C11198" s="7">
        <f t="shared" si="174"/>
        <v>186.4134</v>
      </c>
      <c r="I11198" s="1"/>
    </row>
    <row r="11199" spans="1:9" x14ac:dyDescent="0.25">
      <c r="A11199" s="3">
        <v>41917.451296296298</v>
      </c>
      <c r="B11199" s="6">
        <v>186430.05</v>
      </c>
      <c r="C11199" s="7">
        <f t="shared" si="174"/>
        <v>186.43004999999999</v>
      </c>
      <c r="I11199" s="1"/>
    </row>
    <row r="11200" spans="1:9" x14ac:dyDescent="0.25">
      <c r="A11200" s="3">
        <v>41917.454664351855</v>
      </c>
      <c r="B11200" s="6">
        <v>186446.69999999998</v>
      </c>
      <c r="C11200" s="7">
        <f t="shared" si="174"/>
        <v>186.44669999999999</v>
      </c>
      <c r="I11200" s="1"/>
    </row>
    <row r="11201" spans="1:9" x14ac:dyDescent="0.25">
      <c r="A11201" s="3">
        <v>41917.454976851855</v>
      </c>
      <c r="B11201" s="6">
        <v>186463.34999999998</v>
      </c>
      <c r="C11201" s="7">
        <f t="shared" si="174"/>
        <v>186.46334999999996</v>
      </c>
      <c r="I11201" s="1"/>
    </row>
    <row r="11202" spans="1:9" x14ac:dyDescent="0.25">
      <c r="A11202" s="3">
        <v>41917.460393518515</v>
      </c>
      <c r="B11202" s="6">
        <v>186479.99999999997</v>
      </c>
      <c r="C11202" s="7">
        <f t="shared" si="174"/>
        <v>186.47999999999996</v>
      </c>
      <c r="I11202" s="1"/>
    </row>
    <row r="11203" spans="1:9" x14ac:dyDescent="0.25">
      <c r="A11203" s="3">
        <v>41917.460740740738</v>
      </c>
      <c r="B11203" s="6">
        <v>186496.65</v>
      </c>
      <c r="C11203" s="7">
        <f t="shared" ref="C11203:C11266" si="175">B11203/1000</f>
        <v>186.49664999999999</v>
      </c>
      <c r="I11203" s="1"/>
    </row>
    <row r="11204" spans="1:9" x14ac:dyDescent="0.25">
      <c r="A11204" s="3">
        <v>41917.463368055556</v>
      </c>
      <c r="B11204" s="6">
        <v>186513.3</v>
      </c>
      <c r="C11204" s="7">
        <f t="shared" si="175"/>
        <v>186.51329999999999</v>
      </c>
      <c r="I11204" s="1"/>
    </row>
    <row r="11205" spans="1:9" x14ac:dyDescent="0.25">
      <c r="A11205" s="3">
        <v>41917.46371527778</v>
      </c>
      <c r="B11205" s="6">
        <v>186529.94999999998</v>
      </c>
      <c r="C11205" s="7">
        <f t="shared" si="175"/>
        <v>186.52994999999999</v>
      </c>
      <c r="I11205" s="1"/>
    </row>
    <row r="11206" spans="1:9" x14ac:dyDescent="0.25">
      <c r="A11206" s="3">
        <v>41917.467534722222</v>
      </c>
      <c r="B11206" s="6">
        <v>186546.59999999998</v>
      </c>
      <c r="C11206" s="7">
        <f t="shared" si="175"/>
        <v>186.54659999999998</v>
      </c>
      <c r="I11206" s="1"/>
    </row>
    <row r="11207" spans="1:9" x14ac:dyDescent="0.25">
      <c r="A11207" s="3">
        <v>41917.46770833333</v>
      </c>
      <c r="B11207" s="6">
        <v>186563.24999999997</v>
      </c>
      <c r="C11207" s="7">
        <f t="shared" si="175"/>
        <v>186.56324999999998</v>
      </c>
      <c r="I11207" s="1"/>
    </row>
    <row r="11208" spans="1:9" x14ac:dyDescent="0.25">
      <c r="A11208" s="3">
        <v>41917.471990740742</v>
      </c>
      <c r="B11208" s="6">
        <v>186579.9</v>
      </c>
      <c r="C11208" s="7">
        <f t="shared" si="175"/>
        <v>186.57989999999998</v>
      </c>
      <c r="I11208" s="1"/>
    </row>
    <row r="11209" spans="1:9" x14ac:dyDescent="0.25">
      <c r="A11209" s="3">
        <v>41917.472314814811</v>
      </c>
      <c r="B11209" s="6">
        <v>186596.55</v>
      </c>
      <c r="C11209" s="7">
        <f t="shared" si="175"/>
        <v>186.59654999999998</v>
      </c>
      <c r="I11209" s="1"/>
    </row>
    <row r="11210" spans="1:9" x14ac:dyDescent="0.25">
      <c r="A11210" s="3">
        <v>41917.473437499997</v>
      </c>
      <c r="B11210" s="6">
        <v>186613.19999999998</v>
      </c>
      <c r="C11210" s="7">
        <f t="shared" si="175"/>
        <v>186.61319999999998</v>
      </c>
      <c r="I11210" s="1"/>
    </row>
    <row r="11211" spans="1:9" x14ac:dyDescent="0.25">
      <c r="A11211" s="3">
        <v>41917.473553240743</v>
      </c>
      <c r="B11211" s="6">
        <v>186629.84999999998</v>
      </c>
      <c r="C11211" s="7">
        <f t="shared" si="175"/>
        <v>186.62984999999998</v>
      </c>
      <c r="I11211" s="1"/>
    </row>
    <row r="11212" spans="1:9" x14ac:dyDescent="0.25">
      <c r="A11212" s="3">
        <v>41917.474502314813</v>
      </c>
      <c r="B11212" s="6">
        <v>186646.49999999997</v>
      </c>
      <c r="C11212" s="7">
        <f t="shared" si="175"/>
        <v>186.64649999999997</v>
      </c>
      <c r="I11212" s="1"/>
    </row>
    <row r="11213" spans="1:9" x14ac:dyDescent="0.25">
      <c r="A11213" s="3">
        <v>41917.474583333336</v>
      </c>
      <c r="B11213" s="6">
        <v>186663.15</v>
      </c>
      <c r="C11213" s="7">
        <f t="shared" si="175"/>
        <v>186.66315</v>
      </c>
      <c r="I11213" s="1"/>
    </row>
    <row r="11214" spans="1:9" x14ac:dyDescent="0.25">
      <c r="A11214" s="3">
        <v>41917.475729166668</v>
      </c>
      <c r="B11214" s="6">
        <v>186679.8</v>
      </c>
      <c r="C11214" s="7">
        <f t="shared" si="175"/>
        <v>186.6798</v>
      </c>
      <c r="I11214" s="1"/>
    </row>
    <row r="11215" spans="1:9" x14ac:dyDescent="0.25">
      <c r="A11215" s="3">
        <v>41917.475937499999</v>
      </c>
      <c r="B11215" s="6">
        <v>186696.44999999998</v>
      </c>
      <c r="C11215" s="7">
        <f t="shared" si="175"/>
        <v>186.69644999999997</v>
      </c>
      <c r="I11215" s="1"/>
    </row>
    <row r="11216" spans="1:9" x14ac:dyDescent="0.25">
      <c r="A11216" s="3">
        <v>41917.477187500001</v>
      </c>
      <c r="B11216" s="6">
        <v>186713.09999999998</v>
      </c>
      <c r="C11216" s="7">
        <f t="shared" si="175"/>
        <v>186.71309999999997</v>
      </c>
      <c r="I11216" s="1"/>
    </row>
    <row r="11217" spans="1:9" x14ac:dyDescent="0.25">
      <c r="A11217" s="3">
        <v>41917.477372685185</v>
      </c>
      <c r="B11217" s="6">
        <v>186729.74999999997</v>
      </c>
      <c r="C11217" s="7">
        <f t="shared" si="175"/>
        <v>186.72974999999997</v>
      </c>
      <c r="I11217" s="1"/>
    </row>
    <row r="11218" spans="1:9" x14ac:dyDescent="0.25">
      <c r="A11218" s="3">
        <v>41917.480347222219</v>
      </c>
      <c r="B11218" s="6">
        <v>186746.4</v>
      </c>
      <c r="C11218" s="7">
        <f t="shared" si="175"/>
        <v>186.74639999999999</v>
      </c>
      <c r="I11218" s="1"/>
    </row>
    <row r="11219" spans="1:9" x14ac:dyDescent="0.25">
      <c r="A11219" s="3">
        <v>41917.480763888889</v>
      </c>
      <c r="B11219" s="6">
        <v>186763.05</v>
      </c>
      <c r="C11219" s="7">
        <f t="shared" si="175"/>
        <v>186.76304999999999</v>
      </c>
      <c r="I11219" s="1"/>
    </row>
    <row r="11220" spans="1:9" x14ac:dyDescent="0.25">
      <c r="A11220" s="3">
        <v>41917.481631944444</v>
      </c>
      <c r="B11220" s="6">
        <v>186779.69999999998</v>
      </c>
      <c r="C11220" s="7">
        <f t="shared" si="175"/>
        <v>186.77969999999999</v>
      </c>
      <c r="I11220" s="1"/>
    </row>
    <row r="11221" spans="1:9" x14ac:dyDescent="0.25">
      <c r="A11221" s="3">
        <v>41917.481712962966</v>
      </c>
      <c r="B11221" s="6">
        <v>186796.34999999998</v>
      </c>
      <c r="C11221" s="7">
        <f t="shared" si="175"/>
        <v>186.79634999999999</v>
      </c>
      <c r="I11221" s="1"/>
    </row>
    <row r="11222" spans="1:9" x14ac:dyDescent="0.25">
      <c r="A11222" s="3">
        <v>41917.484363425923</v>
      </c>
      <c r="B11222" s="6">
        <v>186812.99999999997</v>
      </c>
      <c r="C11222" s="7">
        <f t="shared" si="175"/>
        <v>186.81299999999996</v>
      </c>
      <c r="I11222" s="1"/>
    </row>
    <row r="11223" spans="1:9" x14ac:dyDescent="0.25">
      <c r="A11223" s="3">
        <v>41917.484502314815</v>
      </c>
      <c r="B11223" s="6">
        <v>186829.65</v>
      </c>
      <c r="C11223" s="7">
        <f t="shared" si="175"/>
        <v>186.82964999999999</v>
      </c>
      <c r="I11223" s="1"/>
    </row>
    <row r="11224" spans="1:9" x14ac:dyDescent="0.25">
      <c r="A11224" s="3">
        <v>41917.487210648149</v>
      </c>
      <c r="B11224" s="6">
        <v>186846.3</v>
      </c>
      <c r="C11224" s="7">
        <f t="shared" si="175"/>
        <v>186.84629999999999</v>
      </c>
      <c r="I11224" s="1"/>
    </row>
    <row r="11225" spans="1:9" x14ac:dyDescent="0.25">
      <c r="A11225" s="3">
        <v>41917.487569444442</v>
      </c>
      <c r="B11225" s="6">
        <v>186862.94999999998</v>
      </c>
      <c r="C11225" s="7">
        <f t="shared" si="175"/>
        <v>186.86294999999998</v>
      </c>
      <c r="I11225" s="1"/>
    </row>
    <row r="11226" spans="1:9" x14ac:dyDescent="0.25">
      <c r="A11226" s="3">
        <v>41917.488819444443</v>
      </c>
      <c r="B11226" s="6">
        <v>186879.59999999998</v>
      </c>
      <c r="C11226" s="7">
        <f t="shared" si="175"/>
        <v>186.87959999999998</v>
      </c>
      <c r="I11226" s="1"/>
    </row>
    <row r="11227" spans="1:9" x14ac:dyDescent="0.25">
      <c r="A11227" s="3">
        <v>41917.489027777781</v>
      </c>
      <c r="B11227" s="6">
        <v>186896.24999999997</v>
      </c>
      <c r="C11227" s="7">
        <f t="shared" si="175"/>
        <v>186.89624999999998</v>
      </c>
      <c r="I11227" s="1"/>
    </row>
    <row r="11228" spans="1:9" x14ac:dyDescent="0.25">
      <c r="A11228" s="3">
        <v>41917.490682870368</v>
      </c>
      <c r="B11228" s="6">
        <v>186912.9</v>
      </c>
      <c r="C11228" s="7">
        <f t="shared" si="175"/>
        <v>186.91290000000001</v>
      </c>
      <c r="I11228" s="1"/>
    </row>
    <row r="11229" spans="1:9" x14ac:dyDescent="0.25">
      <c r="A11229" s="3">
        <v>41917.491412037038</v>
      </c>
      <c r="B11229" s="6">
        <v>186929.55</v>
      </c>
      <c r="C11229" s="7">
        <f t="shared" si="175"/>
        <v>186.92954999999998</v>
      </c>
      <c r="I11229" s="1"/>
    </row>
    <row r="11230" spans="1:9" x14ac:dyDescent="0.25">
      <c r="A11230" s="3">
        <v>41917.494120370371</v>
      </c>
      <c r="B11230" s="6">
        <v>186946.19999999998</v>
      </c>
      <c r="C11230" s="7">
        <f t="shared" si="175"/>
        <v>186.94619999999998</v>
      </c>
      <c r="I11230" s="1"/>
    </row>
    <row r="11231" spans="1:9" x14ac:dyDescent="0.25">
      <c r="A11231" s="3">
        <v>41917.494363425925</v>
      </c>
      <c r="B11231" s="6">
        <v>186962.84999999998</v>
      </c>
      <c r="C11231" s="7">
        <f t="shared" si="175"/>
        <v>186.96284999999997</v>
      </c>
      <c r="I11231" s="1"/>
    </row>
    <row r="11232" spans="1:9" x14ac:dyDescent="0.25">
      <c r="A11232" s="3">
        <v>41917.497013888889</v>
      </c>
      <c r="B11232" s="6">
        <v>186979.49999999997</v>
      </c>
      <c r="C11232" s="7">
        <f t="shared" si="175"/>
        <v>186.97949999999997</v>
      </c>
      <c r="I11232" s="1"/>
    </row>
    <row r="11233" spans="1:9" x14ac:dyDescent="0.25">
      <c r="A11233" s="3">
        <v>41917.497164351851</v>
      </c>
      <c r="B11233" s="6">
        <v>186996.15</v>
      </c>
      <c r="C11233" s="7">
        <f t="shared" si="175"/>
        <v>186.99615</v>
      </c>
      <c r="I11233" s="1"/>
    </row>
    <row r="11234" spans="1:9" x14ac:dyDescent="0.25">
      <c r="A11234" s="3">
        <v>41917.498796296299</v>
      </c>
      <c r="B11234" s="6">
        <v>187012.8</v>
      </c>
      <c r="C11234" s="7">
        <f t="shared" si="175"/>
        <v>187.0128</v>
      </c>
      <c r="I11234" s="1"/>
    </row>
    <row r="11235" spans="1:9" x14ac:dyDescent="0.25">
      <c r="A11235" s="3">
        <v>41917.499027777776</v>
      </c>
      <c r="B11235" s="6">
        <v>187029.44999999998</v>
      </c>
      <c r="C11235" s="7">
        <f t="shared" si="175"/>
        <v>187.02944999999997</v>
      </c>
      <c r="I11235" s="1"/>
    </row>
    <row r="11236" spans="1:9" x14ac:dyDescent="0.25">
      <c r="A11236" s="3">
        <v>41917.500219907408</v>
      </c>
      <c r="B11236" s="6">
        <v>187046.09999999998</v>
      </c>
      <c r="C11236" s="7">
        <f t="shared" si="175"/>
        <v>187.04609999999997</v>
      </c>
      <c r="I11236" s="1"/>
    </row>
    <row r="11237" spans="1:9" x14ac:dyDescent="0.25">
      <c r="A11237" s="3">
        <v>41917.500347222223</v>
      </c>
      <c r="B11237" s="6">
        <v>187062.74999999997</v>
      </c>
      <c r="C11237" s="7">
        <f t="shared" si="175"/>
        <v>187.06274999999997</v>
      </c>
      <c r="I11237" s="1"/>
    </row>
    <row r="11238" spans="1:9" x14ac:dyDescent="0.25">
      <c r="A11238" s="3">
        <v>41917.501550925925</v>
      </c>
      <c r="B11238" s="6">
        <v>187079.4</v>
      </c>
      <c r="C11238" s="7">
        <f t="shared" si="175"/>
        <v>187.07939999999999</v>
      </c>
      <c r="I11238" s="1"/>
    </row>
    <row r="11239" spans="1:9" x14ac:dyDescent="0.25">
      <c r="A11239" s="3">
        <v>41917.501597222225</v>
      </c>
      <c r="B11239" s="6">
        <v>187096.05</v>
      </c>
      <c r="C11239" s="7">
        <f t="shared" si="175"/>
        <v>187.09604999999999</v>
      </c>
      <c r="I11239" s="1"/>
    </row>
    <row r="11240" spans="1:9" x14ac:dyDescent="0.25">
      <c r="A11240" s="3">
        <v>41917.502245370371</v>
      </c>
      <c r="B11240" s="6">
        <v>187112.69999999998</v>
      </c>
      <c r="C11240" s="7">
        <f t="shared" si="175"/>
        <v>187.11269999999999</v>
      </c>
      <c r="I11240" s="1"/>
    </row>
    <row r="11241" spans="1:9" x14ac:dyDescent="0.25">
      <c r="A11241" s="3">
        <v>41917.502384259256</v>
      </c>
      <c r="B11241" s="6">
        <v>187129.34999999998</v>
      </c>
      <c r="C11241" s="7">
        <f t="shared" si="175"/>
        <v>187.12934999999999</v>
      </c>
      <c r="I11241" s="1"/>
    </row>
    <row r="11242" spans="1:9" x14ac:dyDescent="0.25">
      <c r="A11242" s="3">
        <v>41917.503831018519</v>
      </c>
      <c r="B11242" s="6">
        <v>187145.99999999997</v>
      </c>
      <c r="C11242" s="7">
        <f t="shared" si="175"/>
        <v>187.14599999999996</v>
      </c>
      <c r="I11242" s="1"/>
    </row>
    <row r="11243" spans="1:9" x14ac:dyDescent="0.25">
      <c r="A11243" s="3">
        <v>41917.503993055558</v>
      </c>
      <c r="B11243" s="6">
        <v>187162.65</v>
      </c>
      <c r="C11243" s="7">
        <f t="shared" si="175"/>
        <v>187.16264999999999</v>
      </c>
      <c r="I11243" s="1"/>
    </row>
    <row r="11244" spans="1:9" x14ac:dyDescent="0.25">
      <c r="A11244" s="3">
        <v>41917.505347222221</v>
      </c>
      <c r="B11244" s="6">
        <v>187179.3</v>
      </c>
      <c r="C11244" s="7">
        <f t="shared" si="175"/>
        <v>187.17929999999998</v>
      </c>
      <c r="I11244" s="1"/>
    </row>
    <row r="11245" spans="1:9" x14ac:dyDescent="0.25">
      <c r="A11245" s="3">
        <v>41917.505428240744</v>
      </c>
      <c r="B11245" s="6">
        <v>187195.94999999998</v>
      </c>
      <c r="C11245" s="7">
        <f t="shared" si="175"/>
        <v>187.19594999999998</v>
      </c>
      <c r="I11245" s="1"/>
    </row>
    <row r="11246" spans="1:9" x14ac:dyDescent="0.25">
      <c r="A11246" s="3">
        <v>41917.506655092591</v>
      </c>
      <c r="B11246" s="6">
        <v>187212.59999999998</v>
      </c>
      <c r="C11246" s="7">
        <f t="shared" si="175"/>
        <v>187.21259999999998</v>
      </c>
      <c r="I11246" s="1"/>
    </row>
    <row r="11247" spans="1:9" x14ac:dyDescent="0.25">
      <c r="A11247" s="3">
        <v>41917.50675925926</v>
      </c>
      <c r="B11247" s="6">
        <v>187229.24999999997</v>
      </c>
      <c r="C11247" s="7">
        <f t="shared" si="175"/>
        <v>187.22924999999998</v>
      </c>
      <c r="I11247" s="1"/>
    </row>
    <row r="11248" spans="1:9" x14ac:dyDescent="0.25">
      <c r="A11248" s="3">
        <v>41917.508472222224</v>
      </c>
      <c r="B11248" s="6">
        <v>187245.9</v>
      </c>
      <c r="C11248" s="7">
        <f t="shared" si="175"/>
        <v>187.24590000000001</v>
      </c>
      <c r="I11248" s="1"/>
    </row>
    <row r="11249" spans="1:9" x14ac:dyDescent="0.25">
      <c r="A11249" s="3">
        <v>41917.508622685185</v>
      </c>
      <c r="B11249" s="6">
        <v>187262.55</v>
      </c>
      <c r="C11249" s="7">
        <f t="shared" si="175"/>
        <v>187.26254999999998</v>
      </c>
      <c r="I11249" s="1"/>
    </row>
    <row r="11250" spans="1:9" x14ac:dyDescent="0.25">
      <c r="A11250" s="3">
        <v>41917.510428240741</v>
      </c>
      <c r="B11250" s="6">
        <v>187279.19999999998</v>
      </c>
      <c r="C11250" s="7">
        <f t="shared" si="175"/>
        <v>187.27919999999997</v>
      </c>
      <c r="I11250" s="1"/>
    </row>
    <row r="11251" spans="1:9" x14ac:dyDescent="0.25">
      <c r="A11251" s="3">
        <v>41917.51053240741</v>
      </c>
      <c r="B11251" s="6">
        <v>187295.84999999998</v>
      </c>
      <c r="C11251" s="7">
        <f t="shared" si="175"/>
        <v>187.29584999999997</v>
      </c>
      <c r="I11251" s="1"/>
    </row>
    <row r="11252" spans="1:9" x14ac:dyDescent="0.25">
      <c r="A11252" s="3">
        <v>41917.511678240742</v>
      </c>
      <c r="B11252" s="6">
        <v>187312.49999999997</v>
      </c>
      <c r="C11252" s="7">
        <f t="shared" si="175"/>
        <v>187.31249999999997</v>
      </c>
      <c r="I11252" s="1"/>
    </row>
    <row r="11253" spans="1:9" x14ac:dyDescent="0.25">
      <c r="A11253" s="3">
        <v>41917.51222222222</v>
      </c>
      <c r="B11253" s="6">
        <v>187329.15</v>
      </c>
      <c r="C11253" s="7">
        <f t="shared" si="175"/>
        <v>187.32915</v>
      </c>
      <c r="I11253" s="1"/>
    </row>
    <row r="11254" spans="1:9" x14ac:dyDescent="0.25">
      <c r="A11254" s="3">
        <v>41917.514085648145</v>
      </c>
      <c r="B11254" s="6">
        <v>187345.8</v>
      </c>
      <c r="C11254" s="7">
        <f t="shared" si="175"/>
        <v>187.3458</v>
      </c>
      <c r="I11254" s="1"/>
    </row>
    <row r="11255" spans="1:9" x14ac:dyDescent="0.25">
      <c r="A11255" s="3">
        <v>41917.514166666668</v>
      </c>
      <c r="B11255" s="6">
        <v>187362.44999999998</v>
      </c>
      <c r="C11255" s="7">
        <f t="shared" si="175"/>
        <v>187.36245</v>
      </c>
      <c r="I11255" s="1"/>
    </row>
    <row r="11256" spans="1:9" x14ac:dyDescent="0.25">
      <c r="A11256" s="3">
        <v>41917.514918981484</v>
      </c>
      <c r="B11256" s="6">
        <v>187379.09999999998</v>
      </c>
      <c r="C11256" s="7">
        <f t="shared" si="175"/>
        <v>187.37909999999997</v>
      </c>
      <c r="I11256" s="1"/>
    </row>
    <row r="11257" spans="1:9" x14ac:dyDescent="0.25">
      <c r="A11257" s="3">
        <v>41917.514999999999</v>
      </c>
      <c r="B11257" s="6">
        <v>187395.74999999997</v>
      </c>
      <c r="C11257" s="7">
        <f t="shared" si="175"/>
        <v>187.39574999999996</v>
      </c>
      <c r="I11257" s="1"/>
    </row>
    <row r="11258" spans="1:9" x14ac:dyDescent="0.25">
      <c r="A11258" s="3">
        <v>41917.517557870371</v>
      </c>
      <c r="B11258" s="6">
        <v>187412.4</v>
      </c>
      <c r="C11258" s="7">
        <f t="shared" si="175"/>
        <v>187.41239999999999</v>
      </c>
      <c r="I11258" s="1"/>
    </row>
    <row r="11259" spans="1:9" x14ac:dyDescent="0.25">
      <c r="A11259" s="3">
        <v>41917.517627314817</v>
      </c>
      <c r="B11259" s="6">
        <v>187429.05</v>
      </c>
      <c r="C11259" s="7">
        <f t="shared" si="175"/>
        <v>187.42904999999999</v>
      </c>
      <c r="I11259" s="1"/>
    </row>
    <row r="11260" spans="1:9" x14ac:dyDescent="0.25">
      <c r="A11260" s="3">
        <v>41917.519143518519</v>
      </c>
      <c r="B11260" s="6">
        <v>187445.69999999998</v>
      </c>
      <c r="C11260" s="7">
        <f t="shared" si="175"/>
        <v>187.44569999999999</v>
      </c>
      <c r="I11260" s="1"/>
    </row>
    <row r="11261" spans="1:9" x14ac:dyDescent="0.25">
      <c r="A11261" s="3">
        <v>41917.519212962965</v>
      </c>
      <c r="B11261" s="6">
        <v>187462.34999999998</v>
      </c>
      <c r="C11261" s="7">
        <f t="shared" si="175"/>
        <v>187.46234999999999</v>
      </c>
      <c r="I11261" s="1"/>
    </row>
    <row r="11262" spans="1:9" x14ac:dyDescent="0.25">
      <c r="A11262" s="3">
        <v>41917.520555555559</v>
      </c>
      <c r="B11262" s="6">
        <v>187478.99999999997</v>
      </c>
      <c r="C11262" s="7">
        <f t="shared" si="175"/>
        <v>187.47899999999998</v>
      </c>
      <c r="I11262" s="1"/>
    </row>
    <row r="11263" spans="1:9" x14ac:dyDescent="0.25">
      <c r="A11263" s="3">
        <v>41917.520694444444</v>
      </c>
      <c r="B11263" s="6">
        <v>187495.65</v>
      </c>
      <c r="C11263" s="7">
        <f t="shared" si="175"/>
        <v>187.49564999999998</v>
      </c>
      <c r="I11263" s="1"/>
    </row>
    <row r="11264" spans="1:9" x14ac:dyDescent="0.25">
      <c r="A11264" s="3">
        <v>41917.521585648145</v>
      </c>
      <c r="B11264" s="6">
        <v>187512.3</v>
      </c>
      <c r="C11264" s="7">
        <f t="shared" si="175"/>
        <v>187.51229999999998</v>
      </c>
      <c r="I11264" s="1"/>
    </row>
    <row r="11265" spans="1:9" x14ac:dyDescent="0.25">
      <c r="A11265" s="3">
        <v>41917.521724537037</v>
      </c>
      <c r="B11265" s="6">
        <v>187528.94999999998</v>
      </c>
      <c r="C11265" s="7">
        <f t="shared" si="175"/>
        <v>187.52894999999998</v>
      </c>
      <c r="I11265" s="1"/>
    </row>
    <row r="11266" spans="1:9" x14ac:dyDescent="0.25">
      <c r="A11266" s="3">
        <v>41917.522488425922</v>
      </c>
      <c r="B11266" s="6">
        <v>187545.59999999998</v>
      </c>
      <c r="C11266" s="7">
        <f t="shared" si="175"/>
        <v>187.54559999999998</v>
      </c>
      <c r="I11266" s="1"/>
    </row>
    <row r="11267" spans="1:9" x14ac:dyDescent="0.25">
      <c r="A11267" s="3">
        <v>41917.522534722222</v>
      </c>
      <c r="B11267" s="6">
        <v>187562.24999999997</v>
      </c>
      <c r="C11267" s="7">
        <f t="shared" ref="C11267:C11330" si="176">B11267/1000</f>
        <v>187.56224999999998</v>
      </c>
      <c r="I11267" s="1"/>
    </row>
    <row r="11268" spans="1:9" x14ac:dyDescent="0.25">
      <c r="A11268" s="3">
        <v>41917.523773148147</v>
      </c>
      <c r="B11268" s="6">
        <v>187578.9</v>
      </c>
      <c r="C11268" s="7">
        <f t="shared" si="176"/>
        <v>187.5789</v>
      </c>
      <c r="I11268" s="1"/>
    </row>
    <row r="11269" spans="1:9" x14ac:dyDescent="0.25">
      <c r="A11269" s="3">
        <v>41917.523877314816</v>
      </c>
      <c r="B11269" s="6">
        <v>187595.55</v>
      </c>
      <c r="C11269" s="7">
        <f t="shared" si="176"/>
        <v>187.59554999999997</v>
      </c>
      <c r="I11269" s="1"/>
    </row>
    <row r="11270" spans="1:9" x14ac:dyDescent="0.25">
      <c r="A11270" s="3">
        <v>41917.525682870371</v>
      </c>
      <c r="B11270" s="6">
        <v>187612.19999999998</v>
      </c>
      <c r="C11270" s="7">
        <f t="shared" si="176"/>
        <v>187.61219999999997</v>
      </c>
      <c r="I11270" s="1"/>
    </row>
    <row r="11271" spans="1:9" x14ac:dyDescent="0.25">
      <c r="A11271" s="3">
        <v>41917.525902777779</v>
      </c>
      <c r="B11271" s="6">
        <v>187628.84999999998</v>
      </c>
      <c r="C11271" s="7">
        <f t="shared" si="176"/>
        <v>187.62884999999997</v>
      </c>
      <c r="I11271" s="1"/>
    </row>
    <row r="11272" spans="1:9" x14ac:dyDescent="0.25">
      <c r="A11272" s="3">
        <v>41917.526608796295</v>
      </c>
      <c r="B11272" s="6">
        <v>187645.49999999997</v>
      </c>
      <c r="C11272" s="7">
        <f t="shared" si="176"/>
        <v>187.64549999999997</v>
      </c>
      <c r="I11272" s="1"/>
    </row>
    <row r="11273" spans="1:9" x14ac:dyDescent="0.25">
      <c r="A11273" s="3">
        <v>41917.526678240742</v>
      </c>
      <c r="B11273" s="6">
        <v>187662.15</v>
      </c>
      <c r="C11273" s="7">
        <f t="shared" si="176"/>
        <v>187.66215</v>
      </c>
      <c r="I11273" s="1"/>
    </row>
    <row r="11274" spans="1:9" x14ac:dyDescent="0.25">
      <c r="A11274" s="3">
        <v>41917.527499999997</v>
      </c>
      <c r="B11274" s="6">
        <v>187678.8</v>
      </c>
      <c r="C11274" s="7">
        <f t="shared" si="176"/>
        <v>187.6788</v>
      </c>
      <c r="I11274" s="1"/>
    </row>
    <row r="11275" spans="1:9" x14ac:dyDescent="0.25">
      <c r="A11275" s="3">
        <v>41917.527673611112</v>
      </c>
      <c r="B11275" s="6">
        <v>187695.44999999998</v>
      </c>
      <c r="C11275" s="7">
        <f t="shared" si="176"/>
        <v>187.69544999999999</v>
      </c>
      <c r="I11275" s="1"/>
    </row>
    <row r="11276" spans="1:9" x14ac:dyDescent="0.25">
      <c r="A11276" s="3">
        <v>41917.528877314813</v>
      </c>
      <c r="B11276" s="6">
        <v>187712.09999999998</v>
      </c>
      <c r="C11276" s="7">
        <f t="shared" si="176"/>
        <v>187.71209999999996</v>
      </c>
      <c r="I11276" s="1"/>
    </row>
    <row r="11277" spans="1:9" x14ac:dyDescent="0.25">
      <c r="A11277" s="3">
        <v>41917.529050925928</v>
      </c>
      <c r="B11277" s="6">
        <v>187728.74999999997</v>
      </c>
      <c r="C11277" s="7">
        <f t="shared" si="176"/>
        <v>187.72874999999996</v>
      </c>
      <c r="I11277" s="1"/>
    </row>
    <row r="11278" spans="1:9" x14ac:dyDescent="0.25">
      <c r="A11278" s="3">
        <v>41917.530416666668</v>
      </c>
      <c r="B11278" s="6">
        <v>187745.4</v>
      </c>
      <c r="C11278" s="7">
        <f t="shared" si="176"/>
        <v>187.74539999999999</v>
      </c>
      <c r="I11278" s="1"/>
    </row>
    <row r="11279" spans="1:9" x14ac:dyDescent="0.25">
      <c r="A11279" s="3">
        <v>41917.530451388891</v>
      </c>
      <c r="B11279" s="6">
        <v>187762.05</v>
      </c>
      <c r="C11279" s="7">
        <f t="shared" si="176"/>
        <v>187.76204999999999</v>
      </c>
      <c r="I11279" s="1"/>
    </row>
    <row r="11280" spans="1:9" x14ac:dyDescent="0.25">
      <c r="A11280" s="3">
        <v>41917.531597222223</v>
      </c>
      <c r="B11280" s="6">
        <v>187778.69999999998</v>
      </c>
      <c r="C11280" s="7">
        <f t="shared" si="176"/>
        <v>187.77869999999999</v>
      </c>
      <c r="I11280" s="1"/>
    </row>
    <row r="11281" spans="1:9" x14ac:dyDescent="0.25">
      <c r="A11281" s="3">
        <v>41917.531689814816</v>
      </c>
      <c r="B11281" s="6">
        <v>187795.34999999998</v>
      </c>
      <c r="C11281" s="7">
        <f t="shared" si="176"/>
        <v>187.79534999999998</v>
      </c>
      <c r="I11281" s="1"/>
    </row>
    <row r="11282" spans="1:9" x14ac:dyDescent="0.25">
      <c r="A11282" s="3">
        <v>41917.533460648148</v>
      </c>
      <c r="B11282" s="6">
        <v>187811.99999999997</v>
      </c>
      <c r="C11282" s="7">
        <f t="shared" si="176"/>
        <v>187.81199999999998</v>
      </c>
      <c r="I11282" s="1"/>
    </row>
    <row r="11283" spans="1:9" x14ac:dyDescent="0.25">
      <c r="A11283" s="3">
        <v>41917.53361111111</v>
      </c>
      <c r="B11283" s="6">
        <v>187828.65</v>
      </c>
      <c r="C11283" s="7">
        <f t="shared" si="176"/>
        <v>187.82864999999998</v>
      </c>
      <c r="I11283" s="1"/>
    </row>
    <row r="11284" spans="1:9" x14ac:dyDescent="0.25">
      <c r="A11284" s="3">
        <v>41917.534918981481</v>
      </c>
      <c r="B11284" s="6">
        <v>187845.3</v>
      </c>
      <c r="C11284" s="7">
        <f t="shared" si="176"/>
        <v>187.84529999999998</v>
      </c>
      <c r="I11284" s="1"/>
    </row>
    <row r="11285" spans="1:9" x14ac:dyDescent="0.25">
      <c r="A11285" s="3">
        <v>41917.53497685185</v>
      </c>
      <c r="B11285" s="6">
        <v>187861.94999999998</v>
      </c>
      <c r="C11285" s="7">
        <f t="shared" si="176"/>
        <v>187.86194999999998</v>
      </c>
      <c r="I11285" s="1"/>
    </row>
    <row r="11286" spans="1:9" x14ac:dyDescent="0.25">
      <c r="A11286" s="3">
        <v>41917.536400462966</v>
      </c>
      <c r="B11286" s="6">
        <v>187878.59999999998</v>
      </c>
      <c r="C11286" s="7">
        <f t="shared" si="176"/>
        <v>187.87859999999998</v>
      </c>
      <c r="I11286" s="1"/>
    </row>
    <row r="11287" spans="1:9" x14ac:dyDescent="0.25">
      <c r="A11287" s="3">
        <v>41917.536550925928</v>
      </c>
      <c r="B11287" s="6">
        <v>187895.24999999997</v>
      </c>
      <c r="C11287" s="7">
        <f t="shared" si="176"/>
        <v>187.89524999999998</v>
      </c>
      <c r="I11287" s="1"/>
    </row>
    <row r="11288" spans="1:9" x14ac:dyDescent="0.25">
      <c r="A11288" s="3">
        <v>41917.539421296293</v>
      </c>
      <c r="B11288" s="6">
        <v>187911.9</v>
      </c>
      <c r="C11288" s="7">
        <f t="shared" si="176"/>
        <v>187.9119</v>
      </c>
      <c r="I11288" s="1"/>
    </row>
    <row r="11289" spans="1:9" x14ac:dyDescent="0.25">
      <c r="A11289" s="3">
        <v>41917.539722222224</v>
      </c>
      <c r="B11289" s="6">
        <v>187928.55</v>
      </c>
      <c r="C11289" s="7">
        <f t="shared" si="176"/>
        <v>187.92855</v>
      </c>
      <c r="I11289" s="1"/>
    </row>
    <row r="11290" spans="1:9" x14ac:dyDescent="0.25">
      <c r="A11290" s="3">
        <v>41917.540590277778</v>
      </c>
      <c r="B11290" s="6">
        <v>187945.19999999998</v>
      </c>
      <c r="C11290" s="7">
        <f t="shared" si="176"/>
        <v>187.94519999999997</v>
      </c>
      <c r="I11290" s="1"/>
    </row>
    <row r="11291" spans="1:9" x14ac:dyDescent="0.25">
      <c r="A11291" s="3">
        <v>41917.540682870371</v>
      </c>
      <c r="B11291" s="6">
        <v>187961.84999999998</v>
      </c>
      <c r="C11291" s="7">
        <f t="shared" si="176"/>
        <v>187.96184999999997</v>
      </c>
      <c r="I11291" s="1"/>
    </row>
    <row r="11292" spans="1:9" x14ac:dyDescent="0.25">
      <c r="A11292" s="3">
        <v>41917.542326388888</v>
      </c>
      <c r="B11292" s="6">
        <v>187978.49999999997</v>
      </c>
      <c r="C11292" s="7">
        <f t="shared" si="176"/>
        <v>187.97849999999997</v>
      </c>
      <c r="I11292" s="1"/>
    </row>
    <row r="11293" spans="1:9" x14ac:dyDescent="0.25">
      <c r="A11293" s="3">
        <v>41917.542453703703</v>
      </c>
      <c r="B11293" s="6">
        <v>187995.15</v>
      </c>
      <c r="C11293" s="7">
        <f t="shared" si="176"/>
        <v>187.99515</v>
      </c>
      <c r="I11293" s="1"/>
    </row>
    <row r="11294" spans="1:9" x14ac:dyDescent="0.25">
      <c r="A11294" s="3">
        <v>41917.54420138889</v>
      </c>
      <c r="B11294" s="6">
        <v>188011.8</v>
      </c>
      <c r="C11294" s="7">
        <f t="shared" si="176"/>
        <v>188.01179999999999</v>
      </c>
      <c r="I11294" s="1"/>
    </row>
    <row r="11295" spans="1:9" x14ac:dyDescent="0.25">
      <c r="A11295" s="3">
        <v>41917.544374999998</v>
      </c>
      <c r="B11295" s="6">
        <v>188028.44999999998</v>
      </c>
      <c r="C11295" s="7">
        <f t="shared" si="176"/>
        <v>188.02844999999999</v>
      </c>
      <c r="I11295" s="1"/>
    </row>
    <row r="11296" spans="1:9" x14ac:dyDescent="0.25">
      <c r="A11296" s="3">
        <v>41917.545092592591</v>
      </c>
      <c r="B11296" s="6">
        <v>188045.09999999998</v>
      </c>
      <c r="C11296" s="7">
        <f t="shared" si="176"/>
        <v>188.04509999999999</v>
      </c>
      <c r="I11296" s="1"/>
    </row>
    <row r="11297" spans="1:9" x14ac:dyDescent="0.25">
      <c r="A11297" s="3">
        <v>41917.545208333337</v>
      </c>
      <c r="B11297" s="6">
        <v>188061.74999999997</v>
      </c>
      <c r="C11297" s="7">
        <f t="shared" si="176"/>
        <v>188.06174999999996</v>
      </c>
      <c r="I11297" s="1"/>
    </row>
    <row r="11298" spans="1:9" x14ac:dyDescent="0.25">
      <c r="A11298" s="3">
        <v>41917.546168981484</v>
      </c>
      <c r="B11298" s="6">
        <v>188078.4</v>
      </c>
      <c r="C11298" s="7">
        <f t="shared" si="176"/>
        <v>188.07839999999999</v>
      </c>
      <c r="I11298" s="1"/>
    </row>
    <row r="11299" spans="1:9" x14ac:dyDescent="0.25">
      <c r="A11299" s="3">
        <v>41917.546284722222</v>
      </c>
      <c r="B11299" s="6">
        <v>188095.05</v>
      </c>
      <c r="C11299" s="7">
        <f t="shared" si="176"/>
        <v>188.09504999999999</v>
      </c>
      <c r="I11299" s="1"/>
    </row>
    <row r="11300" spans="1:9" x14ac:dyDescent="0.25">
      <c r="A11300" s="3">
        <v>41917.549317129633</v>
      </c>
      <c r="B11300" s="6">
        <v>188111.69999999998</v>
      </c>
      <c r="C11300" s="7">
        <f t="shared" si="176"/>
        <v>188.11169999999998</v>
      </c>
      <c r="I11300" s="1"/>
    </row>
    <row r="11301" spans="1:9" x14ac:dyDescent="0.25">
      <c r="A11301" s="3">
        <v>41917.549490740741</v>
      </c>
      <c r="B11301" s="6">
        <v>188128.34999999998</v>
      </c>
      <c r="C11301" s="7">
        <f t="shared" si="176"/>
        <v>188.12834999999998</v>
      </c>
      <c r="I11301" s="1"/>
    </row>
    <row r="11302" spans="1:9" x14ac:dyDescent="0.25">
      <c r="A11302" s="3">
        <v>41917.55097222222</v>
      </c>
      <c r="B11302" s="6">
        <v>188144.99999999997</v>
      </c>
      <c r="C11302" s="7">
        <f t="shared" si="176"/>
        <v>188.14499999999998</v>
      </c>
      <c r="I11302" s="1"/>
    </row>
    <row r="11303" spans="1:9" x14ac:dyDescent="0.25">
      <c r="A11303" s="3">
        <v>41917.551122685189</v>
      </c>
      <c r="B11303" s="6">
        <v>188161.65</v>
      </c>
      <c r="C11303" s="7">
        <f t="shared" si="176"/>
        <v>188.16164999999998</v>
      </c>
      <c r="I11303" s="1"/>
    </row>
    <row r="11304" spans="1:9" x14ac:dyDescent="0.25">
      <c r="A11304" s="3">
        <v>41917.553148148145</v>
      </c>
      <c r="B11304" s="6">
        <v>188178.3</v>
      </c>
      <c r="C11304" s="7">
        <f t="shared" si="176"/>
        <v>188.17829999999998</v>
      </c>
      <c r="I11304" s="1"/>
    </row>
    <row r="11305" spans="1:9" x14ac:dyDescent="0.25">
      <c r="A11305" s="3">
        <v>41917.553449074076</v>
      </c>
      <c r="B11305" s="6">
        <v>188194.94999999998</v>
      </c>
      <c r="C11305" s="7">
        <f t="shared" si="176"/>
        <v>188.19494999999998</v>
      </c>
      <c r="I11305" s="1"/>
    </row>
    <row r="11306" spans="1:9" x14ac:dyDescent="0.25">
      <c r="A11306" s="3">
        <v>41917.555393518516</v>
      </c>
      <c r="B11306" s="6">
        <v>188211.59999999998</v>
      </c>
      <c r="C11306" s="7">
        <f t="shared" si="176"/>
        <v>188.21159999999998</v>
      </c>
      <c r="I11306" s="1"/>
    </row>
    <row r="11307" spans="1:9" x14ac:dyDescent="0.25">
      <c r="A11307" s="3">
        <v>41917.555601851855</v>
      </c>
      <c r="B11307" s="6">
        <v>188228.24999999997</v>
      </c>
      <c r="C11307" s="7">
        <f t="shared" si="176"/>
        <v>188.22824999999997</v>
      </c>
      <c r="I11307" s="1"/>
    </row>
    <row r="11308" spans="1:9" x14ac:dyDescent="0.25">
      <c r="A11308" s="3">
        <v>41917.557534722226</v>
      </c>
      <c r="B11308" s="6">
        <v>188244.9</v>
      </c>
      <c r="C11308" s="7">
        <f t="shared" si="176"/>
        <v>188.2449</v>
      </c>
      <c r="I11308" s="1"/>
    </row>
    <row r="11309" spans="1:9" x14ac:dyDescent="0.25">
      <c r="A11309" s="3">
        <v>41917.557870370372</v>
      </c>
      <c r="B11309" s="6">
        <v>188261.55</v>
      </c>
      <c r="C11309" s="7">
        <f t="shared" si="176"/>
        <v>188.26155</v>
      </c>
      <c r="I11309" s="1"/>
    </row>
    <row r="11310" spans="1:9" x14ac:dyDescent="0.25">
      <c r="A11310" s="3">
        <v>41917.559664351851</v>
      </c>
      <c r="B11310" s="6">
        <v>188278.19999999998</v>
      </c>
      <c r="C11310" s="7">
        <f t="shared" si="176"/>
        <v>188.27819999999997</v>
      </c>
      <c r="I11310" s="1"/>
    </row>
    <row r="11311" spans="1:9" x14ac:dyDescent="0.25">
      <c r="A11311" s="3">
        <v>41917.559803240743</v>
      </c>
      <c r="B11311" s="6">
        <v>188294.84999999998</v>
      </c>
      <c r="C11311" s="7">
        <f t="shared" si="176"/>
        <v>188.29484999999997</v>
      </c>
      <c r="I11311" s="1"/>
    </row>
    <row r="11312" spans="1:9" x14ac:dyDescent="0.25">
      <c r="A11312" s="3">
        <v>41917.561018518521</v>
      </c>
      <c r="B11312" s="6">
        <v>188311.49999999997</v>
      </c>
      <c r="C11312" s="7">
        <f t="shared" si="176"/>
        <v>188.31149999999997</v>
      </c>
      <c r="I11312" s="1"/>
    </row>
    <row r="11313" spans="1:9" x14ac:dyDescent="0.25">
      <c r="A11313" s="3">
        <v>41917.561331018522</v>
      </c>
      <c r="B11313" s="6">
        <v>188328.15</v>
      </c>
      <c r="C11313" s="7">
        <f t="shared" si="176"/>
        <v>188.32814999999999</v>
      </c>
      <c r="I11313" s="1"/>
    </row>
    <row r="11314" spans="1:9" x14ac:dyDescent="0.25">
      <c r="A11314" s="3">
        <v>41917.563946759263</v>
      </c>
      <c r="B11314" s="6">
        <v>188344.8</v>
      </c>
      <c r="C11314" s="7">
        <f t="shared" si="176"/>
        <v>188.34479999999999</v>
      </c>
      <c r="I11314" s="1"/>
    </row>
    <row r="11315" spans="1:9" x14ac:dyDescent="0.25">
      <c r="A11315" s="3">
        <v>41917.564282407409</v>
      </c>
      <c r="B11315" s="6">
        <v>188361.44999999998</v>
      </c>
      <c r="C11315" s="7">
        <f t="shared" si="176"/>
        <v>188.36144999999999</v>
      </c>
      <c r="I11315" s="1"/>
    </row>
    <row r="11316" spans="1:9" x14ac:dyDescent="0.25">
      <c r="A11316" s="3">
        <v>41917.565729166665</v>
      </c>
      <c r="B11316" s="6">
        <v>188378.09999999998</v>
      </c>
      <c r="C11316" s="7">
        <f t="shared" si="176"/>
        <v>188.37809999999999</v>
      </c>
      <c r="I11316" s="1"/>
    </row>
    <row r="11317" spans="1:9" x14ac:dyDescent="0.25">
      <c r="A11317" s="3">
        <v>41917.566122685188</v>
      </c>
      <c r="B11317" s="6">
        <v>188394.74999999997</v>
      </c>
      <c r="C11317" s="7">
        <f t="shared" si="176"/>
        <v>188.39474999999996</v>
      </c>
      <c r="I11317" s="1"/>
    </row>
    <row r="11318" spans="1:9" x14ac:dyDescent="0.25">
      <c r="A11318" s="3">
        <v>41917.568599537037</v>
      </c>
      <c r="B11318" s="6">
        <v>188411.4</v>
      </c>
      <c r="C11318" s="7">
        <f t="shared" si="176"/>
        <v>188.41139999999999</v>
      </c>
      <c r="I11318" s="1"/>
    </row>
    <row r="11319" spans="1:9" x14ac:dyDescent="0.25">
      <c r="A11319" s="3">
        <v>41917.568692129629</v>
      </c>
      <c r="B11319" s="6">
        <v>188428.05</v>
      </c>
      <c r="C11319" s="7">
        <f t="shared" si="176"/>
        <v>188.42804999999998</v>
      </c>
      <c r="I11319" s="1"/>
    </row>
    <row r="11320" spans="1:9" x14ac:dyDescent="0.25">
      <c r="A11320" s="3">
        <v>41917.5703587963</v>
      </c>
      <c r="B11320" s="6">
        <v>188444.69999999998</v>
      </c>
      <c r="C11320" s="7">
        <f t="shared" si="176"/>
        <v>188.44469999999998</v>
      </c>
      <c r="I11320" s="1"/>
    </row>
    <row r="11321" spans="1:9" x14ac:dyDescent="0.25">
      <c r="A11321" s="3">
        <v>41917.570509259262</v>
      </c>
      <c r="B11321" s="6">
        <v>188461.34999999998</v>
      </c>
      <c r="C11321" s="7">
        <f t="shared" si="176"/>
        <v>188.46134999999998</v>
      </c>
      <c r="I11321" s="1"/>
    </row>
    <row r="11322" spans="1:9" x14ac:dyDescent="0.25">
      <c r="A11322" s="3">
        <v>41917.571620370371</v>
      </c>
      <c r="B11322" s="6">
        <v>188477.99999999997</v>
      </c>
      <c r="C11322" s="7">
        <f t="shared" si="176"/>
        <v>188.47799999999998</v>
      </c>
      <c r="I11322" s="1"/>
    </row>
    <row r="11323" spans="1:9" x14ac:dyDescent="0.25">
      <c r="A11323" s="3">
        <v>41917.571759259263</v>
      </c>
      <c r="B11323" s="6">
        <v>188494.65</v>
      </c>
      <c r="C11323" s="7">
        <f t="shared" si="176"/>
        <v>188.49465000000001</v>
      </c>
      <c r="I11323" s="1"/>
    </row>
    <row r="11324" spans="1:9" x14ac:dyDescent="0.25">
      <c r="A11324" s="3">
        <v>41917.572685185187</v>
      </c>
      <c r="B11324" s="6">
        <v>188511.3</v>
      </c>
      <c r="C11324" s="7">
        <f t="shared" si="176"/>
        <v>188.51129999999998</v>
      </c>
      <c r="I11324" s="1"/>
    </row>
    <row r="11325" spans="1:9" x14ac:dyDescent="0.25">
      <c r="A11325" s="3">
        <v>41917.572800925926</v>
      </c>
      <c r="B11325" s="6">
        <v>188527.94999999998</v>
      </c>
      <c r="C11325" s="7">
        <f t="shared" si="176"/>
        <v>188.52794999999998</v>
      </c>
      <c r="I11325" s="1"/>
    </row>
    <row r="11326" spans="1:9" x14ac:dyDescent="0.25">
      <c r="A11326" s="3">
        <v>41917.574629629627</v>
      </c>
      <c r="B11326" s="6">
        <v>188544.59999999998</v>
      </c>
      <c r="C11326" s="7">
        <f t="shared" si="176"/>
        <v>188.54459999999997</v>
      </c>
      <c r="I11326" s="1"/>
    </row>
    <row r="11327" spans="1:9" x14ac:dyDescent="0.25">
      <c r="A11327" s="3">
        <v>41917.57471064815</v>
      </c>
      <c r="B11327" s="6">
        <v>188561.24999999997</v>
      </c>
      <c r="C11327" s="7">
        <f t="shared" si="176"/>
        <v>188.56124999999997</v>
      </c>
      <c r="I11327" s="1"/>
    </row>
    <row r="11328" spans="1:9" x14ac:dyDescent="0.25">
      <c r="A11328" s="3">
        <v>41917.576261574075</v>
      </c>
      <c r="B11328" s="6">
        <v>188577.9</v>
      </c>
      <c r="C11328" s="7">
        <f t="shared" si="176"/>
        <v>188.5779</v>
      </c>
      <c r="I11328" s="1"/>
    </row>
    <row r="11329" spans="1:9" x14ac:dyDescent="0.25">
      <c r="A11329" s="3">
        <v>41917.576423611114</v>
      </c>
      <c r="B11329" s="6">
        <v>188594.55</v>
      </c>
      <c r="C11329" s="7">
        <f t="shared" si="176"/>
        <v>188.59455</v>
      </c>
      <c r="I11329" s="1"/>
    </row>
    <row r="11330" spans="1:9" x14ac:dyDescent="0.25">
      <c r="A11330" s="3">
        <v>41917.578217592592</v>
      </c>
      <c r="B11330" s="6">
        <v>188611.19999999998</v>
      </c>
      <c r="C11330" s="7">
        <f t="shared" si="176"/>
        <v>188.6112</v>
      </c>
      <c r="I11330" s="1"/>
    </row>
    <row r="11331" spans="1:9" x14ac:dyDescent="0.25">
      <c r="A11331" s="3">
        <v>41917.5784375</v>
      </c>
      <c r="B11331" s="6">
        <v>188627.84999999998</v>
      </c>
      <c r="C11331" s="7">
        <f t="shared" ref="C11331:C11394" si="177">B11331/1000</f>
        <v>188.62784999999997</v>
      </c>
      <c r="I11331" s="1"/>
    </row>
    <row r="11332" spans="1:9" x14ac:dyDescent="0.25">
      <c r="A11332" s="3">
        <v>41917.580416666664</v>
      </c>
      <c r="B11332" s="6">
        <v>188644.49999999997</v>
      </c>
      <c r="C11332" s="7">
        <f t="shared" si="177"/>
        <v>188.64449999999997</v>
      </c>
      <c r="I11332" s="1"/>
    </row>
    <row r="11333" spans="1:9" x14ac:dyDescent="0.25">
      <c r="A11333" s="3">
        <v>41917.580567129633</v>
      </c>
      <c r="B11333" s="6">
        <v>188661.15</v>
      </c>
      <c r="C11333" s="7">
        <f t="shared" si="177"/>
        <v>188.66114999999999</v>
      </c>
      <c r="I11333" s="1"/>
    </row>
    <row r="11334" spans="1:9" x14ac:dyDescent="0.25">
      <c r="A11334" s="3">
        <v>41917.582743055558</v>
      </c>
      <c r="B11334" s="6">
        <v>188677.8</v>
      </c>
      <c r="C11334" s="7">
        <f t="shared" si="177"/>
        <v>188.67779999999999</v>
      </c>
      <c r="I11334" s="1"/>
    </row>
    <row r="11335" spans="1:9" x14ac:dyDescent="0.25">
      <c r="A11335" s="3">
        <v>41917.582800925928</v>
      </c>
      <c r="B11335" s="6">
        <v>188694.44999999998</v>
      </c>
      <c r="C11335" s="7">
        <f t="shared" si="177"/>
        <v>188.69444999999999</v>
      </c>
      <c r="I11335" s="1"/>
    </row>
    <row r="11336" spans="1:9" x14ac:dyDescent="0.25">
      <c r="A11336" s="3">
        <v>41917.584432870368</v>
      </c>
      <c r="B11336" s="6">
        <v>188711.09999999998</v>
      </c>
      <c r="C11336" s="7">
        <f t="shared" si="177"/>
        <v>188.71109999999999</v>
      </c>
      <c r="I11336" s="1"/>
    </row>
    <row r="11337" spans="1:9" x14ac:dyDescent="0.25">
      <c r="A11337" s="3">
        <v>41917.584618055553</v>
      </c>
      <c r="B11337" s="6">
        <v>188727.74999999997</v>
      </c>
      <c r="C11337" s="7">
        <f t="shared" si="177"/>
        <v>188.72774999999996</v>
      </c>
      <c r="I11337" s="1"/>
    </row>
    <row r="11338" spans="1:9" x14ac:dyDescent="0.25">
      <c r="A11338" s="3">
        <v>41917.585648148146</v>
      </c>
      <c r="B11338" s="6">
        <v>188744.4</v>
      </c>
      <c r="C11338" s="7">
        <f t="shared" si="177"/>
        <v>188.74439999999998</v>
      </c>
      <c r="I11338" s="1"/>
    </row>
    <row r="11339" spans="1:9" x14ac:dyDescent="0.25">
      <c r="A11339" s="3">
        <v>41917.585740740738</v>
      </c>
      <c r="B11339" s="6">
        <v>188761.05</v>
      </c>
      <c r="C11339" s="7">
        <f t="shared" si="177"/>
        <v>188.76104999999998</v>
      </c>
      <c r="I11339" s="1"/>
    </row>
    <row r="11340" spans="1:9" x14ac:dyDescent="0.25">
      <c r="A11340" s="3">
        <v>41917.586921296293</v>
      </c>
      <c r="B11340" s="6">
        <v>188777.69999999998</v>
      </c>
      <c r="C11340" s="7">
        <f t="shared" si="177"/>
        <v>188.77769999999998</v>
      </c>
      <c r="I11340" s="1"/>
    </row>
    <row r="11341" spans="1:9" x14ac:dyDescent="0.25">
      <c r="A11341" s="3">
        <v>41917.587048611109</v>
      </c>
      <c r="B11341" s="6">
        <v>188794.34999999998</v>
      </c>
      <c r="C11341" s="7">
        <f t="shared" si="177"/>
        <v>188.79434999999998</v>
      </c>
      <c r="I11341" s="1"/>
    </row>
    <row r="11342" spans="1:9" x14ac:dyDescent="0.25">
      <c r="A11342" s="3">
        <v>41917.589120370372</v>
      </c>
      <c r="B11342" s="6">
        <v>188810.99999999997</v>
      </c>
      <c r="C11342" s="7">
        <f t="shared" si="177"/>
        <v>188.81099999999998</v>
      </c>
      <c r="I11342" s="1"/>
    </row>
    <row r="11343" spans="1:9" x14ac:dyDescent="0.25">
      <c r="A11343" s="3">
        <v>41917.589305555557</v>
      </c>
      <c r="B11343" s="6">
        <v>188827.65</v>
      </c>
      <c r="C11343" s="7">
        <f t="shared" si="177"/>
        <v>188.82765000000001</v>
      </c>
      <c r="I11343" s="1"/>
    </row>
    <row r="11344" spans="1:9" x14ac:dyDescent="0.25">
      <c r="A11344" s="3">
        <v>41917.590949074074</v>
      </c>
      <c r="B11344" s="6">
        <v>188844.3</v>
      </c>
      <c r="C11344" s="7">
        <f t="shared" si="177"/>
        <v>188.84429999999998</v>
      </c>
      <c r="I11344" s="1"/>
    </row>
    <row r="11345" spans="1:9" x14ac:dyDescent="0.25">
      <c r="A11345" s="3">
        <v>41917.591111111113</v>
      </c>
      <c r="B11345" s="6">
        <v>188860.94999999998</v>
      </c>
      <c r="C11345" s="7">
        <f t="shared" si="177"/>
        <v>188.86094999999997</v>
      </c>
      <c r="I11345" s="1"/>
    </row>
    <row r="11346" spans="1:9" x14ac:dyDescent="0.25">
      <c r="A11346" s="3">
        <v>41917.592719907407</v>
      </c>
      <c r="B11346" s="6">
        <v>188877.59999999998</v>
      </c>
      <c r="C11346" s="7">
        <f t="shared" si="177"/>
        <v>188.87759999999997</v>
      </c>
      <c r="I11346" s="1"/>
    </row>
    <row r="11347" spans="1:9" x14ac:dyDescent="0.25">
      <c r="A11347" s="3">
        <v>41917.592800925922</v>
      </c>
      <c r="B11347" s="6">
        <v>188894.24999999997</v>
      </c>
      <c r="C11347" s="7">
        <f t="shared" si="177"/>
        <v>188.89424999999997</v>
      </c>
      <c r="I11347" s="1"/>
    </row>
    <row r="11348" spans="1:9" x14ac:dyDescent="0.25">
      <c r="A11348" s="3">
        <v>41917.594988425924</v>
      </c>
      <c r="B11348" s="6">
        <v>188910.9</v>
      </c>
      <c r="C11348" s="7">
        <f t="shared" si="177"/>
        <v>188.9109</v>
      </c>
      <c r="I11348" s="1"/>
    </row>
    <row r="11349" spans="1:9" x14ac:dyDescent="0.25">
      <c r="A11349" s="3">
        <v>41917.595069444447</v>
      </c>
      <c r="B11349" s="6">
        <v>188927.55</v>
      </c>
      <c r="C11349" s="7">
        <f t="shared" si="177"/>
        <v>188.92755</v>
      </c>
      <c r="I11349" s="1"/>
    </row>
    <row r="11350" spans="1:9" x14ac:dyDescent="0.25">
      <c r="A11350" s="3">
        <v>41917.59646990741</v>
      </c>
      <c r="B11350" s="6">
        <v>188944.19999999998</v>
      </c>
      <c r="C11350" s="7">
        <f t="shared" si="177"/>
        <v>188.9442</v>
      </c>
      <c r="I11350" s="1"/>
    </row>
    <row r="11351" spans="1:9" x14ac:dyDescent="0.25">
      <c r="A11351" s="3">
        <v>41917.596597222226</v>
      </c>
      <c r="B11351" s="6">
        <v>188960.84999999998</v>
      </c>
      <c r="C11351" s="7">
        <f t="shared" si="177"/>
        <v>188.96084999999997</v>
      </c>
      <c r="I11351" s="1"/>
    </row>
    <row r="11352" spans="1:9" x14ac:dyDescent="0.25">
      <c r="A11352" s="3">
        <v>41917.598425925928</v>
      </c>
      <c r="B11352" s="6">
        <v>188977.49999999997</v>
      </c>
      <c r="C11352" s="7">
        <f t="shared" si="177"/>
        <v>188.97749999999996</v>
      </c>
      <c r="I11352" s="1"/>
    </row>
    <row r="11353" spans="1:9" x14ac:dyDescent="0.25">
      <c r="A11353" s="3">
        <v>41917.598692129628</v>
      </c>
      <c r="B11353" s="6">
        <v>188994.15</v>
      </c>
      <c r="C11353" s="7">
        <f t="shared" si="177"/>
        <v>188.99414999999999</v>
      </c>
      <c r="I11353" s="1"/>
    </row>
    <row r="11354" spans="1:9" x14ac:dyDescent="0.25">
      <c r="A11354" s="3">
        <v>41917.600624999999</v>
      </c>
      <c r="B11354" s="6">
        <v>189010.8</v>
      </c>
      <c r="C11354" s="7">
        <f t="shared" si="177"/>
        <v>189.01079999999999</v>
      </c>
      <c r="I11354" s="1"/>
    </row>
    <row r="11355" spans="1:9" x14ac:dyDescent="0.25">
      <c r="A11355" s="3">
        <v>41917.600821759261</v>
      </c>
      <c r="B11355" s="6">
        <v>189027.44999999998</v>
      </c>
      <c r="C11355" s="7">
        <f t="shared" si="177"/>
        <v>189.02744999999999</v>
      </c>
      <c r="I11355" s="1"/>
    </row>
    <row r="11356" spans="1:9" x14ac:dyDescent="0.25">
      <c r="A11356" s="3">
        <v>41917.603576388887</v>
      </c>
      <c r="B11356" s="6">
        <v>189044.09999999998</v>
      </c>
      <c r="C11356" s="7">
        <f t="shared" si="177"/>
        <v>189.04409999999999</v>
      </c>
      <c r="I11356" s="1"/>
    </row>
    <row r="11357" spans="1:9" x14ac:dyDescent="0.25">
      <c r="A11357" s="3">
        <v>41917.603622685187</v>
      </c>
      <c r="B11357" s="6">
        <v>189060.74999999997</v>
      </c>
      <c r="C11357" s="7">
        <f t="shared" si="177"/>
        <v>189.06074999999998</v>
      </c>
      <c r="I11357" s="1"/>
    </row>
    <row r="11358" spans="1:9" x14ac:dyDescent="0.25">
      <c r="A11358" s="3">
        <v>41917.604409722226</v>
      </c>
      <c r="B11358" s="6">
        <v>189077.4</v>
      </c>
      <c r="C11358" s="7">
        <f t="shared" si="177"/>
        <v>189.07739999999998</v>
      </c>
      <c r="I11358" s="1"/>
    </row>
    <row r="11359" spans="1:9" x14ac:dyDescent="0.25">
      <c r="A11359" s="3">
        <v>41917.604525462964</v>
      </c>
      <c r="B11359" s="6">
        <v>189094.05</v>
      </c>
      <c r="C11359" s="7">
        <f t="shared" si="177"/>
        <v>189.09404999999998</v>
      </c>
      <c r="I11359" s="1"/>
    </row>
    <row r="11360" spans="1:9" x14ac:dyDescent="0.25">
      <c r="A11360" s="3">
        <v>41917.605046296296</v>
      </c>
      <c r="B11360" s="6">
        <v>189110.69999999998</v>
      </c>
      <c r="C11360" s="7">
        <f t="shared" si="177"/>
        <v>189.11069999999998</v>
      </c>
      <c r="I11360" s="1"/>
    </row>
    <row r="11361" spans="1:9" x14ac:dyDescent="0.25">
      <c r="A11361" s="3">
        <v>41917.605196759258</v>
      </c>
      <c r="B11361" s="6">
        <v>189127.34999999998</v>
      </c>
      <c r="C11361" s="7">
        <f t="shared" si="177"/>
        <v>189.12734999999998</v>
      </c>
      <c r="I11361" s="1"/>
    </row>
    <row r="11362" spans="1:9" x14ac:dyDescent="0.25">
      <c r="A11362" s="3">
        <v>41917.606631944444</v>
      </c>
      <c r="B11362" s="6">
        <v>189143.99999999997</v>
      </c>
      <c r="C11362" s="7">
        <f t="shared" si="177"/>
        <v>189.14399999999998</v>
      </c>
      <c r="I11362" s="1"/>
    </row>
    <row r="11363" spans="1:9" x14ac:dyDescent="0.25">
      <c r="A11363" s="3">
        <v>41917.606886574074</v>
      </c>
      <c r="B11363" s="6">
        <v>189160.65</v>
      </c>
      <c r="C11363" s="7">
        <f t="shared" si="177"/>
        <v>189.16065</v>
      </c>
      <c r="I11363" s="1"/>
    </row>
    <row r="11364" spans="1:9" x14ac:dyDescent="0.25">
      <c r="A11364" s="3">
        <v>41917.609976851854</v>
      </c>
      <c r="B11364" s="6">
        <v>189177.3</v>
      </c>
      <c r="C11364" s="7">
        <f t="shared" si="177"/>
        <v>189.1773</v>
      </c>
      <c r="I11364" s="1"/>
    </row>
    <row r="11365" spans="1:9" x14ac:dyDescent="0.25">
      <c r="A11365" s="3">
        <v>41917.610046296293</v>
      </c>
      <c r="B11365" s="6">
        <v>189193.94999999998</v>
      </c>
      <c r="C11365" s="7">
        <f t="shared" si="177"/>
        <v>189.19394999999997</v>
      </c>
      <c r="I11365" s="1"/>
    </row>
    <row r="11366" spans="1:9" x14ac:dyDescent="0.25">
      <c r="A11366" s="3">
        <v>41917.610601851855</v>
      </c>
      <c r="B11366" s="6">
        <v>189210.59999999998</v>
      </c>
      <c r="C11366" s="7">
        <f t="shared" si="177"/>
        <v>189.21059999999997</v>
      </c>
      <c r="I11366" s="1"/>
    </row>
    <row r="11367" spans="1:9" x14ac:dyDescent="0.25">
      <c r="A11367" s="3">
        <v>41917.610659722224</v>
      </c>
      <c r="B11367" s="6">
        <v>189227.24999999997</v>
      </c>
      <c r="C11367" s="7">
        <f t="shared" si="177"/>
        <v>189.22724999999997</v>
      </c>
      <c r="I11367" s="1"/>
    </row>
    <row r="11368" spans="1:9" x14ac:dyDescent="0.25">
      <c r="A11368" s="3">
        <v>41917.611793981479</v>
      </c>
      <c r="B11368" s="6">
        <v>189243.9</v>
      </c>
      <c r="C11368" s="7">
        <f t="shared" si="177"/>
        <v>189.2439</v>
      </c>
      <c r="I11368" s="1"/>
    </row>
    <row r="11369" spans="1:9" x14ac:dyDescent="0.25">
      <c r="A11369" s="3">
        <v>41917.611898148149</v>
      </c>
      <c r="B11369" s="6">
        <v>189260.55</v>
      </c>
      <c r="C11369" s="7">
        <f t="shared" si="177"/>
        <v>189.26054999999999</v>
      </c>
      <c r="I11369" s="1"/>
    </row>
    <row r="11370" spans="1:9" x14ac:dyDescent="0.25">
      <c r="A11370" s="3">
        <v>41917.613553240742</v>
      </c>
      <c r="B11370" s="6">
        <v>189277.19999999998</v>
      </c>
      <c r="C11370" s="7">
        <f t="shared" si="177"/>
        <v>189.27719999999999</v>
      </c>
      <c r="I11370" s="1"/>
    </row>
    <row r="11371" spans="1:9" x14ac:dyDescent="0.25">
      <c r="A11371" s="3">
        <v>41917.613854166666</v>
      </c>
      <c r="B11371" s="6">
        <v>189293.84999999998</v>
      </c>
      <c r="C11371" s="7">
        <f t="shared" si="177"/>
        <v>189.29384999999996</v>
      </c>
      <c r="I11371" s="1"/>
    </row>
    <row r="11372" spans="1:9" x14ac:dyDescent="0.25">
      <c r="A11372" s="3">
        <v>41917.615543981483</v>
      </c>
      <c r="B11372" s="6">
        <v>189310.49999999997</v>
      </c>
      <c r="C11372" s="7">
        <f t="shared" si="177"/>
        <v>189.31049999999996</v>
      </c>
      <c r="I11372" s="1"/>
    </row>
    <row r="11373" spans="1:9" x14ac:dyDescent="0.25">
      <c r="A11373" s="3">
        <v>41917.615601851852</v>
      </c>
      <c r="B11373" s="6">
        <v>189327.15</v>
      </c>
      <c r="C11373" s="7">
        <f t="shared" si="177"/>
        <v>189.32714999999999</v>
      </c>
      <c r="I11373" s="1"/>
    </row>
    <row r="11374" spans="1:9" x14ac:dyDescent="0.25">
      <c r="A11374" s="3">
        <v>41917.617152777777</v>
      </c>
      <c r="B11374" s="6">
        <v>189343.8</v>
      </c>
      <c r="C11374" s="7">
        <f t="shared" si="177"/>
        <v>189.34379999999999</v>
      </c>
      <c r="I11374" s="1"/>
    </row>
    <row r="11375" spans="1:9" x14ac:dyDescent="0.25">
      <c r="A11375" s="3">
        <v>41917.617361111108</v>
      </c>
      <c r="B11375" s="6">
        <v>189360.44999999998</v>
      </c>
      <c r="C11375" s="7">
        <f t="shared" si="177"/>
        <v>189.36044999999999</v>
      </c>
      <c r="I11375" s="1"/>
    </row>
    <row r="11376" spans="1:9" x14ac:dyDescent="0.25">
      <c r="A11376" s="3">
        <v>41917.619745370372</v>
      </c>
      <c r="B11376" s="6">
        <v>189377.09999999998</v>
      </c>
      <c r="C11376" s="7">
        <f t="shared" si="177"/>
        <v>189.37709999999998</v>
      </c>
      <c r="I11376" s="1"/>
    </row>
    <row r="11377" spans="1:9" x14ac:dyDescent="0.25">
      <c r="A11377" s="3">
        <v>41917.619837962964</v>
      </c>
      <c r="B11377" s="6">
        <v>189393.74999999997</v>
      </c>
      <c r="C11377" s="7">
        <f t="shared" si="177"/>
        <v>189.39374999999998</v>
      </c>
      <c r="I11377" s="1"/>
    </row>
    <row r="11378" spans="1:9" x14ac:dyDescent="0.25">
      <c r="A11378" s="3">
        <v>41917.621365740742</v>
      </c>
      <c r="B11378" s="6">
        <v>189410.4</v>
      </c>
      <c r="C11378" s="7">
        <f t="shared" si="177"/>
        <v>189.41039999999998</v>
      </c>
      <c r="I11378" s="1"/>
    </row>
    <row r="11379" spans="1:9" x14ac:dyDescent="0.25">
      <c r="A11379" s="3">
        <v>41917.621550925927</v>
      </c>
      <c r="B11379" s="6">
        <v>189427.05</v>
      </c>
      <c r="C11379" s="7">
        <f t="shared" si="177"/>
        <v>189.42704999999998</v>
      </c>
      <c r="I11379" s="1"/>
    </row>
    <row r="11380" spans="1:9" x14ac:dyDescent="0.25">
      <c r="A11380" s="3">
        <v>41917.623553240737</v>
      </c>
      <c r="B11380" s="6">
        <v>189443.69999999998</v>
      </c>
      <c r="C11380" s="7">
        <f t="shared" si="177"/>
        <v>189.44369999999998</v>
      </c>
      <c r="I11380" s="1"/>
    </row>
    <row r="11381" spans="1:9" x14ac:dyDescent="0.25">
      <c r="A11381" s="3">
        <v>41917.623692129629</v>
      </c>
      <c r="B11381" s="6">
        <v>189460.34999999998</v>
      </c>
      <c r="C11381" s="7">
        <f t="shared" si="177"/>
        <v>189.46034999999998</v>
      </c>
      <c r="I11381" s="1"/>
    </row>
    <row r="11382" spans="1:9" x14ac:dyDescent="0.25">
      <c r="A11382" s="3">
        <v>41917.626504629632</v>
      </c>
      <c r="B11382" s="6">
        <v>189476.99999999997</v>
      </c>
      <c r="C11382" s="7">
        <f t="shared" si="177"/>
        <v>189.47699999999998</v>
      </c>
      <c r="I11382" s="1"/>
    </row>
    <row r="11383" spans="1:9" x14ac:dyDescent="0.25">
      <c r="A11383" s="3">
        <v>41917.626736111109</v>
      </c>
      <c r="B11383" s="6">
        <v>189493.65</v>
      </c>
      <c r="C11383" s="7">
        <f t="shared" si="177"/>
        <v>189.49365</v>
      </c>
      <c r="I11383" s="1"/>
    </row>
    <row r="11384" spans="1:9" x14ac:dyDescent="0.25">
      <c r="A11384" s="3">
        <v>41917.627905092595</v>
      </c>
      <c r="B11384" s="6">
        <v>189510.3</v>
      </c>
      <c r="C11384" s="7">
        <f t="shared" si="177"/>
        <v>189.5103</v>
      </c>
      <c r="I11384" s="1"/>
    </row>
    <row r="11385" spans="1:9" x14ac:dyDescent="0.25">
      <c r="A11385" s="3">
        <v>41917.628101851849</v>
      </c>
      <c r="B11385" s="6">
        <v>189526.94999999998</v>
      </c>
      <c r="C11385" s="7">
        <f t="shared" si="177"/>
        <v>189.52694999999997</v>
      </c>
      <c r="I11385" s="1"/>
    </row>
    <row r="11386" spans="1:9" x14ac:dyDescent="0.25">
      <c r="A11386" s="3">
        <v>41917.629282407404</v>
      </c>
      <c r="B11386" s="6">
        <v>189543.59999999998</v>
      </c>
      <c r="C11386" s="7">
        <f t="shared" si="177"/>
        <v>189.54359999999997</v>
      </c>
      <c r="I11386" s="1"/>
    </row>
    <row r="11387" spans="1:9" x14ac:dyDescent="0.25">
      <c r="A11387" s="3">
        <v>41917.629374999997</v>
      </c>
      <c r="B11387" s="6">
        <v>189560.24999999997</v>
      </c>
      <c r="C11387" s="7">
        <f t="shared" si="177"/>
        <v>189.56024999999997</v>
      </c>
      <c r="I11387" s="1"/>
    </row>
    <row r="11388" spans="1:9" x14ac:dyDescent="0.25">
      <c r="A11388" s="3">
        <v>41917.63082175926</v>
      </c>
      <c r="B11388" s="6">
        <v>189576.9</v>
      </c>
      <c r="C11388" s="7">
        <f t="shared" si="177"/>
        <v>189.57689999999999</v>
      </c>
      <c r="I11388" s="1"/>
    </row>
    <row r="11389" spans="1:9" x14ac:dyDescent="0.25">
      <c r="A11389" s="3">
        <v>41917.630879629629</v>
      </c>
      <c r="B11389" s="6">
        <v>189593.55</v>
      </c>
      <c r="C11389" s="7">
        <f t="shared" si="177"/>
        <v>189.59354999999999</v>
      </c>
      <c r="I11389" s="1"/>
    </row>
    <row r="11390" spans="1:9" x14ac:dyDescent="0.25">
      <c r="A11390" s="3">
        <v>41917.631979166668</v>
      </c>
      <c r="B11390" s="6">
        <v>189610.19999999998</v>
      </c>
      <c r="C11390" s="7">
        <f t="shared" si="177"/>
        <v>189.61019999999999</v>
      </c>
      <c r="I11390" s="1"/>
    </row>
    <row r="11391" spans="1:9" x14ac:dyDescent="0.25">
      <c r="A11391" s="3">
        <v>41917.632187499999</v>
      </c>
      <c r="B11391" s="6">
        <v>189626.84999999998</v>
      </c>
      <c r="C11391" s="7">
        <f t="shared" si="177"/>
        <v>189.62684999999999</v>
      </c>
      <c r="I11391" s="1"/>
    </row>
    <row r="11392" spans="1:9" x14ac:dyDescent="0.25">
      <c r="A11392" s="3">
        <v>41917.635150462964</v>
      </c>
      <c r="B11392" s="6">
        <v>189643.49999999997</v>
      </c>
      <c r="C11392" s="7">
        <f t="shared" si="177"/>
        <v>189.64349999999996</v>
      </c>
      <c r="I11392" s="1"/>
    </row>
    <row r="11393" spans="1:9" x14ac:dyDescent="0.25">
      <c r="A11393" s="3">
        <v>41917.635231481479</v>
      </c>
      <c r="B11393" s="6">
        <v>189660.15</v>
      </c>
      <c r="C11393" s="7">
        <f t="shared" si="177"/>
        <v>189.66014999999999</v>
      </c>
      <c r="I11393" s="1"/>
    </row>
    <row r="11394" spans="1:9" x14ac:dyDescent="0.25">
      <c r="A11394" s="3">
        <v>41917.637974537036</v>
      </c>
      <c r="B11394" s="6">
        <v>189676.79999999999</v>
      </c>
      <c r="C11394" s="7">
        <f t="shared" si="177"/>
        <v>189.67679999999999</v>
      </c>
      <c r="I11394" s="1"/>
    </row>
    <row r="11395" spans="1:9" x14ac:dyDescent="0.25">
      <c r="A11395" s="3">
        <v>41917.638344907406</v>
      </c>
      <c r="B11395" s="6">
        <v>189693.44999999998</v>
      </c>
      <c r="C11395" s="7">
        <f t="shared" ref="C11395:C11458" si="178">B11395/1000</f>
        <v>189.69344999999998</v>
      </c>
      <c r="I11395" s="1"/>
    </row>
    <row r="11396" spans="1:9" x14ac:dyDescent="0.25">
      <c r="A11396" s="3">
        <v>41917.642002314817</v>
      </c>
      <c r="B11396" s="6">
        <v>189710.09999999998</v>
      </c>
      <c r="C11396" s="7">
        <f t="shared" si="178"/>
        <v>189.71009999999998</v>
      </c>
      <c r="I11396" s="1"/>
    </row>
    <row r="11397" spans="1:9" x14ac:dyDescent="0.25">
      <c r="A11397" s="3">
        <v>41917.642106481479</v>
      </c>
      <c r="B11397" s="6">
        <v>189726.74999999997</v>
      </c>
      <c r="C11397" s="7">
        <f t="shared" si="178"/>
        <v>189.72674999999998</v>
      </c>
      <c r="I11397" s="1"/>
    </row>
    <row r="11398" spans="1:9" x14ac:dyDescent="0.25">
      <c r="A11398" s="3">
        <v>41917.643657407411</v>
      </c>
      <c r="B11398" s="6">
        <v>189743.4</v>
      </c>
      <c r="C11398" s="7">
        <f t="shared" si="178"/>
        <v>189.74340000000001</v>
      </c>
      <c r="I11398" s="1"/>
    </row>
    <row r="11399" spans="1:9" x14ac:dyDescent="0.25">
      <c r="A11399" s="3">
        <v>41917.644386574073</v>
      </c>
      <c r="B11399" s="6">
        <v>189760.05</v>
      </c>
      <c r="C11399" s="7">
        <f t="shared" si="178"/>
        <v>189.76004999999998</v>
      </c>
      <c r="I11399" s="1"/>
    </row>
    <row r="11400" spans="1:9" x14ac:dyDescent="0.25">
      <c r="A11400" s="3">
        <v>41917.645196759258</v>
      </c>
      <c r="B11400" s="6">
        <v>189776.69999999998</v>
      </c>
      <c r="C11400" s="7">
        <f t="shared" si="178"/>
        <v>189.77669999999998</v>
      </c>
      <c r="I11400" s="1"/>
    </row>
    <row r="11401" spans="1:9" x14ac:dyDescent="0.25">
      <c r="A11401" s="3">
        <v>41917.645381944443</v>
      </c>
      <c r="B11401" s="6">
        <v>189793.34999999998</v>
      </c>
      <c r="C11401" s="7">
        <f t="shared" si="178"/>
        <v>189.79334999999998</v>
      </c>
      <c r="I11401" s="1"/>
    </row>
    <row r="11402" spans="1:9" x14ac:dyDescent="0.25">
      <c r="A11402" s="3">
        <v>41917.64949074074</v>
      </c>
      <c r="B11402" s="6">
        <v>189809.99999999997</v>
      </c>
      <c r="C11402" s="7">
        <f t="shared" si="178"/>
        <v>189.80999999999997</v>
      </c>
      <c r="I11402" s="1"/>
    </row>
    <row r="11403" spans="1:9" x14ac:dyDescent="0.25">
      <c r="A11403" s="3">
        <v>41917.649571759262</v>
      </c>
      <c r="B11403" s="6">
        <v>189826.65</v>
      </c>
      <c r="C11403" s="7">
        <f t="shared" si="178"/>
        <v>189.82665</v>
      </c>
      <c r="I11403" s="1"/>
    </row>
    <row r="11404" spans="1:9" x14ac:dyDescent="0.25">
      <c r="A11404" s="3">
        <v>41917.650729166664</v>
      </c>
      <c r="B11404" s="6">
        <v>189843.3</v>
      </c>
      <c r="C11404" s="7">
        <f t="shared" si="178"/>
        <v>189.8433</v>
      </c>
      <c r="I11404" s="1"/>
    </row>
    <row r="11405" spans="1:9" x14ac:dyDescent="0.25">
      <c r="A11405" s="3">
        <v>41917.650891203702</v>
      </c>
      <c r="B11405" s="6">
        <v>189859.94999999998</v>
      </c>
      <c r="C11405" s="7">
        <f t="shared" si="178"/>
        <v>189.85994999999997</v>
      </c>
      <c r="I11405" s="1"/>
    </row>
    <row r="11406" spans="1:9" x14ac:dyDescent="0.25">
      <c r="A11406" s="3">
        <v>41917.651782407411</v>
      </c>
      <c r="B11406" s="6">
        <v>189876.59999999998</v>
      </c>
      <c r="C11406" s="7">
        <f t="shared" si="178"/>
        <v>189.87659999999997</v>
      </c>
      <c r="I11406" s="1"/>
    </row>
    <row r="11407" spans="1:9" x14ac:dyDescent="0.25">
      <c r="A11407" s="3">
        <v>41917.651863425926</v>
      </c>
      <c r="B11407" s="6">
        <v>189893.24999999997</v>
      </c>
      <c r="C11407" s="7">
        <f t="shared" si="178"/>
        <v>189.89324999999997</v>
      </c>
      <c r="I11407" s="1"/>
    </row>
    <row r="11408" spans="1:9" x14ac:dyDescent="0.25">
      <c r="A11408" s="3">
        <v>41917.655763888892</v>
      </c>
      <c r="B11408" s="6">
        <v>189909.9</v>
      </c>
      <c r="C11408" s="7">
        <f t="shared" si="178"/>
        <v>189.90989999999999</v>
      </c>
      <c r="I11408" s="1"/>
    </row>
    <row r="11409" spans="1:9" x14ac:dyDescent="0.25">
      <c r="A11409" s="3">
        <v>41917.655902777777</v>
      </c>
      <c r="B11409" s="6">
        <v>189926.55</v>
      </c>
      <c r="C11409" s="7">
        <f t="shared" si="178"/>
        <v>189.92654999999999</v>
      </c>
      <c r="I11409" s="1"/>
    </row>
    <row r="11410" spans="1:9" x14ac:dyDescent="0.25">
      <c r="A11410" s="3">
        <v>41917.657083333332</v>
      </c>
      <c r="B11410" s="6">
        <v>189943.19999999998</v>
      </c>
      <c r="C11410" s="7">
        <f t="shared" si="178"/>
        <v>189.94319999999999</v>
      </c>
      <c r="I11410" s="1"/>
    </row>
    <row r="11411" spans="1:9" x14ac:dyDescent="0.25">
      <c r="A11411" s="3">
        <v>41917.657210648147</v>
      </c>
      <c r="B11411" s="6">
        <v>189959.84999999998</v>
      </c>
      <c r="C11411" s="7">
        <f t="shared" si="178"/>
        <v>189.95984999999999</v>
      </c>
      <c r="I11411" s="1"/>
    </row>
    <row r="11412" spans="1:9" x14ac:dyDescent="0.25">
      <c r="A11412" s="3">
        <v>41917.658599537041</v>
      </c>
      <c r="B11412" s="6">
        <v>189976.49999999997</v>
      </c>
      <c r="C11412" s="7">
        <f t="shared" si="178"/>
        <v>189.97649999999996</v>
      </c>
      <c r="I11412" s="1"/>
    </row>
    <row r="11413" spans="1:9" x14ac:dyDescent="0.25">
      <c r="A11413" s="3">
        <v>41917.658703703702</v>
      </c>
      <c r="B11413" s="6">
        <v>189993.15</v>
      </c>
      <c r="C11413" s="7">
        <f t="shared" si="178"/>
        <v>189.99314999999999</v>
      </c>
      <c r="I11413" s="1"/>
    </row>
    <row r="11414" spans="1:9" x14ac:dyDescent="0.25">
      <c r="A11414" s="3">
        <v>41917.662291666667</v>
      </c>
      <c r="B11414" s="6">
        <v>190009.8</v>
      </c>
      <c r="C11414" s="7">
        <f t="shared" si="178"/>
        <v>190.00979999999998</v>
      </c>
      <c r="I11414" s="1"/>
    </row>
    <row r="11415" spans="1:9" x14ac:dyDescent="0.25">
      <c r="A11415" s="3">
        <v>41917.662407407406</v>
      </c>
      <c r="B11415" s="6">
        <v>190026.44999999998</v>
      </c>
      <c r="C11415" s="7">
        <f t="shared" si="178"/>
        <v>190.02644999999998</v>
      </c>
      <c r="I11415" s="1"/>
    </row>
    <row r="11416" spans="1:9" x14ac:dyDescent="0.25">
      <c r="A11416" s="3">
        <v>41917.663298611114</v>
      </c>
      <c r="B11416" s="6">
        <v>190043.09999999998</v>
      </c>
      <c r="C11416" s="7">
        <f t="shared" si="178"/>
        <v>190.04309999999998</v>
      </c>
      <c r="I11416" s="1"/>
    </row>
    <row r="11417" spans="1:9" x14ac:dyDescent="0.25">
      <c r="A11417" s="3">
        <v>41917.663344907407</v>
      </c>
      <c r="B11417" s="6">
        <v>190059.74999999997</v>
      </c>
      <c r="C11417" s="7">
        <f t="shared" si="178"/>
        <v>190.05974999999998</v>
      </c>
      <c r="I11417" s="1"/>
    </row>
    <row r="11418" spans="1:9" x14ac:dyDescent="0.25">
      <c r="A11418" s="3">
        <v>41917.664386574077</v>
      </c>
      <c r="B11418" s="6">
        <v>190076.4</v>
      </c>
      <c r="C11418" s="7">
        <f t="shared" si="178"/>
        <v>190.07640000000001</v>
      </c>
      <c r="I11418" s="1"/>
    </row>
    <row r="11419" spans="1:9" x14ac:dyDescent="0.25">
      <c r="A11419" s="3">
        <v>41917.664444444446</v>
      </c>
      <c r="B11419" s="6">
        <v>190093.05</v>
      </c>
      <c r="C11419" s="7">
        <f t="shared" si="178"/>
        <v>190.09304999999998</v>
      </c>
      <c r="I11419" s="1"/>
    </row>
    <row r="11420" spans="1:9" x14ac:dyDescent="0.25">
      <c r="A11420" s="3">
        <v>41917.668402777781</v>
      </c>
      <c r="B11420" s="6">
        <v>190109.69999999998</v>
      </c>
      <c r="C11420" s="7">
        <f t="shared" si="178"/>
        <v>190.10969999999998</v>
      </c>
      <c r="I11420" s="1"/>
    </row>
    <row r="11421" spans="1:9" x14ac:dyDescent="0.25">
      <c r="A11421" s="3">
        <v>41917.669050925928</v>
      </c>
      <c r="B11421" s="6">
        <v>190126.34999999998</v>
      </c>
      <c r="C11421" s="7">
        <f t="shared" si="178"/>
        <v>190.12634999999997</v>
      </c>
      <c r="I11421" s="1"/>
    </row>
    <row r="11422" spans="1:9" x14ac:dyDescent="0.25">
      <c r="A11422" s="3">
        <v>41917.671018518522</v>
      </c>
      <c r="B11422" s="6">
        <v>190142.99999999997</v>
      </c>
      <c r="C11422" s="7">
        <f t="shared" si="178"/>
        <v>190.14299999999997</v>
      </c>
      <c r="I11422" s="1"/>
    </row>
    <row r="11423" spans="1:9" x14ac:dyDescent="0.25">
      <c r="A11423" s="3">
        <v>41917.671111111114</v>
      </c>
      <c r="B11423" s="6">
        <v>190159.65</v>
      </c>
      <c r="C11423" s="7">
        <f t="shared" si="178"/>
        <v>190.15965</v>
      </c>
      <c r="I11423" s="1"/>
    </row>
    <row r="11424" spans="1:9" x14ac:dyDescent="0.25">
      <c r="A11424" s="3">
        <v>41917.674675925926</v>
      </c>
      <c r="B11424" s="6">
        <v>190176.3</v>
      </c>
      <c r="C11424" s="7">
        <f t="shared" si="178"/>
        <v>190.1763</v>
      </c>
      <c r="I11424" s="1"/>
    </row>
    <row r="11425" spans="1:9" x14ac:dyDescent="0.25">
      <c r="A11425" s="3">
        <v>41917.675092592595</v>
      </c>
      <c r="B11425" s="6">
        <v>190192.94999999998</v>
      </c>
      <c r="C11425" s="7">
        <f t="shared" si="178"/>
        <v>190.19295</v>
      </c>
      <c r="I11425" s="1"/>
    </row>
    <row r="11426" spans="1:9" x14ac:dyDescent="0.25">
      <c r="A11426" s="3">
        <v>41917.676712962966</v>
      </c>
      <c r="B11426" s="6">
        <v>190209.59999999998</v>
      </c>
      <c r="C11426" s="7">
        <f t="shared" si="178"/>
        <v>190.20959999999997</v>
      </c>
      <c r="I11426" s="1"/>
    </row>
    <row r="11427" spans="1:9" x14ac:dyDescent="0.25">
      <c r="A11427" s="3">
        <v>41917.677094907405</v>
      </c>
      <c r="B11427" s="6">
        <v>190226.24999999997</v>
      </c>
      <c r="C11427" s="7">
        <f t="shared" si="178"/>
        <v>190.22624999999996</v>
      </c>
      <c r="I11427" s="1"/>
    </row>
    <row r="11428" spans="1:9" x14ac:dyDescent="0.25">
      <c r="A11428" s="3">
        <v>41917.678587962961</v>
      </c>
      <c r="B11428" s="6">
        <v>190242.9</v>
      </c>
      <c r="C11428" s="7">
        <f t="shared" si="178"/>
        <v>190.24289999999999</v>
      </c>
      <c r="I11428" s="1"/>
    </row>
    <row r="11429" spans="1:9" x14ac:dyDescent="0.25">
      <c r="A11429" s="3">
        <v>41917.678749999999</v>
      </c>
      <c r="B11429" s="6">
        <v>190259.55</v>
      </c>
      <c r="C11429" s="7">
        <f t="shared" si="178"/>
        <v>190.25954999999999</v>
      </c>
      <c r="I11429" s="1"/>
    </row>
    <row r="11430" spans="1:9" x14ac:dyDescent="0.25">
      <c r="A11430" s="3">
        <v>41917.679606481484</v>
      </c>
      <c r="B11430" s="6">
        <v>190276.19999999998</v>
      </c>
      <c r="C11430" s="7">
        <f t="shared" si="178"/>
        <v>190.27619999999999</v>
      </c>
      <c r="I11430" s="1"/>
    </row>
    <row r="11431" spans="1:9" x14ac:dyDescent="0.25">
      <c r="A11431" s="3">
        <v>41917.679652777777</v>
      </c>
      <c r="B11431" s="6">
        <v>190292.84999999998</v>
      </c>
      <c r="C11431" s="7">
        <f t="shared" si="178"/>
        <v>190.29284999999999</v>
      </c>
      <c r="I11431" s="1"/>
    </row>
    <row r="11432" spans="1:9" x14ac:dyDescent="0.25">
      <c r="A11432" s="3">
        <v>41917.680879629632</v>
      </c>
      <c r="B11432" s="6">
        <v>190309.49999999997</v>
      </c>
      <c r="C11432" s="7">
        <f t="shared" si="178"/>
        <v>190.30949999999996</v>
      </c>
      <c r="I11432" s="1"/>
    </row>
    <row r="11433" spans="1:9" x14ac:dyDescent="0.25">
      <c r="A11433" s="3">
        <v>41917.681643518517</v>
      </c>
      <c r="B11433" s="6">
        <v>190326.15</v>
      </c>
      <c r="C11433" s="7">
        <f t="shared" si="178"/>
        <v>190.32614999999998</v>
      </c>
      <c r="I11433" s="1"/>
    </row>
    <row r="11434" spans="1:9" x14ac:dyDescent="0.25">
      <c r="A11434" s="3">
        <v>41917.686944444446</v>
      </c>
      <c r="B11434" s="6">
        <v>190342.8</v>
      </c>
      <c r="C11434" s="7">
        <f t="shared" si="178"/>
        <v>190.34279999999998</v>
      </c>
      <c r="I11434" s="1"/>
    </row>
    <row r="11435" spans="1:9" x14ac:dyDescent="0.25">
      <c r="A11435" s="3">
        <v>41917.687025462961</v>
      </c>
      <c r="B11435" s="6">
        <v>190359.44999999998</v>
      </c>
      <c r="C11435" s="7">
        <f t="shared" si="178"/>
        <v>190.35944999999998</v>
      </c>
      <c r="I11435" s="1"/>
    </row>
    <row r="11436" spans="1:9" x14ac:dyDescent="0.25">
      <c r="A11436" s="3">
        <v>41917.690243055556</v>
      </c>
      <c r="B11436" s="6">
        <v>190376.09999999998</v>
      </c>
      <c r="C11436" s="7">
        <f t="shared" si="178"/>
        <v>190.37609999999998</v>
      </c>
      <c r="I11436" s="1"/>
    </row>
    <row r="11437" spans="1:9" x14ac:dyDescent="0.25">
      <c r="A11437" s="3">
        <v>41917.690416666665</v>
      </c>
      <c r="B11437" s="6">
        <v>190392.74999999997</v>
      </c>
      <c r="C11437" s="7">
        <f t="shared" si="178"/>
        <v>190.39274999999998</v>
      </c>
      <c r="I11437" s="1"/>
    </row>
    <row r="11438" spans="1:9" x14ac:dyDescent="0.25">
      <c r="A11438" s="3">
        <v>41917.695937500001</v>
      </c>
      <c r="B11438" s="6">
        <v>190409.4</v>
      </c>
      <c r="C11438" s="7">
        <f t="shared" si="178"/>
        <v>190.40940000000001</v>
      </c>
      <c r="I11438" s="1"/>
    </row>
    <row r="11439" spans="1:9" x14ac:dyDescent="0.25">
      <c r="A11439" s="3">
        <v>41917.696076388886</v>
      </c>
      <c r="B11439" s="6">
        <v>190426.05</v>
      </c>
      <c r="C11439" s="7">
        <f t="shared" si="178"/>
        <v>190.42604999999998</v>
      </c>
      <c r="I11439" s="1"/>
    </row>
    <row r="11440" spans="1:9" x14ac:dyDescent="0.25">
      <c r="A11440" s="3">
        <v>41917.698206018518</v>
      </c>
      <c r="B11440" s="6">
        <v>190442.69999999998</v>
      </c>
      <c r="C11440" s="7">
        <f t="shared" si="178"/>
        <v>190.44269999999997</v>
      </c>
      <c r="I11440" s="1"/>
    </row>
    <row r="11441" spans="1:9" x14ac:dyDescent="0.25">
      <c r="A11441" s="3">
        <v>41917.698634259257</v>
      </c>
      <c r="B11441" s="6">
        <v>190459.34999999998</v>
      </c>
      <c r="C11441" s="7">
        <f t="shared" si="178"/>
        <v>190.45934999999997</v>
      </c>
      <c r="I11441" s="1"/>
    </row>
    <row r="11442" spans="1:9" x14ac:dyDescent="0.25">
      <c r="A11442" s="3">
        <v>41917.70034722222</v>
      </c>
      <c r="B11442" s="6">
        <v>190475.99999999997</v>
      </c>
      <c r="C11442" s="7">
        <f t="shared" si="178"/>
        <v>190.47599999999997</v>
      </c>
      <c r="I11442" s="1"/>
    </row>
    <row r="11443" spans="1:9" x14ac:dyDescent="0.25">
      <c r="A11443" s="3">
        <v>41917.70045138889</v>
      </c>
      <c r="B11443" s="6">
        <v>190492.65</v>
      </c>
      <c r="C11443" s="7">
        <f t="shared" si="178"/>
        <v>190.49265</v>
      </c>
      <c r="I11443" s="1"/>
    </row>
    <row r="11444" spans="1:9" x14ac:dyDescent="0.25">
      <c r="A11444" s="3">
        <v>41917.701550925929</v>
      </c>
      <c r="B11444" s="6">
        <v>190509.3</v>
      </c>
      <c r="C11444" s="7">
        <f t="shared" si="178"/>
        <v>190.5093</v>
      </c>
      <c r="I11444" s="1"/>
    </row>
    <row r="11445" spans="1:9" x14ac:dyDescent="0.25">
      <c r="A11445" s="3">
        <v>41917.701747685183</v>
      </c>
      <c r="B11445" s="6">
        <v>190525.94999999998</v>
      </c>
      <c r="C11445" s="7">
        <f t="shared" si="178"/>
        <v>190.52594999999999</v>
      </c>
      <c r="I11445" s="1"/>
    </row>
    <row r="11446" spans="1:9" x14ac:dyDescent="0.25">
      <c r="A11446" s="3">
        <v>41917.704027777778</v>
      </c>
      <c r="B11446" s="6">
        <v>190542.59999999998</v>
      </c>
      <c r="C11446" s="7">
        <f t="shared" si="178"/>
        <v>190.54259999999996</v>
      </c>
      <c r="I11446" s="1"/>
    </row>
    <row r="11447" spans="1:9" x14ac:dyDescent="0.25">
      <c r="A11447" s="3">
        <v>41917.704155092593</v>
      </c>
      <c r="B11447" s="6">
        <v>190559.24999999997</v>
      </c>
      <c r="C11447" s="7">
        <f t="shared" si="178"/>
        <v>190.55924999999996</v>
      </c>
      <c r="I11447" s="1"/>
    </row>
    <row r="11448" spans="1:9" x14ac:dyDescent="0.25">
      <c r="A11448" s="3">
        <v>41917.705266203702</v>
      </c>
      <c r="B11448" s="6">
        <v>190575.9</v>
      </c>
      <c r="C11448" s="7">
        <f t="shared" si="178"/>
        <v>190.57589999999999</v>
      </c>
      <c r="I11448" s="1"/>
    </row>
    <row r="11449" spans="1:9" x14ac:dyDescent="0.25">
      <c r="A11449" s="3">
        <v>41917.705358796295</v>
      </c>
      <c r="B11449" s="6">
        <v>190592.55</v>
      </c>
      <c r="C11449" s="7">
        <f t="shared" si="178"/>
        <v>190.59254999999999</v>
      </c>
      <c r="I11449" s="1"/>
    </row>
    <row r="11450" spans="1:9" x14ac:dyDescent="0.25">
      <c r="A11450" s="3">
        <v>41917.708622685182</v>
      </c>
      <c r="B11450" s="6">
        <v>190609.19999999998</v>
      </c>
      <c r="C11450" s="7">
        <f t="shared" si="178"/>
        <v>190.60919999999999</v>
      </c>
      <c r="I11450" s="1"/>
    </row>
    <row r="11451" spans="1:9" x14ac:dyDescent="0.25">
      <c r="A11451" s="3">
        <v>41917.708819444444</v>
      </c>
      <c r="B11451" s="6">
        <v>190625.84999999998</v>
      </c>
      <c r="C11451" s="7">
        <f t="shared" si="178"/>
        <v>190.62584999999999</v>
      </c>
      <c r="I11451" s="1"/>
    </row>
    <row r="11452" spans="1:9" x14ac:dyDescent="0.25">
      <c r="A11452" s="3">
        <v>41917.709641203706</v>
      </c>
      <c r="B11452" s="6">
        <v>190642.49999999997</v>
      </c>
      <c r="C11452" s="7">
        <f t="shared" si="178"/>
        <v>190.64249999999998</v>
      </c>
      <c r="I11452" s="1"/>
    </row>
    <row r="11453" spans="1:9" x14ac:dyDescent="0.25">
      <c r="A11453" s="3">
        <v>41917.709710648145</v>
      </c>
      <c r="B11453" s="6">
        <v>190659.15</v>
      </c>
      <c r="C11453" s="7">
        <f t="shared" si="178"/>
        <v>190.65914999999998</v>
      </c>
      <c r="I11453" s="1"/>
    </row>
    <row r="11454" spans="1:9" x14ac:dyDescent="0.25">
      <c r="A11454" s="3">
        <v>41917.710601851853</v>
      </c>
      <c r="B11454" s="6">
        <v>190675.8</v>
      </c>
      <c r="C11454" s="7">
        <f t="shared" si="178"/>
        <v>190.67579999999998</v>
      </c>
      <c r="I11454" s="1"/>
    </row>
    <row r="11455" spans="1:9" x14ac:dyDescent="0.25">
      <c r="A11455" s="3">
        <v>41917.710740740738</v>
      </c>
      <c r="B11455" s="6">
        <v>190692.44999999998</v>
      </c>
      <c r="C11455" s="7">
        <f t="shared" si="178"/>
        <v>190.69244999999998</v>
      </c>
      <c r="I11455" s="1"/>
    </row>
    <row r="11456" spans="1:9" x14ac:dyDescent="0.25">
      <c r="A11456" s="3">
        <v>41917.711921296293</v>
      </c>
      <c r="B11456" s="6">
        <v>190709.09999999998</v>
      </c>
      <c r="C11456" s="7">
        <f t="shared" si="178"/>
        <v>190.70909999999998</v>
      </c>
      <c r="I11456" s="1"/>
    </row>
    <row r="11457" spans="1:9" x14ac:dyDescent="0.25">
      <c r="A11457" s="3">
        <v>41917.712060185186</v>
      </c>
      <c r="B11457" s="6">
        <v>190725.74999999997</v>
      </c>
      <c r="C11457" s="7">
        <f t="shared" si="178"/>
        <v>190.72574999999998</v>
      </c>
      <c r="I11457" s="1"/>
    </row>
    <row r="11458" spans="1:9" x14ac:dyDescent="0.25">
      <c r="A11458" s="3">
        <v>41917.713055555556</v>
      </c>
      <c r="B11458" s="6">
        <v>190742.39999999999</v>
      </c>
      <c r="C11458" s="7">
        <f t="shared" si="178"/>
        <v>190.7424</v>
      </c>
      <c r="I11458" s="1"/>
    </row>
    <row r="11459" spans="1:9" x14ac:dyDescent="0.25">
      <c r="A11459" s="3">
        <v>41917.713159722225</v>
      </c>
      <c r="B11459" s="6">
        <v>190759.05</v>
      </c>
      <c r="C11459" s="7">
        <f t="shared" ref="C11459:C11522" si="179">B11459/1000</f>
        <v>190.75905</v>
      </c>
      <c r="I11459" s="1"/>
    </row>
    <row r="11460" spans="1:9" x14ac:dyDescent="0.25">
      <c r="A11460" s="3">
        <v>41917.713993055557</v>
      </c>
      <c r="B11460" s="6">
        <v>190775.69999999998</v>
      </c>
      <c r="C11460" s="7">
        <f t="shared" si="179"/>
        <v>190.77569999999997</v>
      </c>
      <c r="I11460" s="1"/>
    </row>
    <row r="11461" spans="1:9" x14ac:dyDescent="0.25">
      <c r="A11461" s="3">
        <v>41917.714050925926</v>
      </c>
      <c r="B11461" s="6">
        <v>190792.34999999998</v>
      </c>
      <c r="C11461" s="7">
        <f t="shared" si="179"/>
        <v>190.79234999999997</v>
      </c>
      <c r="I11461" s="1"/>
    </row>
    <row r="11462" spans="1:9" x14ac:dyDescent="0.25">
      <c r="A11462" s="3">
        <v>41917.715231481481</v>
      </c>
      <c r="B11462" s="6">
        <v>190808.99999999997</v>
      </c>
      <c r="C11462" s="7">
        <f t="shared" si="179"/>
        <v>190.80899999999997</v>
      </c>
      <c r="I11462" s="1"/>
    </row>
    <row r="11463" spans="1:9" x14ac:dyDescent="0.25">
      <c r="A11463" s="3">
        <v>41917.715300925927</v>
      </c>
      <c r="B11463" s="6">
        <v>190825.65</v>
      </c>
      <c r="C11463" s="7">
        <f t="shared" si="179"/>
        <v>190.82565</v>
      </c>
      <c r="I11463" s="1"/>
    </row>
    <row r="11464" spans="1:9" x14ac:dyDescent="0.25">
      <c r="A11464" s="3">
        <v>41917.716863425929</v>
      </c>
      <c r="B11464" s="6">
        <v>190842.3</v>
      </c>
      <c r="C11464" s="7">
        <f t="shared" si="179"/>
        <v>190.84229999999999</v>
      </c>
      <c r="I11464" s="1"/>
    </row>
    <row r="11465" spans="1:9" x14ac:dyDescent="0.25">
      <c r="A11465" s="3">
        <v>41917.716944444444</v>
      </c>
      <c r="B11465" s="6">
        <v>190858.94999999998</v>
      </c>
      <c r="C11465" s="7">
        <f t="shared" si="179"/>
        <v>190.85894999999999</v>
      </c>
      <c r="I11465" s="1"/>
    </row>
    <row r="11466" spans="1:9" x14ac:dyDescent="0.25">
      <c r="A11466" s="3">
        <v>41917.717766203707</v>
      </c>
      <c r="B11466" s="6">
        <v>190875.59999999998</v>
      </c>
      <c r="C11466" s="7">
        <f t="shared" si="179"/>
        <v>190.87559999999996</v>
      </c>
      <c r="I11466" s="1"/>
    </row>
    <row r="11467" spans="1:9" x14ac:dyDescent="0.25">
      <c r="A11467" s="3">
        <v>41917.718576388892</v>
      </c>
      <c r="B11467" s="6">
        <v>190892.24999999997</v>
      </c>
      <c r="C11467" s="7">
        <f t="shared" si="179"/>
        <v>190.89224999999996</v>
      </c>
      <c r="I11467" s="1"/>
    </row>
    <row r="11468" spans="1:9" x14ac:dyDescent="0.25">
      <c r="A11468" s="3">
        <v>41917.719525462962</v>
      </c>
      <c r="B11468" s="6">
        <v>190908.9</v>
      </c>
      <c r="C11468" s="7">
        <f t="shared" si="179"/>
        <v>190.90889999999999</v>
      </c>
      <c r="I11468" s="1"/>
    </row>
    <row r="11469" spans="1:9" x14ac:dyDescent="0.25">
      <c r="A11469" s="3">
        <v>41917.719606481478</v>
      </c>
      <c r="B11469" s="6">
        <v>190925.55</v>
      </c>
      <c r="C11469" s="7">
        <f t="shared" si="179"/>
        <v>190.92554999999999</v>
      </c>
      <c r="I11469" s="1"/>
    </row>
    <row r="11470" spans="1:9" x14ac:dyDescent="0.25">
      <c r="A11470" s="3">
        <v>41917.721736111111</v>
      </c>
      <c r="B11470" s="6">
        <v>190942.19999999998</v>
      </c>
      <c r="C11470" s="7">
        <f t="shared" si="179"/>
        <v>190.94219999999999</v>
      </c>
      <c r="I11470" s="1"/>
    </row>
    <row r="11471" spans="1:9" x14ac:dyDescent="0.25">
      <c r="A11471" s="3">
        <v>41917.721956018519</v>
      </c>
      <c r="B11471" s="6">
        <v>190958.84999999998</v>
      </c>
      <c r="C11471" s="7">
        <f t="shared" si="179"/>
        <v>190.95884999999998</v>
      </c>
      <c r="I11471" s="1"/>
    </row>
    <row r="11472" spans="1:9" x14ac:dyDescent="0.25">
      <c r="A11472" s="3">
        <v>41917.727754629632</v>
      </c>
      <c r="B11472" s="6">
        <v>190975.49999999997</v>
      </c>
      <c r="C11472" s="7">
        <f t="shared" si="179"/>
        <v>190.97549999999998</v>
      </c>
      <c r="I11472" s="1"/>
    </row>
    <row r="11473" spans="1:9" x14ac:dyDescent="0.25">
      <c r="A11473" s="3">
        <v>41917.727951388886</v>
      </c>
      <c r="B11473" s="6">
        <v>190992.15</v>
      </c>
      <c r="C11473" s="7">
        <f t="shared" si="179"/>
        <v>190.99214999999998</v>
      </c>
      <c r="I11473" s="1"/>
    </row>
    <row r="11474" spans="1:9" x14ac:dyDescent="0.25">
      <c r="A11474" s="3">
        <v>41917.731504629628</v>
      </c>
      <c r="B11474" s="6">
        <v>191008.8</v>
      </c>
      <c r="C11474" s="7">
        <f t="shared" si="179"/>
        <v>191.00879999999998</v>
      </c>
      <c r="I11474" s="1"/>
    </row>
    <row r="11475" spans="1:9" x14ac:dyDescent="0.25">
      <c r="A11475" s="3">
        <v>41917.731562499997</v>
      </c>
      <c r="B11475" s="6">
        <v>191025.44999999998</v>
      </c>
      <c r="C11475" s="7">
        <f t="shared" si="179"/>
        <v>191.02544999999998</v>
      </c>
      <c r="I11475" s="1"/>
    </row>
    <row r="11476" spans="1:9" x14ac:dyDescent="0.25">
      <c r="A11476" s="3">
        <v>41917.732974537037</v>
      </c>
      <c r="B11476" s="6">
        <v>191042.09999999998</v>
      </c>
      <c r="C11476" s="7">
        <f t="shared" si="179"/>
        <v>191.04209999999998</v>
      </c>
      <c r="I11476" s="1"/>
    </row>
    <row r="11477" spans="1:9" x14ac:dyDescent="0.25">
      <c r="A11477" s="3">
        <v>41917.733171296299</v>
      </c>
      <c r="B11477" s="6">
        <v>191058.74999999997</v>
      </c>
      <c r="C11477" s="7">
        <f t="shared" si="179"/>
        <v>191.05874999999997</v>
      </c>
      <c r="I11477" s="1"/>
    </row>
    <row r="11478" spans="1:9" x14ac:dyDescent="0.25">
      <c r="A11478" s="3">
        <v>41917.737986111111</v>
      </c>
      <c r="B11478" s="6">
        <v>191075.4</v>
      </c>
      <c r="C11478" s="7">
        <f t="shared" si="179"/>
        <v>191.0754</v>
      </c>
      <c r="I11478" s="1"/>
    </row>
    <row r="11479" spans="1:9" x14ac:dyDescent="0.25">
      <c r="A11479" s="3">
        <v>41917.738113425927</v>
      </c>
      <c r="B11479" s="6">
        <v>191092.05</v>
      </c>
      <c r="C11479" s="7">
        <f t="shared" si="179"/>
        <v>191.09205</v>
      </c>
      <c r="I11479" s="1"/>
    </row>
    <row r="11480" spans="1:9" x14ac:dyDescent="0.25">
      <c r="A11480" s="3">
        <v>41917.740127314813</v>
      </c>
      <c r="B11480" s="6">
        <v>191108.69999999998</v>
      </c>
      <c r="C11480" s="7">
        <f t="shared" si="179"/>
        <v>191.10869999999997</v>
      </c>
      <c r="I11480" s="1"/>
    </row>
    <row r="11481" spans="1:9" x14ac:dyDescent="0.25">
      <c r="A11481" s="3">
        <v>41917.740208333336</v>
      </c>
      <c r="B11481" s="6">
        <v>191125.34999999998</v>
      </c>
      <c r="C11481" s="7">
        <f t="shared" si="179"/>
        <v>191.12534999999997</v>
      </c>
      <c r="I11481" s="1"/>
    </row>
    <row r="11482" spans="1:9" x14ac:dyDescent="0.25">
      <c r="A11482" s="3">
        <v>41917.741122685184</v>
      </c>
      <c r="B11482" s="6">
        <v>191141.99999999997</v>
      </c>
      <c r="C11482" s="7">
        <f t="shared" si="179"/>
        <v>191.14199999999997</v>
      </c>
      <c r="I11482" s="1"/>
    </row>
    <row r="11483" spans="1:9" x14ac:dyDescent="0.25">
      <c r="A11483" s="3">
        <v>41917.741203703707</v>
      </c>
      <c r="B11483" s="6">
        <v>191158.65</v>
      </c>
      <c r="C11483" s="7">
        <f t="shared" si="179"/>
        <v>191.15864999999999</v>
      </c>
      <c r="I11483" s="1"/>
    </row>
    <row r="11484" spans="1:9" x14ac:dyDescent="0.25">
      <c r="A11484" s="3">
        <v>41917.74322916667</v>
      </c>
      <c r="B11484" s="6">
        <v>191175.3</v>
      </c>
      <c r="C11484" s="7">
        <f t="shared" si="179"/>
        <v>191.17529999999999</v>
      </c>
      <c r="I11484" s="1"/>
    </row>
    <row r="11485" spans="1:9" x14ac:dyDescent="0.25">
      <c r="A11485" s="3">
        <v>41917.743356481478</v>
      </c>
      <c r="B11485" s="6">
        <v>191191.94999999998</v>
      </c>
      <c r="C11485" s="7">
        <f t="shared" si="179"/>
        <v>191.19194999999999</v>
      </c>
      <c r="I11485" s="1"/>
    </row>
    <row r="11486" spans="1:9" x14ac:dyDescent="0.25">
      <c r="A11486" s="3">
        <v>41917.746342592596</v>
      </c>
      <c r="B11486" s="6">
        <v>191208.59999999998</v>
      </c>
      <c r="C11486" s="7">
        <f t="shared" si="179"/>
        <v>191.20859999999999</v>
      </c>
      <c r="I11486" s="1"/>
    </row>
    <row r="11487" spans="1:9" x14ac:dyDescent="0.25">
      <c r="A11487" s="3">
        <v>41917.746527777781</v>
      </c>
      <c r="B11487" s="6">
        <v>191225.24999999997</v>
      </c>
      <c r="C11487" s="7">
        <f t="shared" si="179"/>
        <v>191.22524999999996</v>
      </c>
      <c r="I11487" s="1"/>
    </row>
    <row r="11488" spans="1:9" x14ac:dyDescent="0.25">
      <c r="A11488" s="3">
        <v>41917.750289351854</v>
      </c>
      <c r="B11488" s="6">
        <v>191241.9</v>
      </c>
      <c r="C11488" s="7">
        <f t="shared" si="179"/>
        <v>191.24189999999999</v>
      </c>
      <c r="I11488" s="1"/>
    </row>
    <row r="11489" spans="1:9" x14ac:dyDescent="0.25">
      <c r="A11489" s="3">
        <v>41917.750555555554</v>
      </c>
      <c r="B11489" s="6">
        <v>191258.55</v>
      </c>
      <c r="C11489" s="7">
        <f t="shared" si="179"/>
        <v>191.25854999999999</v>
      </c>
      <c r="I11489" s="1"/>
    </row>
    <row r="11490" spans="1:9" x14ac:dyDescent="0.25">
      <c r="A11490" s="3">
        <v>41917.75472222222</v>
      </c>
      <c r="B11490" s="6">
        <v>191275.19999999998</v>
      </c>
      <c r="C11490" s="7">
        <f t="shared" si="179"/>
        <v>191.27519999999998</v>
      </c>
      <c r="I11490" s="1"/>
    </row>
    <row r="11491" spans="1:9" x14ac:dyDescent="0.25">
      <c r="A11491" s="3">
        <v>41917.755011574074</v>
      </c>
      <c r="B11491" s="6">
        <v>191291.84999999998</v>
      </c>
      <c r="C11491" s="7">
        <f t="shared" si="179"/>
        <v>191.29184999999998</v>
      </c>
      <c r="I11491" s="1"/>
    </row>
    <row r="11492" spans="1:9" x14ac:dyDescent="0.25">
      <c r="A11492" s="3">
        <v>41917.759409722225</v>
      </c>
      <c r="B11492" s="6">
        <v>191308.49999999997</v>
      </c>
      <c r="C11492" s="7">
        <f t="shared" si="179"/>
        <v>191.30849999999998</v>
      </c>
      <c r="I11492" s="1"/>
    </row>
    <row r="11493" spans="1:9" x14ac:dyDescent="0.25">
      <c r="A11493" s="3">
        <v>41917.760162037041</v>
      </c>
      <c r="B11493" s="6">
        <v>191325.15</v>
      </c>
      <c r="C11493" s="7">
        <f t="shared" si="179"/>
        <v>191.32515000000001</v>
      </c>
      <c r="I11493" s="1"/>
    </row>
    <row r="11494" spans="1:9" x14ac:dyDescent="0.25">
      <c r="A11494" s="3">
        <v>41917.766203703701</v>
      </c>
      <c r="B11494" s="6">
        <v>191341.8</v>
      </c>
      <c r="C11494" s="7">
        <f t="shared" si="179"/>
        <v>191.34179999999998</v>
      </c>
      <c r="I11494" s="1"/>
    </row>
    <row r="11495" spans="1:9" x14ac:dyDescent="0.25">
      <c r="A11495" s="3">
        <v>41917.766284722224</v>
      </c>
      <c r="B11495" s="6">
        <v>191358.44999999998</v>
      </c>
      <c r="C11495" s="7">
        <f t="shared" si="179"/>
        <v>191.35844999999998</v>
      </c>
      <c r="I11495" s="1"/>
    </row>
    <row r="11496" spans="1:9" x14ac:dyDescent="0.25">
      <c r="A11496" s="3">
        <v>41917.769560185188</v>
      </c>
      <c r="B11496" s="6">
        <v>191375.09999999998</v>
      </c>
      <c r="C11496" s="7">
        <f t="shared" si="179"/>
        <v>191.37509999999997</v>
      </c>
      <c r="I11496" s="1"/>
    </row>
    <row r="11497" spans="1:9" x14ac:dyDescent="0.25">
      <c r="A11497" s="3">
        <v>41917.769942129627</v>
      </c>
      <c r="B11497" s="6">
        <v>191391.74999999997</v>
      </c>
      <c r="C11497" s="7">
        <f t="shared" si="179"/>
        <v>191.39174999999997</v>
      </c>
      <c r="I11497" s="1"/>
    </row>
    <row r="11498" spans="1:9" x14ac:dyDescent="0.25">
      <c r="A11498" s="3">
        <v>41917.773530092592</v>
      </c>
      <c r="B11498" s="6">
        <v>191408.4</v>
      </c>
      <c r="C11498" s="7">
        <f t="shared" si="179"/>
        <v>191.4084</v>
      </c>
      <c r="I11498" s="1"/>
    </row>
    <row r="11499" spans="1:9" x14ac:dyDescent="0.25">
      <c r="A11499" s="3">
        <v>41917.773657407408</v>
      </c>
      <c r="B11499" s="6">
        <v>191425.05</v>
      </c>
      <c r="C11499" s="7">
        <f t="shared" si="179"/>
        <v>191.42505</v>
      </c>
      <c r="I11499" s="1"/>
    </row>
    <row r="11500" spans="1:9" x14ac:dyDescent="0.25">
      <c r="A11500" s="3">
        <v>41917.774837962963</v>
      </c>
      <c r="B11500" s="6">
        <v>191441.69999999998</v>
      </c>
      <c r="C11500" s="7">
        <f t="shared" si="179"/>
        <v>191.44169999999997</v>
      </c>
      <c r="I11500" s="1"/>
    </row>
    <row r="11501" spans="1:9" x14ac:dyDescent="0.25">
      <c r="A11501" s="3">
        <v>41917.774953703702</v>
      </c>
      <c r="B11501" s="6">
        <v>191458.34999999998</v>
      </c>
      <c r="C11501" s="7">
        <f t="shared" si="179"/>
        <v>191.45834999999997</v>
      </c>
      <c r="I11501" s="1"/>
    </row>
    <row r="11502" spans="1:9" x14ac:dyDescent="0.25">
      <c r="A11502" s="3">
        <v>41917.775833333333</v>
      </c>
      <c r="B11502" s="6">
        <v>191474.99999999997</v>
      </c>
      <c r="C11502" s="7">
        <f t="shared" si="179"/>
        <v>191.47499999999997</v>
      </c>
      <c r="I11502" s="1"/>
    </row>
    <row r="11503" spans="1:9" x14ac:dyDescent="0.25">
      <c r="A11503" s="3">
        <v>41917.775995370372</v>
      </c>
      <c r="B11503" s="6">
        <v>191491.65</v>
      </c>
      <c r="C11503" s="7">
        <f t="shared" si="179"/>
        <v>191.49164999999999</v>
      </c>
      <c r="I11503" s="1"/>
    </row>
    <row r="11504" spans="1:9" x14ac:dyDescent="0.25">
      <c r="A11504" s="3">
        <v>41917.778298611112</v>
      </c>
      <c r="B11504" s="6">
        <v>191508.3</v>
      </c>
      <c r="C11504" s="7">
        <f t="shared" si="179"/>
        <v>191.50829999999999</v>
      </c>
      <c r="I11504" s="1"/>
    </row>
    <row r="11505" spans="1:9" x14ac:dyDescent="0.25">
      <c r="A11505" s="3">
        <v>41917.77853009259</v>
      </c>
      <c r="B11505" s="6">
        <v>191524.94999999998</v>
      </c>
      <c r="C11505" s="7">
        <f t="shared" si="179"/>
        <v>191.52494999999999</v>
      </c>
      <c r="I11505" s="1"/>
    </row>
    <row r="11506" spans="1:9" x14ac:dyDescent="0.25">
      <c r="A11506" s="3">
        <v>41917.78019675926</v>
      </c>
      <c r="B11506" s="6">
        <v>191541.59999999998</v>
      </c>
      <c r="C11506" s="7">
        <f t="shared" si="179"/>
        <v>191.54159999999999</v>
      </c>
      <c r="I11506" s="1"/>
    </row>
    <row r="11507" spans="1:9" x14ac:dyDescent="0.25">
      <c r="A11507" s="3">
        <v>41917.780798611115</v>
      </c>
      <c r="B11507" s="6">
        <v>191558.24999999997</v>
      </c>
      <c r="C11507" s="7">
        <f t="shared" si="179"/>
        <v>191.55824999999996</v>
      </c>
      <c r="I11507" s="1"/>
    </row>
    <row r="11508" spans="1:9" x14ac:dyDescent="0.25">
      <c r="A11508" s="3">
        <v>41917.784537037034</v>
      </c>
      <c r="B11508" s="6">
        <v>191574.9</v>
      </c>
      <c r="C11508" s="7">
        <f t="shared" si="179"/>
        <v>191.57489999999999</v>
      </c>
      <c r="I11508" s="1"/>
    </row>
    <row r="11509" spans="1:9" x14ac:dyDescent="0.25">
      <c r="A11509" s="3">
        <v>41917.785115740742</v>
      </c>
      <c r="B11509" s="6">
        <v>191591.55</v>
      </c>
      <c r="C11509" s="7">
        <f t="shared" si="179"/>
        <v>191.59154999999998</v>
      </c>
      <c r="I11509" s="1"/>
    </row>
    <row r="11510" spans="1:9" x14ac:dyDescent="0.25">
      <c r="A11510" s="3">
        <v>41917.787395833337</v>
      </c>
      <c r="B11510" s="6">
        <v>191608.19999999998</v>
      </c>
      <c r="C11510" s="7">
        <f t="shared" si="179"/>
        <v>191.60819999999998</v>
      </c>
      <c r="I11510" s="1"/>
    </row>
    <row r="11511" spans="1:9" x14ac:dyDescent="0.25">
      <c r="A11511" s="3">
        <v>41917.787476851852</v>
      </c>
      <c r="B11511" s="6">
        <v>191624.84999999998</v>
      </c>
      <c r="C11511" s="7">
        <f t="shared" si="179"/>
        <v>191.62484999999998</v>
      </c>
      <c r="I11511" s="1"/>
    </row>
    <row r="11512" spans="1:9" x14ac:dyDescent="0.25">
      <c r="A11512" s="3">
        <v>41917.791759259257</v>
      </c>
      <c r="B11512" s="6">
        <v>191641.49999999997</v>
      </c>
      <c r="C11512" s="7">
        <f t="shared" si="179"/>
        <v>191.64149999999998</v>
      </c>
      <c r="I11512" s="1"/>
    </row>
    <row r="11513" spans="1:9" x14ac:dyDescent="0.25">
      <c r="A11513" s="3">
        <v>41917.791875000003</v>
      </c>
      <c r="B11513" s="6">
        <v>191658.15</v>
      </c>
      <c r="C11513" s="7">
        <f t="shared" si="179"/>
        <v>191.65815000000001</v>
      </c>
      <c r="I11513" s="1"/>
    </row>
    <row r="11514" spans="1:9" x14ac:dyDescent="0.25">
      <c r="A11514" s="3">
        <v>41917.794675925928</v>
      </c>
      <c r="B11514" s="6">
        <v>191674.8</v>
      </c>
      <c r="C11514" s="7">
        <f t="shared" si="179"/>
        <v>191.67479999999998</v>
      </c>
      <c r="I11514" s="1"/>
    </row>
    <row r="11515" spans="1:9" x14ac:dyDescent="0.25">
      <c r="A11515" s="3">
        <v>41917.794872685183</v>
      </c>
      <c r="B11515" s="6">
        <v>191691.44999999998</v>
      </c>
      <c r="C11515" s="7">
        <f t="shared" si="179"/>
        <v>191.69144999999997</v>
      </c>
      <c r="I11515" s="1"/>
    </row>
    <row r="11516" spans="1:9" x14ac:dyDescent="0.25">
      <c r="A11516" s="3">
        <v>41917.797777777778</v>
      </c>
      <c r="B11516" s="6">
        <v>191708.09999999998</v>
      </c>
      <c r="C11516" s="7">
        <f t="shared" si="179"/>
        <v>191.70809999999997</v>
      </c>
      <c r="I11516" s="1"/>
    </row>
    <row r="11517" spans="1:9" x14ac:dyDescent="0.25">
      <c r="A11517" s="3">
        <v>41917.798136574071</v>
      </c>
      <c r="B11517" s="6">
        <v>191724.74999999997</v>
      </c>
      <c r="C11517" s="7">
        <f t="shared" si="179"/>
        <v>191.72474999999997</v>
      </c>
      <c r="I11517" s="1"/>
    </row>
    <row r="11518" spans="1:9" x14ac:dyDescent="0.25">
      <c r="A11518" s="3">
        <v>41917.80840277778</v>
      </c>
      <c r="B11518" s="6">
        <v>191741.4</v>
      </c>
      <c r="C11518" s="7">
        <f t="shared" si="179"/>
        <v>191.7414</v>
      </c>
      <c r="I11518" s="1"/>
    </row>
    <row r="11519" spans="1:9" x14ac:dyDescent="0.25">
      <c r="A11519" s="3">
        <v>41917.808668981481</v>
      </c>
      <c r="B11519" s="6">
        <v>191758.05</v>
      </c>
      <c r="C11519" s="7">
        <f t="shared" si="179"/>
        <v>191.75805</v>
      </c>
      <c r="I11519" s="1"/>
    </row>
    <row r="11520" spans="1:9" x14ac:dyDescent="0.25">
      <c r="A11520" s="3">
        <v>41917.813819444447</v>
      </c>
      <c r="B11520" s="6">
        <v>191774.69999999998</v>
      </c>
      <c r="C11520" s="7">
        <f t="shared" si="179"/>
        <v>191.7747</v>
      </c>
      <c r="I11520" s="1"/>
    </row>
    <row r="11521" spans="1:9" x14ac:dyDescent="0.25">
      <c r="A11521" s="3">
        <v>41917.813888888886</v>
      </c>
      <c r="B11521" s="6">
        <v>191791.34999999998</v>
      </c>
      <c r="C11521" s="7">
        <f t="shared" si="179"/>
        <v>191.79134999999997</v>
      </c>
      <c r="I11521" s="1"/>
    </row>
    <row r="11522" spans="1:9" x14ac:dyDescent="0.25">
      <c r="A11522" s="3">
        <v>41917.816365740742</v>
      </c>
      <c r="B11522" s="6">
        <v>191807.99999999997</v>
      </c>
      <c r="C11522" s="7">
        <f t="shared" si="179"/>
        <v>191.80799999999996</v>
      </c>
      <c r="I11522" s="1"/>
    </row>
    <row r="11523" spans="1:9" x14ac:dyDescent="0.25">
      <c r="A11523" s="3">
        <v>41917.816469907404</v>
      </c>
      <c r="B11523" s="6">
        <v>191824.65</v>
      </c>
      <c r="C11523" s="7">
        <f t="shared" ref="C11523:C11586" si="180">B11523/1000</f>
        <v>191.82464999999999</v>
      </c>
      <c r="I11523" s="1"/>
    </row>
    <row r="11524" spans="1:9" x14ac:dyDescent="0.25">
      <c r="A11524" s="3">
        <v>41917.824432870373</v>
      </c>
      <c r="B11524" s="6">
        <v>191841.3</v>
      </c>
      <c r="C11524" s="7">
        <f t="shared" si="180"/>
        <v>191.84129999999999</v>
      </c>
      <c r="I11524" s="1"/>
    </row>
    <row r="11525" spans="1:9" x14ac:dyDescent="0.25">
      <c r="A11525" s="3">
        <v>41917.824918981481</v>
      </c>
      <c r="B11525" s="6">
        <v>191857.94999999998</v>
      </c>
      <c r="C11525" s="7">
        <f t="shared" si="180"/>
        <v>191.85794999999999</v>
      </c>
      <c r="I11525" s="1"/>
    </row>
    <row r="11526" spans="1:9" x14ac:dyDescent="0.25">
      <c r="A11526" s="3">
        <v>41917.826562499999</v>
      </c>
      <c r="B11526" s="6">
        <v>191874.59999999998</v>
      </c>
      <c r="C11526" s="7">
        <f t="shared" si="180"/>
        <v>191.87459999999999</v>
      </c>
      <c r="I11526" s="1"/>
    </row>
    <row r="11527" spans="1:9" x14ac:dyDescent="0.25">
      <c r="A11527" s="3">
        <v>41917.828414351854</v>
      </c>
      <c r="B11527" s="6">
        <v>191891.24999999997</v>
      </c>
      <c r="C11527" s="7">
        <f t="shared" si="180"/>
        <v>191.89124999999996</v>
      </c>
      <c r="I11527" s="1"/>
    </row>
    <row r="11528" spans="1:9" x14ac:dyDescent="0.25">
      <c r="A11528" s="3">
        <v>41917.884398148148</v>
      </c>
      <c r="B11528" s="6">
        <v>191907.9</v>
      </c>
      <c r="C11528" s="7">
        <f t="shared" si="180"/>
        <v>191.90789999999998</v>
      </c>
      <c r="I11528" s="1"/>
    </row>
    <row r="11529" spans="1:9" x14ac:dyDescent="0.25">
      <c r="A11529" s="3">
        <v>41917.89162037037</v>
      </c>
      <c r="B11529" s="6">
        <v>191924.55</v>
      </c>
      <c r="C11529" s="7">
        <f t="shared" si="180"/>
        <v>191.92454999999998</v>
      </c>
      <c r="I11529" s="1"/>
    </row>
    <row r="11530" spans="1:9" x14ac:dyDescent="0.25">
      <c r="A11530" s="3">
        <v>41917.902465277781</v>
      </c>
      <c r="B11530" s="6">
        <v>191941.19999999998</v>
      </c>
      <c r="C11530" s="7">
        <f t="shared" si="180"/>
        <v>191.94119999999998</v>
      </c>
      <c r="I11530" s="1"/>
    </row>
    <row r="11531" spans="1:9" x14ac:dyDescent="0.25">
      <c r="A11531" s="3">
        <v>41917.971805555557</v>
      </c>
      <c r="B11531" s="6">
        <v>191957.84999999998</v>
      </c>
      <c r="C11531" s="7">
        <f t="shared" si="180"/>
        <v>191.95784999999998</v>
      </c>
      <c r="I11531" s="1"/>
    </row>
    <row r="11532" spans="1:9" x14ac:dyDescent="0.25">
      <c r="A11532" s="3">
        <v>41917.976909722223</v>
      </c>
      <c r="B11532" s="6">
        <v>191974.49999999997</v>
      </c>
      <c r="C11532" s="7">
        <f t="shared" si="180"/>
        <v>191.97449999999998</v>
      </c>
      <c r="I11532" s="1"/>
    </row>
    <row r="11533" spans="1:9" x14ac:dyDescent="0.25">
      <c r="A11533" s="3">
        <v>41917.977013888885</v>
      </c>
      <c r="B11533" s="6">
        <v>191991.15</v>
      </c>
      <c r="C11533" s="7">
        <f t="shared" si="180"/>
        <v>191.99115</v>
      </c>
      <c r="I11533" s="1"/>
    </row>
    <row r="11534" spans="1:9" x14ac:dyDescent="0.25">
      <c r="A11534" s="3">
        <v>41917.983425925922</v>
      </c>
      <c r="B11534" s="6">
        <v>192007.8</v>
      </c>
      <c r="C11534" s="7">
        <f t="shared" si="180"/>
        <v>192.00779999999997</v>
      </c>
      <c r="I11534" s="1"/>
    </row>
    <row r="11535" spans="1:9" x14ac:dyDescent="0.25">
      <c r="A11535" s="3">
        <v>41917.991851851853</v>
      </c>
      <c r="B11535" s="6">
        <v>192024.44999999998</v>
      </c>
      <c r="C11535" s="7">
        <f t="shared" si="180"/>
        <v>192.02444999999997</v>
      </c>
      <c r="I11535" s="1"/>
    </row>
    <row r="11536" spans="1:9" x14ac:dyDescent="0.25">
      <c r="A11536" s="3">
        <v>41948.000717592593</v>
      </c>
      <c r="B11536" s="6">
        <v>192041.09999999998</v>
      </c>
      <c r="C11536" s="7">
        <f t="shared" si="180"/>
        <v>192.04109999999997</v>
      </c>
      <c r="I11536" s="1"/>
    </row>
    <row r="11537" spans="1:9" x14ac:dyDescent="0.25">
      <c r="A11537" s="3">
        <v>41948.000891203701</v>
      </c>
      <c r="B11537" s="6">
        <v>192057.74999999997</v>
      </c>
      <c r="C11537" s="7">
        <f t="shared" si="180"/>
        <v>192.05774999999997</v>
      </c>
      <c r="I11537" s="1"/>
    </row>
    <row r="11538" spans="1:9" x14ac:dyDescent="0.25">
      <c r="A11538" s="3">
        <v>41948.321446759262</v>
      </c>
      <c r="B11538" s="6">
        <v>192074.4</v>
      </c>
      <c r="C11538" s="7">
        <f t="shared" si="180"/>
        <v>192.0744</v>
      </c>
      <c r="I11538" s="1"/>
    </row>
    <row r="11539" spans="1:9" x14ac:dyDescent="0.25">
      <c r="A11539" s="3">
        <v>41948.321631944447</v>
      </c>
      <c r="B11539" s="6">
        <v>192091.05</v>
      </c>
      <c r="C11539" s="7">
        <f t="shared" si="180"/>
        <v>192.09105</v>
      </c>
      <c r="I11539" s="1"/>
    </row>
    <row r="11540" spans="1:9" x14ac:dyDescent="0.25">
      <c r="A11540" s="3">
        <v>41948.390347222223</v>
      </c>
      <c r="B11540" s="6">
        <v>192107.69999999998</v>
      </c>
      <c r="C11540" s="7">
        <f t="shared" si="180"/>
        <v>192.10769999999999</v>
      </c>
      <c r="I11540" s="1"/>
    </row>
    <row r="11541" spans="1:9" x14ac:dyDescent="0.25">
      <c r="A11541" s="3">
        <v>41948.390752314815</v>
      </c>
      <c r="B11541" s="6">
        <v>192124.34999999998</v>
      </c>
      <c r="C11541" s="7">
        <f t="shared" si="180"/>
        <v>192.12434999999996</v>
      </c>
      <c r="I11541" s="1"/>
    </row>
    <row r="11542" spans="1:9" x14ac:dyDescent="0.25">
      <c r="A11542" s="3">
        <v>41948.392442129632</v>
      </c>
      <c r="B11542" s="6">
        <v>192140.99999999997</v>
      </c>
      <c r="C11542" s="7">
        <f t="shared" si="180"/>
        <v>192.14099999999996</v>
      </c>
      <c r="I11542" s="1"/>
    </row>
    <row r="11543" spans="1:9" x14ac:dyDescent="0.25">
      <c r="A11543" s="3">
        <v>41948.392569444448</v>
      </c>
      <c r="B11543" s="6">
        <v>192157.65</v>
      </c>
      <c r="C11543" s="7">
        <f t="shared" si="180"/>
        <v>192.15764999999999</v>
      </c>
      <c r="I11543" s="1"/>
    </row>
    <row r="11544" spans="1:9" x14ac:dyDescent="0.25">
      <c r="A11544" s="3">
        <v>41948.397997685184</v>
      </c>
      <c r="B11544" s="6">
        <v>192174.3</v>
      </c>
      <c r="C11544" s="7">
        <f t="shared" si="180"/>
        <v>192.17429999999999</v>
      </c>
      <c r="I11544" s="1"/>
    </row>
    <row r="11545" spans="1:9" x14ac:dyDescent="0.25">
      <c r="A11545" s="3">
        <v>41948.398333333331</v>
      </c>
      <c r="B11545" s="6">
        <v>192190.94999999998</v>
      </c>
      <c r="C11545" s="7">
        <f t="shared" si="180"/>
        <v>192.19094999999999</v>
      </c>
      <c r="I11545" s="1"/>
    </row>
    <row r="11546" spans="1:9" x14ac:dyDescent="0.25">
      <c r="A11546" s="3">
        <v>41948.412314814814</v>
      </c>
      <c r="B11546" s="6">
        <v>192207.59999999998</v>
      </c>
      <c r="C11546" s="7">
        <f t="shared" si="180"/>
        <v>192.20759999999999</v>
      </c>
      <c r="I11546" s="1"/>
    </row>
    <row r="11547" spans="1:9" x14ac:dyDescent="0.25">
      <c r="A11547" s="3">
        <v>41948.414953703701</v>
      </c>
      <c r="B11547" s="6">
        <v>192224.24999999997</v>
      </c>
      <c r="C11547" s="7">
        <f t="shared" si="180"/>
        <v>192.22424999999998</v>
      </c>
      <c r="I11547" s="1"/>
    </row>
    <row r="11548" spans="1:9" x14ac:dyDescent="0.25">
      <c r="A11548" s="3">
        <v>41948.426076388889</v>
      </c>
      <c r="B11548" s="6">
        <v>192240.9</v>
      </c>
      <c r="C11548" s="7">
        <f t="shared" si="180"/>
        <v>192.24089999999998</v>
      </c>
      <c r="I11548" s="1"/>
    </row>
    <row r="11549" spans="1:9" x14ac:dyDescent="0.25">
      <c r="A11549" s="3">
        <v>41948.426296296297</v>
      </c>
      <c r="B11549" s="6">
        <v>192257.55</v>
      </c>
      <c r="C11549" s="7">
        <f t="shared" si="180"/>
        <v>192.25754999999998</v>
      </c>
      <c r="I11549" s="1"/>
    </row>
    <row r="11550" spans="1:9" x14ac:dyDescent="0.25">
      <c r="A11550" s="3">
        <v>41948.443865740737</v>
      </c>
      <c r="B11550" s="6">
        <v>192274.19999999998</v>
      </c>
      <c r="C11550" s="7">
        <f t="shared" si="180"/>
        <v>192.27419999999998</v>
      </c>
      <c r="I11550" s="1"/>
    </row>
    <row r="11551" spans="1:9" x14ac:dyDescent="0.25">
      <c r="A11551" s="3">
        <v>41948.443935185183</v>
      </c>
      <c r="B11551" s="6">
        <v>192290.84999999998</v>
      </c>
      <c r="C11551" s="7">
        <f t="shared" si="180"/>
        <v>192.29084999999998</v>
      </c>
      <c r="I11551" s="1"/>
    </row>
    <row r="11552" spans="1:9" x14ac:dyDescent="0.25">
      <c r="A11552" s="3">
        <v>41948.444490740738</v>
      </c>
      <c r="B11552" s="6">
        <v>192307.49999999997</v>
      </c>
      <c r="C11552" s="7">
        <f t="shared" si="180"/>
        <v>192.30749999999998</v>
      </c>
      <c r="I11552" s="1"/>
    </row>
    <row r="11553" spans="1:9" x14ac:dyDescent="0.25">
      <c r="A11553" s="3">
        <v>41948.444687499999</v>
      </c>
      <c r="B11553" s="6">
        <v>192324.15</v>
      </c>
      <c r="C11553" s="7">
        <f t="shared" si="180"/>
        <v>192.32415</v>
      </c>
      <c r="I11553" s="1"/>
    </row>
    <row r="11554" spans="1:9" x14ac:dyDescent="0.25">
      <c r="A11554" s="3">
        <v>41948.447569444441</v>
      </c>
      <c r="B11554" s="6">
        <v>192340.8</v>
      </c>
      <c r="C11554" s="7">
        <f t="shared" si="180"/>
        <v>192.3408</v>
      </c>
      <c r="I11554" s="1"/>
    </row>
    <row r="11555" spans="1:9" x14ac:dyDescent="0.25">
      <c r="A11555" s="3">
        <v>41948.447951388887</v>
      </c>
      <c r="B11555" s="6">
        <v>192357.44999999998</v>
      </c>
      <c r="C11555" s="7">
        <f t="shared" si="180"/>
        <v>192.35744999999997</v>
      </c>
      <c r="I11555" s="1"/>
    </row>
    <row r="11556" spans="1:9" x14ac:dyDescent="0.25">
      <c r="A11556" s="3">
        <v>41948.449340277781</v>
      </c>
      <c r="B11556" s="6">
        <v>192374.09999999998</v>
      </c>
      <c r="C11556" s="7">
        <f t="shared" si="180"/>
        <v>192.37409999999997</v>
      </c>
      <c r="I11556" s="1"/>
    </row>
    <row r="11557" spans="1:9" x14ac:dyDescent="0.25">
      <c r="A11557" s="3">
        <v>41948.449456018519</v>
      </c>
      <c r="B11557" s="6">
        <v>192390.74999999997</v>
      </c>
      <c r="C11557" s="7">
        <f t="shared" si="180"/>
        <v>192.39074999999997</v>
      </c>
      <c r="I11557" s="1"/>
    </row>
    <row r="11558" spans="1:9" x14ac:dyDescent="0.25">
      <c r="A11558" s="3">
        <v>41948.450833333336</v>
      </c>
      <c r="B11558" s="6">
        <v>192407.4</v>
      </c>
      <c r="C11558" s="7">
        <f t="shared" si="180"/>
        <v>192.4074</v>
      </c>
      <c r="I11558" s="1"/>
    </row>
    <row r="11559" spans="1:9" x14ac:dyDescent="0.25">
      <c r="A11559" s="3">
        <v>41948.450925925928</v>
      </c>
      <c r="B11559" s="6">
        <v>192424.05</v>
      </c>
      <c r="C11559" s="7">
        <f t="shared" si="180"/>
        <v>192.42404999999999</v>
      </c>
      <c r="I11559" s="1"/>
    </row>
    <row r="11560" spans="1:9" x14ac:dyDescent="0.25">
      <c r="A11560" s="3">
        <v>41948.451793981483</v>
      </c>
      <c r="B11560" s="6">
        <v>192440.69999999998</v>
      </c>
      <c r="C11560" s="7">
        <f t="shared" si="180"/>
        <v>192.44069999999999</v>
      </c>
      <c r="I11560" s="1"/>
    </row>
    <row r="11561" spans="1:9" x14ac:dyDescent="0.25">
      <c r="A11561" s="3">
        <v>41948.451828703706</v>
      </c>
      <c r="B11561" s="6">
        <v>192457.34999999998</v>
      </c>
      <c r="C11561" s="7">
        <f t="shared" si="180"/>
        <v>192.45734999999996</v>
      </c>
      <c r="I11561" s="1"/>
    </row>
    <row r="11562" spans="1:9" x14ac:dyDescent="0.25">
      <c r="A11562" s="3">
        <v>41948.453530092593</v>
      </c>
      <c r="B11562" s="6">
        <v>192473.99999999997</v>
      </c>
      <c r="C11562" s="7">
        <f t="shared" si="180"/>
        <v>192.47399999999996</v>
      </c>
      <c r="I11562" s="1"/>
    </row>
    <row r="11563" spans="1:9" x14ac:dyDescent="0.25">
      <c r="A11563" s="3">
        <v>41948.453877314816</v>
      </c>
      <c r="B11563" s="6">
        <v>192490.65</v>
      </c>
      <c r="C11563" s="7">
        <f t="shared" si="180"/>
        <v>192.49064999999999</v>
      </c>
      <c r="I11563" s="1"/>
    </row>
    <row r="11564" spans="1:9" x14ac:dyDescent="0.25">
      <c r="A11564" s="3">
        <v>41948.456701388888</v>
      </c>
      <c r="B11564" s="6">
        <v>192507.3</v>
      </c>
      <c r="C11564" s="7">
        <f t="shared" si="180"/>
        <v>192.50729999999999</v>
      </c>
      <c r="I11564" s="1"/>
    </row>
    <row r="11565" spans="1:9" x14ac:dyDescent="0.25">
      <c r="A11565" s="3">
        <v>41948.457048611112</v>
      </c>
      <c r="B11565" s="6">
        <v>192523.94999999998</v>
      </c>
      <c r="C11565" s="7">
        <f t="shared" si="180"/>
        <v>192.52394999999999</v>
      </c>
      <c r="I11565" s="1"/>
    </row>
    <row r="11566" spans="1:9" x14ac:dyDescent="0.25">
      <c r="A11566" s="3">
        <v>41948.458229166667</v>
      </c>
      <c r="B11566" s="6">
        <v>192540.59999999998</v>
      </c>
      <c r="C11566" s="7">
        <f t="shared" si="180"/>
        <v>192.54059999999998</v>
      </c>
      <c r="I11566" s="1"/>
    </row>
    <row r="11567" spans="1:9" x14ac:dyDescent="0.25">
      <c r="A11567" s="3">
        <v>41948.458379629628</v>
      </c>
      <c r="B11567" s="6">
        <v>192557.24999999997</v>
      </c>
      <c r="C11567" s="7">
        <f t="shared" si="180"/>
        <v>192.55724999999998</v>
      </c>
      <c r="I11567" s="1"/>
    </row>
    <row r="11568" spans="1:9" x14ac:dyDescent="0.25">
      <c r="A11568" s="3">
        <v>41948.459641203706</v>
      </c>
      <c r="B11568" s="6">
        <v>192573.9</v>
      </c>
      <c r="C11568" s="7">
        <f t="shared" si="180"/>
        <v>192.57389999999998</v>
      </c>
      <c r="I11568" s="1"/>
    </row>
    <row r="11569" spans="1:9" x14ac:dyDescent="0.25">
      <c r="A11569" s="3">
        <v>41948.459791666668</v>
      </c>
      <c r="B11569" s="6">
        <v>192590.55</v>
      </c>
      <c r="C11569" s="7">
        <f t="shared" si="180"/>
        <v>192.59054999999998</v>
      </c>
      <c r="I11569" s="1"/>
    </row>
    <row r="11570" spans="1:9" x14ac:dyDescent="0.25">
      <c r="A11570" s="3">
        <v>41948.464386574073</v>
      </c>
      <c r="B11570" s="6">
        <v>192607.19999999998</v>
      </c>
      <c r="C11570" s="7">
        <f t="shared" si="180"/>
        <v>192.60719999999998</v>
      </c>
      <c r="I11570" s="1"/>
    </row>
    <row r="11571" spans="1:9" x14ac:dyDescent="0.25">
      <c r="A11571" s="3">
        <v>41948.464467592596</v>
      </c>
      <c r="B11571" s="6">
        <v>192623.84999999998</v>
      </c>
      <c r="C11571" s="7">
        <f t="shared" si="180"/>
        <v>192.62384999999998</v>
      </c>
      <c r="I11571" s="1"/>
    </row>
    <row r="11572" spans="1:9" x14ac:dyDescent="0.25">
      <c r="A11572" s="3">
        <v>41948.464999999997</v>
      </c>
      <c r="B11572" s="6">
        <v>192640.49999999997</v>
      </c>
      <c r="C11572" s="7">
        <f t="shared" si="180"/>
        <v>192.64049999999997</v>
      </c>
      <c r="I11572" s="1"/>
    </row>
    <row r="11573" spans="1:9" x14ac:dyDescent="0.25">
      <c r="A11573" s="3">
        <v>41948.465196759258</v>
      </c>
      <c r="B11573" s="6">
        <v>192657.15</v>
      </c>
      <c r="C11573" s="7">
        <f t="shared" si="180"/>
        <v>192.65715</v>
      </c>
      <c r="I11573" s="1"/>
    </row>
    <row r="11574" spans="1:9" x14ac:dyDescent="0.25">
      <c r="A11574" s="3">
        <v>41948.466921296298</v>
      </c>
      <c r="B11574" s="6">
        <v>192673.8</v>
      </c>
      <c r="C11574" s="7">
        <f t="shared" si="180"/>
        <v>192.6738</v>
      </c>
      <c r="I11574" s="1"/>
    </row>
    <row r="11575" spans="1:9" x14ac:dyDescent="0.25">
      <c r="A11575" s="3">
        <v>41948.467222222222</v>
      </c>
      <c r="B11575" s="6">
        <v>192690.44999999998</v>
      </c>
      <c r="C11575" s="7">
        <f t="shared" si="180"/>
        <v>192.69044999999997</v>
      </c>
      <c r="I11575" s="1"/>
    </row>
    <row r="11576" spans="1:9" x14ac:dyDescent="0.25">
      <c r="A11576" s="3">
        <v>41948.468368055554</v>
      </c>
      <c r="B11576" s="6">
        <v>192707.09999999998</v>
      </c>
      <c r="C11576" s="7">
        <f t="shared" si="180"/>
        <v>192.70709999999997</v>
      </c>
      <c r="I11576" s="1"/>
    </row>
    <row r="11577" spans="1:9" x14ac:dyDescent="0.25">
      <c r="A11577" s="3">
        <v>41948.468530092592</v>
      </c>
      <c r="B11577" s="6">
        <v>192723.74999999997</v>
      </c>
      <c r="C11577" s="7">
        <f t="shared" si="180"/>
        <v>192.72374999999997</v>
      </c>
      <c r="I11577" s="1"/>
    </row>
    <row r="11578" spans="1:9" x14ac:dyDescent="0.25">
      <c r="A11578" s="3">
        <v>41948.46947916667</v>
      </c>
      <c r="B11578" s="6">
        <v>192740.4</v>
      </c>
      <c r="C11578" s="7">
        <f t="shared" si="180"/>
        <v>192.74039999999999</v>
      </c>
      <c r="I11578" s="1"/>
    </row>
    <row r="11579" spans="1:9" x14ac:dyDescent="0.25">
      <c r="A11579" s="3">
        <v>41948.469594907408</v>
      </c>
      <c r="B11579" s="6">
        <v>192757.05</v>
      </c>
      <c r="C11579" s="7">
        <f t="shared" si="180"/>
        <v>192.75704999999999</v>
      </c>
      <c r="I11579" s="1"/>
    </row>
    <row r="11580" spans="1:9" x14ac:dyDescent="0.25">
      <c r="A11580" s="3">
        <v>41948.471585648149</v>
      </c>
      <c r="B11580" s="6">
        <v>192773.69999999998</v>
      </c>
      <c r="C11580" s="7">
        <f t="shared" si="180"/>
        <v>192.77369999999999</v>
      </c>
      <c r="I11580" s="1"/>
    </row>
    <row r="11581" spans="1:9" x14ac:dyDescent="0.25">
      <c r="A11581" s="3">
        <v>41948.471666666665</v>
      </c>
      <c r="B11581" s="6">
        <v>192790.34999999998</v>
      </c>
      <c r="C11581" s="7">
        <f t="shared" si="180"/>
        <v>192.79034999999999</v>
      </c>
      <c r="I11581" s="1"/>
    </row>
    <row r="11582" spans="1:9" x14ac:dyDescent="0.25">
      <c r="A11582" s="3">
        <v>41948.47215277778</v>
      </c>
      <c r="B11582" s="6">
        <v>192806.99999999997</v>
      </c>
      <c r="C11582" s="7">
        <f t="shared" si="180"/>
        <v>192.80699999999996</v>
      </c>
      <c r="I11582" s="1"/>
    </row>
    <row r="11583" spans="1:9" x14ac:dyDescent="0.25">
      <c r="A11583" s="3">
        <v>41948.472210648149</v>
      </c>
      <c r="B11583" s="6">
        <v>192823.65</v>
      </c>
      <c r="C11583" s="7">
        <f t="shared" si="180"/>
        <v>192.82364999999999</v>
      </c>
      <c r="I11583" s="1"/>
    </row>
    <row r="11584" spans="1:9" x14ac:dyDescent="0.25">
      <c r="A11584" s="3">
        <v>41948.47284722222</v>
      </c>
      <c r="B11584" s="6">
        <v>192840.3</v>
      </c>
      <c r="C11584" s="7">
        <f t="shared" si="180"/>
        <v>192.84029999999998</v>
      </c>
      <c r="I11584" s="1"/>
    </row>
    <row r="11585" spans="1:9" x14ac:dyDescent="0.25">
      <c r="A11585" s="3">
        <v>41948.472974537035</v>
      </c>
      <c r="B11585" s="6">
        <v>192856.94999999998</v>
      </c>
      <c r="C11585" s="7">
        <f t="shared" si="180"/>
        <v>192.85694999999998</v>
      </c>
      <c r="I11585" s="1"/>
    </row>
    <row r="11586" spans="1:9" x14ac:dyDescent="0.25">
      <c r="A11586" s="3">
        <v>41948.474328703705</v>
      </c>
      <c r="B11586" s="6">
        <v>192873.59999999998</v>
      </c>
      <c r="C11586" s="7">
        <f t="shared" si="180"/>
        <v>192.87359999999998</v>
      </c>
      <c r="I11586" s="1"/>
    </row>
    <row r="11587" spans="1:9" x14ac:dyDescent="0.25">
      <c r="A11587" s="3">
        <v>41948.474432870367</v>
      </c>
      <c r="B11587" s="6">
        <v>192890.24999999997</v>
      </c>
      <c r="C11587" s="7">
        <f t="shared" ref="C11587:C11650" si="181">B11587/1000</f>
        <v>192.89024999999998</v>
      </c>
      <c r="I11587" s="1"/>
    </row>
    <row r="11588" spans="1:9" x14ac:dyDescent="0.25">
      <c r="A11588" s="3">
        <v>41948.475069444445</v>
      </c>
      <c r="B11588" s="6">
        <v>192906.9</v>
      </c>
      <c r="C11588" s="7">
        <f t="shared" si="181"/>
        <v>192.90690000000001</v>
      </c>
      <c r="I11588" s="1"/>
    </row>
    <row r="11589" spans="1:9" x14ac:dyDescent="0.25">
      <c r="A11589" s="3">
        <v>41948.47515046296</v>
      </c>
      <c r="B11589" s="6">
        <v>192923.55</v>
      </c>
      <c r="C11589" s="7">
        <f t="shared" si="181"/>
        <v>192.92354999999998</v>
      </c>
      <c r="I11589" s="1"/>
    </row>
    <row r="11590" spans="1:9" x14ac:dyDescent="0.25">
      <c r="A11590" s="3">
        <v>41948.475694444445</v>
      </c>
      <c r="B11590" s="6">
        <v>192940.19999999998</v>
      </c>
      <c r="C11590" s="7">
        <f t="shared" si="181"/>
        <v>192.94019999999998</v>
      </c>
      <c r="I11590" s="1"/>
    </row>
    <row r="11591" spans="1:9" x14ac:dyDescent="0.25">
      <c r="A11591" s="3">
        <v>41948.475763888891</v>
      </c>
      <c r="B11591" s="6">
        <v>192956.84999999998</v>
      </c>
      <c r="C11591" s="7">
        <f t="shared" si="181"/>
        <v>192.95684999999997</v>
      </c>
      <c r="I11591" s="1"/>
    </row>
    <row r="11592" spans="1:9" x14ac:dyDescent="0.25">
      <c r="A11592" s="3">
        <v>41948.477465277778</v>
      </c>
      <c r="B11592" s="6">
        <v>192973.49999999997</v>
      </c>
      <c r="C11592" s="7">
        <f t="shared" si="181"/>
        <v>192.97349999999997</v>
      </c>
      <c r="I11592" s="1"/>
    </row>
    <row r="11593" spans="1:9" x14ac:dyDescent="0.25">
      <c r="A11593" s="3">
        <v>41948.477592592593</v>
      </c>
      <c r="B11593" s="6">
        <v>192990.15</v>
      </c>
      <c r="C11593" s="7">
        <f t="shared" si="181"/>
        <v>192.99015</v>
      </c>
      <c r="I11593" s="1"/>
    </row>
    <row r="11594" spans="1:9" x14ac:dyDescent="0.25">
      <c r="A11594" s="3">
        <v>41948.479490740741</v>
      </c>
      <c r="B11594" s="6">
        <v>193006.8</v>
      </c>
      <c r="C11594" s="7">
        <f t="shared" si="181"/>
        <v>193.0068</v>
      </c>
      <c r="I11594" s="1"/>
    </row>
    <row r="11595" spans="1:9" x14ac:dyDescent="0.25">
      <c r="A11595" s="3">
        <v>41948.479791666665</v>
      </c>
      <c r="B11595" s="6">
        <v>193023.44999999998</v>
      </c>
      <c r="C11595" s="7">
        <f t="shared" si="181"/>
        <v>193.02344999999997</v>
      </c>
      <c r="I11595" s="1"/>
    </row>
    <row r="11596" spans="1:9" x14ac:dyDescent="0.25">
      <c r="A11596" s="3">
        <v>41948.481944444444</v>
      </c>
      <c r="B11596" s="6">
        <v>193040.09999999998</v>
      </c>
      <c r="C11596" s="7">
        <f t="shared" si="181"/>
        <v>193.04009999999997</v>
      </c>
      <c r="I11596" s="1"/>
    </row>
    <row r="11597" spans="1:9" x14ac:dyDescent="0.25">
      <c r="A11597" s="3">
        <v>41948.482048611113</v>
      </c>
      <c r="B11597" s="6">
        <v>193056.74999999997</v>
      </c>
      <c r="C11597" s="7">
        <f t="shared" si="181"/>
        <v>193.05674999999997</v>
      </c>
      <c r="I11597" s="1"/>
    </row>
    <row r="11598" spans="1:9" x14ac:dyDescent="0.25">
      <c r="A11598" s="3">
        <v>41948.483715277776</v>
      </c>
      <c r="B11598" s="6">
        <v>193073.4</v>
      </c>
      <c r="C11598" s="7">
        <f t="shared" si="181"/>
        <v>193.07339999999999</v>
      </c>
      <c r="I11598" s="1"/>
    </row>
    <row r="11599" spans="1:9" x14ac:dyDescent="0.25">
      <c r="A11599" s="3">
        <v>41948.483784722222</v>
      </c>
      <c r="B11599" s="6">
        <v>193090.05</v>
      </c>
      <c r="C11599" s="7">
        <f t="shared" si="181"/>
        <v>193.09004999999999</v>
      </c>
      <c r="I11599" s="1"/>
    </row>
    <row r="11600" spans="1:9" x14ac:dyDescent="0.25">
      <c r="A11600" s="3">
        <v>41948.484837962962</v>
      </c>
      <c r="B11600" s="6">
        <v>193106.69999999998</v>
      </c>
      <c r="C11600" s="7">
        <f t="shared" si="181"/>
        <v>193.10669999999999</v>
      </c>
      <c r="I11600" s="1"/>
    </row>
    <row r="11601" spans="1:9" x14ac:dyDescent="0.25">
      <c r="A11601" s="3">
        <v>41948.48505787037</v>
      </c>
      <c r="B11601" s="6">
        <v>193123.34999999998</v>
      </c>
      <c r="C11601" s="7">
        <f t="shared" si="181"/>
        <v>193.12334999999999</v>
      </c>
      <c r="I11601" s="1"/>
    </row>
    <row r="11602" spans="1:9" x14ac:dyDescent="0.25">
      <c r="A11602" s="3">
        <v>41948.485914351855</v>
      </c>
      <c r="B11602" s="6">
        <v>193139.99999999997</v>
      </c>
      <c r="C11602" s="7">
        <f t="shared" si="181"/>
        <v>193.13999999999996</v>
      </c>
      <c r="I11602" s="1"/>
    </row>
    <row r="11603" spans="1:9" x14ac:dyDescent="0.25">
      <c r="A11603" s="3">
        <v>41948.485972222225</v>
      </c>
      <c r="B11603" s="6">
        <v>193156.65</v>
      </c>
      <c r="C11603" s="7">
        <f t="shared" si="181"/>
        <v>193.15664999999998</v>
      </c>
      <c r="I11603" s="1"/>
    </row>
    <row r="11604" spans="1:9" x14ac:dyDescent="0.25">
      <c r="A11604" s="3">
        <v>41948.487615740742</v>
      </c>
      <c r="B11604" s="6">
        <v>193173.3</v>
      </c>
      <c r="C11604" s="7">
        <f t="shared" si="181"/>
        <v>193.17329999999998</v>
      </c>
      <c r="I11604" s="1"/>
    </row>
    <row r="11605" spans="1:9" x14ac:dyDescent="0.25">
      <c r="A11605" s="3">
        <v>41948.488252314812</v>
      </c>
      <c r="B11605" s="6">
        <v>193189.94999999998</v>
      </c>
      <c r="C11605" s="7">
        <f t="shared" si="181"/>
        <v>193.18994999999998</v>
      </c>
      <c r="I11605" s="1"/>
    </row>
    <row r="11606" spans="1:9" x14ac:dyDescent="0.25">
      <c r="A11606" s="3">
        <v>41948.489340277774</v>
      </c>
      <c r="B11606" s="6">
        <v>193206.59999999998</v>
      </c>
      <c r="C11606" s="7">
        <f t="shared" si="181"/>
        <v>193.20659999999998</v>
      </c>
      <c r="I11606" s="1"/>
    </row>
    <row r="11607" spans="1:9" x14ac:dyDescent="0.25">
      <c r="A11607" s="3">
        <v>41948.48951388889</v>
      </c>
      <c r="B11607" s="6">
        <v>193223.24999999997</v>
      </c>
      <c r="C11607" s="7">
        <f t="shared" si="181"/>
        <v>193.22324999999998</v>
      </c>
      <c r="I11607" s="1"/>
    </row>
    <row r="11608" spans="1:9" x14ac:dyDescent="0.25">
      <c r="A11608" s="3">
        <v>41948.490520833337</v>
      </c>
      <c r="B11608" s="6">
        <v>193239.9</v>
      </c>
      <c r="C11608" s="7">
        <f t="shared" si="181"/>
        <v>193.23990000000001</v>
      </c>
      <c r="I11608" s="1"/>
    </row>
    <row r="11609" spans="1:9" x14ac:dyDescent="0.25">
      <c r="A11609" s="3">
        <v>41948.490601851852</v>
      </c>
      <c r="B11609" s="6">
        <v>193256.55</v>
      </c>
      <c r="C11609" s="7">
        <f t="shared" si="181"/>
        <v>193.25654999999998</v>
      </c>
      <c r="I11609" s="1"/>
    </row>
    <row r="11610" spans="1:9" x14ac:dyDescent="0.25">
      <c r="A11610" s="3">
        <v>41948.491643518515</v>
      </c>
      <c r="B11610" s="6">
        <v>193273.19999999998</v>
      </c>
      <c r="C11610" s="7">
        <f t="shared" si="181"/>
        <v>193.27319999999997</v>
      </c>
      <c r="I11610" s="1"/>
    </row>
    <row r="11611" spans="1:9" x14ac:dyDescent="0.25">
      <c r="A11611" s="3">
        <v>41948.492094907408</v>
      </c>
      <c r="B11611" s="6">
        <v>193289.84999999998</v>
      </c>
      <c r="C11611" s="7">
        <f t="shared" si="181"/>
        <v>193.28984999999997</v>
      </c>
      <c r="I11611" s="1"/>
    </row>
    <row r="11612" spans="1:9" x14ac:dyDescent="0.25">
      <c r="A11612" s="3">
        <v>41948.494733796295</v>
      </c>
      <c r="B11612" s="6">
        <v>193306.49999999997</v>
      </c>
      <c r="C11612" s="7">
        <f t="shared" si="181"/>
        <v>193.30649999999997</v>
      </c>
      <c r="I11612" s="1"/>
    </row>
    <row r="11613" spans="1:9" x14ac:dyDescent="0.25">
      <c r="A11613" s="3">
        <v>41948.49591435185</v>
      </c>
      <c r="B11613" s="6">
        <v>193323.15</v>
      </c>
      <c r="C11613" s="7">
        <f t="shared" si="181"/>
        <v>193.32315</v>
      </c>
      <c r="I11613" s="1"/>
    </row>
    <row r="11614" spans="1:9" x14ac:dyDescent="0.25">
      <c r="A11614" s="3">
        <v>41948.497731481482</v>
      </c>
      <c r="B11614" s="6">
        <v>193339.8</v>
      </c>
      <c r="C11614" s="7">
        <f t="shared" si="181"/>
        <v>193.3398</v>
      </c>
      <c r="I11614" s="1"/>
    </row>
    <row r="11615" spans="1:9" x14ac:dyDescent="0.25">
      <c r="A11615" s="3">
        <v>41948.497997685183</v>
      </c>
      <c r="B11615" s="6">
        <v>193356.44999999998</v>
      </c>
      <c r="C11615" s="7">
        <f t="shared" si="181"/>
        <v>193.35645</v>
      </c>
      <c r="I11615" s="1"/>
    </row>
    <row r="11616" spans="1:9" x14ac:dyDescent="0.25">
      <c r="A11616" s="3">
        <v>41948.498807870368</v>
      </c>
      <c r="B11616" s="6">
        <v>193373.09999999998</v>
      </c>
      <c r="C11616" s="7">
        <f t="shared" si="181"/>
        <v>193.37309999999997</v>
      </c>
      <c r="I11616" s="1"/>
    </row>
    <row r="11617" spans="1:9" x14ac:dyDescent="0.25">
      <c r="A11617" s="3">
        <v>41948.499050925922</v>
      </c>
      <c r="B11617" s="6">
        <v>193389.74999999997</v>
      </c>
      <c r="C11617" s="7">
        <f t="shared" si="181"/>
        <v>193.38974999999996</v>
      </c>
      <c r="I11617" s="1"/>
    </row>
    <row r="11618" spans="1:9" x14ac:dyDescent="0.25">
      <c r="A11618" s="3">
        <v>41948.499745370369</v>
      </c>
      <c r="B11618" s="6">
        <v>193406.4</v>
      </c>
      <c r="C11618" s="7">
        <f t="shared" si="181"/>
        <v>193.40639999999999</v>
      </c>
      <c r="I11618" s="1"/>
    </row>
    <row r="11619" spans="1:9" x14ac:dyDescent="0.25">
      <c r="A11619" s="3">
        <v>41948.499791666669</v>
      </c>
      <c r="B11619" s="6">
        <v>193423.05</v>
      </c>
      <c r="C11619" s="7">
        <f t="shared" si="181"/>
        <v>193.42304999999999</v>
      </c>
      <c r="I11619" s="1"/>
    </row>
    <row r="11620" spans="1:9" x14ac:dyDescent="0.25">
      <c r="A11620" s="3">
        <v>41948.50037037037</v>
      </c>
      <c r="B11620" s="6">
        <v>193439.69999999998</v>
      </c>
      <c r="C11620" s="7">
        <f t="shared" si="181"/>
        <v>193.43969999999999</v>
      </c>
      <c r="I11620" s="1"/>
    </row>
    <row r="11621" spans="1:9" x14ac:dyDescent="0.25">
      <c r="A11621" s="3">
        <v>41948.500416666669</v>
      </c>
      <c r="B11621" s="6">
        <v>193456.34999999998</v>
      </c>
      <c r="C11621" s="7">
        <f t="shared" si="181"/>
        <v>193.45634999999999</v>
      </c>
      <c r="I11621" s="1"/>
    </row>
    <row r="11622" spans="1:9" x14ac:dyDescent="0.25">
      <c r="A11622" s="3">
        <v>41948.501064814816</v>
      </c>
      <c r="B11622" s="6">
        <v>193472.99999999997</v>
      </c>
      <c r="C11622" s="7">
        <f t="shared" si="181"/>
        <v>193.47299999999998</v>
      </c>
      <c r="I11622" s="1"/>
    </row>
    <row r="11623" spans="1:9" x14ac:dyDescent="0.25">
      <c r="A11623" s="3">
        <v>41948.501145833332</v>
      </c>
      <c r="B11623" s="6">
        <v>193489.65</v>
      </c>
      <c r="C11623" s="7">
        <f t="shared" si="181"/>
        <v>193.48964999999998</v>
      </c>
      <c r="I11623" s="1"/>
    </row>
    <row r="11624" spans="1:9" x14ac:dyDescent="0.25">
      <c r="A11624" s="3">
        <v>41948.501875000002</v>
      </c>
      <c r="B11624" s="6">
        <v>193506.3</v>
      </c>
      <c r="C11624" s="7">
        <f t="shared" si="181"/>
        <v>193.50629999999998</v>
      </c>
      <c r="I11624" s="1"/>
    </row>
    <row r="11625" spans="1:9" x14ac:dyDescent="0.25">
      <c r="A11625" s="3">
        <v>41948.502071759256</v>
      </c>
      <c r="B11625" s="6">
        <v>193522.94999999998</v>
      </c>
      <c r="C11625" s="7">
        <f t="shared" si="181"/>
        <v>193.52294999999998</v>
      </c>
      <c r="I11625" s="1"/>
    </row>
    <row r="11626" spans="1:9" x14ac:dyDescent="0.25">
      <c r="A11626" s="3">
        <v>41948.502974537034</v>
      </c>
      <c r="B11626" s="6">
        <v>193539.59999999998</v>
      </c>
      <c r="C11626" s="7">
        <f t="shared" si="181"/>
        <v>193.53959999999998</v>
      </c>
      <c r="I11626" s="1"/>
    </row>
    <row r="11627" spans="1:9" x14ac:dyDescent="0.25">
      <c r="A11627" s="3">
        <v>41948.503101851849</v>
      </c>
      <c r="B11627" s="6">
        <v>193556.24999999997</v>
      </c>
      <c r="C11627" s="7">
        <f t="shared" si="181"/>
        <v>193.55624999999998</v>
      </c>
      <c r="I11627" s="1"/>
    </row>
    <row r="11628" spans="1:9" x14ac:dyDescent="0.25">
      <c r="A11628" s="3">
        <v>41948.503692129627</v>
      </c>
      <c r="B11628" s="6">
        <v>193572.9</v>
      </c>
      <c r="C11628" s="7">
        <f t="shared" si="181"/>
        <v>193.5729</v>
      </c>
      <c r="I11628" s="1"/>
    </row>
    <row r="11629" spans="1:9" x14ac:dyDescent="0.25">
      <c r="A11629" s="3">
        <v>41948.503761574073</v>
      </c>
      <c r="B11629" s="6">
        <v>193589.55</v>
      </c>
      <c r="C11629" s="7">
        <f t="shared" si="181"/>
        <v>193.58954999999997</v>
      </c>
      <c r="I11629" s="1"/>
    </row>
    <row r="11630" spans="1:9" x14ac:dyDescent="0.25">
      <c r="A11630" s="3">
        <v>41948.50440972222</v>
      </c>
      <c r="B11630" s="6">
        <v>193606.19999999998</v>
      </c>
      <c r="C11630" s="7">
        <f t="shared" si="181"/>
        <v>193.60619999999997</v>
      </c>
      <c r="I11630" s="1"/>
    </row>
    <row r="11631" spans="1:9" x14ac:dyDescent="0.25">
      <c r="A11631" s="3">
        <v>41948.504513888889</v>
      </c>
      <c r="B11631" s="6">
        <v>193622.84999999998</v>
      </c>
      <c r="C11631" s="7">
        <f t="shared" si="181"/>
        <v>193.62284999999997</v>
      </c>
      <c r="I11631" s="1"/>
    </row>
    <row r="11632" spans="1:9" x14ac:dyDescent="0.25">
      <c r="A11632" s="3">
        <v>41948.505393518521</v>
      </c>
      <c r="B11632" s="6">
        <v>193639.49999999997</v>
      </c>
      <c r="C11632" s="7">
        <f t="shared" si="181"/>
        <v>193.63949999999997</v>
      </c>
      <c r="I11632" s="1"/>
    </row>
    <row r="11633" spans="1:9" x14ac:dyDescent="0.25">
      <c r="A11633" s="3">
        <v>41948.505543981482</v>
      </c>
      <c r="B11633" s="6">
        <v>193656.15</v>
      </c>
      <c r="C11633" s="7">
        <f t="shared" si="181"/>
        <v>193.65615</v>
      </c>
      <c r="I11633" s="1"/>
    </row>
    <row r="11634" spans="1:9" x14ac:dyDescent="0.25">
      <c r="A11634" s="3">
        <v>41948.506342592591</v>
      </c>
      <c r="B11634" s="6">
        <v>193672.8</v>
      </c>
      <c r="C11634" s="7">
        <f t="shared" si="181"/>
        <v>193.6728</v>
      </c>
      <c r="I11634" s="1"/>
    </row>
    <row r="11635" spans="1:9" x14ac:dyDescent="0.25">
      <c r="A11635" s="3">
        <v>41948.506412037037</v>
      </c>
      <c r="B11635" s="6">
        <v>193689.44999999998</v>
      </c>
      <c r="C11635" s="7">
        <f t="shared" si="181"/>
        <v>193.68944999999999</v>
      </c>
      <c r="I11635" s="1"/>
    </row>
    <row r="11636" spans="1:9" x14ac:dyDescent="0.25">
      <c r="A11636" s="3">
        <v>41948.507256944446</v>
      </c>
      <c r="B11636" s="6">
        <v>193706.09999999998</v>
      </c>
      <c r="C11636" s="7">
        <f t="shared" si="181"/>
        <v>193.70609999999996</v>
      </c>
      <c r="I11636" s="1"/>
    </row>
    <row r="11637" spans="1:9" x14ac:dyDescent="0.25">
      <c r="A11637" s="3">
        <v>41948.507326388892</v>
      </c>
      <c r="B11637" s="6">
        <v>193722.74999999997</v>
      </c>
      <c r="C11637" s="7">
        <f t="shared" si="181"/>
        <v>193.72274999999996</v>
      </c>
      <c r="I11637" s="1"/>
    </row>
    <row r="11638" spans="1:9" x14ac:dyDescent="0.25">
      <c r="A11638" s="3">
        <v>41948.50849537037</v>
      </c>
      <c r="B11638" s="6">
        <v>193739.4</v>
      </c>
      <c r="C11638" s="7">
        <f t="shared" si="181"/>
        <v>193.73939999999999</v>
      </c>
      <c r="I11638" s="1"/>
    </row>
    <row r="11639" spans="1:9" x14ac:dyDescent="0.25">
      <c r="A11639" s="3">
        <v>41948.508622685185</v>
      </c>
      <c r="B11639" s="6">
        <v>193756.05</v>
      </c>
      <c r="C11639" s="7">
        <f t="shared" si="181"/>
        <v>193.75604999999999</v>
      </c>
      <c r="I11639" s="1"/>
    </row>
    <row r="11640" spans="1:9" x14ac:dyDescent="0.25">
      <c r="A11640" s="3">
        <v>41948.509375000001</v>
      </c>
      <c r="B11640" s="6">
        <v>193772.69999999998</v>
      </c>
      <c r="C11640" s="7">
        <f t="shared" si="181"/>
        <v>193.77269999999999</v>
      </c>
      <c r="I11640" s="1"/>
    </row>
    <row r="11641" spans="1:9" x14ac:dyDescent="0.25">
      <c r="A11641" s="3">
        <v>41948.509421296294</v>
      </c>
      <c r="B11641" s="6">
        <v>193789.34999999998</v>
      </c>
      <c r="C11641" s="7">
        <f t="shared" si="181"/>
        <v>193.78934999999998</v>
      </c>
      <c r="I11641" s="1"/>
    </row>
    <row r="11642" spans="1:9" x14ac:dyDescent="0.25">
      <c r="A11642" s="3">
        <v>41948.510949074072</v>
      </c>
      <c r="B11642" s="6">
        <v>193805.99999999997</v>
      </c>
      <c r="C11642" s="7">
        <f t="shared" si="181"/>
        <v>193.80599999999998</v>
      </c>
      <c r="I11642" s="1"/>
    </row>
    <row r="11643" spans="1:9" x14ac:dyDescent="0.25">
      <c r="A11643" s="3">
        <v>41948.511018518519</v>
      </c>
      <c r="B11643" s="6">
        <v>193822.65</v>
      </c>
      <c r="C11643" s="7">
        <f t="shared" si="181"/>
        <v>193.82264999999998</v>
      </c>
      <c r="I11643" s="1"/>
    </row>
    <row r="11644" spans="1:9" x14ac:dyDescent="0.25">
      <c r="A11644" s="3">
        <v>41948.514409722222</v>
      </c>
      <c r="B11644" s="6">
        <v>193839.3</v>
      </c>
      <c r="C11644" s="7">
        <f t="shared" si="181"/>
        <v>193.83929999999998</v>
      </c>
      <c r="I11644" s="1"/>
    </row>
    <row r="11645" spans="1:9" x14ac:dyDescent="0.25">
      <c r="A11645" s="3">
        <v>41948.514699074076</v>
      </c>
      <c r="B11645" s="6">
        <v>193855.94999999998</v>
      </c>
      <c r="C11645" s="7">
        <f t="shared" si="181"/>
        <v>193.85594999999998</v>
      </c>
      <c r="I11645" s="1"/>
    </row>
    <row r="11646" spans="1:9" x14ac:dyDescent="0.25">
      <c r="A11646" s="3">
        <v>41948.517233796294</v>
      </c>
      <c r="B11646" s="6">
        <v>193872.59999999998</v>
      </c>
      <c r="C11646" s="7">
        <f t="shared" si="181"/>
        <v>193.87259999999998</v>
      </c>
      <c r="I11646" s="1"/>
    </row>
    <row r="11647" spans="1:9" x14ac:dyDescent="0.25">
      <c r="A11647" s="3">
        <v>41948.517407407409</v>
      </c>
      <c r="B11647" s="6">
        <v>193889.24999999997</v>
      </c>
      <c r="C11647" s="7">
        <f t="shared" si="181"/>
        <v>193.88924999999998</v>
      </c>
      <c r="I11647" s="1"/>
    </row>
    <row r="11648" spans="1:9" x14ac:dyDescent="0.25">
      <c r="A11648" s="3">
        <v>41948.519849537035</v>
      </c>
      <c r="B11648" s="6">
        <v>193905.9</v>
      </c>
      <c r="C11648" s="7">
        <f t="shared" si="181"/>
        <v>193.9059</v>
      </c>
      <c r="I11648" s="1"/>
    </row>
    <row r="11649" spans="1:9" x14ac:dyDescent="0.25">
      <c r="A11649" s="3">
        <v>41948.519976851851</v>
      </c>
      <c r="B11649" s="6">
        <v>193922.55</v>
      </c>
      <c r="C11649" s="7">
        <f t="shared" si="181"/>
        <v>193.92255</v>
      </c>
      <c r="I11649" s="1"/>
    </row>
    <row r="11650" spans="1:9" x14ac:dyDescent="0.25">
      <c r="A11650" s="3">
        <v>41948.522743055553</v>
      </c>
      <c r="B11650" s="6">
        <v>193939.19999999998</v>
      </c>
      <c r="C11650" s="7">
        <f t="shared" si="181"/>
        <v>193.93919999999997</v>
      </c>
      <c r="I11650" s="1"/>
    </row>
    <row r="11651" spans="1:9" x14ac:dyDescent="0.25">
      <c r="A11651" s="3">
        <v>41948.522893518515</v>
      </c>
      <c r="B11651" s="6">
        <v>193955.84999999998</v>
      </c>
      <c r="C11651" s="7">
        <f t="shared" ref="C11651:C11714" si="182">B11651/1000</f>
        <v>193.95584999999997</v>
      </c>
      <c r="I11651" s="1"/>
    </row>
    <row r="11652" spans="1:9" x14ac:dyDescent="0.25">
      <c r="A11652" s="3">
        <v>41948.523564814815</v>
      </c>
      <c r="B11652" s="6">
        <v>193972.49999999997</v>
      </c>
      <c r="C11652" s="7">
        <f t="shared" si="182"/>
        <v>193.97249999999997</v>
      </c>
      <c r="I11652" s="1"/>
    </row>
    <row r="11653" spans="1:9" x14ac:dyDescent="0.25">
      <c r="A11653" s="3">
        <v>41948.523680555554</v>
      </c>
      <c r="B11653" s="6">
        <v>193989.15</v>
      </c>
      <c r="C11653" s="7">
        <f t="shared" si="182"/>
        <v>193.98915</v>
      </c>
      <c r="I11653" s="1"/>
    </row>
    <row r="11654" spans="1:9" x14ac:dyDescent="0.25">
      <c r="A11654" s="3">
        <v>41948.524386574078</v>
      </c>
      <c r="B11654" s="6">
        <v>194005.8</v>
      </c>
      <c r="C11654" s="7">
        <f t="shared" si="182"/>
        <v>194.00579999999999</v>
      </c>
      <c r="I11654" s="1"/>
    </row>
    <row r="11655" spans="1:9" x14ac:dyDescent="0.25">
      <c r="A11655" s="3">
        <v>41948.52443287037</v>
      </c>
      <c r="B11655" s="6">
        <v>194022.44999999998</v>
      </c>
      <c r="C11655" s="7">
        <f t="shared" si="182"/>
        <v>194.02244999999999</v>
      </c>
      <c r="I11655" s="1"/>
    </row>
    <row r="11656" spans="1:9" x14ac:dyDescent="0.25">
      <c r="A11656" s="3">
        <v>41948.525219907409</v>
      </c>
      <c r="B11656" s="6">
        <v>194039.09999999998</v>
      </c>
      <c r="C11656" s="7">
        <f t="shared" si="182"/>
        <v>194.03909999999999</v>
      </c>
      <c r="I11656" s="1"/>
    </row>
    <row r="11657" spans="1:9" x14ac:dyDescent="0.25">
      <c r="A11657" s="3">
        <v>41948.525335648148</v>
      </c>
      <c r="B11657" s="6">
        <v>194055.74999999997</v>
      </c>
      <c r="C11657" s="7">
        <f t="shared" si="182"/>
        <v>194.05574999999996</v>
      </c>
      <c r="I11657" s="1"/>
    </row>
    <row r="11658" spans="1:9" x14ac:dyDescent="0.25">
      <c r="A11658" s="3">
        <v>41948.527280092596</v>
      </c>
      <c r="B11658" s="6">
        <v>194072.4</v>
      </c>
      <c r="C11658" s="7">
        <f t="shared" si="182"/>
        <v>194.07239999999999</v>
      </c>
      <c r="I11658" s="1"/>
    </row>
    <row r="11659" spans="1:9" x14ac:dyDescent="0.25">
      <c r="A11659" s="3">
        <v>41948.527407407404</v>
      </c>
      <c r="B11659" s="6">
        <v>194089.05</v>
      </c>
      <c r="C11659" s="7">
        <f t="shared" si="182"/>
        <v>194.08904999999999</v>
      </c>
      <c r="I11659" s="1"/>
    </row>
    <row r="11660" spans="1:9" x14ac:dyDescent="0.25">
      <c r="A11660" s="3">
        <v>41948.528321759259</v>
      </c>
      <c r="B11660" s="6">
        <v>194105.69999999998</v>
      </c>
      <c r="C11660" s="7">
        <f t="shared" si="182"/>
        <v>194.10569999999998</v>
      </c>
      <c r="I11660" s="1"/>
    </row>
    <row r="11661" spans="1:9" x14ac:dyDescent="0.25">
      <c r="A11661" s="3">
        <v>41948.528425925928</v>
      </c>
      <c r="B11661" s="6">
        <v>194122.34999999998</v>
      </c>
      <c r="C11661" s="7">
        <f t="shared" si="182"/>
        <v>194.12234999999998</v>
      </c>
      <c r="I11661" s="1"/>
    </row>
    <row r="11662" spans="1:9" x14ac:dyDescent="0.25">
      <c r="A11662" s="3">
        <v>41948.529594907406</v>
      </c>
      <c r="B11662" s="6">
        <v>194138.99999999997</v>
      </c>
      <c r="C11662" s="7">
        <f t="shared" si="182"/>
        <v>194.13899999999998</v>
      </c>
      <c r="I11662" s="1"/>
    </row>
    <row r="11663" spans="1:9" x14ac:dyDescent="0.25">
      <c r="A11663" s="3">
        <v>41948.529733796298</v>
      </c>
      <c r="B11663" s="6">
        <v>194155.65</v>
      </c>
      <c r="C11663" s="7">
        <f t="shared" si="182"/>
        <v>194.15564999999998</v>
      </c>
      <c r="I11663" s="1"/>
    </row>
    <row r="11664" spans="1:9" x14ac:dyDescent="0.25">
      <c r="A11664" s="3">
        <v>41948.530925925923</v>
      </c>
      <c r="B11664" s="6">
        <v>194172.3</v>
      </c>
      <c r="C11664" s="7">
        <f t="shared" si="182"/>
        <v>194.17229999999998</v>
      </c>
      <c r="I11664" s="1"/>
    </row>
    <row r="11665" spans="1:9" x14ac:dyDescent="0.25">
      <c r="A11665" s="3">
        <v>41948.531064814815</v>
      </c>
      <c r="B11665" s="6">
        <v>194188.94999999998</v>
      </c>
      <c r="C11665" s="7">
        <f t="shared" si="182"/>
        <v>194.18894999999998</v>
      </c>
      <c r="I11665" s="1"/>
    </row>
    <row r="11666" spans="1:9" x14ac:dyDescent="0.25">
      <c r="A11666" s="3">
        <v>41948.532476851855</v>
      </c>
      <c r="B11666" s="6">
        <v>194205.59999999998</v>
      </c>
      <c r="C11666" s="7">
        <f t="shared" si="182"/>
        <v>194.20559999999998</v>
      </c>
      <c r="I11666" s="1"/>
    </row>
    <row r="11667" spans="1:9" x14ac:dyDescent="0.25">
      <c r="A11667" s="3">
        <v>41948.532627314817</v>
      </c>
      <c r="B11667" s="6">
        <v>194222.24999999997</v>
      </c>
      <c r="C11667" s="7">
        <f t="shared" si="182"/>
        <v>194.22224999999997</v>
      </c>
      <c r="I11667" s="1"/>
    </row>
    <row r="11668" spans="1:9" x14ac:dyDescent="0.25">
      <c r="A11668" s="3">
        <v>41948.533831018518</v>
      </c>
      <c r="B11668" s="6">
        <v>194238.9</v>
      </c>
      <c r="C11668" s="7">
        <f t="shared" si="182"/>
        <v>194.2389</v>
      </c>
      <c r="I11668" s="1"/>
    </row>
    <row r="11669" spans="1:9" x14ac:dyDescent="0.25">
      <c r="A11669" s="3">
        <v>41948.533900462964</v>
      </c>
      <c r="B11669" s="6">
        <v>194255.55</v>
      </c>
      <c r="C11669" s="7">
        <f t="shared" si="182"/>
        <v>194.25555</v>
      </c>
      <c r="I11669" s="1"/>
    </row>
    <row r="11670" spans="1:9" x14ac:dyDescent="0.25">
      <c r="A11670" s="3">
        <v>41948.534618055557</v>
      </c>
      <c r="B11670" s="6">
        <v>194272.19999999998</v>
      </c>
      <c r="C11670" s="7">
        <f t="shared" si="182"/>
        <v>194.27219999999997</v>
      </c>
      <c r="I11670" s="1"/>
    </row>
    <row r="11671" spans="1:9" x14ac:dyDescent="0.25">
      <c r="A11671" s="3">
        <v>41948.534733796296</v>
      </c>
      <c r="B11671" s="6">
        <v>194288.84999999998</v>
      </c>
      <c r="C11671" s="7">
        <f t="shared" si="182"/>
        <v>194.28884999999997</v>
      </c>
      <c r="I11671" s="1"/>
    </row>
    <row r="11672" spans="1:9" x14ac:dyDescent="0.25">
      <c r="A11672" s="3">
        <v>41948.535740740743</v>
      </c>
      <c r="B11672" s="6">
        <v>194305.49999999997</v>
      </c>
      <c r="C11672" s="7">
        <f t="shared" si="182"/>
        <v>194.30549999999997</v>
      </c>
      <c r="I11672" s="1"/>
    </row>
    <row r="11673" spans="1:9" x14ac:dyDescent="0.25">
      <c r="A11673" s="3">
        <v>41948.535844907405</v>
      </c>
      <c r="B11673" s="6">
        <v>194322.15</v>
      </c>
      <c r="C11673" s="7">
        <f t="shared" si="182"/>
        <v>194.32214999999999</v>
      </c>
      <c r="I11673" s="1"/>
    </row>
    <row r="11674" spans="1:9" x14ac:dyDescent="0.25">
      <c r="A11674" s="3">
        <v>41948.53738425926</v>
      </c>
      <c r="B11674" s="6">
        <v>194338.8</v>
      </c>
      <c r="C11674" s="7">
        <f t="shared" si="182"/>
        <v>194.33879999999999</v>
      </c>
      <c r="I11674" s="1"/>
    </row>
    <row r="11675" spans="1:9" x14ac:dyDescent="0.25">
      <c r="A11675" s="3">
        <v>41948.537430555552</v>
      </c>
      <c r="B11675" s="6">
        <v>194355.44999999998</v>
      </c>
      <c r="C11675" s="7">
        <f t="shared" si="182"/>
        <v>194.35544999999999</v>
      </c>
      <c r="I11675" s="1"/>
    </row>
    <row r="11676" spans="1:9" x14ac:dyDescent="0.25">
      <c r="A11676" s="3">
        <v>41948.53837962963</v>
      </c>
      <c r="B11676" s="6">
        <v>194372.09999999998</v>
      </c>
      <c r="C11676" s="7">
        <f t="shared" si="182"/>
        <v>194.37209999999999</v>
      </c>
      <c r="I11676" s="1"/>
    </row>
    <row r="11677" spans="1:9" x14ac:dyDescent="0.25">
      <c r="A11677" s="3">
        <v>41948.538437499999</v>
      </c>
      <c r="B11677" s="6">
        <v>194388.74999999997</v>
      </c>
      <c r="C11677" s="7">
        <f t="shared" si="182"/>
        <v>194.38874999999996</v>
      </c>
      <c r="I11677" s="1"/>
    </row>
    <row r="11678" spans="1:9" x14ac:dyDescent="0.25">
      <c r="A11678" s="3">
        <v>41948.539247685185</v>
      </c>
      <c r="B11678" s="6">
        <v>194405.4</v>
      </c>
      <c r="C11678" s="7">
        <f t="shared" si="182"/>
        <v>194.40539999999999</v>
      </c>
      <c r="I11678" s="1"/>
    </row>
    <row r="11679" spans="1:9" x14ac:dyDescent="0.25">
      <c r="A11679" s="3">
        <v>41948.539340277777</v>
      </c>
      <c r="B11679" s="6">
        <v>194422.05</v>
      </c>
      <c r="C11679" s="7">
        <f t="shared" si="182"/>
        <v>194.42204999999998</v>
      </c>
      <c r="I11679" s="1"/>
    </row>
    <row r="11680" spans="1:9" x14ac:dyDescent="0.25">
      <c r="A11680" s="3">
        <v>41948.540011574078</v>
      </c>
      <c r="B11680" s="6">
        <v>194438.69999999998</v>
      </c>
      <c r="C11680" s="7">
        <f t="shared" si="182"/>
        <v>194.43869999999998</v>
      </c>
      <c r="I11680" s="1"/>
    </row>
    <row r="11681" spans="1:9" x14ac:dyDescent="0.25">
      <c r="A11681" s="3">
        <v>41948.540150462963</v>
      </c>
      <c r="B11681" s="6">
        <v>194455.34999999998</v>
      </c>
      <c r="C11681" s="7">
        <f t="shared" si="182"/>
        <v>194.45534999999998</v>
      </c>
      <c r="I11681" s="1"/>
    </row>
    <row r="11682" spans="1:9" x14ac:dyDescent="0.25">
      <c r="A11682" s="3">
        <v>41948.541250000002</v>
      </c>
      <c r="B11682" s="6">
        <v>194471.99999999997</v>
      </c>
      <c r="C11682" s="7">
        <f t="shared" si="182"/>
        <v>194.47199999999998</v>
      </c>
      <c r="I11682" s="1"/>
    </row>
    <row r="11683" spans="1:9" x14ac:dyDescent="0.25">
      <c r="A11683" s="3">
        <v>41948.541354166664</v>
      </c>
      <c r="B11683" s="6">
        <v>194488.65</v>
      </c>
      <c r="C11683" s="7">
        <f t="shared" si="182"/>
        <v>194.48865000000001</v>
      </c>
      <c r="I11683" s="1"/>
    </row>
    <row r="11684" spans="1:9" x14ac:dyDescent="0.25">
      <c r="A11684" s="3">
        <v>41948.542708333334</v>
      </c>
      <c r="B11684" s="6">
        <v>194505.3</v>
      </c>
      <c r="C11684" s="7">
        <f t="shared" si="182"/>
        <v>194.50529999999998</v>
      </c>
      <c r="I11684" s="1"/>
    </row>
    <row r="11685" spans="1:9" x14ac:dyDescent="0.25">
      <c r="A11685" s="3">
        <v>41948.54277777778</v>
      </c>
      <c r="B11685" s="6">
        <v>194521.94999999998</v>
      </c>
      <c r="C11685" s="7">
        <f t="shared" si="182"/>
        <v>194.52194999999998</v>
      </c>
      <c r="I11685" s="1"/>
    </row>
    <row r="11686" spans="1:9" x14ac:dyDescent="0.25">
      <c r="A11686" s="3">
        <v>41948.543877314813</v>
      </c>
      <c r="B11686" s="6">
        <v>194538.59999999998</v>
      </c>
      <c r="C11686" s="7">
        <f t="shared" si="182"/>
        <v>194.53859999999997</v>
      </c>
      <c r="I11686" s="1"/>
    </row>
    <row r="11687" spans="1:9" x14ac:dyDescent="0.25">
      <c r="A11687" s="3">
        <v>41948.544027777774</v>
      </c>
      <c r="B11687" s="6">
        <v>194555.24999999997</v>
      </c>
      <c r="C11687" s="7">
        <f t="shared" si="182"/>
        <v>194.55524999999997</v>
      </c>
      <c r="I11687" s="1"/>
    </row>
    <row r="11688" spans="1:9" x14ac:dyDescent="0.25">
      <c r="A11688" s="3">
        <v>41948.545173611114</v>
      </c>
      <c r="B11688" s="6">
        <v>194571.9</v>
      </c>
      <c r="C11688" s="7">
        <f t="shared" si="182"/>
        <v>194.5719</v>
      </c>
      <c r="I11688" s="1"/>
    </row>
    <row r="11689" spans="1:9" x14ac:dyDescent="0.25">
      <c r="A11689" s="3">
        <v>41948.545219907406</v>
      </c>
      <c r="B11689" s="6">
        <v>194588.55</v>
      </c>
      <c r="C11689" s="7">
        <f t="shared" si="182"/>
        <v>194.58855</v>
      </c>
      <c r="I11689" s="1"/>
    </row>
    <row r="11690" spans="1:9" x14ac:dyDescent="0.25">
      <c r="A11690" s="3">
        <v>41948.546238425923</v>
      </c>
      <c r="B11690" s="6">
        <v>194605.19999999998</v>
      </c>
      <c r="C11690" s="7">
        <f t="shared" si="182"/>
        <v>194.6052</v>
      </c>
      <c r="I11690" s="1"/>
    </row>
    <row r="11691" spans="1:9" x14ac:dyDescent="0.25">
      <c r="A11691" s="3">
        <v>41948.546296296299</v>
      </c>
      <c r="B11691" s="6">
        <v>194621.84999999998</v>
      </c>
      <c r="C11691" s="7">
        <f t="shared" si="182"/>
        <v>194.62184999999997</v>
      </c>
      <c r="I11691" s="1"/>
    </row>
    <row r="11692" spans="1:9" x14ac:dyDescent="0.25">
      <c r="A11692" s="3">
        <v>41948.547743055555</v>
      </c>
      <c r="B11692" s="6">
        <v>194638.49999999997</v>
      </c>
      <c r="C11692" s="7">
        <f t="shared" si="182"/>
        <v>194.63849999999996</v>
      </c>
      <c r="I11692" s="1"/>
    </row>
    <row r="11693" spans="1:9" x14ac:dyDescent="0.25">
      <c r="A11693" s="3">
        <v>41948.547858796293</v>
      </c>
      <c r="B11693" s="6">
        <v>194655.15</v>
      </c>
      <c r="C11693" s="7">
        <f t="shared" si="182"/>
        <v>194.65514999999999</v>
      </c>
      <c r="I11693" s="1"/>
    </row>
    <row r="11694" spans="1:9" x14ac:dyDescent="0.25">
      <c r="A11694" s="3">
        <v>41948.549212962964</v>
      </c>
      <c r="B11694" s="6">
        <v>194671.8</v>
      </c>
      <c r="C11694" s="7">
        <f t="shared" si="182"/>
        <v>194.67179999999999</v>
      </c>
      <c r="I11694" s="1"/>
    </row>
    <row r="11695" spans="1:9" x14ac:dyDescent="0.25">
      <c r="A11695" s="3">
        <v>41948.549340277779</v>
      </c>
      <c r="B11695" s="6">
        <v>194688.44999999998</v>
      </c>
      <c r="C11695" s="7">
        <f t="shared" si="182"/>
        <v>194.68844999999999</v>
      </c>
      <c r="I11695" s="1"/>
    </row>
    <row r="11696" spans="1:9" x14ac:dyDescent="0.25">
      <c r="A11696" s="3">
        <v>41948.550451388888</v>
      </c>
      <c r="B11696" s="6">
        <v>194705.09999999998</v>
      </c>
      <c r="C11696" s="7">
        <f t="shared" si="182"/>
        <v>194.70509999999999</v>
      </c>
      <c r="I11696" s="1"/>
    </row>
    <row r="11697" spans="1:9" x14ac:dyDescent="0.25">
      <c r="A11697" s="3">
        <v>41948.550532407404</v>
      </c>
      <c r="B11697" s="6">
        <v>194721.74999999997</v>
      </c>
      <c r="C11697" s="7">
        <f t="shared" si="182"/>
        <v>194.72174999999996</v>
      </c>
      <c r="I11697" s="1"/>
    </row>
    <row r="11698" spans="1:9" x14ac:dyDescent="0.25">
      <c r="A11698" s="3">
        <v>41948.551516203705</v>
      </c>
      <c r="B11698" s="6">
        <v>194738.4</v>
      </c>
      <c r="C11698" s="7">
        <f t="shared" si="182"/>
        <v>194.73839999999998</v>
      </c>
      <c r="I11698" s="1"/>
    </row>
    <row r="11699" spans="1:9" x14ac:dyDescent="0.25">
      <c r="A11699" s="3">
        <v>41948.551666666666</v>
      </c>
      <c r="B11699" s="6">
        <v>194755.05</v>
      </c>
      <c r="C11699" s="7">
        <f t="shared" si="182"/>
        <v>194.75504999999998</v>
      </c>
      <c r="I11699" s="1"/>
    </row>
    <row r="11700" spans="1:9" x14ac:dyDescent="0.25">
      <c r="A11700" s="3">
        <v>41948.553506944445</v>
      </c>
      <c r="B11700" s="6">
        <v>194771.69999999998</v>
      </c>
      <c r="C11700" s="7">
        <f t="shared" si="182"/>
        <v>194.77169999999998</v>
      </c>
      <c r="I11700" s="1"/>
    </row>
    <row r="11701" spans="1:9" x14ac:dyDescent="0.25">
      <c r="A11701" s="3">
        <v>41948.553587962961</v>
      </c>
      <c r="B11701" s="6">
        <v>194788.34999999998</v>
      </c>
      <c r="C11701" s="7">
        <f t="shared" si="182"/>
        <v>194.78834999999998</v>
      </c>
      <c r="I11701" s="1"/>
    </row>
    <row r="11702" spans="1:9" x14ac:dyDescent="0.25">
      <c r="A11702" s="3">
        <v>41948.554537037038</v>
      </c>
      <c r="B11702" s="6">
        <v>194804.99999999997</v>
      </c>
      <c r="C11702" s="7">
        <f t="shared" si="182"/>
        <v>194.80499999999998</v>
      </c>
      <c r="I11702" s="1"/>
    </row>
    <row r="11703" spans="1:9" x14ac:dyDescent="0.25">
      <c r="A11703" s="3">
        <v>41948.554618055554</v>
      </c>
      <c r="B11703" s="6">
        <v>194821.65</v>
      </c>
      <c r="C11703" s="7">
        <f t="shared" si="182"/>
        <v>194.82165000000001</v>
      </c>
      <c r="I11703" s="1"/>
    </row>
    <row r="11704" spans="1:9" x14ac:dyDescent="0.25">
      <c r="A11704" s="3">
        <v>41948.55537037037</v>
      </c>
      <c r="B11704" s="6">
        <v>194838.3</v>
      </c>
      <c r="C11704" s="7">
        <f t="shared" si="182"/>
        <v>194.83829999999998</v>
      </c>
      <c r="I11704" s="1"/>
    </row>
    <row r="11705" spans="1:9" x14ac:dyDescent="0.25">
      <c r="A11705" s="3">
        <v>41948.555486111109</v>
      </c>
      <c r="B11705" s="6">
        <v>194854.94999999998</v>
      </c>
      <c r="C11705" s="7">
        <f t="shared" si="182"/>
        <v>194.85494999999997</v>
      </c>
      <c r="I11705" s="1"/>
    </row>
    <row r="11706" spans="1:9" x14ac:dyDescent="0.25">
      <c r="A11706" s="3">
        <v>41948.556342592594</v>
      </c>
      <c r="B11706" s="6">
        <v>194871.59999999998</v>
      </c>
      <c r="C11706" s="7">
        <f t="shared" si="182"/>
        <v>194.87159999999997</v>
      </c>
      <c r="I11706" s="1"/>
    </row>
    <row r="11707" spans="1:9" x14ac:dyDescent="0.25">
      <c r="A11707" s="3">
        <v>41948.556458333333</v>
      </c>
      <c r="B11707" s="6">
        <v>194888.24999999997</v>
      </c>
      <c r="C11707" s="7">
        <f t="shared" si="182"/>
        <v>194.88824999999997</v>
      </c>
      <c r="I11707" s="1"/>
    </row>
    <row r="11708" spans="1:9" x14ac:dyDescent="0.25">
      <c r="A11708" s="3">
        <v>41948.557303240741</v>
      </c>
      <c r="B11708" s="6">
        <v>194904.9</v>
      </c>
      <c r="C11708" s="7">
        <f t="shared" si="182"/>
        <v>194.9049</v>
      </c>
      <c r="I11708" s="1"/>
    </row>
    <row r="11709" spans="1:9" x14ac:dyDescent="0.25">
      <c r="A11709" s="3">
        <v>41948.557372685187</v>
      </c>
      <c r="B11709" s="6">
        <v>194921.55</v>
      </c>
      <c r="C11709" s="7">
        <f t="shared" si="182"/>
        <v>194.92155</v>
      </c>
      <c r="I11709" s="1"/>
    </row>
    <row r="11710" spans="1:9" x14ac:dyDescent="0.25">
      <c r="A11710" s="3">
        <v>41948.558009259257</v>
      </c>
      <c r="B11710" s="6">
        <v>194938.19999999998</v>
      </c>
      <c r="C11710" s="7">
        <f t="shared" si="182"/>
        <v>194.93819999999999</v>
      </c>
      <c r="I11710" s="1"/>
    </row>
    <row r="11711" spans="1:9" x14ac:dyDescent="0.25">
      <c r="A11711" s="3">
        <v>41948.55809027778</v>
      </c>
      <c r="B11711" s="6">
        <v>194954.84999999998</v>
      </c>
      <c r="C11711" s="7">
        <f t="shared" si="182"/>
        <v>194.95484999999996</v>
      </c>
      <c r="I11711" s="1"/>
    </row>
    <row r="11712" spans="1:9" x14ac:dyDescent="0.25">
      <c r="A11712" s="3">
        <v>41948.559189814812</v>
      </c>
      <c r="B11712" s="6">
        <v>194971.49999999997</v>
      </c>
      <c r="C11712" s="7">
        <f t="shared" si="182"/>
        <v>194.97149999999996</v>
      </c>
      <c r="I11712" s="1"/>
    </row>
    <row r="11713" spans="1:9" x14ac:dyDescent="0.25">
      <c r="A11713" s="3">
        <v>41948.559293981481</v>
      </c>
      <c r="B11713" s="6">
        <v>194988.15</v>
      </c>
      <c r="C11713" s="7">
        <f t="shared" si="182"/>
        <v>194.98814999999999</v>
      </c>
      <c r="I11713" s="1"/>
    </row>
    <row r="11714" spans="1:9" x14ac:dyDescent="0.25">
      <c r="A11714" s="3">
        <v>41948.560185185182</v>
      </c>
      <c r="B11714" s="6">
        <v>195004.79999999999</v>
      </c>
      <c r="C11714" s="7">
        <f t="shared" si="182"/>
        <v>195.00479999999999</v>
      </c>
      <c r="I11714" s="1"/>
    </row>
    <row r="11715" spans="1:9" x14ac:dyDescent="0.25">
      <c r="A11715" s="3">
        <v>41948.560289351852</v>
      </c>
      <c r="B11715" s="6">
        <v>195021.44999999998</v>
      </c>
      <c r="C11715" s="7">
        <f t="shared" ref="C11715:C11778" si="183">B11715/1000</f>
        <v>195.02144999999999</v>
      </c>
      <c r="I11715" s="1"/>
    </row>
    <row r="11716" spans="1:9" x14ac:dyDescent="0.25">
      <c r="A11716" s="3">
        <v>41948.561365740738</v>
      </c>
      <c r="B11716" s="6">
        <v>195038.09999999998</v>
      </c>
      <c r="C11716" s="7">
        <f t="shared" si="183"/>
        <v>195.03809999999999</v>
      </c>
      <c r="I11716" s="1"/>
    </row>
    <row r="11717" spans="1:9" x14ac:dyDescent="0.25">
      <c r="A11717" s="3">
        <v>41948.56181712963</v>
      </c>
      <c r="B11717" s="6">
        <v>195054.74999999997</v>
      </c>
      <c r="C11717" s="7">
        <f t="shared" si="183"/>
        <v>195.05474999999998</v>
      </c>
      <c r="I11717" s="1"/>
    </row>
    <row r="11718" spans="1:9" x14ac:dyDescent="0.25">
      <c r="A11718" s="3">
        <v>41948.563217592593</v>
      </c>
      <c r="B11718" s="6">
        <v>195071.4</v>
      </c>
      <c r="C11718" s="7">
        <f t="shared" si="183"/>
        <v>195.07139999999998</v>
      </c>
      <c r="I11718" s="1"/>
    </row>
    <row r="11719" spans="1:9" x14ac:dyDescent="0.25">
      <c r="A11719" s="3">
        <v>41948.563391203701</v>
      </c>
      <c r="B11719" s="6">
        <v>195088.05</v>
      </c>
      <c r="C11719" s="7">
        <f t="shared" si="183"/>
        <v>195.08804999999998</v>
      </c>
      <c r="I11719" s="1"/>
    </row>
    <row r="11720" spans="1:9" x14ac:dyDescent="0.25">
      <c r="A11720" s="3">
        <v>41948.564560185187</v>
      </c>
      <c r="B11720" s="6">
        <v>195104.69999999998</v>
      </c>
      <c r="C11720" s="7">
        <f t="shared" si="183"/>
        <v>195.10469999999998</v>
      </c>
      <c r="I11720" s="1"/>
    </row>
    <row r="11721" spans="1:9" x14ac:dyDescent="0.25">
      <c r="A11721" s="3">
        <v>41948.564629629633</v>
      </c>
      <c r="B11721" s="6">
        <v>195121.34999999998</v>
      </c>
      <c r="C11721" s="7">
        <f t="shared" si="183"/>
        <v>195.12134999999998</v>
      </c>
      <c r="I11721" s="1"/>
    </row>
    <row r="11722" spans="1:9" x14ac:dyDescent="0.25">
      <c r="A11722" s="3">
        <v>41948.56517361111</v>
      </c>
      <c r="B11722" s="6">
        <v>195137.99999999997</v>
      </c>
      <c r="C11722" s="7">
        <f t="shared" si="183"/>
        <v>195.13799999999998</v>
      </c>
      <c r="I11722" s="1"/>
    </row>
    <row r="11723" spans="1:9" x14ac:dyDescent="0.25">
      <c r="A11723" s="3">
        <v>41948.565243055556</v>
      </c>
      <c r="B11723" s="6">
        <v>195154.65</v>
      </c>
      <c r="C11723" s="7">
        <f t="shared" si="183"/>
        <v>195.15465</v>
      </c>
      <c r="I11723" s="1"/>
    </row>
    <row r="11724" spans="1:9" x14ac:dyDescent="0.25">
      <c r="A11724" s="3">
        <v>41948.566458333335</v>
      </c>
      <c r="B11724" s="6">
        <v>195171.3</v>
      </c>
      <c r="C11724" s="7">
        <f t="shared" si="183"/>
        <v>195.1713</v>
      </c>
      <c r="I11724" s="1"/>
    </row>
    <row r="11725" spans="1:9" x14ac:dyDescent="0.25">
      <c r="A11725" s="3">
        <v>41948.566608796296</v>
      </c>
      <c r="B11725" s="6">
        <v>195187.94999999998</v>
      </c>
      <c r="C11725" s="7">
        <f t="shared" si="183"/>
        <v>195.18794999999997</v>
      </c>
      <c r="I11725" s="1"/>
    </row>
    <row r="11726" spans="1:9" x14ac:dyDescent="0.25">
      <c r="A11726" s="3">
        <v>41948.56759259259</v>
      </c>
      <c r="B11726" s="6">
        <v>195204.59999999998</v>
      </c>
      <c r="C11726" s="7">
        <f t="shared" si="183"/>
        <v>195.20459999999997</v>
      </c>
      <c r="I11726" s="1"/>
    </row>
    <row r="11727" spans="1:9" x14ac:dyDescent="0.25">
      <c r="A11727" s="3">
        <v>41948.567685185182</v>
      </c>
      <c r="B11727" s="6">
        <v>195221.24999999997</v>
      </c>
      <c r="C11727" s="7">
        <f t="shared" si="183"/>
        <v>195.22124999999997</v>
      </c>
      <c r="I11727" s="1"/>
    </row>
    <row r="11728" spans="1:9" x14ac:dyDescent="0.25">
      <c r="A11728" s="3">
        <v>41948.568425925929</v>
      </c>
      <c r="B11728" s="6">
        <v>195237.9</v>
      </c>
      <c r="C11728" s="7">
        <f t="shared" si="183"/>
        <v>195.2379</v>
      </c>
      <c r="I11728" s="1"/>
    </row>
    <row r="11729" spans="1:9" x14ac:dyDescent="0.25">
      <c r="A11729" s="3">
        <v>41948.568541666667</v>
      </c>
      <c r="B11729" s="6">
        <v>195254.55</v>
      </c>
      <c r="C11729" s="7">
        <f t="shared" si="183"/>
        <v>195.25454999999999</v>
      </c>
      <c r="I11729" s="1"/>
    </row>
    <row r="11730" spans="1:9" x14ac:dyDescent="0.25">
      <c r="A11730" s="3">
        <v>41948.570208333331</v>
      </c>
      <c r="B11730" s="6">
        <v>195271.19999999998</v>
      </c>
      <c r="C11730" s="7">
        <f t="shared" si="183"/>
        <v>195.27119999999999</v>
      </c>
      <c r="I11730" s="1"/>
    </row>
    <row r="11731" spans="1:9" x14ac:dyDescent="0.25">
      <c r="A11731" s="3">
        <v>41948.570856481485</v>
      </c>
      <c r="B11731" s="6">
        <v>195287.84999999998</v>
      </c>
      <c r="C11731" s="7">
        <f t="shared" si="183"/>
        <v>195.28784999999996</v>
      </c>
      <c r="I11731" s="1"/>
    </row>
    <row r="11732" spans="1:9" x14ac:dyDescent="0.25">
      <c r="A11732" s="3">
        <v>41948.572060185186</v>
      </c>
      <c r="B11732" s="6">
        <v>195304.49999999997</v>
      </c>
      <c r="C11732" s="7">
        <f t="shared" si="183"/>
        <v>195.30449999999996</v>
      </c>
      <c r="I11732" s="1"/>
    </row>
    <row r="11733" spans="1:9" x14ac:dyDescent="0.25">
      <c r="A11733" s="3">
        <v>41948.572199074071</v>
      </c>
      <c r="B11733" s="6">
        <v>195321.15</v>
      </c>
      <c r="C11733" s="7">
        <f t="shared" si="183"/>
        <v>195.32114999999999</v>
      </c>
      <c r="I11733" s="1"/>
    </row>
    <row r="11734" spans="1:9" x14ac:dyDescent="0.25">
      <c r="A11734" s="3">
        <v>41948.573425925926</v>
      </c>
      <c r="B11734" s="6">
        <v>195337.8</v>
      </c>
      <c r="C11734" s="7">
        <f t="shared" si="183"/>
        <v>195.33779999999999</v>
      </c>
      <c r="I11734" s="1"/>
    </row>
    <row r="11735" spans="1:9" x14ac:dyDescent="0.25">
      <c r="A11735" s="3">
        <v>41948.573553240742</v>
      </c>
      <c r="B11735" s="6">
        <v>195354.44999999998</v>
      </c>
      <c r="C11735" s="7">
        <f t="shared" si="183"/>
        <v>195.35444999999999</v>
      </c>
      <c r="I11735" s="1"/>
    </row>
    <row r="11736" spans="1:9" x14ac:dyDescent="0.25">
      <c r="A11736" s="3">
        <v>41948.574664351851</v>
      </c>
      <c r="B11736" s="6">
        <v>195371.09999999998</v>
      </c>
      <c r="C11736" s="7">
        <f t="shared" si="183"/>
        <v>195.37109999999998</v>
      </c>
      <c r="I11736" s="1"/>
    </row>
    <row r="11737" spans="1:9" x14ac:dyDescent="0.25">
      <c r="A11737" s="3">
        <v>41948.57476851852</v>
      </c>
      <c r="B11737" s="6">
        <v>195387.74999999997</v>
      </c>
      <c r="C11737" s="7">
        <f t="shared" si="183"/>
        <v>195.38774999999998</v>
      </c>
      <c r="I11737" s="1"/>
    </row>
    <row r="11738" spans="1:9" x14ac:dyDescent="0.25">
      <c r="A11738" s="3">
        <v>41948.575578703705</v>
      </c>
      <c r="B11738" s="6">
        <v>195404.4</v>
      </c>
      <c r="C11738" s="7">
        <f t="shared" si="183"/>
        <v>195.40439999999998</v>
      </c>
      <c r="I11738" s="1"/>
    </row>
    <row r="11739" spans="1:9" x14ac:dyDescent="0.25">
      <c r="A11739" s="3">
        <v>41948.575740740744</v>
      </c>
      <c r="B11739" s="6">
        <v>195421.05</v>
      </c>
      <c r="C11739" s="7">
        <f t="shared" si="183"/>
        <v>195.42104999999998</v>
      </c>
      <c r="I11739" s="1"/>
    </row>
    <row r="11740" spans="1:9" x14ac:dyDescent="0.25">
      <c r="A11740" s="3">
        <v>41948.57644675926</v>
      </c>
      <c r="B11740" s="6">
        <v>195437.69999999998</v>
      </c>
      <c r="C11740" s="7">
        <f t="shared" si="183"/>
        <v>195.43769999999998</v>
      </c>
      <c r="I11740" s="1"/>
    </row>
    <row r="11741" spans="1:9" x14ac:dyDescent="0.25">
      <c r="A11741" s="3">
        <v>41948.576597222222</v>
      </c>
      <c r="B11741" s="6">
        <v>195454.34999999998</v>
      </c>
      <c r="C11741" s="7">
        <f t="shared" si="183"/>
        <v>195.45434999999998</v>
      </c>
      <c r="I11741" s="1"/>
    </row>
    <row r="11742" spans="1:9" x14ac:dyDescent="0.25">
      <c r="A11742" s="3">
        <v>41948.577800925923</v>
      </c>
      <c r="B11742" s="6">
        <v>195470.99999999997</v>
      </c>
      <c r="C11742" s="7">
        <f t="shared" si="183"/>
        <v>195.47099999999998</v>
      </c>
      <c r="I11742" s="1"/>
    </row>
    <row r="11743" spans="1:9" x14ac:dyDescent="0.25">
      <c r="A11743" s="3">
        <v>41948.577939814815</v>
      </c>
      <c r="B11743" s="6">
        <v>195487.65</v>
      </c>
      <c r="C11743" s="7">
        <f t="shared" si="183"/>
        <v>195.48765</v>
      </c>
      <c r="I11743" s="1"/>
    </row>
    <row r="11744" spans="1:9" x14ac:dyDescent="0.25">
      <c r="A11744" s="3">
        <v>41948.579085648147</v>
      </c>
      <c r="B11744" s="6">
        <v>195504.3</v>
      </c>
      <c r="C11744" s="7">
        <f t="shared" si="183"/>
        <v>195.5043</v>
      </c>
      <c r="I11744" s="1"/>
    </row>
    <row r="11745" spans="1:9" x14ac:dyDescent="0.25">
      <c r="A11745" s="3">
        <v>41948.579131944447</v>
      </c>
      <c r="B11745" s="6">
        <v>195520.94999999998</v>
      </c>
      <c r="C11745" s="7">
        <f t="shared" si="183"/>
        <v>195.52094999999997</v>
      </c>
      <c r="I11745" s="1"/>
    </row>
    <row r="11746" spans="1:9" x14ac:dyDescent="0.25">
      <c r="A11746" s="3">
        <v>41948.57980324074</v>
      </c>
      <c r="B11746" s="6">
        <v>195537.59999999998</v>
      </c>
      <c r="C11746" s="7">
        <f t="shared" si="183"/>
        <v>195.53759999999997</v>
      </c>
      <c r="I11746" s="1"/>
    </row>
    <row r="11747" spans="1:9" x14ac:dyDescent="0.25">
      <c r="A11747" s="3">
        <v>41948.579884259256</v>
      </c>
      <c r="B11747" s="6">
        <v>195554.24999999997</v>
      </c>
      <c r="C11747" s="7">
        <f t="shared" si="183"/>
        <v>195.55424999999997</v>
      </c>
      <c r="I11747" s="1"/>
    </row>
    <row r="11748" spans="1:9" x14ac:dyDescent="0.25">
      <c r="A11748" s="3">
        <v>41948.580671296295</v>
      </c>
      <c r="B11748" s="6">
        <v>195570.9</v>
      </c>
      <c r="C11748" s="7">
        <f t="shared" si="183"/>
        <v>195.57089999999999</v>
      </c>
      <c r="I11748" s="1"/>
    </row>
    <row r="11749" spans="1:9" x14ac:dyDescent="0.25">
      <c r="A11749" s="3">
        <v>41948.58079861111</v>
      </c>
      <c r="B11749" s="6">
        <v>195587.55</v>
      </c>
      <c r="C11749" s="7">
        <f t="shared" si="183"/>
        <v>195.58754999999999</v>
      </c>
      <c r="I11749" s="1"/>
    </row>
    <row r="11750" spans="1:9" x14ac:dyDescent="0.25">
      <c r="A11750" s="3">
        <v>41948.58184027778</v>
      </c>
      <c r="B11750" s="6">
        <v>195604.19999999998</v>
      </c>
      <c r="C11750" s="7">
        <f t="shared" si="183"/>
        <v>195.60419999999999</v>
      </c>
      <c r="I11750" s="1"/>
    </row>
    <row r="11751" spans="1:9" x14ac:dyDescent="0.25">
      <c r="A11751" s="3">
        <v>41948.582106481481</v>
      </c>
      <c r="B11751" s="6">
        <v>195620.84999999998</v>
      </c>
      <c r="C11751" s="7">
        <f t="shared" si="183"/>
        <v>195.62084999999999</v>
      </c>
      <c r="I11751" s="1"/>
    </row>
    <row r="11752" spans="1:9" x14ac:dyDescent="0.25">
      <c r="A11752" s="3">
        <v>41948.583368055559</v>
      </c>
      <c r="B11752" s="6">
        <v>195637.49999999997</v>
      </c>
      <c r="C11752" s="7">
        <f t="shared" si="183"/>
        <v>195.63749999999996</v>
      </c>
      <c r="I11752" s="1"/>
    </row>
    <row r="11753" spans="1:9" x14ac:dyDescent="0.25">
      <c r="A11753" s="3">
        <v>41948.583460648151</v>
      </c>
      <c r="B11753" s="6">
        <v>195654.15</v>
      </c>
      <c r="C11753" s="7">
        <f t="shared" si="183"/>
        <v>195.65414999999999</v>
      </c>
      <c r="I11753" s="1"/>
    </row>
    <row r="11754" spans="1:9" x14ac:dyDescent="0.25">
      <c r="A11754" s="3">
        <v>41948.584270833337</v>
      </c>
      <c r="B11754" s="6">
        <v>195670.8</v>
      </c>
      <c r="C11754" s="7">
        <f t="shared" si="183"/>
        <v>195.67079999999999</v>
      </c>
      <c r="I11754" s="1"/>
    </row>
    <row r="11755" spans="1:9" x14ac:dyDescent="0.25">
      <c r="A11755" s="3">
        <v>41948.584328703706</v>
      </c>
      <c r="B11755" s="6">
        <v>195687.44999999998</v>
      </c>
      <c r="C11755" s="7">
        <f t="shared" si="183"/>
        <v>195.68744999999998</v>
      </c>
      <c r="I11755" s="1"/>
    </row>
    <row r="11756" spans="1:9" x14ac:dyDescent="0.25">
      <c r="A11756" s="3">
        <v>41948.584872685184</v>
      </c>
      <c r="B11756" s="6">
        <v>195704.09999999998</v>
      </c>
      <c r="C11756" s="7">
        <f t="shared" si="183"/>
        <v>195.70409999999998</v>
      </c>
      <c r="I11756" s="1"/>
    </row>
    <row r="11757" spans="1:9" x14ac:dyDescent="0.25">
      <c r="A11757" s="3">
        <v>41948.584965277776</v>
      </c>
      <c r="B11757" s="6">
        <v>195720.74999999997</v>
      </c>
      <c r="C11757" s="7">
        <f t="shared" si="183"/>
        <v>195.72074999999998</v>
      </c>
      <c r="I11757" s="1"/>
    </row>
    <row r="11758" spans="1:9" x14ac:dyDescent="0.25">
      <c r="A11758" s="3">
        <v>41948.585798611108</v>
      </c>
      <c r="B11758" s="6">
        <v>195737.4</v>
      </c>
      <c r="C11758" s="7">
        <f t="shared" si="183"/>
        <v>195.73740000000001</v>
      </c>
      <c r="I11758" s="1"/>
    </row>
    <row r="11759" spans="1:9" x14ac:dyDescent="0.25">
      <c r="A11759" s="3">
        <v>41948.5858912037</v>
      </c>
      <c r="B11759" s="6">
        <v>195754.05</v>
      </c>
      <c r="C11759" s="7">
        <f t="shared" si="183"/>
        <v>195.75404999999998</v>
      </c>
      <c r="I11759" s="1"/>
    </row>
    <row r="11760" spans="1:9" x14ac:dyDescent="0.25">
      <c r="A11760" s="3">
        <v>41948.58693287037</v>
      </c>
      <c r="B11760" s="6">
        <v>195770.69999999998</v>
      </c>
      <c r="C11760" s="7">
        <f t="shared" si="183"/>
        <v>195.77069999999998</v>
      </c>
      <c r="I11760" s="1"/>
    </row>
    <row r="11761" spans="1:9" x14ac:dyDescent="0.25">
      <c r="A11761" s="3">
        <v>41948.58699074074</v>
      </c>
      <c r="B11761" s="6">
        <v>195787.34999999998</v>
      </c>
      <c r="C11761" s="7">
        <f t="shared" si="183"/>
        <v>195.78734999999998</v>
      </c>
      <c r="I11761" s="1"/>
    </row>
    <row r="11762" spans="1:9" x14ac:dyDescent="0.25">
      <c r="A11762" s="3">
        <v>41948.587685185186</v>
      </c>
      <c r="B11762" s="6">
        <v>195803.99999999997</v>
      </c>
      <c r="C11762" s="7">
        <f t="shared" si="183"/>
        <v>195.80399999999997</v>
      </c>
      <c r="I11762" s="1"/>
    </row>
    <row r="11763" spans="1:9" x14ac:dyDescent="0.25">
      <c r="A11763" s="3">
        <v>41948.587731481479</v>
      </c>
      <c r="B11763" s="6">
        <v>195820.65</v>
      </c>
      <c r="C11763" s="7">
        <f t="shared" si="183"/>
        <v>195.82065</v>
      </c>
      <c r="I11763" s="1"/>
    </row>
    <row r="11764" spans="1:9" x14ac:dyDescent="0.25">
      <c r="A11764" s="3">
        <v>41948.588576388887</v>
      </c>
      <c r="B11764" s="6">
        <v>195837.3</v>
      </c>
      <c r="C11764" s="7">
        <f t="shared" si="183"/>
        <v>195.8373</v>
      </c>
      <c r="I11764" s="1"/>
    </row>
    <row r="11765" spans="1:9" x14ac:dyDescent="0.25">
      <c r="A11765" s="3">
        <v>41948.588645833333</v>
      </c>
      <c r="B11765" s="6">
        <v>195853.94999999998</v>
      </c>
      <c r="C11765" s="7">
        <f t="shared" si="183"/>
        <v>195.85394999999997</v>
      </c>
      <c r="I11765" s="1"/>
    </row>
    <row r="11766" spans="1:9" x14ac:dyDescent="0.25">
      <c r="A11766" s="3">
        <v>41948.58934027778</v>
      </c>
      <c r="B11766" s="6">
        <v>195870.59999999998</v>
      </c>
      <c r="C11766" s="7">
        <f t="shared" si="183"/>
        <v>195.87059999999997</v>
      </c>
      <c r="I11766" s="1"/>
    </row>
    <row r="11767" spans="1:9" x14ac:dyDescent="0.25">
      <c r="A11767" s="3">
        <v>41948.589409722219</v>
      </c>
      <c r="B11767" s="6">
        <v>195887.24999999997</v>
      </c>
      <c r="C11767" s="7">
        <f t="shared" si="183"/>
        <v>195.88724999999997</v>
      </c>
      <c r="I11767" s="1"/>
    </row>
    <row r="11768" spans="1:9" x14ac:dyDescent="0.25">
      <c r="A11768" s="3">
        <v>41948.590046296296</v>
      </c>
      <c r="B11768" s="6">
        <v>195903.9</v>
      </c>
      <c r="C11768" s="7">
        <f t="shared" si="183"/>
        <v>195.90389999999999</v>
      </c>
      <c r="I11768" s="1"/>
    </row>
    <row r="11769" spans="1:9" x14ac:dyDescent="0.25">
      <c r="A11769" s="3">
        <v>41948.590115740742</v>
      </c>
      <c r="B11769" s="6">
        <v>195920.55</v>
      </c>
      <c r="C11769" s="7">
        <f t="shared" si="183"/>
        <v>195.92054999999999</v>
      </c>
      <c r="I11769" s="1"/>
    </row>
    <row r="11770" spans="1:9" x14ac:dyDescent="0.25">
      <c r="A11770" s="3">
        <v>41948.59107638889</v>
      </c>
      <c r="B11770" s="6">
        <v>195937.19999999998</v>
      </c>
      <c r="C11770" s="7">
        <f t="shared" si="183"/>
        <v>195.93719999999999</v>
      </c>
      <c r="I11770" s="1"/>
    </row>
    <row r="11771" spans="1:9" x14ac:dyDescent="0.25">
      <c r="A11771" s="3">
        <v>41948.591111111113</v>
      </c>
      <c r="B11771" s="6">
        <v>195953.84999999998</v>
      </c>
      <c r="C11771" s="7">
        <f t="shared" si="183"/>
        <v>195.95384999999999</v>
      </c>
      <c r="I11771" s="1"/>
    </row>
    <row r="11772" spans="1:9" x14ac:dyDescent="0.25">
      <c r="A11772" s="3">
        <v>41948.592037037037</v>
      </c>
      <c r="B11772" s="6">
        <v>195970.49999999997</v>
      </c>
      <c r="C11772" s="7">
        <f t="shared" si="183"/>
        <v>195.97049999999996</v>
      </c>
      <c r="I11772" s="1"/>
    </row>
    <row r="11773" spans="1:9" x14ac:dyDescent="0.25">
      <c r="A11773" s="3">
        <v>41948.592129629629</v>
      </c>
      <c r="B11773" s="6">
        <v>195987.15</v>
      </c>
      <c r="C11773" s="7">
        <f t="shared" si="183"/>
        <v>195.98714999999999</v>
      </c>
      <c r="I11773" s="1"/>
    </row>
    <row r="11774" spans="1:9" x14ac:dyDescent="0.25">
      <c r="A11774" s="3">
        <v>41948.594097222223</v>
      </c>
      <c r="B11774" s="6">
        <v>196003.8</v>
      </c>
      <c r="C11774" s="7">
        <f t="shared" si="183"/>
        <v>196.00379999999998</v>
      </c>
      <c r="I11774" s="1"/>
    </row>
    <row r="11775" spans="1:9" x14ac:dyDescent="0.25">
      <c r="A11775" s="3">
        <v>41948.594270833331</v>
      </c>
      <c r="B11775" s="6">
        <v>196020.44999999998</v>
      </c>
      <c r="C11775" s="7">
        <f t="shared" si="183"/>
        <v>196.02044999999998</v>
      </c>
      <c r="I11775" s="1"/>
    </row>
    <row r="11776" spans="1:9" x14ac:dyDescent="0.25">
      <c r="A11776" s="3">
        <v>41948.595300925925</v>
      </c>
      <c r="B11776" s="6">
        <v>196037.09999999998</v>
      </c>
      <c r="C11776" s="7">
        <f t="shared" si="183"/>
        <v>196.03709999999998</v>
      </c>
      <c r="I11776" s="1"/>
    </row>
    <row r="11777" spans="1:9" x14ac:dyDescent="0.25">
      <c r="A11777" s="3">
        <v>41948.595370370371</v>
      </c>
      <c r="B11777" s="6">
        <v>196053.74999999997</v>
      </c>
      <c r="C11777" s="7">
        <f t="shared" si="183"/>
        <v>196.05374999999998</v>
      </c>
      <c r="I11777" s="1"/>
    </row>
    <row r="11778" spans="1:9" x14ac:dyDescent="0.25">
      <c r="A11778" s="3">
        <v>41948.596458333333</v>
      </c>
      <c r="B11778" s="6">
        <v>196070.39999999999</v>
      </c>
      <c r="C11778" s="7">
        <f t="shared" si="183"/>
        <v>196.07040000000001</v>
      </c>
      <c r="I11778" s="1"/>
    </row>
    <row r="11779" spans="1:9" x14ac:dyDescent="0.25">
      <c r="A11779" s="3">
        <v>41948.596828703703</v>
      </c>
      <c r="B11779" s="6">
        <v>196087.05</v>
      </c>
      <c r="C11779" s="7">
        <f t="shared" ref="C11779:C11842" si="184">B11779/1000</f>
        <v>196.08704999999998</v>
      </c>
      <c r="I11779" s="1"/>
    </row>
    <row r="11780" spans="1:9" x14ac:dyDescent="0.25">
      <c r="A11780" s="3">
        <v>41948.597766203704</v>
      </c>
      <c r="B11780" s="6">
        <v>196103.69999999998</v>
      </c>
      <c r="C11780" s="7">
        <f t="shared" si="184"/>
        <v>196.10369999999998</v>
      </c>
      <c r="I11780" s="1"/>
    </row>
    <row r="11781" spans="1:9" x14ac:dyDescent="0.25">
      <c r="A11781" s="3">
        <v>41948.597824074073</v>
      </c>
      <c r="B11781" s="6">
        <v>196120.34999999998</v>
      </c>
      <c r="C11781" s="7">
        <f t="shared" si="184"/>
        <v>196.12034999999997</v>
      </c>
      <c r="I11781" s="1"/>
    </row>
    <row r="11782" spans="1:9" x14ac:dyDescent="0.25">
      <c r="A11782" s="3">
        <v>41948.599050925928</v>
      </c>
      <c r="B11782" s="6">
        <v>196136.99999999997</v>
      </c>
      <c r="C11782" s="7">
        <f t="shared" si="184"/>
        <v>196.13699999999997</v>
      </c>
      <c r="I11782" s="1"/>
    </row>
    <row r="11783" spans="1:9" x14ac:dyDescent="0.25">
      <c r="A11783" s="3">
        <v>41948.599085648151</v>
      </c>
      <c r="B11783" s="6">
        <v>196153.65</v>
      </c>
      <c r="C11783" s="7">
        <f t="shared" si="184"/>
        <v>196.15365</v>
      </c>
      <c r="I11783" s="1"/>
    </row>
    <row r="11784" spans="1:9" x14ac:dyDescent="0.25">
      <c r="A11784" s="3">
        <v>41948.600023148145</v>
      </c>
      <c r="B11784" s="6">
        <v>196170.3</v>
      </c>
      <c r="C11784" s="7">
        <f t="shared" si="184"/>
        <v>196.1703</v>
      </c>
      <c r="I11784" s="1"/>
    </row>
    <row r="11785" spans="1:9" x14ac:dyDescent="0.25">
      <c r="A11785" s="3">
        <v>41948.600173611114</v>
      </c>
      <c r="B11785" s="6">
        <v>196186.94999999998</v>
      </c>
      <c r="C11785" s="7">
        <f t="shared" si="184"/>
        <v>196.18695</v>
      </c>
      <c r="I11785" s="1"/>
    </row>
    <row r="11786" spans="1:9" x14ac:dyDescent="0.25">
      <c r="A11786" s="3">
        <v>41948.602314814816</v>
      </c>
      <c r="B11786" s="6">
        <v>196203.59999999998</v>
      </c>
      <c r="C11786" s="7">
        <f t="shared" si="184"/>
        <v>196.20359999999997</v>
      </c>
      <c r="I11786" s="1"/>
    </row>
    <row r="11787" spans="1:9" x14ac:dyDescent="0.25">
      <c r="A11787" s="3">
        <v>41948.602685185186</v>
      </c>
      <c r="B11787" s="6">
        <v>196220.24999999997</v>
      </c>
      <c r="C11787" s="7">
        <f t="shared" si="184"/>
        <v>196.22024999999996</v>
      </c>
      <c r="I11787" s="1"/>
    </row>
    <row r="11788" spans="1:9" x14ac:dyDescent="0.25">
      <c r="A11788" s="3">
        <v>41948.603460648148</v>
      </c>
      <c r="B11788" s="6">
        <v>196236.9</v>
      </c>
      <c r="C11788" s="7">
        <f t="shared" si="184"/>
        <v>196.23689999999999</v>
      </c>
      <c r="I11788" s="1"/>
    </row>
    <row r="11789" spans="1:9" x14ac:dyDescent="0.25">
      <c r="A11789" s="3">
        <v>41948.603634259256</v>
      </c>
      <c r="B11789" s="6">
        <v>196253.55</v>
      </c>
      <c r="C11789" s="7">
        <f t="shared" si="184"/>
        <v>196.25354999999999</v>
      </c>
      <c r="I11789" s="1"/>
    </row>
    <row r="11790" spans="1:9" x14ac:dyDescent="0.25">
      <c r="A11790" s="3">
        <v>41948.604803240742</v>
      </c>
      <c r="B11790" s="6">
        <v>196270.19999999998</v>
      </c>
      <c r="C11790" s="7">
        <f t="shared" si="184"/>
        <v>196.27019999999999</v>
      </c>
      <c r="I11790" s="1"/>
    </row>
    <row r="11791" spans="1:9" x14ac:dyDescent="0.25">
      <c r="A11791" s="3">
        <v>41948.605046296296</v>
      </c>
      <c r="B11791" s="6">
        <v>196286.84999999998</v>
      </c>
      <c r="C11791" s="7">
        <f t="shared" si="184"/>
        <v>196.28684999999999</v>
      </c>
      <c r="I11791" s="1"/>
    </row>
    <row r="11792" spans="1:9" x14ac:dyDescent="0.25">
      <c r="A11792" s="3">
        <v>41948.607175925928</v>
      </c>
      <c r="B11792" s="6">
        <v>196303.49999999997</v>
      </c>
      <c r="C11792" s="7">
        <f t="shared" si="184"/>
        <v>196.30349999999996</v>
      </c>
      <c r="I11792" s="1"/>
    </row>
    <row r="11793" spans="1:9" x14ac:dyDescent="0.25">
      <c r="A11793" s="3">
        <v>41948.60728009259</v>
      </c>
      <c r="B11793" s="6">
        <v>196320.15</v>
      </c>
      <c r="C11793" s="7">
        <f t="shared" si="184"/>
        <v>196.32014999999998</v>
      </c>
      <c r="I11793" s="1"/>
    </row>
    <row r="11794" spans="1:9" x14ac:dyDescent="0.25">
      <c r="A11794" s="3">
        <v>41948.608622685184</v>
      </c>
      <c r="B11794" s="6">
        <v>196336.8</v>
      </c>
      <c r="C11794" s="7">
        <f t="shared" si="184"/>
        <v>196.33679999999998</v>
      </c>
      <c r="I11794" s="1"/>
    </row>
    <row r="11795" spans="1:9" x14ac:dyDescent="0.25">
      <c r="A11795" s="3">
        <v>41948.608773148146</v>
      </c>
      <c r="B11795" s="6">
        <v>196353.44999999998</v>
      </c>
      <c r="C11795" s="7">
        <f t="shared" si="184"/>
        <v>196.35344999999998</v>
      </c>
      <c r="I11795" s="1"/>
    </row>
    <row r="11796" spans="1:9" x14ac:dyDescent="0.25">
      <c r="A11796" s="3">
        <v>41948.610011574077</v>
      </c>
      <c r="B11796" s="6">
        <v>196370.09999999998</v>
      </c>
      <c r="C11796" s="7">
        <f t="shared" si="184"/>
        <v>196.37009999999998</v>
      </c>
      <c r="I11796" s="1"/>
    </row>
    <row r="11797" spans="1:9" x14ac:dyDescent="0.25">
      <c r="A11797" s="3">
        <v>41948.610081018516</v>
      </c>
      <c r="B11797" s="6">
        <v>196386.74999999997</v>
      </c>
      <c r="C11797" s="7">
        <f t="shared" si="184"/>
        <v>196.38674999999998</v>
      </c>
      <c r="I11797" s="1"/>
    </row>
    <row r="11798" spans="1:9" x14ac:dyDescent="0.25">
      <c r="A11798" s="3">
        <v>41948.611435185187</v>
      </c>
      <c r="B11798" s="6">
        <v>196403.4</v>
      </c>
      <c r="C11798" s="7">
        <f t="shared" si="184"/>
        <v>196.4034</v>
      </c>
      <c r="I11798" s="1"/>
    </row>
    <row r="11799" spans="1:9" x14ac:dyDescent="0.25">
      <c r="A11799" s="3">
        <v>41948.611539351848</v>
      </c>
      <c r="B11799" s="6">
        <v>196420.05</v>
      </c>
      <c r="C11799" s="7">
        <f t="shared" si="184"/>
        <v>196.42004999999997</v>
      </c>
      <c r="I11799" s="1"/>
    </row>
    <row r="11800" spans="1:9" x14ac:dyDescent="0.25">
      <c r="A11800" s="3">
        <v>41948.612523148149</v>
      </c>
      <c r="B11800" s="6">
        <v>196436.69999999998</v>
      </c>
      <c r="C11800" s="7">
        <f t="shared" si="184"/>
        <v>196.43669999999997</v>
      </c>
      <c r="I11800" s="1"/>
    </row>
    <row r="11801" spans="1:9" x14ac:dyDescent="0.25">
      <c r="A11801" s="3">
        <v>41948.612638888888</v>
      </c>
      <c r="B11801" s="6">
        <v>196453.34999999998</v>
      </c>
      <c r="C11801" s="7">
        <f t="shared" si="184"/>
        <v>196.45334999999997</v>
      </c>
      <c r="I11801" s="1"/>
    </row>
    <row r="11802" spans="1:9" x14ac:dyDescent="0.25">
      <c r="A11802" s="3">
        <v>41948.614328703705</v>
      </c>
      <c r="B11802" s="6">
        <v>196469.99999999997</v>
      </c>
      <c r="C11802" s="7">
        <f t="shared" si="184"/>
        <v>196.46999999999997</v>
      </c>
      <c r="I11802" s="1"/>
    </row>
    <row r="11803" spans="1:9" x14ac:dyDescent="0.25">
      <c r="A11803" s="3">
        <v>41948.61445601852</v>
      </c>
      <c r="B11803" s="6">
        <v>196486.65</v>
      </c>
      <c r="C11803" s="7">
        <f t="shared" si="184"/>
        <v>196.48665</v>
      </c>
      <c r="I11803" s="1"/>
    </row>
    <row r="11804" spans="1:9" x14ac:dyDescent="0.25">
      <c r="A11804" s="3">
        <v>41948.615856481483</v>
      </c>
      <c r="B11804" s="6">
        <v>196503.3</v>
      </c>
      <c r="C11804" s="7">
        <f t="shared" si="184"/>
        <v>196.5033</v>
      </c>
      <c r="I11804" s="1"/>
    </row>
    <row r="11805" spans="1:9" x14ac:dyDescent="0.25">
      <c r="A11805" s="3">
        <v>41948.616041666668</v>
      </c>
      <c r="B11805" s="6">
        <v>196519.94999999998</v>
      </c>
      <c r="C11805" s="7">
        <f t="shared" si="184"/>
        <v>196.51994999999999</v>
      </c>
      <c r="I11805" s="1"/>
    </row>
    <row r="11806" spans="1:9" x14ac:dyDescent="0.25">
      <c r="A11806" s="3">
        <v>41948.6171875</v>
      </c>
      <c r="B11806" s="6">
        <v>196536.59999999998</v>
      </c>
      <c r="C11806" s="7">
        <f t="shared" si="184"/>
        <v>196.53659999999996</v>
      </c>
      <c r="I11806" s="1"/>
    </row>
    <row r="11807" spans="1:9" x14ac:dyDescent="0.25">
      <c r="A11807" s="3">
        <v>41948.617303240739</v>
      </c>
      <c r="B11807" s="6">
        <v>196553.24999999997</v>
      </c>
      <c r="C11807" s="7">
        <f t="shared" si="184"/>
        <v>196.55324999999996</v>
      </c>
      <c r="I11807" s="1"/>
    </row>
    <row r="11808" spans="1:9" x14ac:dyDescent="0.25">
      <c r="A11808" s="3">
        <v>41948.61917824074</v>
      </c>
      <c r="B11808" s="6">
        <v>196569.9</v>
      </c>
      <c r="C11808" s="7">
        <f t="shared" si="184"/>
        <v>196.56989999999999</v>
      </c>
      <c r="I11808" s="1"/>
    </row>
    <row r="11809" spans="1:9" x14ac:dyDescent="0.25">
      <c r="A11809" s="3">
        <v>41948.619386574072</v>
      </c>
      <c r="B11809" s="6">
        <v>196586.55</v>
      </c>
      <c r="C11809" s="7">
        <f t="shared" si="184"/>
        <v>196.58654999999999</v>
      </c>
      <c r="I11809" s="1"/>
    </row>
    <row r="11810" spans="1:9" x14ac:dyDescent="0.25">
      <c r="A11810" s="3">
        <v>41948.621261574073</v>
      </c>
      <c r="B11810" s="6">
        <v>196603.19999999998</v>
      </c>
      <c r="C11810" s="7">
        <f t="shared" si="184"/>
        <v>196.60319999999999</v>
      </c>
      <c r="I11810" s="1"/>
    </row>
    <row r="11811" spans="1:9" x14ac:dyDescent="0.25">
      <c r="A11811" s="3">
        <v>41948.621377314812</v>
      </c>
      <c r="B11811" s="6">
        <v>196619.84999999998</v>
      </c>
      <c r="C11811" s="7">
        <f t="shared" si="184"/>
        <v>196.61984999999999</v>
      </c>
      <c r="I11811" s="1"/>
    </row>
    <row r="11812" spans="1:9" x14ac:dyDescent="0.25">
      <c r="A11812" s="3">
        <v>41948.623969907407</v>
      </c>
      <c r="B11812" s="6">
        <v>196636.49999999997</v>
      </c>
      <c r="C11812" s="7">
        <f t="shared" si="184"/>
        <v>196.63649999999998</v>
      </c>
      <c r="I11812" s="1"/>
    </row>
    <row r="11813" spans="1:9" x14ac:dyDescent="0.25">
      <c r="A11813" s="3">
        <v>41948.624166666668</v>
      </c>
      <c r="B11813" s="6">
        <v>196653.15</v>
      </c>
      <c r="C11813" s="7">
        <f t="shared" si="184"/>
        <v>196.65314999999998</v>
      </c>
      <c r="I11813" s="1"/>
    </row>
    <row r="11814" spans="1:9" x14ac:dyDescent="0.25">
      <c r="A11814" s="3">
        <v>41948.625486111108</v>
      </c>
      <c r="B11814" s="6">
        <v>196669.8</v>
      </c>
      <c r="C11814" s="7">
        <f t="shared" si="184"/>
        <v>196.66979999999998</v>
      </c>
      <c r="I11814" s="1"/>
    </row>
    <row r="11815" spans="1:9" x14ac:dyDescent="0.25">
      <c r="A11815" s="3">
        <v>41948.625613425924</v>
      </c>
      <c r="B11815" s="6">
        <v>196686.44999999998</v>
      </c>
      <c r="C11815" s="7">
        <f t="shared" si="184"/>
        <v>196.68644999999998</v>
      </c>
      <c r="I11815" s="1"/>
    </row>
    <row r="11816" spans="1:9" x14ac:dyDescent="0.25">
      <c r="A11816" s="3">
        <v>41948.628067129626</v>
      </c>
      <c r="B11816" s="6">
        <v>196703.09999999998</v>
      </c>
      <c r="C11816" s="7">
        <f t="shared" si="184"/>
        <v>196.70309999999998</v>
      </c>
      <c r="I11816" s="1"/>
    </row>
    <row r="11817" spans="1:9" x14ac:dyDescent="0.25">
      <c r="A11817" s="3">
        <v>41948.628229166665</v>
      </c>
      <c r="B11817" s="6">
        <v>196719.74999999997</v>
      </c>
      <c r="C11817" s="7">
        <f t="shared" si="184"/>
        <v>196.71974999999998</v>
      </c>
      <c r="I11817" s="1"/>
    </row>
    <row r="11818" spans="1:9" x14ac:dyDescent="0.25">
      <c r="A11818" s="3">
        <v>41948.629826388889</v>
      </c>
      <c r="B11818" s="6">
        <v>196736.4</v>
      </c>
      <c r="C11818" s="7">
        <f t="shared" si="184"/>
        <v>196.7364</v>
      </c>
      <c r="I11818" s="1"/>
    </row>
    <row r="11819" spans="1:9" x14ac:dyDescent="0.25">
      <c r="A11819" s="3">
        <v>41948.63008101852</v>
      </c>
      <c r="B11819" s="6">
        <v>196753.05</v>
      </c>
      <c r="C11819" s="7">
        <f t="shared" si="184"/>
        <v>196.75305</v>
      </c>
      <c r="I11819" s="1"/>
    </row>
    <row r="11820" spans="1:9" x14ac:dyDescent="0.25">
      <c r="A11820" s="3">
        <v>41948.631099537037</v>
      </c>
      <c r="B11820" s="6">
        <v>196769.69999999998</v>
      </c>
      <c r="C11820" s="7">
        <f t="shared" si="184"/>
        <v>196.76969999999997</v>
      </c>
      <c r="I11820" s="1"/>
    </row>
    <row r="11821" spans="1:9" x14ac:dyDescent="0.25">
      <c r="A11821" s="3">
        <v>41948.631226851852</v>
      </c>
      <c r="B11821" s="6">
        <v>196786.34999999998</v>
      </c>
      <c r="C11821" s="7">
        <f t="shared" si="184"/>
        <v>196.78634999999997</v>
      </c>
      <c r="I11821" s="1"/>
    </row>
    <row r="11822" spans="1:9" x14ac:dyDescent="0.25">
      <c r="A11822" s="3">
        <v>41948.632106481484</v>
      </c>
      <c r="B11822" s="6">
        <v>196802.99999999997</v>
      </c>
      <c r="C11822" s="7">
        <f t="shared" si="184"/>
        <v>196.80299999999997</v>
      </c>
      <c r="I11822" s="1"/>
    </row>
    <row r="11823" spans="1:9" x14ac:dyDescent="0.25">
      <c r="A11823" s="3">
        <v>41948.632233796299</v>
      </c>
      <c r="B11823" s="6">
        <v>196819.65</v>
      </c>
      <c r="C11823" s="7">
        <f t="shared" si="184"/>
        <v>196.81965</v>
      </c>
      <c r="I11823" s="1"/>
    </row>
    <row r="11824" spans="1:9" x14ac:dyDescent="0.25">
      <c r="A11824" s="3">
        <v>41948.63386574074</v>
      </c>
      <c r="B11824" s="6">
        <v>196836.3</v>
      </c>
      <c r="C11824" s="7">
        <f t="shared" si="184"/>
        <v>196.83629999999999</v>
      </c>
      <c r="I11824" s="1"/>
    </row>
    <row r="11825" spans="1:9" x14ac:dyDescent="0.25">
      <c r="A11825" s="3">
        <v>41948.634097222224</v>
      </c>
      <c r="B11825" s="6">
        <v>196852.94999999998</v>
      </c>
      <c r="C11825" s="7">
        <f t="shared" si="184"/>
        <v>196.85294999999999</v>
      </c>
      <c r="I11825" s="1"/>
    </row>
    <row r="11826" spans="1:9" x14ac:dyDescent="0.25">
      <c r="A11826" s="3">
        <v>41948.635682870372</v>
      </c>
      <c r="B11826" s="6">
        <v>196869.59999999998</v>
      </c>
      <c r="C11826" s="7">
        <f t="shared" si="184"/>
        <v>196.86959999999996</v>
      </c>
      <c r="I11826" s="1"/>
    </row>
    <row r="11827" spans="1:9" x14ac:dyDescent="0.25">
      <c r="A11827" s="3">
        <v>41948.635775462964</v>
      </c>
      <c r="B11827" s="6">
        <v>196886.24999999997</v>
      </c>
      <c r="C11827" s="7">
        <f t="shared" si="184"/>
        <v>196.88624999999996</v>
      </c>
      <c r="I11827" s="1"/>
    </row>
    <row r="11828" spans="1:9" x14ac:dyDescent="0.25">
      <c r="A11828" s="3">
        <v>41948.636620370373</v>
      </c>
      <c r="B11828" s="6">
        <v>196902.9</v>
      </c>
      <c r="C11828" s="7">
        <f t="shared" si="184"/>
        <v>196.90289999999999</v>
      </c>
      <c r="I11828" s="1"/>
    </row>
    <row r="11829" spans="1:9" x14ac:dyDescent="0.25">
      <c r="A11829" s="3">
        <v>41948.636747685188</v>
      </c>
      <c r="B11829" s="6">
        <v>196919.55</v>
      </c>
      <c r="C11829" s="7">
        <f t="shared" si="184"/>
        <v>196.91954999999999</v>
      </c>
      <c r="I11829" s="1"/>
    </row>
    <row r="11830" spans="1:9" x14ac:dyDescent="0.25">
      <c r="A11830" s="3">
        <v>41948.637766203705</v>
      </c>
      <c r="B11830" s="6">
        <v>196936.19999999998</v>
      </c>
      <c r="C11830" s="7">
        <f t="shared" si="184"/>
        <v>196.93619999999999</v>
      </c>
      <c r="I11830" s="1"/>
    </row>
    <row r="11831" spans="1:9" x14ac:dyDescent="0.25">
      <c r="A11831" s="3">
        <v>41948.637870370374</v>
      </c>
      <c r="B11831" s="6">
        <v>196952.84999999998</v>
      </c>
      <c r="C11831" s="7">
        <f t="shared" si="184"/>
        <v>196.95284999999998</v>
      </c>
      <c r="I11831" s="1"/>
    </row>
    <row r="11832" spans="1:9" x14ac:dyDescent="0.25">
      <c r="A11832" s="3">
        <v>41948.638541666667</v>
      </c>
      <c r="B11832" s="6">
        <v>196969.49999999997</v>
      </c>
      <c r="C11832" s="7">
        <f t="shared" si="184"/>
        <v>196.96949999999998</v>
      </c>
      <c r="I11832" s="1"/>
    </row>
    <row r="11833" spans="1:9" x14ac:dyDescent="0.25">
      <c r="A11833" s="3">
        <v>41948.638738425929</v>
      </c>
      <c r="B11833" s="6">
        <v>196986.15</v>
      </c>
      <c r="C11833" s="7">
        <f t="shared" si="184"/>
        <v>196.98614999999998</v>
      </c>
      <c r="I11833" s="1"/>
    </row>
    <row r="11834" spans="1:9" x14ac:dyDescent="0.25">
      <c r="A11834" s="3">
        <v>41948.63958333333</v>
      </c>
      <c r="B11834" s="6">
        <v>197002.8</v>
      </c>
      <c r="C11834" s="7">
        <f t="shared" si="184"/>
        <v>197.00279999999998</v>
      </c>
      <c r="I11834" s="1"/>
    </row>
    <row r="11835" spans="1:9" x14ac:dyDescent="0.25">
      <c r="A11835" s="3">
        <v>41948.639768518522</v>
      </c>
      <c r="B11835" s="6">
        <v>197019.44999999998</v>
      </c>
      <c r="C11835" s="7">
        <f t="shared" si="184"/>
        <v>197.01944999999998</v>
      </c>
      <c r="I11835" s="1"/>
    </row>
    <row r="11836" spans="1:9" x14ac:dyDescent="0.25">
      <c r="A11836" s="3">
        <v>41948.6405787037</v>
      </c>
      <c r="B11836" s="6">
        <v>197036.09999999998</v>
      </c>
      <c r="C11836" s="7">
        <f t="shared" si="184"/>
        <v>197.03609999999998</v>
      </c>
      <c r="I11836" s="1"/>
    </row>
    <row r="11837" spans="1:9" x14ac:dyDescent="0.25">
      <c r="A11837" s="3">
        <v>41948.640659722223</v>
      </c>
      <c r="B11837" s="6">
        <v>197052.74999999997</v>
      </c>
      <c r="C11837" s="7">
        <f t="shared" si="184"/>
        <v>197.05274999999997</v>
      </c>
      <c r="I11837" s="1"/>
    </row>
    <row r="11838" spans="1:9" x14ac:dyDescent="0.25">
      <c r="A11838" s="3">
        <v>41948.642638888887</v>
      </c>
      <c r="B11838" s="6">
        <v>197069.4</v>
      </c>
      <c r="C11838" s="7">
        <f t="shared" si="184"/>
        <v>197.0694</v>
      </c>
      <c r="I11838" s="1"/>
    </row>
    <row r="11839" spans="1:9" x14ac:dyDescent="0.25">
      <c r="A11839" s="3">
        <v>41948.642754629633</v>
      </c>
      <c r="B11839" s="6">
        <v>197086.05</v>
      </c>
      <c r="C11839" s="7">
        <f t="shared" si="184"/>
        <v>197.08605</v>
      </c>
      <c r="I11839" s="1"/>
    </row>
    <row r="11840" spans="1:9" x14ac:dyDescent="0.25">
      <c r="A11840" s="3">
        <v>41948.644062500003</v>
      </c>
      <c r="B11840" s="6">
        <v>197102.69999999998</v>
      </c>
      <c r="C11840" s="7">
        <f t="shared" si="184"/>
        <v>197.10269999999997</v>
      </c>
      <c r="I11840" s="1"/>
    </row>
    <row r="11841" spans="1:9" x14ac:dyDescent="0.25">
      <c r="A11841" s="3">
        <v>41948.644131944442</v>
      </c>
      <c r="B11841" s="6">
        <v>197119.34999999998</v>
      </c>
      <c r="C11841" s="7">
        <f t="shared" si="184"/>
        <v>197.11934999999997</v>
      </c>
      <c r="I11841" s="1"/>
    </row>
    <row r="11842" spans="1:9" x14ac:dyDescent="0.25">
      <c r="A11842" s="3">
        <v>41948.64503472222</v>
      </c>
      <c r="B11842" s="6">
        <v>197135.99999999997</v>
      </c>
      <c r="C11842" s="7">
        <f t="shared" si="184"/>
        <v>197.13599999999997</v>
      </c>
      <c r="I11842" s="1"/>
    </row>
    <row r="11843" spans="1:9" x14ac:dyDescent="0.25">
      <c r="A11843" s="3">
        <v>41948.645127314812</v>
      </c>
      <c r="B11843" s="6">
        <v>197152.65</v>
      </c>
      <c r="C11843" s="7">
        <f t="shared" ref="C11843:C11906" si="185">B11843/1000</f>
        <v>197.15264999999999</v>
      </c>
      <c r="I11843" s="1"/>
    </row>
    <row r="11844" spans="1:9" x14ac:dyDescent="0.25">
      <c r="A11844" s="3">
        <v>41948.645636574074</v>
      </c>
      <c r="B11844" s="6">
        <v>197169.3</v>
      </c>
      <c r="C11844" s="7">
        <f t="shared" si="185"/>
        <v>197.16929999999999</v>
      </c>
      <c r="I11844" s="1"/>
    </row>
    <row r="11845" spans="1:9" x14ac:dyDescent="0.25">
      <c r="A11845" s="3">
        <v>41948.645740740743</v>
      </c>
      <c r="B11845" s="6">
        <v>197185.94999999998</v>
      </c>
      <c r="C11845" s="7">
        <f t="shared" si="185"/>
        <v>197.18594999999999</v>
      </c>
      <c r="I11845" s="1"/>
    </row>
    <row r="11846" spans="1:9" x14ac:dyDescent="0.25">
      <c r="A11846" s="3">
        <v>41948.64671296296</v>
      </c>
      <c r="B11846" s="6">
        <v>197202.59999999998</v>
      </c>
      <c r="C11846" s="7">
        <f t="shared" si="185"/>
        <v>197.20259999999999</v>
      </c>
      <c r="I11846" s="1"/>
    </row>
    <row r="11847" spans="1:9" x14ac:dyDescent="0.25">
      <c r="A11847" s="3">
        <v>41948.646805555552</v>
      </c>
      <c r="B11847" s="6">
        <v>197219.24999999997</v>
      </c>
      <c r="C11847" s="7">
        <f t="shared" si="185"/>
        <v>197.21924999999996</v>
      </c>
      <c r="I11847" s="1"/>
    </row>
    <row r="11848" spans="1:9" x14ac:dyDescent="0.25">
      <c r="A11848" s="3">
        <v>41948.648634259262</v>
      </c>
      <c r="B11848" s="6">
        <v>197235.9</v>
      </c>
      <c r="C11848" s="7">
        <f t="shared" si="185"/>
        <v>197.23589999999999</v>
      </c>
      <c r="I11848" s="1"/>
    </row>
    <row r="11849" spans="1:9" x14ac:dyDescent="0.25">
      <c r="A11849" s="3">
        <v>41948.648773148147</v>
      </c>
      <c r="B11849" s="6">
        <v>197252.55</v>
      </c>
      <c r="C11849" s="7">
        <f t="shared" si="185"/>
        <v>197.25254999999999</v>
      </c>
      <c r="I11849" s="1"/>
    </row>
    <row r="11850" spans="1:9" x14ac:dyDescent="0.25">
      <c r="A11850" s="3">
        <v>41948.649861111109</v>
      </c>
      <c r="B11850" s="6">
        <v>197269.19999999998</v>
      </c>
      <c r="C11850" s="7">
        <f t="shared" si="185"/>
        <v>197.26919999999998</v>
      </c>
      <c r="I11850" s="1"/>
    </row>
    <row r="11851" spans="1:9" x14ac:dyDescent="0.25">
      <c r="A11851" s="3">
        <v>41948.649953703702</v>
      </c>
      <c r="B11851" s="6">
        <v>197285.84999999998</v>
      </c>
      <c r="C11851" s="7">
        <f t="shared" si="185"/>
        <v>197.28584999999998</v>
      </c>
      <c r="I11851" s="1"/>
    </row>
    <row r="11852" spans="1:9" x14ac:dyDescent="0.25">
      <c r="A11852" s="3">
        <v>41948.650868055556</v>
      </c>
      <c r="B11852" s="6">
        <v>197302.49999999997</v>
      </c>
      <c r="C11852" s="7">
        <f t="shared" si="185"/>
        <v>197.30249999999998</v>
      </c>
      <c r="I11852" s="1"/>
    </row>
    <row r="11853" spans="1:9" x14ac:dyDescent="0.25">
      <c r="A11853" s="3">
        <v>41948.650949074072</v>
      </c>
      <c r="B11853" s="6">
        <v>197319.15</v>
      </c>
      <c r="C11853" s="7">
        <f t="shared" si="185"/>
        <v>197.31915000000001</v>
      </c>
      <c r="I11853" s="1"/>
    </row>
    <row r="11854" spans="1:9" x14ac:dyDescent="0.25">
      <c r="A11854" s="3">
        <v>41948.652673611112</v>
      </c>
      <c r="B11854" s="6">
        <v>197335.8</v>
      </c>
      <c r="C11854" s="7">
        <f t="shared" si="185"/>
        <v>197.33579999999998</v>
      </c>
      <c r="I11854" s="1"/>
    </row>
    <row r="11855" spans="1:9" x14ac:dyDescent="0.25">
      <c r="A11855" s="3">
        <v>41948.652858796297</v>
      </c>
      <c r="B11855" s="6">
        <v>197352.44999999998</v>
      </c>
      <c r="C11855" s="7">
        <f t="shared" si="185"/>
        <v>197.35244999999998</v>
      </c>
      <c r="I11855" s="1"/>
    </row>
    <row r="11856" spans="1:9" x14ac:dyDescent="0.25">
      <c r="A11856" s="3">
        <v>41948.654108796298</v>
      </c>
      <c r="B11856" s="6">
        <v>197369.09999999998</v>
      </c>
      <c r="C11856" s="7">
        <f t="shared" si="185"/>
        <v>197.36909999999997</v>
      </c>
      <c r="I11856" s="1"/>
    </row>
    <row r="11857" spans="1:9" x14ac:dyDescent="0.25">
      <c r="A11857" s="3">
        <v>41948.654236111113</v>
      </c>
      <c r="B11857" s="6">
        <v>197385.74999999997</v>
      </c>
      <c r="C11857" s="7">
        <f t="shared" si="185"/>
        <v>197.38574999999997</v>
      </c>
      <c r="I11857" s="1"/>
    </row>
    <row r="11858" spans="1:9" x14ac:dyDescent="0.25">
      <c r="A11858" s="3">
        <v>41948.655243055553</v>
      </c>
      <c r="B11858" s="6">
        <v>197402.4</v>
      </c>
      <c r="C11858" s="7">
        <f t="shared" si="185"/>
        <v>197.4024</v>
      </c>
      <c r="I11858" s="1"/>
    </row>
    <row r="11859" spans="1:9" x14ac:dyDescent="0.25">
      <c r="A11859" s="3">
        <v>41948.655300925922</v>
      </c>
      <c r="B11859" s="6">
        <v>197419.05</v>
      </c>
      <c r="C11859" s="7">
        <f t="shared" si="185"/>
        <v>197.41905</v>
      </c>
      <c r="I11859" s="1"/>
    </row>
    <row r="11860" spans="1:9" x14ac:dyDescent="0.25">
      <c r="A11860" s="3">
        <v>41948.656041666669</v>
      </c>
      <c r="B11860" s="6">
        <v>197435.69999999998</v>
      </c>
      <c r="C11860" s="7">
        <f t="shared" si="185"/>
        <v>197.43569999999997</v>
      </c>
      <c r="I11860" s="1"/>
    </row>
    <row r="11861" spans="1:9" x14ac:dyDescent="0.25">
      <c r="A11861" s="3">
        <v>41948.656157407408</v>
      </c>
      <c r="B11861" s="6">
        <v>197452.34999999998</v>
      </c>
      <c r="C11861" s="7">
        <f t="shared" si="185"/>
        <v>197.45234999999997</v>
      </c>
      <c r="I11861" s="1"/>
    </row>
    <row r="11862" spans="1:9" x14ac:dyDescent="0.25">
      <c r="A11862" s="3">
        <v>41948.657048611109</v>
      </c>
      <c r="B11862" s="6">
        <v>197468.99999999997</v>
      </c>
      <c r="C11862" s="7">
        <f t="shared" si="185"/>
        <v>197.46899999999997</v>
      </c>
      <c r="I11862" s="1"/>
    </row>
    <row r="11863" spans="1:9" x14ac:dyDescent="0.25">
      <c r="A11863" s="3">
        <v>41948.657233796293</v>
      </c>
      <c r="B11863" s="6">
        <v>197485.65</v>
      </c>
      <c r="C11863" s="7">
        <f t="shared" si="185"/>
        <v>197.48564999999999</v>
      </c>
      <c r="I11863" s="1"/>
    </row>
    <row r="11864" spans="1:9" x14ac:dyDescent="0.25">
      <c r="A11864" s="3">
        <v>41948.657939814817</v>
      </c>
      <c r="B11864" s="6">
        <v>197502.3</v>
      </c>
      <c r="C11864" s="7">
        <f t="shared" si="185"/>
        <v>197.50229999999999</v>
      </c>
      <c r="I11864" s="1"/>
    </row>
    <row r="11865" spans="1:9" x14ac:dyDescent="0.25">
      <c r="A11865" s="3">
        <v>41948.658067129632</v>
      </c>
      <c r="B11865" s="6">
        <v>197518.94999999998</v>
      </c>
      <c r="C11865" s="7">
        <f t="shared" si="185"/>
        <v>197.51894999999999</v>
      </c>
      <c r="I11865" s="1"/>
    </row>
    <row r="11866" spans="1:9" x14ac:dyDescent="0.25">
      <c r="A11866" s="3">
        <v>41948.658900462964</v>
      </c>
      <c r="B11866" s="6">
        <v>197535.59999999998</v>
      </c>
      <c r="C11866" s="7">
        <f t="shared" si="185"/>
        <v>197.53559999999999</v>
      </c>
      <c r="I11866" s="1"/>
    </row>
    <row r="11867" spans="1:9" x14ac:dyDescent="0.25">
      <c r="A11867" s="3">
        <v>41948.659039351849</v>
      </c>
      <c r="B11867" s="6">
        <v>197552.24999999997</v>
      </c>
      <c r="C11867" s="7">
        <f t="shared" si="185"/>
        <v>197.55224999999996</v>
      </c>
      <c r="I11867" s="1"/>
    </row>
    <row r="11868" spans="1:9" x14ac:dyDescent="0.25">
      <c r="A11868" s="3">
        <v>41948.659918981481</v>
      </c>
      <c r="B11868" s="6">
        <v>197568.9</v>
      </c>
      <c r="C11868" s="7">
        <f t="shared" si="185"/>
        <v>197.56889999999999</v>
      </c>
      <c r="I11868" s="1"/>
    </row>
    <row r="11869" spans="1:9" x14ac:dyDescent="0.25">
      <c r="A11869" s="3">
        <v>41948.659988425927</v>
      </c>
      <c r="B11869" s="6">
        <v>197585.55</v>
      </c>
      <c r="C11869" s="7">
        <f t="shared" si="185"/>
        <v>197.58554999999998</v>
      </c>
      <c r="I11869" s="1"/>
    </row>
    <row r="11870" spans="1:9" x14ac:dyDescent="0.25">
      <c r="A11870" s="3">
        <v>41948.660370370373</v>
      </c>
      <c r="B11870" s="6">
        <v>197602.19999999998</v>
      </c>
      <c r="C11870" s="7">
        <f t="shared" si="185"/>
        <v>197.60219999999998</v>
      </c>
      <c r="I11870" s="1"/>
    </row>
    <row r="11871" spans="1:9" x14ac:dyDescent="0.25">
      <c r="A11871" s="3">
        <v>41948.660405092596</v>
      </c>
      <c r="B11871" s="6">
        <v>197618.84999999998</v>
      </c>
      <c r="C11871" s="7">
        <f t="shared" si="185"/>
        <v>197.61884999999998</v>
      </c>
      <c r="I11871" s="1"/>
    </row>
    <row r="11872" spans="1:9" x14ac:dyDescent="0.25">
      <c r="A11872" s="3">
        <v>41948.661053240743</v>
      </c>
      <c r="B11872" s="6">
        <v>197635.49999999997</v>
      </c>
      <c r="C11872" s="7">
        <f t="shared" si="185"/>
        <v>197.63549999999998</v>
      </c>
      <c r="I11872" s="1"/>
    </row>
    <row r="11873" spans="1:9" x14ac:dyDescent="0.25">
      <c r="A11873" s="3">
        <v>41948.661122685182</v>
      </c>
      <c r="B11873" s="6">
        <v>197652.15</v>
      </c>
      <c r="C11873" s="7">
        <f t="shared" si="185"/>
        <v>197.65215000000001</v>
      </c>
      <c r="I11873" s="1"/>
    </row>
    <row r="11874" spans="1:9" x14ac:dyDescent="0.25">
      <c r="A11874" s="3">
        <v>41948.66165509259</v>
      </c>
      <c r="B11874" s="6">
        <v>197668.8</v>
      </c>
      <c r="C11874" s="7">
        <f t="shared" si="185"/>
        <v>197.66879999999998</v>
      </c>
      <c r="I11874" s="1"/>
    </row>
    <row r="11875" spans="1:9" x14ac:dyDescent="0.25">
      <c r="A11875" s="3">
        <v>41948.661736111113</v>
      </c>
      <c r="B11875" s="6">
        <v>197685.44999999998</v>
      </c>
      <c r="C11875" s="7">
        <f t="shared" si="185"/>
        <v>197.68544999999997</v>
      </c>
      <c r="I11875" s="1"/>
    </row>
    <row r="11876" spans="1:9" x14ac:dyDescent="0.25">
      <c r="A11876" s="3">
        <v>41948.662685185183</v>
      </c>
      <c r="B11876" s="6">
        <v>197702.09999999998</v>
      </c>
      <c r="C11876" s="7">
        <f t="shared" si="185"/>
        <v>197.70209999999997</v>
      </c>
      <c r="I11876" s="1"/>
    </row>
    <row r="11877" spans="1:9" x14ac:dyDescent="0.25">
      <c r="A11877" s="3">
        <v>41948.662800925929</v>
      </c>
      <c r="B11877" s="6">
        <v>197718.74999999997</v>
      </c>
      <c r="C11877" s="7">
        <f t="shared" si="185"/>
        <v>197.71874999999997</v>
      </c>
      <c r="I11877" s="1"/>
    </row>
    <row r="11878" spans="1:9" x14ac:dyDescent="0.25">
      <c r="A11878" s="3">
        <v>41948.663506944446</v>
      </c>
      <c r="B11878" s="6">
        <v>197735.4</v>
      </c>
      <c r="C11878" s="7">
        <f t="shared" si="185"/>
        <v>197.7354</v>
      </c>
      <c r="I11878" s="1"/>
    </row>
    <row r="11879" spans="1:9" x14ac:dyDescent="0.25">
      <c r="A11879" s="3">
        <v>41948.663553240738</v>
      </c>
      <c r="B11879" s="6">
        <v>197752.05</v>
      </c>
      <c r="C11879" s="7">
        <f t="shared" si="185"/>
        <v>197.75205</v>
      </c>
      <c r="I11879" s="1"/>
    </row>
    <row r="11880" spans="1:9" x14ac:dyDescent="0.25">
      <c r="A11880" s="3">
        <v>41948.664166666669</v>
      </c>
      <c r="B11880" s="6">
        <v>197768.69999999998</v>
      </c>
      <c r="C11880" s="7">
        <f t="shared" si="185"/>
        <v>197.7687</v>
      </c>
      <c r="I11880" s="1"/>
    </row>
    <row r="11881" spans="1:9" x14ac:dyDescent="0.25">
      <c r="A11881" s="3">
        <v>41948.6643287037</v>
      </c>
      <c r="B11881" s="6">
        <v>197785.34999999998</v>
      </c>
      <c r="C11881" s="7">
        <f t="shared" si="185"/>
        <v>197.78534999999997</v>
      </c>
      <c r="I11881" s="1"/>
    </row>
    <row r="11882" spans="1:9" x14ac:dyDescent="0.25">
      <c r="A11882" s="3">
        <v>41948.665902777779</v>
      </c>
      <c r="B11882" s="6">
        <v>197801.99999999997</v>
      </c>
      <c r="C11882" s="7">
        <f t="shared" si="185"/>
        <v>197.80199999999996</v>
      </c>
      <c r="I11882" s="1"/>
    </row>
    <row r="11883" spans="1:9" x14ac:dyDescent="0.25">
      <c r="A11883" s="3">
        <v>41948.665983796294</v>
      </c>
      <c r="B11883" s="6">
        <v>197818.65</v>
      </c>
      <c r="C11883" s="7">
        <f t="shared" si="185"/>
        <v>197.81864999999999</v>
      </c>
      <c r="I11883" s="1"/>
    </row>
    <row r="11884" spans="1:9" x14ac:dyDescent="0.25">
      <c r="A11884" s="3">
        <v>41948.667037037034</v>
      </c>
      <c r="B11884" s="6">
        <v>197835.3</v>
      </c>
      <c r="C11884" s="7">
        <f t="shared" si="185"/>
        <v>197.83529999999999</v>
      </c>
      <c r="I11884" s="1"/>
    </row>
    <row r="11885" spans="1:9" x14ac:dyDescent="0.25">
      <c r="A11885" s="3">
        <v>41948.667164351849</v>
      </c>
      <c r="B11885" s="6">
        <v>197851.94999999998</v>
      </c>
      <c r="C11885" s="7">
        <f t="shared" si="185"/>
        <v>197.85194999999999</v>
      </c>
      <c r="I11885" s="1"/>
    </row>
    <row r="11886" spans="1:9" x14ac:dyDescent="0.25">
      <c r="A11886" s="3">
        <v>41948.667939814812</v>
      </c>
      <c r="B11886" s="6">
        <v>197868.59999999998</v>
      </c>
      <c r="C11886" s="7">
        <f t="shared" si="185"/>
        <v>197.86859999999999</v>
      </c>
      <c r="I11886" s="1"/>
    </row>
    <row r="11887" spans="1:9" x14ac:dyDescent="0.25">
      <c r="A11887" s="3">
        <v>41948.66810185185</v>
      </c>
      <c r="B11887" s="6">
        <v>197885.24999999997</v>
      </c>
      <c r="C11887" s="7">
        <f t="shared" si="185"/>
        <v>197.88524999999998</v>
      </c>
      <c r="I11887" s="1"/>
    </row>
    <row r="11888" spans="1:9" x14ac:dyDescent="0.25">
      <c r="A11888" s="3">
        <v>41948.669282407405</v>
      </c>
      <c r="B11888" s="6">
        <v>197901.9</v>
      </c>
      <c r="C11888" s="7">
        <f t="shared" si="185"/>
        <v>197.90189999999998</v>
      </c>
      <c r="I11888" s="1"/>
    </row>
    <row r="11889" spans="1:9" x14ac:dyDescent="0.25">
      <c r="A11889" s="3">
        <v>41948.669351851851</v>
      </c>
      <c r="B11889" s="6">
        <v>197918.55</v>
      </c>
      <c r="C11889" s="7">
        <f t="shared" si="185"/>
        <v>197.91854999999998</v>
      </c>
      <c r="I11889" s="1"/>
    </row>
    <row r="11890" spans="1:9" x14ac:dyDescent="0.25">
      <c r="A11890" s="3">
        <v>41948.670324074075</v>
      </c>
      <c r="B11890" s="6">
        <v>197935.19999999998</v>
      </c>
      <c r="C11890" s="7">
        <f t="shared" si="185"/>
        <v>197.93519999999998</v>
      </c>
      <c r="I11890" s="1"/>
    </row>
    <row r="11891" spans="1:9" x14ac:dyDescent="0.25">
      <c r="A11891" s="3">
        <v>41948.670393518521</v>
      </c>
      <c r="B11891" s="6">
        <v>197951.84999999998</v>
      </c>
      <c r="C11891" s="7">
        <f t="shared" si="185"/>
        <v>197.95184999999998</v>
      </c>
      <c r="I11891" s="1"/>
    </row>
    <row r="11892" spans="1:9" x14ac:dyDescent="0.25">
      <c r="A11892" s="3">
        <v>41948.671736111108</v>
      </c>
      <c r="B11892" s="6">
        <v>197968.49999999997</v>
      </c>
      <c r="C11892" s="7">
        <f t="shared" si="185"/>
        <v>197.96849999999998</v>
      </c>
      <c r="I11892" s="1"/>
    </row>
    <row r="11893" spans="1:9" x14ac:dyDescent="0.25">
      <c r="A11893" s="3">
        <v>41948.672118055554</v>
      </c>
      <c r="B11893" s="6">
        <v>197985.15</v>
      </c>
      <c r="C11893" s="7">
        <f t="shared" si="185"/>
        <v>197.98515</v>
      </c>
      <c r="I11893" s="1"/>
    </row>
    <row r="11894" spans="1:9" x14ac:dyDescent="0.25">
      <c r="A11894" s="3">
        <v>41948.673136574071</v>
      </c>
      <c r="B11894" s="6">
        <v>198001.8</v>
      </c>
      <c r="C11894" s="7">
        <f t="shared" si="185"/>
        <v>198.00179999999997</v>
      </c>
      <c r="I11894" s="1"/>
    </row>
    <row r="11895" spans="1:9" x14ac:dyDescent="0.25">
      <c r="A11895" s="3">
        <v>41948.673194444447</v>
      </c>
      <c r="B11895" s="6">
        <v>198018.44999999998</v>
      </c>
      <c r="C11895" s="7">
        <f t="shared" si="185"/>
        <v>198.01844999999997</v>
      </c>
      <c r="I11895" s="1"/>
    </row>
    <row r="11896" spans="1:9" x14ac:dyDescent="0.25">
      <c r="A11896" s="3">
        <v>41948.674004629633</v>
      </c>
      <c r="B11896" s="6">
        <v>198035.09999999998</v>
      </c>
      <c r="C11896" s="7">
        <f t="shared" si="185"/>
        <v>198.03509999999997</v>
      </c>
      <c r="I11896" s="1"/>
    </row>
    <row r="11897" spans="1:9" x14ac:dyDescent="0.25">
      <c r="A11897" s="3">
        <v>41948.674085648148</v>
      </c>
      <c r="B11897" s="6">
        <v>198051.74999999997</v>
      </c>
      <c r="C11897" s="7">
        <f t="shared" si="185"/>
        <v>198.05174999999997</v>
      </c>
      <c r="I11897" s="1"/>
    </row>
    <row r="11898" spans="1:9" x14ac:dyDescent="0.25">
      <c r="A11898" s="3">
        <v>41948.675555555557</v>
      </c>
      <c r="B11898" s="6">
        <v>198068.4</v>
      </c>
      <c r="C11898" s="7">
        <f t="shared" si="185"/>
        <v>198.0684</v>
      </c>
      <c r="I11898" s="1"/>
    </row>
    <row r="11899" spans="1:9" x14ac:dyDescent="0.25">
      <c r="A11899" s="3">
        <v>41948.675636574073</v>
      </c>
      <c r="B11899" s="6">
        <v>198085.05</v>
      </c>
      <c r="C11899" s="7">
        <f t="shared" si="185"/>
        <v>198.08505</v>
      </c>
      <c r="I11899" s="1"/>
    </row>
    <row r="11900" spans="1:9" x14ac:dyDescent="0.25">
      <c r="A11900" s="3">
        <v>41948.677164351851</v>
      </c>
      <c r="B11900" s="6">
        <v>198101.69999999998</v>
      </c>
      <c r="C11900" s="7">
        <f t="shared" si="185"/>
        <v>198.10169999999999</v>
      </c>
      <c r="I11900" s="1"/>
    </row>
    <row r="11901" spans="1:9" x14ac:dyDescent="0.25">
      <c r="A11901" s="3">
        <v>41948.677893518521</v>
      </c>
      <c r="B11901" s="6">
        <v>198118.34999999998</v>
      </c>
      <c r="C11901" s="7">
        <f t="shared" si="185"/>
        <v>198.11834999999996</v>
      </c>
      <c r="I11901" s="1"/>
    </row>
    <row r="11902" spans="1:9" x14ac:dyDescent="0.25">
      <c r="A11902" s="3">
        <v>41948.679340277777</v>
      </c>
      <c r="B11902" s="6">
        <v>198134.99999999997</v>
      </c>
      <c r="C11902" s="7">
        <f t="shared" si="185"/>
        <v>198.13499999999996</v>
      </c>
      <c r="I11902" s="1"/>
    </row>
    <row r="11903" spans="1:9" x14ac:dyDescent="0.25">
      <c r="A11903" s="3">
        <v>41948.679780092592</v>
      </c>
      <c r="B11903" s="6">
        <v>198151.65</v>
      </c>
      <c r="C11903" s="7">
        <f t="shared" si="185"/>
        <v>198.15164999999999</v>
      </c>
      <c r="I11903" s="1"/>
    </row>
    <row r="11904" spans="1:9" x14ac:dyDescent="0.25">
      <c r="A11904" s="3">
        <v>41948.681319444448</v>
      </c>
      <c r="B11904" s="6">
        <v>198168.3</v>
      </c>
      <c r="C11904" s="7">
        <f t="shared" si="185"/>
        <v>198.16829999999999</v>
      </c>
      <c r="I11904" s="1"/>
    </row>
    <row r="11905" spans="1:9" x14ac:dyDescent="0.25">
      <c r="A11905" s="3">
        <v>41948.68136574074</v>
      </c>
      <c r="B11905" s="6">
        <v>198184.94999999998</v>
      </c>
      <c r="C11905" s="7">
        <f t="shared" si="185"/>
        <v>198.18494999999999</v>
      </c>
      <c r="I11905" s="1"/>
    </row>
    <row r="11906" spans="1:9" x14ac:dyDescent="0.25">
      <c r="A11906" s="3">
        <v>41948.682291666664</v>
      </c>
      <c r="B11906" s="6">
        <v>198201.59999999998</v>
      </c>
      <c r="C11906" s="7">
        <f t="shared" si="185"/>
        <v>198.20159999999998</v>
      </c>
      <c r="I11906" s="1"/>
    </row>
    <row r="11907" spans="1:9" x14ac:dyDescent="0.25">
      <c r="A11907" s="3">
        <v>41948.68240740741</v>
      </c>
      <c r="B11907" s="6">
        <v>198218.24999999997</v>
      </c>
      <c r="C11907" s="7">
        <f t="shared" ref="C11907:C11970" si="186">B11907/1000</f>
        <v>198.21824999999998</v>
      </c>
      <c r="I11907" s="1"/>
    </row>
    <row r="11908" spans="1:9" x14ac:dyDescent="0.25">
      <c r="A11908" s="3">
        <v>41948.683749999997</v>
      </c>
      <c r="B11908" s="6">
        <v>198234.9</v>
      </c>
      <c r="C11908" s="7">
        <f t="shared" si="186"/>
        <v>198.23489999999998</v>
      </c>
      <c r="I11908" s="1"/>
    </row>
    <row r="11909" spans="1:9" x14ac:dyDescent="0.25">
      <c r="A11909" s="3">
        <v>41948.683831018519</v>
      </c>
      <c r="B11909" s="6">
        <v>198251.55</v>
      </c>
      <c r="C11909" s="7">
        <f t="shared" si="186"/>
        <v>198.25154999999998</v>
      </c>
      <c r="I11909" s="1"/>
    </row>
    <row r="11910" spans="1:9" x14ac:dyDescent="0.25">
      <c r="A11910" s="3">
        <v>41948.684432870374</v>
      </c>
      <c r="B11910" s="6">
        <v>198268.19999999998</v>
      </c>
      <c r="C11910" s="7">
        <f t="shared" si="186"/>
        <v>198.26819999999998</v>
      </c>
      <c r="I11910" s="1"/>
    </row>
    <row r="11911" spans="1:9" x14ac:dyDescent="0.25">
      <c r="A11911" s="3">
        <v>41948.684490740743</v>
      </c>
      <c r="B11911" s="6">
        <v>198284.84999999998</v>
      </c>
      <c r="C11911" s="7">
        <f t="shared" si="186"/>
        <v>198.28484999999998</v>
      </c>
      <c r="I11911" s="1"/>
    </row>
    <row r="11912" spans="1:9" x14ac:dyDescent="0.25">
      <c r="A11912" s="3">
        <v>41948.68546296296</v>
      </c>
      <c r="B11912" s="6">
        <v>198301.49999999997</v>
      </c>
      <c r="C11912" s="7">
        <f t="shared" si="186"/>
        <v>198.30149999999998</v>
      </c>
      <c r="I11912" s="1"/>
    </row>
    <row r="11913" spans="1:9" x14ac:dyDescent="0.25">
      <c r="A11913" s="3">
        <v>41948.685671296298</v>
      </c>
      <c r="B11913" s="6">
        <v>198318.15</v>
      </c>
      <c r="C11913" s="7">
        <f t="shared" si="186"/>
        <v>198.31815</v>
      </c>
      <c r="I11913" s="1"/>
    </row>
    <row r="11914" spans="1:9" x14ac:dyDescent="0.25">
      <c r="A11914" s="3">
        <v>41948.686296296299</v>
      </c>
      <c r="B11914" s="6">
        <v>198334.8</v>
      </c>
      <c r="C11914" s="7">
        <f t="shared" si="186"/>
        <v>198.3348</v>
      </c>
      <c r="I11914" s="1"/>
    </row>
    <row r="11915" spans="1:9" x14ac:dyDescent="0.25">
      <c r="A11915" s="3">
        <v>41948.686354166668</v>
      </c>
      <c r="B11915" s="6">
        <v>198351.44999999998</v>
      </c>
      <c r="C11915" s="7">
        <f t="shared" si="186"/>
        <v>198.35144999999997</v>
      </c>
      <c r="I11915" s="1"/>
    </row>
    <row r="11916" spans="1:9" x14ac:dyDescent="0.25">
      <c r="A11916" s="3">
        <v>41948.687465277777</v>
      </c>
      <c r="B11916" s="6">
        <v>198368.09999999998</v>
      </c>
      <c r="C11916" s="7">
        <f t="shared" si="186"/>
        <v>198.36809999999997</v>
      </c>
      <c r="I11916" s="1"/>
    </row>
    <row r="11917" spans="1:9" x14ac:dyDescent="0.25">
      <c r="A11917" s="3">
        <v>41948.687511574077</v>
      </c>
      <c r="B11917" s="6">
        <v>198384.74999999997</v>
      </c>
      <c r="C11917" s="7">
        <f t="shared" si="186"/>
        <v>198.38474999999997</v>
      </c>
      <c r="I11917" s="1"/>
    </row>
    <row r="11918" spans="1:9" x14ac:dyDescent="0.25">
      <c r="A11918" s="3">
        <v>41948.689502314817</v>
      </c>
      <c r="B11918" s="6">
        <v>198401.4</v>
      </c>
      <c r="C11918" s="7">
        <f t="shared" si="186"/>
        <v>198.4014</v>
      </c>
      <c r="I11918" s="1"/>
    </row>
    <row r="11919" spans="1:9" x14ac:dyDescent="0.25">
      <c r="A11919" s="3">
        <v>41948.689687500002</v>
      </c>
      <c r="B11919" s="6">
        <v>198418.05</v>
      </c>
      <c r="C11919" s="7">
        <f t="shared" si="186"/>
        <v>198.41804999999999</v>
      </c>
      <c r="I11919" s="1"/>
    </row>
    <row r="11920" spans="1:9" x14ac:dyDescent="0.25">
      <c r="A11920" s="3">
        <v>41948.690497685187</v>
      </c>
      <c r="B11920" s="6">
        <v>198434.69999999998</v>
      </c>
      <c r="C11920" s="7">
        <f t="shared" si="186"/>
        <v>198.43469999999999</v>
      </c>
      <c r="I11920" s="1"/>
    </row>
    <row r="11921" spans="1:9" x14ac:dyDescent="0.25">
      <c r="A11921" s="3">
        <v>41948.690659722219</v>
      </c>
      <c r="B11921" s="6">
        <v>198451.34999999998</v>
      </c>
      <c r="C11921" s="7">
        <f t="shared" si="186"/>
        <v>198.45134999999999</v>
      </c>
      <c r="I11921" s="1"/>
    </row>
    <row r="11922" spans="1:9" x14ac:dyDescent="0.25">
      <c r="A11922" s="3">
        <v>41948.692881944444</v>
      </c>
      <c r="B11922" s="6">
        <v>198467.99999999997</v>
      </c>
      <c r="C11922" s="7">
        <f t="shared" si="186"/>
        <v>198.46799999999996</v>
      </c>
      <c r="I11922" s="1"/>
    </row>
    <row r="11923" spans="1:9" x14ac:dyDescent="0.25">
      <c r="A11923" s="3">
        <v>41948.692986111113</v>
      </c>
      <c r="B11923" s="6">
        <v>198484.65</v>
      </c>
      <c r="C11923" s="7">
        <f t="shared" si="186"/>
        <v>198.48464999999999</v>
      </c>
      <c r="I11923" s="1"/>
    </row>
    <row r="11924" spans="1:9" x14ac:dyDescent="0.25">
      <c r="A11924" s="3">
        <v>41948.693391203706</v>
      </c>
      <c r="B11924" s="6">
        <v>198501.3</v>
      </c>
      <c r="C11924" s="7">
        <f t="shared" si="186"/>
        <v>198.50129999999999</v>
      </c>
      <c r="I11924" s="1"/>
    </row>
    <row r="11925" spans="1:9" x14ac:dyDescent="0.25">
      <c r="A11925" s="3">
        <v>41948.693425925929</v>
      </c>
      <c r="B11925" s="6">
        <v>198517.94999999998</v>
      </c>
      <c r="C11925" s="7">
        <f t="shared" si="186"/>
        <v>198.51794999999998</v>
      </c>
      <c r="I11925" s="1"/>
    </row>
    <row r="11926" spans="1:9" x14ac:dyDescent="0.25">
      <c r="A11926" s="3">
        <v>41948.694166666668</v>
      </c>
      <c r="B11926" s="6">
        <v>198534.59999999998</v>
      </c>
      <c r="C11926" s="7">
        <f t="shared" si="186"/>
        <v>198.53459999999998</v>
      </c>
      <c r="I11926" s="1"/>
    </row>
    <row r="11927" spans="1:9" x14ac:dyDescent="0.25">
      <c r="A11927" s="3">
        <v>41948.694236111114</v>
      </c>
      <c r="B11927" s="6">
        <v>198551.24999999997</v>
      </c>
      <c r="C11927" s="7">
        <f t="shared" si="186"/>
        <v>198.55124999999998</v>
      </c>
      <c r="I11927" s="1"/>
    </row>
    <row r="11928" spans="1:9" x14ac:dyDescent="0.25">
      <c r="A11928" s="3">
        <v>41948.694699074076</v>
      </c>
      <c r="B11928" s="6">
        <v>198567.9</v>
      </c>
      <c r="C11928" s="7">
        <f t="shared" si="186"/>
        <v>198.56789999999998</v>
      </c>
      <c r="I11928" s="1"/>
    </row>
    <row r="11929" spans="1:9" x14ac:dyDescent="0.25">
      <c r="A11929" s="3">
        <v>41948.694745370369</v>
      </c>
      <c r="B11929" s="6">
        <v>198584.55</v>
      </c>
      <c r="C11929" s="7">
        <f t="shared" si="186"/>
        <v>198.58454999999998</v>
      </c>
      <c r="I11929" s="1"/>
    </row>
    <row r="11930" spans="1:9" x14ac:dyDescent="0.25">
      <c r="A11930" s="3">
        <v>41948.6952662037</v>
      </c>
      <c r="B11930" s="6">
        <v>198601.19999999998</v>
      </c>
      <c r="C11930" s="7">
        <f t="shared" si="186"/>
        <v>198.60119999999998</v>
      </c>
      <c r="I11930" s="1"/>
    </row>
    <row r="11931" spans="1:9" x14ac:dyDescent="0.25">
      <c r="A11931" s="3">
        <v>41948.695324074077</v>
      </c>
      <c r="B11931" s="6">
        <v>198617.84999999998</v>
      </c>
      <c r="C11931" s="7">
        <f t="shared" si="186"/>
        <v>198.61784999999998</v>
      </c>
      <c r="I11931" s="1"/>
    </row>
    <row r="11932" spans="1:9" x14ac:dyDescent="0.25">
      <c r="A11932" s="3">
        <v>41948.696122685185</v>
      </c>
      <c r="B11932" s="6">
        <v>198634.49999999997</v>
      </c>
      <c r="C11932" s="7">
        <f t="shared" si="186"/>
        <v>198.63449999999997</v>
      </c>
      <c r="I11932" s="1"/>
    </row>
    <row r="11933" spans="1:9" x14ac:dyDescent="0.25">
      <c r="A11933" s="3">
        <v>41948.69635416667</v>
      </c>
      <c r="B11933" s="6">
        <v>198651.15</v>
      </c>
      <c r="C11933" s="7">
        <f t="shared" si="186"/>
        <v>198.65115</v>
      </c>
      <c r="I11933" s="1"/>
    </row>
    <row r="11934" spans="1:9" x14ac:dyDescent="0.25">
      <c r="A11934" s="3">
        <v>41948.697372685187</v>
      </c>
      <c r="B11934" s="6">
        <v>198667.8</v>
      </c>
      <c r="C11934" s="7">
        <f t="shared" si="186"/>
        <v>198.6678</v>
      </c>
      <c r="I11934" s="1"/>
    </row>
    <row r="11935" spans="1:9" x14ac:dyDescent="0.25">
      <c r="A11935" s="3">
        <v>41948.697534722225</v>
      </c>
      <c r="B11935" s="6">
        <v>198684.44999999998</v>
      </c>
      <c r="C11935" s="7">
        <f t="shared" si="186"/>
        <v>198.68444999999997</v>
      </c>
      <c r="I11935" s="1"/>
    </row>
    <row r="11936" spans="1:9" x14ac:dyDescent="0.25">
      <c r="A11936" s="3">
        <v>41948.698321759257</v>
      </c>
      <c r="B11936" s="6">
        <v>198701.09999999998</v>
      </c>
      <c r="C11936" s="7">
        <f t="shared" si="186"/>
        <v>198.70109999999997</v>
      </c>
      <c r="I11936" s="1"/>
    </row>
    <row r="11937" spans="1:9" x14ac:dyDescent="0.25">
      <c r="A11937" s="3">
        <v>41948.698449074072</v>
      </c>
      <c r="B11937" s="6">
        <v>198717.74999999997</v>
      </c>
      <c r="C11937" s="7">
        <f t="shared" si="186"/>
        <v>198.71774999999997</v>
      </c>
      <c r="I11937" s="1"/>
    </row>
    <row r="11938" spans="1:9" x14ac:dyDescent="0.25">
      <c r="A11938" s="3">
        <v>41948.700023148151</v>
      </c>
      <c r="B11938" s="6">
        <v>198734.4</v>
      </c>
      <c r="C11938" s="7">
        <f t="shared" si="186"/>
        <v>198.73439999999999</v>
      </c>
      <c r="I11938" s="1"/>
    </row>
    <row r="11939" spans="1:9" x14ac:dyDescent="0.25">
      <c r="A11939" s="3">
        <v>41948.700057870374</v>
      </c>
      <c r="B11939" s="6">
        <v>198751.05</v>
      </c>
      <c r="C11939" s="7">
        <f t="shared" si="186"/>
        <v>198.75104999999999</v>
      </c>
      <c r="I11939" s="1"/>
    </row>
    <row r="11940" spans="1:9" x14ac:dyDescent="0.25">
      <c r="A11940" s="3">
        <v>41948.700416666667</v>
      </c>
      <c r="B11940" s="6">
        <v>198767.69999999998</v>
      </c>
      <c r="C11940" s="7">
        <f t="shared" si="186"/>
        <v>198.76769999999999</v>
      </c>
      <c r="I11940" s="1"/>
    </row>
    <row r="11941" spans="1:9" x14ac:dyDescent="0.25">
      <c r="A11941" s="3">
        <v>41948.700462962966</v>
      </c>
      <c r="B11941" s="6">
        <v>198784.34999999998</v>
      </c>
      <c r="C11941" s="7">
        <f t="shared" si="186"/>
        <v>198.78434999999999</v>
      </c>
      <c r="I11941" s="1"/>
    </row>
    <row r="11942" spans="1:9" x14ac:dyDescent="0.25">
      <c r="A11942" s="3">
        <v>41948.701273148145</v>
      </c>
      <c r="B11942" s="6">
        <v>198800.99999999997</v>
      </c>
      <c r="C11942" s="7">
        <f t="shared" si="186"/>
        <v>198.80099999999996</v>
      </c>
      <c r="I11942" s="1"/>
    </row>
    <row r="11943" spans="1:9" x14ac:dyDescent="0.25">
      <c r="A11943" s="3">
        <v>41948.701354166667</v>
      </c>
      <c r="B11943" s="6">
        <v>198817.65</v>
      </c>
      <c r="C11943" s="7">
        <f t="shared" si="186"/>
        <v>198.81764999999999</v>
      </c>
      <c r="I11943" s="1"/>
    </row>
    <row r="11944" spans="1:9" x14ac:dyDescent="0.25">
      <c r="A11944" s="3">
        <v>41948.702314814815</v>
      </c>
      <c r="B11944" s="6">
        <v>198834.3</v>
      </c>
      <c r="C11944" s="7">
        <f t="shared" si="186"/>
        <v>198.83429999999998</v>
      </c>
      <c r="I11944" s="1"/>
    </row>
    <row r="11945" spans="1:9" x14ac:dyDescent="0.25">
      <c r="A11945" s="3">
        <v>41948.702604166669</v>
      </c>
      <c r="B11945" s="6">
        <v>198850.94999999998</v>
      </c>
      <c r="C11945" s="7">
        <f t="shared" si="186"/>
        <v>198.85094999999998</v>
      </c>
      <c r="I11945" s="1"/>
    </row>
    <row r="11946" spans="1:9" x14ac:dyDescent="0.25">
      <c r="A11946" s="3">
        <v>41948.703321759262</v>
      </c>
      <c r="B11946" s="6">
        <v>198867.59999999998</v>
      </c>
      <c r="C11946" s="7">
        <f t="shared" si="186"/>
        <v>198.86759999999998</v>
      </c>
      <c r="I11946" s="1"/>
    </row>
    <row r="11947" spans="1:9" x14ac:dyDescent="0.25">
      <c r="A11947" s="3">
        <v>41948.703483796293</v>
      </c>
      <c r="B11947" s="6">
        <v>198884.24999999997</v>
      </c>
      <c r="C11947" s="7">
        <f t="shared" si="186"/>
        <v>198.88424999999998</v>
      </c>
      <c r="I11947" s="1"/>
    </row>
    <row r="11948" spans="1:9" x14ac:dyDescent="0.25">
      <c r="A11948" s="3">
        <v>41948.704340277778</v>
      </c>
      <c r="B11948" s="6">
        <v>198900.9</v>
      </c>
      <c r="C11948" s="7">
        <f t="shared" si="186"/>
        <v>198.90090000000001</v>
      </c>
      <c r="I11948" s="1"/>
    </row>
    <row r="11949" spans="1:9" x14ac:dyDescent="0.25">
      <c r="A11949" s="3">
        <v>41948.704502314817</v>
      </c>
      <c r="B11949" s="6">
        <v>198917.55</v>
      </c>
      <c r="C11949" s="7">
        <f t="shared" si="186"/>
        <v>198.91754999999998</v>
      </c>
      <c r="I11949" s="1"/>
    </row>
    <row r="11950" spans="1:9" x14ac:dyDescent="0.25">
      <c r="A11950" s="3">
        <v>41948.705243055556</v>
      </c>
      <c r="B11950" s="6">
        <v>198934.19999999998</v>
      </c>
      <c r="C11950" s="7">
        <f t="shared" si="186"/>
        <v>198.93419999999998</v>
      </c>
      <c r="I11950" s="1"/>
    </row>
    <row r="11951" spans="1:9" x14ac:dyDescent="0.25">
      <c r="A11951" s="3">
        <v>41948.705347222225</v>
      </c>
      <c r="B11951" s="6">
        <v>198950.84999999998</v>
      </c>
      <c r="C11951" s="7">
        <f t="shared" si="186"/>
        <v>198.95084999999997</v>
      </c>
      <c r="I11951" s="1"/>
    </row>
    <row r="11952" spans="1:9" x14ac:dyDescent="0.25">
      <c r="A11952" s="3">
        <v>41948.706342592595</v>
      </c>
      <c r="B11952" s="6">
        <v>198967.49999999997</v>
      </c>
      <c r="C11952" s="7">
        <f t="shared" si="186"/>
        <v>198.96749999999997</v>
      </c>
      <c r="I11952" s="1"/>
    </row>
    <row r="11953" spans="1:9" x14ac:dyDescent="0.25">
      <c r="A11953" s="3">
        <v>41948.706412037034</v>
      </c>
      <c r="B11953" s="6">
        <v>198984.15</v>
      </c>
      <c r="C11953" s="7">
        <f t="shared" si="186"/>
        <v>198.98415</v>
      </c>
      <c r="I11953" s="1"/>
    </row>
    <row r="11954" spans="1:9" x14ac:dyDescent="0.25">
      <c r="A11954" s="3">
        <v>41948.707627314812</v>
      </c>
      <c r="B11954" s="6">
        <v>199000.8</v>
      </c>
      <c r="C11954" s="7">
        <f t="shared" si="186"/>
        <v>199.0008</v>
      </c>
      <c r="I11954" s="1"/>
    </row>
    <row r="11955" spans="1:9" x14ac:dyDescent="0.25">
      <c r="A11955" s="3">
        <v>41948.707673611112</v>
      </c>
      <c r="B11955" s="6">
        <v>199017.44999999998</v>
      </c>
      <c r="C11955" s="7">
        <f t="shared" si="186"/>
        <v>199.01745</v>
      </c>
      <c r="I11955" s="1"/>
    </row>
    <row r="11956" spans="1:9" x14ac:dyDescent="0.25">
      <c r="A11956" s="3">
        <v>41948.70894675926</v>
      </c>
      <c r="B11956" s="6">
        <v>199034.09999999998</v>
      </c>
      <c r="C11956" s="7">
        <f t="shared" si="186"/>
        <v>199.03409999999997</v>
      </c>
      <c r="I11956" s="1"/>
    </row>
    <row r="11957" spans="1:9" x14ac:dyDescent="0.25">
      <c r="A11957" s="3">
        <v>41948.709004629629</v>
      </c>
      <c r="B11957" s="6">
        <v>199050.74999999997</v>
      </c>
      <c r="C11957" s="7">
        <f t="shared" si="186"/>
        <v>199.05074999999997</v>
      </c>
      <c r="I11957" s="1"/>
    </row>
    <row r="11958" spans="1:9" x14ac:dyDescent="0.25">
      <c r="A11958" s="3">
        <v>41948.709733796299</v>
      </c>
      <c r="B11958" s="6">
        <v>199067.4</v>
      </c>
      <c r="C11958" s="7">
        <f t="shared" si="186"/>
        <v>199.06739999999999</v>
      </c>
      <c r="I11958" s="1"/>
    </row>
    <row r="11959" spans="1:9" x14ac:dyDescent="0.25">
      <c r="A11959" s="3">
        <v>41948.709791666668</v>
      </c>
      <c r="B11959" s="6">
        <v>199084.05</v>
      </c>
      <c r="C11959" s="7">
        <f t="shared" si="186"/>
        <v>199.08404999999999</v>
      </c>
      <c r="I11959" s="1"/>
    </row>
    <row r="11960" spans="1:9" x14ac:dyDescent="0.25">
      <c r="A11960" s="3">
        <v>41948.710416666669</v>
      </c>
      <c r="B11960" s="6">
        <v>199100.69999999998</v>
      </c>
      <c r="C11960" s="7">
        <f t="shared" si="186"/>
        <v>199.10069999999999</v>
      </c>
      <c r="I11960" s="1"/>
    </row>
    <row r="11961" spans="1:9" x14ac:dyDescent="0.25">
      <c r="A11961" s="3">
        <v>41948.710636574076</v>
      </c>
      <c r="B11961" s="6">
        <v>199117.34999999998</v>
      </c>
      <c r="C11961" s="7">
        <f t="shared" si="186"/>
        <v>199.11734999999999</v>
      </c>
      <c r="I11961" s="1"/>
    </row>
    <row r="11962" spans="1:9" x14ac:dyDescent="0.25">
      <c r="A11962" s="3">
        <v>41948.711585648147</v>
      </c>
      <c r="B11962" s="6">
        <v>199133.99999999997</v>
      </c>
      <c r="C11962" s="7">
        <f t="shared" si="186"/>
        <v>199.13399999999996</v>
      </c>
      <c r="I11962" s="1"/>
    </row>
    <row r="11963" spans="1:9" x14ac:dyDescent="0.25">
      <c r="A11963" s="3">
        <v>41948.711643518516</v>
      </c>
      <c r="B11963" s="6">
        <v>199150.65</v>
      </c>
      <c r="C11963" s="7">
        <f t="shared" si="186"/>
        <v>199.15064999999998</v>
      </c>
      <c r="I11963" s="1"/>
    </row>
    <row r="11964" spans="1:9" x14ac:dyDescent="0.25">
      <c r="A11964" s="3">
        <v>41948.712627314817</v>
      </c>
      <c r="B11964" s="6">
        <v>199167.3</v>
      </c>
      <c r="C11964" s="7">
        <f t="shared" si="186"/>
        <v>199.16729999999998</v>
      </c>
      <c r="I11964" s="1"/>
    </row>
    <row r="11965" spans="1:9" x14ac:dyDescent="0.25">
      <c r="A11965" s="3">
        <v>41948.712847222225</v>
      </c>
      <c r="B11965" s="6">
        <v>199183.94999999998</v>
      </c>
      <c r="C11965" s="7">
        <f t="shared" si="186"/>
        <v>199.18394999999998</v>
      </c>
      <c r="I11965" s="1"/>
    </row>
    <row r="11966" spans="1:9" x14ac:dyDescent="0.25">
      <c r="A11966" s="3">
        <v>41948.713807870372</v>
      </c>
      <c r="B11966" s="6">
        <v>199200.59999999998</v>
      </c>
      <c r="C11966" s="7">
        <f t="shared" si="186"/>
        <v>199.20059999999998</v>
      </c>
      <c r="I11966" s="1"/>
    </row>
    <row r="11967" spans="1:9" x14ac:dyDescent="0.25">
      <c r="A11967" s="3">
        <v>41948.714016203703</v>
      </c>
      <c r="B11967" s="6">
        <v>199217.24999999997</v>
      </c>
      <c r="C11967" s="7">
        <f t="shared" si="186"/>
        <v>199.21724999999998</v>
      </c>
      <c r="I11967" s="1"/>
    </row>
    <row r="11968" spans="1:9" x14ac:dyDescent="0.25">
      <c r="A11968" s="3">
        <v>41948.714745370373</v>
      </c>
      <c r="B11968" s="6">
        <v>199233.9</v>
      </c>
      <c r="C11968" s="7">
        <f t="shared" si="186"/>
        <v>199.23390000000001</v>
      </c>
      <c r="I11968" s="1"/>
    </row>
    <row r="11969" spans="1:9" x14ac:dyDescent="0.25">
      <c r="A11969" s="3">
        <v>41948.714780092596</v>
      </c>
      <c r="B11969" s="6">
        <v>199250.55</v>
      </c>
      <c r="C11969" s="7">
        <f t="shared" si="186"/>
        <v>199.25054999999998</v>
      </c>
      <c r="I11969" s="1"/>
    </row>
    <row r="11970" spans="1:9" x14ac:dyDescent="0.25">
      <c r="A11970" s="3">
        <v>41948.715405092589</v>
      </c>
      <c r="B11970" s="6">
        <v>199267.19999999998</v>
      </c>
      <c r="C11970" s="7">
        <f t="shared" si="186"/>
        <v>199.26719999999997</v>
      </c>
      <c r="I11970" s="1"/>
    </row>
    <row r="11971" spans="1:9" x14ac:dyDescent="0.25">
      <c r="A11971" s="3">
        <v>41948.715532407405</v>
      </c>
      <c r="B11971" s="6">
        <v>199283.84999999998</v>
      </c>
      <c r="C11971" s="7">
        <f t="shared" ref="C11971:C12034" si="187">B11971/1000</f>
        <v>199.28384999999997</v>
      </c>
      <c r="I11971" s="1"/>
    </row>
    <row r="11972" spans="1:9" x14ac:dyDescent="0.25">
      <c r="A11972" s="3">
        <v>41948.716180555559</v>
      </c>
      <c r="B11972" s="6">
        <v>199300.49999999997</v>
      </c>
      <c r="C11972" s="7">
        <f t="shared" si="187"/>
        <v>199.30049999999997</v>
      </c>
      <c r="I11972" s="1"/>
    </row>
    <row r="11973" spans="1:9" x14ac:dyDescent="0.25">
      <c r="A11973" s="3">
        <v>41948.716226851851</v>
      </c>
      <c r="B11973" s="6">
        <v>199317.15</v>
      </c>
      <c r="C11973" s="7">
        <f t="shared" si="187"/>
        <v>199.31715</v>
      </c>
      <c r="I11973" s="1"/>
    </row>
    <row r="11974" spans="1:9" x14ac:dyDescent="0.25">
      <c r="A11974" s="3">
        <v>41948.716782407406</v>
      </c>
      <c r="B11974" s="6">
        <v>199333.8</v>
      </c>
      <c r="C11974" s="7">
        <f t="shared" si="187"/>
        <v>199.3338</v>
      </c>
      <c r="I11974" s="1"/>
    </row>
    <row r="11975" spans="1:9" x14ac:dyDescent="0.25">
      <c r="A11975" s="3">
        <v>41948.717037037037</v>
      </c>
      <c r="B11975" s="6">
        <v>199350.44999999998</v>
      </c>
      <c r="C11975" s="7">
        <f t="shared" si="187"/>
        <v>199.35045</v>
      </c>
      <c r="I11975" s="1"/>
    </row>
    <row r="11976" spans="1:9" x14ac:dyDescent="0.25">
      <c r="A11976" s="3">
        <v>41948.718101851853</v>
      </c>
      <c r="B11976" s="6">
        <v>199367.09999999998</v>
      </c>
      <c r="C11976" s="7">
        <f t="shared" si="187"/>
        <v>199.36709999999997</v>
      </c>
      <c r="I11976" s="1"/>
    </row>
    <row r="11977" spans="1:9" x14ac:dyDescent="0.25">
      <c r="A11977" s="3">
        <v>41948.718171296299</v>
      </c>
      <c r="B11977" s="6">
        <v>199383.74999999997</v>
      </c>
      <c r="C11977" s="7">
        <f t="shared" si="187"/>
        <v>199.38374999999996</v>
      </c>
      <c r="I11977" s="1"/>
    </row>
    <row r="11978" spans="1:9" x14ac:dyDescent="0.25">
      <c r="A11978" s="3">
        <v>41948.718460648146</v>
      </c>
      <c r="B11978" s="6">
        <v>199400.4</v>
      </c>
      <c r="C11978" s="7">
        <f t="shared" si="187"/>
        <v>199.40039999999999</v>
      </c>
      <c r="I11978" s="1"/>
    </row>
    <row r="11979" spans="1:9" x14ac:dyDescent="0.25">
      <c r="A11979" s="3">
        <v>41948.718506944446</v>
      </c>
      <c r="B11979" s="6">
        <v>199417.05</v>
      </c>
      <c r="C11979" s="7">
        <f t="shared" si="187"/>
        <v>199.41704999999999</v>
      </c>
      <c r="I11979" s="1"/>
    </row>
    <row r="11980" spans="1:9" x14ac:dyDescent="0.25">
      <c r="A11980" s="3">
        <v>41948.71947916667</v>
      </c>
      <c r="B11980" s="6">
        <v>199433.69999999998</v>
      </c>
      <c r="C11980" s="7">
        <f t="shared" si="187"/>
        <v>199.43369999999999</v>
      </c>
      <c r="I11980" s="1"/>
    </row>
    <row r="11981" spans="1:9" x14ac:dyDescent="0.25">
      <c r="A11981" s="3">
        <v>41948.719826388886</v>
      </c>
      <c r="B11981" s="6">
        <v>199450.34999999998</v>
      </c>
      <c r="C11981" s="7">
        <f t="shared" si="187"/>
        <v>199.45034999999999</v>
      </c>
      <c r="I11981" s="1"/>
    </row>
    <row r="11982" spans="1:9" x14ac:dyDescent="0.25">
      <c r="A11982" s="3">
        <v>41948.721736111111</v>
      </c>
      <c r="B11982" s="6">
        <v>199466.99999999997</v>
      </c>
      <c r="C11982" s="7">
        <f t="shared" si="187"/>
        <v>199.46699999999998</v>
      </c>
      <c r="I11982" s="1"/>
    </row>
    <row r="11983" spans="1:9" x14ac:dyDescent="0.25">
      <c r="A11983" s="3">
        <v>41948.721828703703</v>
      </c>
      <c r="B11983" s="6">
        <v>199483.65</v>
      </c>
      <c r="C11983" s="7">
        <f t="shared" si="187"/>
        <v>199.48364999999998</v>
      </c>
      <c r="I11983" s="1"/>
    </row>
    <row r="11984" spans="1:9" x14ac:dyDescent="0.25">
      <c r="A11984" s="3">
        <v>41948.723298611112</v>
      </c>
      <c r="B11984" s="6">
        <v>199500.3</v>
      </c>
      <c r="C11984" s="7">
        <f t="shared" si="187"/>
        <v>199.50029999999998</v>
      </c>
      <c r="I11984" s="1"/>
    </row>
    <row r="11985" spans="1:9" x14ac:dyDescent="0.25">
      <c r="A11985" s="3">
        <v>41948.723541666666</v>
      </c>
      <c r="B11985" s="6">
        <v>199516.94999999998</v>
      </c>
      <c r="C11985" s="7">
        <f t="shared" si="187"/>
        <v>199.51694999999998</v>
      </c>
      <c r="I11985" s="1"/>
    </row>
    <row r="11986" spans="1:9" x14ac:dyDescent="0.25">
      <c r="A11986" s="3">
        <v>41948.724652777775</v>
      </c>
      <c r="B11986" s="6">
        <v>199533.59999999998</v>
      </c>
      <c r="C11986" s="7">
        <f t="shared" si="187"/>
        <v>199.53359999999998</v>
      </c>
      <c r="I11986" s="1"/>
    </row>
    <row r="11987" spans="1:9" x14ac:dyDescent="0.25">
      <c r="A11987" s="3">
        <v>41948.724803240744</v>
      </c>
      <c r="B11987" s="6">
        <v>199550.24999999997</v>
      </c>
      <c r="C11987" s="7">
        <f t="shared" si="187"/>
        <v>199.55024999999998</v>
      </c>
      <c r="I11987" s="1"/>
    </row>
    <row r="11988" spans="1:9" x14ac:dyDescent="0.25">
      <c r="A11988" s="3">
        <v>41948.725798611114</v>
      </c>
      <c r="B11988" s="6">
        <v>199566.9</v>
      </c>
      <c r="C11988" s="7">
        <f t="shared" si="187"/>
        <v>199.5669</v>
      </c>
      <c r="I11988" s="1"/>
    </row>
    <row r="11989" spans="1:9" x14ac:dyDescent="0.25">
      <c r="A11989" s="3">
        <v>41948.725925925923</v>
      </c>
      <c r="B11989" s="6">
        <v>199583.55</v>
      </c>
      <c r="C11989" s="7">
        <f t="shared" si="187"/>
        <v>199.58355</v>
      </c>
      <c r="I11989" s="1"/>
    </row>
    <row r="11990" spans="1:9" x14ac:dyDescent="0.25">
      <c r="A11990" s="3">
        <v>41948.727071759262</v>
      </c>
      <c r="B11990" s="6">
        <v>199600.19999999998</v>
      </c>
      <c r="C11990" s="7">
        <f t="shared" si="187"/>
        <v>199.60019999999997</v>
      </c>
      <c r="I11990" s="1"/>
    </row>
    <row r="11991" spans="1:9" x14ac:dyDescent="0.25">
      <c r="A11991" s="3">
        <v>41948.727118055554</v>
      </c>
      <c r="B11991" s="6">
        <v>199616.84999999998</v>
      </c>
      <c r="C11991" s="7">
        <f t="shared" si="187"/>
        <v>199.61684999999997</v>
      </c>
      <c r="I11991" s="1"/>
    </row>
    <row r="11992" spans="1:9" x14ac:dyDescent="0.25">
      <c r="A11992" s="3">
        <v>41948.727835648147</v>
      </c>
      <c r="B11992" s="6">
        <v>199633.49999999997</v>
      </c>
      <c r="C11992" s="7">
        <f t="shared" si="187"/>
        <v>199.63349999999997</v>
      </c>
      <c r="I11992" s="1"/>
    </row>
    <row r="11993" spans="1:9" x14ac:dyDescent="0.25">
      <c r="A11993" s="3">
        <v>41948.727905092594</v>
      </c>
      <c r="B11993" s="6">
        <v>199650.15</v>
      </c>
      <c r="C11993" s="7">
        <f t="shared" si="187"/>
        <v>199.65015</v>
      </c>
      <c r="I11993" s="1"/>
    </row>
    <row r="11994" spans="1:9" x14ac:dyDescent="0.25">
      <c r="A11994" s="3">
        <v>41948.729143518518</v>
      </c>
      <c r="B11994" s="6">
        <v>199666.8</v>
      </c>
      <c r="C11994" s="7">
        <f t="shared" si="187"/>
        <v>199.66679999999999</v>
      </c>
      <c r="I11994" s="1"/>
    </row>
    <row r="11995" spans="1:9" x14ac:dyDescent="0.25">
      <c r="A11995" s="3">
        <v>41948.729224537034</v>
      </c>
      <c r="B11995" s="6">
        <v>199683.44999999998</v>
      </c>
      <c r="C11995" s="7">
        <f t="shared" si="187"/>
        <v>199.68344999999999</v>
      </c>
      <c r="I11995" s="1"/>
    </row>
    <row r="11996" spans="1:9" x14ac:dyDescent="0.25">
      <c r="A11996" s="3">
        <v>41948.733842592592</v>
      </c>
      <c r="B11996" s="6">
        <v>199700.09999999998</v>
      </c>
      <c r="C11996" s="7">
        <f t="shared" si="187"/>
        <v>199.70009999999996</v>
      </c>
      <c r="I11996" s="1"/>
    </row>
    <row r="11997" spans="1:9" x14ac:dyDescent="0.25">
      <c r="A11997" s="3">
        <v>41948.734016203707</v>
      </c>
      <c r="B11997" s="6">
        <v>199716.74999999997</v>
      </c>
      <c r="C11997" s="7">
        <f t="shared" si="187"/>
        <v>199.71674999999996</v>
      </c>
      <c r="I11997" s="1"/>
    </row>
    <row r="11998" spans="1:9" x14ac:dyDescent="0.25">
      <c r="A11998" s="3">
        <v>41948.735590277778</v>
      </c>
      <c r="B11998" s="6">
        <v>199733.4</v>
      </c>
      <c r="C11998" s="7">
        <f t="shared" si="187"/>
        <v>199.73339999999999</v>
      </c>
      <c r="I11998" s="1"/>
    </row>
    <row r="11999" spans="1:9" x14ac:dyDescent="0.25">
      <c r="A11999" s="3">
        <v>41948.735844907409</v>
      </c>
      <c r="B11999" s="6">
        <v>199750.05</v>
      </c>
      <c r="C11999" s="7">
        <f t="shared" si="187"/>
        <v>199.75004999999999</v>
      </c>
      <c r="I11999" s="1"/>
    </row>
    <row r="12000" spans="1:9" x14ac:dyDescent="0.25">
      <c r="A12000" s="3">
        <v>41948.73847222222</v>
      </c>
      <c r="B12000" s="6">
        <v>199766.69999999998</v>
      </c>
      <c r="C12000" s="7">
        <f t="shared" si="187"/>
        <v>199.76669999999999</v>
      </c>
      <c r="I12000" s="1"/>
    </row>
    <row r="12001" spans="1:9" x14ac:dyDescent="0.25">
      <c r="A12001" s="3">
        <v>41948.738877314812</v>
      </c>
      <c r="B12001" s="6">
        <v>199783.34999999998</v>
      </c>
      <c r="C12001" s="7">
        <f t="shared" si="187"/>
        <v>199.78334999999998</v>
      </c>
      <c r="I12001" s="1"/>
    </row>
    <row r="12002" spans="1:9" x14ac:dyDescent="0.25">
      <c r="A12002" s="3">
        <v>41948.744710648149</v>
      </c>
      <c r="B12002" s="6">
        <v>199799.99999999997</v>
      </c>
      <c r="C12002" s="7">
        <f t="shared" si="187"/>
        <v>199.79999999999998</v>
      </c>
      <c r="I12002" s="1"/>
    </row>
    <row r="12003" spans="1:9" x14ac:dyDescent="0.25">
      <c r="A12003" s="3">
        <v>41948.744872685187</v>
      </c>
      <c r="B12003" s="6">
        <v>199816.65</v>
      </c>
      <c r="C12003" s="7">
        <f t="shared" si="187"/>
        <v>199.81664999999998</v>
      </c>
      <c r="I12003" s="1"/>
    </row>
    <row r="12004" spans="1:9" x14ac:dyDescent="0.25">
      <c r="A12004" s="3">
        <v>41948.746793981481</v>
      </c>
      <c r="B12004" s="6">
        <v>199833.3</v>
      </c>
      <c r="C12004" s="7">
        <f t="shared" si="187"/>
        <v>199.83329999999998</v>
      </c>
      <c r="I12004" s="1"/>
    </row>
    <row r="12005" spans="1:9" x14ac:dyDescent="0.25">
      <c r="A12005" s="3">
        <v>41948.747777777775</v>
      </c>
      <c r="B12005" s="6">
        <v>199849.94999999998</v>
      </c>
      <c r="C12005" s="7">
        <f t="shared" si="187"/>
        <v>199.84994999999998</v>
      </c>
      <c r="I12005" s="1"/>
    </row>
    <row r="12006" spans="1:9" x14ac:dyDescent="0.25">
      <c r="A12006" s="3">
        <v>41948.751550925925</v>
      </c>
      <c r="B12006" s="6">
        <v>199866.59999999998</v>
      </c>
      <c r="C12006" s="7">
        <f t="shared" si="187"/>
        <v>199.86659999999998</v>
      </c>
      <c r="I12006" s="1"/>
    </row>
    <row r="12007" spans="1:9" x14ac:dyDescent="0.25">
      <c r="A12007" s="3">
        <v>41948.751851851855</v>
      </c>
      <c r="B12007" s="6">
        <v>199883.24999999997</v>
      </c>
      <c r="C12007" s="7">
        <f t="shared" si="187"/>
        <v>199.88324999999998</v>
      </c>
      <c r="I12007" s="1"/>
    </row>
    <row r="12008" spans="1:9" x14ac:dyDescent="0.25">
      <c r="A12008" s="3">
        <v>41948.752916666665</v>
      </c>
      <c r="B12008" s="6">
        <v>199899.9</v>
      </c>
      <c r="C12008" s="7">
        <f t="shared" si="187"/>
        <v>199.8999</v>
      </c>
      <c r="I12008" s="1"/>
    </row>
    <row r="12009" spans="1:9" x14ac:dyDescent="0.25">
      <c r="A12009" s="3">
        <v>41948.753067129626</v>
      </c>
      <c r="B12009" s="6">
        <v>199916.55</v>
      </c>
      <c r="C12009" s="7">
        <f t="shared" si="187"/>
        <v>199.91655</v>
      </c>
      <c r="I12009" s="1"/>
    </row>
    <row r="12010" spans="1:9" x14ac:dyDescent="0.25">
      <c r="A12010" s="3">
        <v>41948.754143518519</v>
      </c>
      <c r="B12010" s="6">
        <v>199933.19999999998</v>
      </c>
      <c r="C12010" s="7">
        <f t="shared" si="187"/>
        <v>199.93319999999997</v>
      </c>
      <c r="I12010" s="1"/>
    </row>
    <row r="12011" spans="1:9" x14ac:dyDescent="0.25">
      <c r="A12011" s="3">
        <v>41948.754293981481</v>
      </c>
      <c r="B12011" s="6">
        <v>199949.84999999998</v>
      </c>
      <c r="C12011" s="7">
        <f t="shared" si="187"/>
        <v>199.94984999999997</v>
      </c>
      <c r="I12011" s="1"/>
    </row>
    <row r="12012" spans="1:9" x14ac:dyDescent="0.25">
      <c r="A12012" s="3">
        <v>41948.755208333336</v>
      </c>
      <c r="B12012" s="6">
        <v>199966.49999999997</v>
      </c>
      <c r="C12012" s="7">
        <f t="shared" si="187"/>
        <v>199.96649999999997</v>
      </c>
      <c r="I12012" s="1"/>
    </row>
    <row r="12013" spans="1:9" x14ac:dyDescent="0.25">
      <c r="A12013" s="3">
        <v>41948.755439814813</v>
      </c>
      <c r="B12013" s="6">
        <v>199983.15</v>
      </c>
      <c r="C12013" s="7">
        <f t="shared" si="187"/>
        <v>199.98314999999999</v>
      </c>
      <c r="I12013" s="1"/>
    </row>
    <row r="12014" spans="1:9" x14ac:dyDescent="0.25">
      <c r="A12014" s="3">
        <v>41948.757569444446</v>
      </c>
      <c r="B12014" s="6">
        <v>199999.8</v>
      </c>
      <c r="C12014" s="7">
        <f t="shared" si="187"/>
        <v>199.99979999999999</v>
      </c>
      <c r="I12014" s="1"/>
    </row>
    <row r="12015" spans="1:9" x14ac:dyDescent="0.25">
      <c r="A12015" s="3">
        <v>41948.757789351854</v>
      </c>
      <c r="B12015" s="6">
        <v>200016.44999999998</v>
      </c>
      <c r="C12015" s="7">
        <f t="shared" si="187"/>
        <v>200.01644999999999</v>
      </c>
      <c r="I12015" s="1"/>
    </row>
    <row r="12016" spans="1:9" x14ac:dyDescent="0.25">
      <c r="A12016" s="3">
        <v>41948.760752314818</v>
      </c>
      <c r="B12016" s="6">
        <v>200033.09999999998</v>
      </c>
      <c r="C12016" s="7">
        <f t="shared" si="187"/>
        <v>200.03309999999999</v>
      </c>
      <c r="I12016" s="1"/>
    </row>
    <row r="12017" spans="1:9" x14ac:dyDescent="0.25">
      <c r="A12017" s="3">
        <v>41948.761018518519</v>
      </c>
      <c r="B12017" s="6">
        <v>200049.74999999997</v>
      </c>
      <c r="C12017" s="7">
        <f t="shared" si="187"/>
        <v>200.04974999999996</v>
      </c>
      <c r="I12017" s="1"/>
    </row>
    <row r="12018" spans="1:9" x14ac:dyDescent="0.25">
      <c r="A12018" s="3">
        <v>41948.76189814815</v>
      </c>
      <c r="B12018" s="6">
        <v>200066.4</v>
      </c>
      <c r="C12018" s="7">
        <f t="shared" si="187"/>
        <v>200.06639999999999</v>
      </c>
      <c r="I12018" s="1"/>
    </row>
    <row r="12019" spans="1:9" x14ac:dyDescent="0.25">
      <c r="A12019" s="3">
        <v>41948.761956018519</v>
      </c>
      <c r="B12019" s="6">
        <v>200083.05</v>
      </c>
      <c r="C12019" s="7">
        <f t="shared" si="187"/>
        <v>200.08304999999999</v>
      </c>
      <c r="I12019" s="1"/>
    </row>
    <row r="12020" spans="1:9" x14ac:dyDescent="0.25">
      <c r="A12020" s="3">
        <v>41948.763032407405</v>
      </c>
      <c r="B12020" s="6">
        <v>200099.69999999998</v>
      </c>
      <c r="C12020" s="7">
        <f t="shared" si="187"/>
        <v>200.09969999999998</v>
      </c>
      <c r="I12020" s="1"/>
    </row>
    <row r="12021" spans="1:9" x14ac:dyDescent="0.25">
      <c r="A12021" s="3">
        <v>41948.763159722221</v>
      </c>
      <c r="B12021" s="6">
        <v>200116.34999999998</v>
      </c>
      <c r="C12021" s="7">
        <f t="shared" si="187"/>
        <v>200.11634999999998</v>
      </c>
      <c r="I12021" s="1"/>
    </row>
    <row r="12022" spans="1:9" x14ac:dyDescent="0.25">
      <c r="A12022" s="3">
        <v>41948.763969907406</v>
      </c>
      <c r="B12022" s="6">
        <v>200132.99999999997</v>
      </c>
      <c r="C12022" s="7">
        <f t="shared" si="187"/>
        <v>200.13299999999998</v>
      </c>
      <c r="I12022" s="1"/>
    </row>
    <row r="12023" spans="1:9" x14ac:dyDescent="0.25">
      <c r="A12023" s="3">
        <v>41948.764027777775</v>
      </c>
      <c r="B12023" s="6">
        <v>200149.65</v>
      </c>
      <c r="C12023" s="7">
        <f t="shared" si="187"/>
        <v>200.14965000000001</v>
      </c>
      <c r="I12023" s="1"/>
    </row>
    <row r="12024" spans="1:9" x14ac:dyDescent="0.25">
      <c r="A12024" s="3">
        <v>41948.764780092592</v>
      </c>
      <c r="B12024" s="6">
        <v>200166.3</v>
      </c>
      <c r="C12024" s="7">
        <f t="shared" si="187"/>
        <v>200.16629999999998</v>
      </c>
      <c r="I12024" s="1"/>
    </row>
    <row r="12025" spans="1:9" x14ac:dyDescent="0.25">
      <c r="A12025" s="3">
        <v>41948.764930555553</v>
      </c>
      <c r="B12025" s="6">
        <v>200182.94999999998</v>
      </c>
      <c r="C12025" s="7">
        <f t="shared" si="187"/>
        <v>200.18294999999998</v>
      </c>
      <c r="I12025" s="1"/>
    </row>
    <row r="12026" spans="1:9" x14ac:dyDescent="0.25">
      <c r="A12026" s="3">
        <v>41948.765740740739</v>
      </c>
      <c r="B12026" s="6">
        <v>200199.59999999998</v>
      </c>
      <c r="C12026" s="7">
        <f t="shared" si="187"/>
        <v>200.19959999999998</v>
      </c>
      <c r="I12026" s="1"/>
    </row>
    <row r="12027" spans="1:9" x14ac:dyDescent="0.25">
      <c r="A12027" s="3">
        <v>41948.765810185185</v>
      </c>
      <c r="B12027" s="6">
        <v>200216.24999999997</v>
      </c>
      <c r="C12027" s="7">
        <f t="shared" si="187"/>
        <v>200.21624999999997</v>
      </c>
      <c r="I12027" s="1"/>
    </row>
    <row r="12028" spans="1:9" x14ac:dyDescent="0.25">
      <c r="A12028" s="3">
        <v>41948.767361111109</v>
      </c>
      <c r="B12028" s="6">
        <v>200232.9</v>
      </c>
      <c r="C12028" s="7">
        <f t="shared" si="187"/>
        <v>200.2329</v>
      </c>
      <c r="I12028" s="1"/>
    </row>
    <row r="12029" spans="1:9" x14ac:dyDescent="0.25">
      <c r="A12029" s="3">
        <v>41948.767488425925</v>
      </c>
      <c r="B12029" s="6">
        <v>200249.55</v>
      </c>
      <c r="C12029" s="7">
        <f t="shared" si="187"/>
        <v>200.24955</v>
      </c>
      <c r="I12029" s="1"/>
    </row>
    <row r="12030" spans="1:9" x14ac:dyDescent="0.25">
      <c r="A12030" s="3">
        <v>41948.769814814812</v>
      </c>
      <c r="B12030" s="6">
        <v>200266.19999999998</v>
      </c>
      <c r="C12030" s="7">
        <f t="shared" si="187"/>
        <v>200.26619999999997</v>
      </c>
      <c r="I12030" s="1"/>
    </row>
    <row r="12031" spans="1:9" x14ac:dyDescent="0.25">
      <c r="A12031" s="3">
        <v>41948.769942129627</v>
      </c>
      <c r="B12031" s="6">
        <v>200282.84999999998</v>
      </c>
      <c r="C12031" s="7">
        <f t="shared" si="187"/>
        <v>200.28284999999997</v>
      </c>
      <c r="I12031" s="1"/>
    </row>
    <row r="12032" spans="1:9" x14ac:dyDescent="0.25">
      <c r="A12032" s="3">
        <v>41948.770671296297</v>
      </c>
      <c r="B12032" s="6">
        <v>200299.49999999997</v>
      </c>
      <c r="C12032" s="7">
        <f t="shared" si="187"/>
        <v>200.29949999999997</v>
      </c>
      <c r="I12032" s="1"/>
    </row>
    <row r="12033" spans="1:9" x14ac:dyDescent="0.25">
      <c r="A12033" s="3">
        <v>41948.770752314813</v>
      </c>
      <c r="B12033" s="6">
        <v>200316.15</v>
      </c>
      <c r="C12033" s="7">
        <f t="shared" si="187"/>
        <v>200.31614999999999</v>
      </c>
      <c r="I12033" s="1"/>
    </row>
    <row r="12034" spans="1:9" x14ac:dyDescent="0.25">
      <c r="A12034" s="3">
        <v>41948.771747685183</v>
      </c>
      <c r="B12034" s="6">
        <v>200332.79999999999</v>
      </c>
      <c r="C12034" s="7">
        <f t="shared" si="187"/>
        <v>200.33279999999999</v>
      </c>
      <c r="I12034" s="1"/>
    </row>
    <row r="12035" spans="1:9" x14ac:dyDescent="0.25">
      <c r="A12035" s="3">
        <v>41948.771828703706</v>
      </c>
      <c r="B12035" s="6">
        <v>200349.44999999998</v>
      </c>
      <c r="C12035" s="7">
        <f t="shared" ref="C12035:C12098" si="188">B12035/1000</f>
        <v>200.34944999999999</v>
      </c>
      <c r="I12035" s="1"/>
    </row>
    <row r="12036" spans="1:9" x14ac:dyDescent="0.25">
      <c r="A12036" s="3">
        <v>41948.773738425924</v>
      </c>
      <c r="B12036" s="6">
        <v>200366.09999999998</v>
      </c>
      <c r="C12036" s="7">
        <f t="shared" si="188"/>
        <v>200.36609999999999</v>
      </c>
      <c r="I12036" s="1"/>
    </row>
    <row r="12037" spans="1:9" x14ac:dyDescent="0.25">
      <c r="A12037" s="3">
        <v>41948.773854166669</v>
      </c>
      <c r="B12037" s="6">
        <v>200382.74999999997</v>
      </c>
      <c r="C12037" s="7">
        <f t="shared" si="188"/>
        <v>200.38274999999996</v>
      </c>
      <c r="I12037" s="1"/>
    </row>
    <row r="12038" spans="1:9" x14ac:dyDescent="0.25">
      <c r="A12038" s="3">
        <v>41948.775069444448</v>
      </c>
      <c r="B12038" s="6">
        <v>200399.4</v>
      </c>
      <c r="C12038" s="7">
        <f t="shared" si="188"/>
        <v>200.39939999999999</v>
      </c>
      <c r="I12038" s="1"/>
    </row>
    <row r="12039" spans="1:9" x14ac:dyDescent="0.25">
      <c r="A12039" s="3">
        <v>41948.775543981479</v>
      </c>
      <c r="B12039" s="6">
        <v>200416.05</v>
      </c>
      <c r="C12039" s="7">
        <f t="shared" si="188"/>
        <v>200.41604999999998</v>
      </c>
      <c r="I12039" s="1"/>
    </row>
    <row r="12040" spans="1:9" x14ac:dyDescent="0.25">
      <c r="A12040" s="3">
        <v>41948.77685185185</v>
      </c>
      <c r="B12040" s="6">
        <v>200432.69999999998</v>
      </c>
      <c r="C12040" s="7">
        <f t="shared" si="188"/>
        <v>200.43269999999998</v>
      </c>
      <c r="I12040" s="1"/>
    </row>
    <row r="12041" spans="1:9" x14ac:dyDescent="0.25">
      <c r="A12041" s="3">
        <v>41948.776956018519</v>
      </c>
      <c r="B12041" s="6">
        <v>200449.34999999998</v>
      </c>
      <c r="C12041" s="7">
        <f t="shared" si="188"/>
        <v>200.44934999999998</v>
      </c>
      <c r="I12041" s="1"/>
    </row>
    <row r="12042" spans="1:9" x14ac:dyDescent="0.25">
      <c r="A12042" s="3">
        <v>41948.777766203704</v>
      </c>
      <c r="B12042" s="6">
        <v>200465.99999999997</v>
      </c>
      <c r="C12042" s="7">
        <f t="shared" si="188"/>
        <v>200.46599999999998</v>
      </c>
      <c r="I12042" s="1"/>
    </row>
    <row r="12043" spans="1:9" x14ac:dyDescent="0.25">
      <c r="A12043" s="3">
        <v>41948.777870370373</v>
      </c>
      <c r="B12043" s="6">
        <v>200482.65</v>
      </c>
      <c r="C12043" s="7">
        <f t="shared" si="188"/>
        <v>200.48265000000001</v>
      </c>
      <c r="I12043" s="1"/>
    </row>
    <row r="12044" spans="1:9" x14ac:dyDescent="0.25">
      <c r="A12044" s="3">
        <v>41948.779224537036</v>
      </c>
      <c r="B12044" s="6">
        <v>200499.3</v>
      </c>
      <c r="C12044" s="7">
        <f t="shared" si="188"/>
        <v>200.49929999999998</v>
      </c>
      <c r="I12044" s="1"/>
    </row>
    <row r="12045" spans="1:9" x14ac:dyDescent="0.25">
      <c r="A12045" s="3">
        <v>41948.779293981483</v>
      </c>
      <c r="B12045" s="6">
        <v>200515.94999999998</v>
      </c>
      <c r="C12045" s="7">
        <f t="shared" si="188"/>
        <v>200.51594999999998</v>
      </c>
      <c r="I12045" s="1"/>
    </row>
    <row r="12046" spans="1:9" x14ac:dyDescent="0.25">
      <c r="A12046" s="3">
        <v>41948.780474537038</v>
      </c>
      <c r="B12046" s="6">
        <v>200532.59999999998</v>
      </c>
      <c r="C12046" s="7">
        <f t="shared" si="188"/>
        <v>200.53259999999997</v>
      </c>
      <c r="I12046" s="1"/>
    </row>
    <row r="12047" spans="1:9" x14ac:dyDescent="0.25">
      <c r="A12047" s="3">
        <v>41948.780578703707</v>
      </c>
      <c r="B12047" s="6">
        <v>200549.24999999997</v>
      </c>
      <c r="C12047" s="7">
        <f t="shared" si="188"/>
        <v>200.54924999999997</v>
      </c>
      <c r="I12047" s="1"/>
    </row>
    <row r="12048" spans="1:9" x14ac:dyDescent="0.25">
      <c r="A12048" s="3">
        <v>41948.781840277778</v>
      </c>
      <c r="B12048" s="6">
        <v>200565.9</v>
      </c>
      <c r="C12048" s="7">
        <f t="shared" si="188"/>
        <v>200.5659</v>
      </c>
      <c r="I12048" s="1"/>
    </row>
    <row r="12049" spans="1:9" x14ac:dyDescent="0.25">
      <c r="A12049" s="3">
        <v>41948.781921296293</v>
      </c>
      <c r="B12049" s="6">
        <v>200582.55</v>
      </c>
      <c r="C12049" s="7">
        <f t="shared" si="188"/>
        <v>200.58255</v>
      </c>
      <c r="I12049" s="1"/>
    </row>
    <row r="12050" spans="1:9" x14ac:dyDescent="0.25">
      <c r="A12050" s="3">
        <v>41948.782939814817</v>
      </c>
      <c r="B12050" s="6">
        <v>200599.19999999998</v>
      </c>
      <c r="C12050" s="7">
        <f t="shared" si="188"/>
        <v>200.5992</v>
      </c>
      <c r="I12050" s="1"/>
    </row>
    <row r="12051" spans="1:9" x14ac:dyDescent="0.25">
      <c r="A12051" s="3">
        <v>41948.783043981479</v>
      </c>
      <c r="B12051" s="6">
        <v>200615.84999999998</v>
      </c>
      <c r="C12051" s="7">
        <f t="shared" si="188"/>
        <v>200.61584999999997</v>
      </c>
      <c r="I12051" s="1"/>
    </row>
    <row r="12052" spans="1:9" x14ac:dyDescent="0.25">
      <c r="A12052" s="3">
        <v>41948.783854166664</v>
      </c>
      <c r="B12052" s="6">
        <v>200632.49999999997</v>
      </c>
      <c r="C12052" s="7">
        <f t="shared" si="188"/>
        <v>200.63249999999996</v>
      </c>
      <c r="I12052" s="1"/>
    </row>
    <row r="12053" spans="1:9" x14ac:dyDescent="0.25">
      <c r="A12053" s="3">
        <v>41948.783900462964</v>
      </c>
      <c r="B12053" s="6">
        <v>200649.15</v>
      </c>
      <c r="C12053" s="7">
        <f t="shared" si="188"/>
        <v>200.64914999999999</v>
      </c>
      <c r="I12053" s="1"/>
    </row>
    <row r="12054" spans="1:9" x14ac:dyDescent="0.25">
      <c r="A12054" s="3">
        <v>41948.785578703704</v>
      </c>
      <c r="B12054" s="6">
        <v>200665.8</v>
      </c>
      <c r="C12054" s="7">
        <f t="shared" si="188"/>
        <v>200.66579999999999</v>
      </c>
      <c r="I12054" s="1"/>
    </row>
    <row r="12055" spans="1:9" x14ac:dyDescent="0.25">
      <c r="A12055" s="3">
        <v>41948.78570601852</v>
      </c>
      <c r="B12055" s="6">
        <v>200682.44999999998</v>
      </c>
      <c r="C12055" s="7">
        <f t="shared" si="188"/>
        <v>200.68244999999999</v>
      </c>
      <c r="I12055" s="1"/>
    </row>
    <row r="12056" spans="1:9" x14ac:dyDescent="0.25">
      <c r="A12056" s="3">
        <v>41948.787349537037</v>
      </c>
      <c r="B12056" s="6">
        <v>200699.09999999998</v>
      </c>
      <c r="C12056" s="7">
        <f t="shared" si="188"/>
        <v>200.69909999999999</v>
      </c>
      <c r="I12056" s="1"/>
    </row>
    <row r="12057" spans="1:9" x14ac:dyDescent="0.25">
      <c r="A12057" s="3">
        <v>41948.789398148147</v>
      </c>
      <c r="B12057" s="6">
        <v>200715.74999999997</v>
      </c>
      <c r="C12057" s="7">
        <f t="shared" si="188"/>
        <v>200.71574999999996</v>
      </c>
      <c r="I12057" s="1"/>
    </row>
    <row r="12058" spans="1:9" x14ac:dyDescent="0.25">
      <c r="A12058" s="3">
        <v>41948.792881944442</v>
      </c>
      <c r="B12058" s="6">
        <v>200732.4</v>
      </c>
      <c r="C12058" s="7">
        <f t="shared" si="188"/>
        <v>200.73239999999998</v>
      </c>
      <c r="I12058" s="1"/>
    </row>
    <row r="12059" spans="1:9" x14ac:dyDescent="0.25">
      <c r="A12059" s="3">
        <v>41948.793275462966</v>
      </c>
      <c r="B12059" s="6">
        <v>200749.05</v>
      </c>
      <c r="C12059" s="7">
        <f t="shared" si="188"/>
        <v>200.74904999999998</v>
      </c>
      <c r="I12059" s="1"/>
    </row>
    <row r="12060" spans="1:9" x14ac:dyDescent="0.25">
      <c r="A12060" s="3">
        <v>41948.795729166668</v>
      </c>
      <c r="B12060" s="6">
        <v>200765.69999999998</v>
      </c>
      <c r="C12060" s="7">
        <f t="shared" si="188"/>
        <v>200.76569999999998</v>
      </c>
      <c r="I12060" s="1"/>
    </row>
    <row r="12061" spans="1:9" x14ac:dyDescent="0.25">
      <c r="A12061" s="3">
        <v>41948.795949074076</v>
      </c>
      <c r="B12061" s="6">
        <v>200782.34999999998</v>
      </c>
      <c r="C12061" s="7">
        <f t="shared" si="188"/>
        <v>200.78234999999998</v>
      </c>
      <c r="I12061" s="1"/>
    </row>
    <row r="12062" spans="1:9" x14ac:dyDescent="0.25">
      <c r="A12062" s="3">
        <v>41948.797662037039</v>
      </c>
      <c r="B12062" s="6">
        <v>200798.99999999997</v>
      </c>
      <c r="C12062" s="7">
        <f t="shared" si="188"/>
        <v>200.79899999999998</v>
      </c>
      <c r="I12062" s="1"/>
    </row>
    <row r="12063" spans="1:9" x14ac:dyDescent="0.25">
      <c r="A12063" s="3">
        <v>41948.79892361111</v>
      </c>
      <c r="B12063" s="6">
        <v>200815.65</v>
      </c>
      <c r="C12063" s="7">
        <f t="shared" si="188"/>
        <v>200.81565000000001</v>
      </c>
      <c r="I12063" s="1"/>
    </row>
    <row r="12064" spans="1:9" x14ac:dyDescent="0.25">
      <c r="A12064" s="3">
        <v>41948.801863425928</v>
      </c>
      <c r="B12064" s="6">
        <v>200832.3</v>
      </c>
      <c r="C12064" s="7">
        <f t="shared" si="188"/>
        <v>200.83229999999998</v>
      </c>
      <c r="I12064" s="1"/>
    </row>
    <row r="12065" spans="1:9" x14ac:dyDescent="0.25">
      <c r="A12065" s="3">
        <v>41948.802002314813</v>
      </c>
      <c r="B12065" s="6">
        <v>200848.94999999998</v>
      </c>
      <c r="C12065" s="7">
        <f t="shared" si="188"/>
        <v>200.84894999999997</v>
      </c>
      <c r="I12065" s="1"/>
    </row>
    <row r="12066" spans="1:9" x14ac:dyDescent="0.25">
      <c r="A12066" s="3">
        <v>41948.803935185184</v>
      </c>
      <c r="B12066" s="6">
        <v>200865.59999999998</v>
      </c>
      <c r="C12066" s="7">
        <f t="shared" si="188"/>
        <v>200.86559999999997</v>
      </c>
      <c r="I12066" s="1"/>
    </row>
    <row r="12067" spans="1:9" x14ac:dyDescent="0.25">
      <c r="A12067" s="3">
        <v>41948.804097222222</v>
      </c>
      <c r="B12067" s="6">
        <v>200882.24999999997</v>
      </c>
      <c r="C12067" s="7">
        <f t="shared" si="188"/>
        <v>200.88224999999997</v>
      </c>
      <c r="I12067" s="1"/>
    </row>
    <row r="12068" spans="1:9" x14ac:dyDescent="0.25">
      <c r="A12068" s="3">
        <v>41948.808854166666</v>
      </c>
      <c r="B12068" s="6">
        <v>200898.9</v>
      </c>
      <c r="C12068" s="7">
        <f t="shared" si="188"/>
        <v>200.8989</v>
      </c>
      <c r="I12068" s="1"/>
    </row>
    <row r="12069" spans="1:9" x14ac:dyDescent="0.25">
      <c r="A12069" s="3">
        <v>41948.811168981483</v>
      </c>
      <c r="B12069" s="6">
        <v>200915.55</v>
      </c>
      <c r="C12069" s="7">
        <f t="shared" si="188"/>
        <v>200.91555</v>
      </c>
      <c r="I12069" s="1"/>
    </row>
    <row r="12070" spans="1:9" x14ac:dyDescent="0.25">
      <c r="A12070" s="3">
        <v>41948.827337962961</v>
      </c>
      <c r="B12070" s="6">
        <v>200932.19999999998</v>
      </c>
      <c r="C12070" s="7">
        <f t="shared" si="188"/>
        <v>200.93219999999999</v>
      </c>
      <c r="I12070" s="1"/>
    </row>
    <row r="12071" spans="1:9" x14ac:dyDescent="0.25">
      <c r="A12071" s="3">
        <v>41948.827557870369</v>
      </c>
      <c r="B12071" s="6">
        <v>200948.84999999998</v>
      </c>
      <c r="C12071" s="7">
        <f t="shared" si="188"/>
        <v>200.94884999999996</v>
      </c>
      <c r="I12071" s="1"/>
    </row>
    <row r="12072" spans="1:9" x14ac:dyDescent="0.25">
      <c r="A12072" s="3">
        <v>41948.828634259262</v>
      </c>
      <c r="B12072" s="6">
        <v>200965.49999999997</v>
      </c>
      <c r="C12072" s="7">
        <f t="shared" si="188"/>
        <v>200.96549999999996</v>
      </c>
      <c r="I12072" s="1"/>
    </row>
    <row r="12073" spans="1:9" x14ac:dyDescent="0.25">
      <c r="A12073" s="3">
        <v>41948.828703703701</v>
      </c>
      <c r="B12073" s="6">
        <v>200982.15</v>
      </c>
      <c r="C12073" s="7">
        <f t="shared" si="188"/>
        <v>200.98214999999999</v>
      </c>
      <c r="I12073" s="1"/>
    </row>
    <row r="12074" spans="1:9" x14ac:dyDescent="0.25">
      <c r="A12074" s="3">
        <v>41948.82949074074</v>
      </c>
      <c r="B12074" s="6">
        <v>200998.8</v>
      </c>
      <c r="C12074" s="7">
        <f t="shared" si="188"/>
        <v>200.99879999999999</v>
      </c>
      <c r="I12074" s="1"/>
    </row>
    <row r="12075" spans="1:9" x14ac:dyDescent="0.25">
      <c r="A12075" s="3">
        <v>41948.829606481479</v>
      </c>
      <c r="B12075" s="6">
        <v>201015.44999999998</v>
      </c>
      <c r="C12075" s="7">
        <f t="shared" si="188"/>
        <v>201.01544999999999</v>
      </c>
      <c r="I12075" s="1"/>
    </row>
    <row r="12076" spans="1:9" x14ac:dyDescent="0.25">
      <c r="A12076" s="3">
        <v>41948.830312500002</v>
      </c>
      <c r="B12076" s="6">
        <v>201032.09999999998</v>
      </c>
      <c r="C12076" s="7">
        <f t="shared" si="188"/>
        <v>201.03209999999999</v>
      </c>
      <c r="I12076" s="1"/>
    </row>
    <row r="12077" spans="1:9" x14ac:dyDescent="0.25">
      <c r="A12077" s="3">
        <v>41948.830358796295</v>
      </c>
      <c r="B12077" s="6">
        <v>201048.74999999997</v>
      </c>
      <c r="C12077" s="7">
        <f t="shared" si="188"/>
        <v>201.04874999999998</v>
      </c>
      <c r="I12077" s="1"/>
    </row>
    <row r="12078" spans="1:9" x14ac:dyDescent="0.25">
      <c r="A12078" s="3">
        <v>41948.830868055556</v>
      </c>
      <c r="B12078" s="6">
        <v>201065.4</v>
      </c>
      <c r="C12078" s="7">
        <f t="shared" si="188"/>
        <v>201.06539999999998</v>
      </c>
      <c r="I12078" s="1"/>
    </row>
    <row r="12079" spans="1:9" x14ac:dyDescent="0.25">
      <c r="A12079" s="3">
        <v>41948.830949074072</v>
      </c>
      <c r="B12079" s="6">
        <v>201082.05</v>
      </c>
      <c r="C12079" s="7">
        <f t="shared" si="188"/>
        <v>201.08204999999998</v>
      </c>
      <c r="I12079" s="1"/>
    </row>
    <row r="12080" spans="1:9" x14ac:dyDescent="0.25">
      <c r="A12080" s="3">
        <v>41948.831180555557</v>
      </c>
      <c r="B12080" s="6">
        <v>201098.69999999998</v>
      </c>
      <c r="C12080" s="7">
        <f t="shared" si="188"/>
        <v>201.09869999999998</v>
      </c>
      <c r="I12080" s="1"/>
    </row>
    <row r="12081" spans="1:9" x14ac:dyDescent="0.25">
      <c r="A12081" s="3">
        <v>41948.83121527778</v>
      </c>
      <c r="B12081" s="6">
        <v>201115.34999999998</v>
      </c>
      <c r="C12081" s="7">
        <f t="shared" si="188"/>
        <v>201.11534999999998</v>
      </c>
      <c r="I12081" s="1"/>
    </row>
    <row r="12082" spans="1:9" x14ac:dyDescent="0.25">
      <c r="A12082" s="3">
        <v>41948.831620370373</v>
      </c>
      <c r="B12082" s="6">
        <v>201131.99999999997</v>
      </c>
      <c r="C12082" s="7">
        <f t="shared" si="188"/>
        <v>201.13199999999998</v>
      </c>
      <c r="I12082" s="1"/>
    </row>
    <row r="12083" spans="1:9" x14ac:dyDescent="0.25">
      <c r="A12083" s="3">
        <v>41948.831655092596</v>
      </c>
      <c r="B12083" s="6">
        <v>201148.65</v>
      </c>
      <c r="C12083" s="7">
        <f t="shared" si="188"/>
        <v>201.14865</v>
      </c>
      <c r="I12083" s="1"/>
    </row>
    <row r="12084" spans="1:9" x14ac:dyDescent="0.25">
      <c r="A12084" s="3">
        <v>41948.831967592596</v>
      </c>
      <c r="B12084" s="6">
        <v>201165.3</v>
      </c>
      <c r="C12084" s="7">
        <f t="shared" si="188"/>
        <v>201.1653</v>
      </c>
      <c r="I12084" s="1"/>
    </row>
    <row r="12085" spans="1:9" x14ac:dyDescent="0.25">
      <c r="A12085" s="3">
        <v>41948.832002314812</v>
      </c>
      <c r="B12085" s="6">
        <v>201181.94999999998</v>
      </c>
      <c r="C12085" s="7">
        <f t="shared" si="188"/>
        <v>201.18194999999997</v>
      </c>
      <c r="I12085" s="1"/>
    </row>
    <row r="12086" spans="1:9" x14ac:dyDescent="0.25">
      <c r="A12086" s="3">
        <v>41948.832245370373</v>
      </c>
      <c r="B12086" s="6">
        <v>201198.59999999998</v>
      </c>
      <c r="C12086" s="7">
        <f t="shared" si="188"/>
        <v>201.19859999999997</v>
      </c>
      <c r="I12086" s="1"/>
    </row>
    <row r="12087" spans="1:9" x14ac:dyDescent="0.25">
      <c r="A12087" s="3">
        <v>41948.832326388889</v>
      </c>
      <c r="B12087" s="6">
        <v>201215.24999999997</v>
      </c>
      <c r="C12087" s="7">
        <f t="shared" si="188"/>
        <v>201.21524999999997</v>
      </c>
      <c r="I12087" s="1"/>
    </row>
    <row r="12088" spans="1:9" x14ac:dyDescent="0.25">
      <c r="A12088" s="3">
        <v>41948.83315972222</v>
      </c>
      <c r="B12088" s="6">
        <v>201231.9</v>
      </c>
      <c r="C12088" s="7">
        <f t="shared" si="188"/>
        <v>201.2319</v>
      </c>
      <c r="I12088" s="1"/>
    </row>
    <row r="12089" spans="1:9" x14ac:dyDescent="0.25">
      <c r="A12089" s="3">
        <v>41948.833229166667</v>
      </c>
      <c r="B12089" s="6">
        <v>201248.55</v>
      </c>
      <c r="C12089" s="7">
        <f t="shared" si="188"/>
        <v>201.24854999999999</v>
      </c>
      <c r="I12089" s="1"/>
    </row>
    <row r="12090" spans="1:9" x14ac:dyDescent="0.25">
      <c r="A12090" s="3">
        <v>41948.833657407406</v>
      </c>
      <c r="B12090" s="6">
        <v>201265.19999999998</v>
      </c>
      <c r="C12090" s="7">
        <f t="shared" si="188"/>
        <v>201.26519999999999</v>
      </c>
      <c r="I12090" s="1"/>
    </row>
    <row r="12091" spans="1:9" x14ac:dyDescent="0.25">
      <c r="A12091" s="3">
        <v>41948.833715277775</v>
      </c>
      <c r="B12091" s="6">
        <v>201281.84999999998</v>
      </c>
      <c r="C12091" s="7">
        <f t="shared" si="188"/>
        <v>201.28184999999996</v>
      </c>
      <c r="I12091" s="1"/>
    </row>
    <row r="12092" spans="1:9" x14ac:dyDescent="0.25">
      <c r="A12092" s="3">
        <v>41948.83452546296</v>
      </c>
      <c r="B12092" s="6">
        <v>201298.49999999997</v>
      </c>
      <c r="C12092" s="7">
        <f t="shared" si="188"/>
        <v>201.29849999999996</v>
      </c>
      <c r="I12092" s="1"/>
    </row>
    <row r="12093" spans="1:9" x14ac:dyDescent="0.25">
      <c r="A12093" s="3">
        <v>41948.834988425922</v>
      </c>
      <c r="B12093" s="6">
        <v>201315.15</v>
      </c>
      <c r="C12093" s="7">
        <f t="shared" si="188"/>
        <v>201.31514999999999</v>
      </c>
      <c r="I12093" s="1"/>
    </row>
    <row r="12094" spans="1:9" x14ac:dyDescent="0.25">
      <c r="A12094" s="3">
        <v>41948.835787037038</v>
      </c>
      <c r="B12094" s="6">
        <v>201331.8</v>
      </c>
      <c r="C12094" s="7">
        <f t="shared" si="188"/>
        <v>201.33179999999999</v>
      </c>
      <c r="I12094" s="1"/>
    </row>
    <row r="12095" spans="1:9" x14ac:dyDescent="0.25">
      <c r="A12095" s="3">
        <v>41948.835821759261</v>
      </c>
      <c r="B12095" s="6">
        <v>201348.44999999998</v>
      </c>
      <c r="C12095" s="7">
        <f t="shared" si="188"/>
        <v>201.34844999999999</v>
      </c>
      <c r="I12095" s="1"/>
    </row>
    <row r="12096" spans="1:9" x14ac:dyDescent="0.25">
      <c r="A12096" s="3">
        <v>41948.836342592593</v>
      </c>
      <c r="B12096" s="6">
        <v>201365.09999999998</v>
      </c>
      <c r="C12096" s="7">
        <f t="shared" si="188"/>
        <v>201.36509999999998</v>
      </c>
      <c r="I12096" s="1"/>
    </row>
    <row r="12097" spans="1:9" x14ac:dyDescent="0.25">
      <c r="A12097" s="3">
        <v>41948.836388888885</v>
      </c>
      <c r="B12097" s="6">
        <v>201381.74999999997</v>
      </c>
      <c r="C12097" s="7">
        <f t="shared" si="188"/>
        <v>201.38174999999998</v>
      </c>
      <c r="I12097" s="1"/>
    </row>
    <row r="12098" spans="1:9" x14ac:dyDescent="0.25">
      <c r="A12098" s="3">
        <v>41948.836944444447</v>
      </c>
      <c r="B12098" s="6">
        <v>201398.39999999999</v>
      </c>
      <c r="C12098" s="7">
        <f t="shared" si="188"/>
        <v>201.39839999999998</v>
      </c>
      <c r="I12098" s="1"/>
    </row>
    <row r="12099" spans="1:9" x14ac:dyDescent="0.25">
      <c r="A12099" s="3">
        <v>41948.83699074074</v>
      </c>
      <c r="B12099" s="6">
        <v>201415.05</v>
      </c>
      <c r="C12099" s="7">
        <f t="shared" ref="C12099:C12162" si="189">B12099/1000</f>
        <v>201.41504999999998</v>
      </c>
      <c r="I12099" s="1"/>
    </row>
    <row r="12100" spans="1:9" x14ac:dyDescent="0.25">
      <c r="A12100" s="3">
        <v>41948.837476851855</v>
      </c>
      <c r="B12100" s="6">
        <v>201431.69999999998</v>
      </c>
      <c r="C12100" s="7">
        <f t="shared" si="189"/>
        <v>201.43169999999998</v>
      </c>
      <c r="I12100" s="1"/>
    </row>
    <row r="12101" spans="1:9" x14ac:dyDescent="0.25">
      <c r="A12101" s="3">
        <v>41948.837511574071</v>
      </c>
      <c r="B12101" s="6">
        <v>201448.34999999998</v>
      </c>
      <c r="C12101" s="7">
        <f t="shared" si="189"/>
        <v>201.44834999999998</v>
      </c>
      <c r="I12101" s="1"/>
    </row>
    <row r="12102" spans="1:9" x14ac:dyDescent="0.25">
      <c r="A12102" s="3">
        <v>41948.837789351855</v>
      </c>
      <c r="B12102" s="6">
        <v>201464.99999999997</v>
      </c>
      <c r="C12102" s="7">
        <f t="shared" si="189"/>
        <v>201.46499999999997</v>
      </c>
      <c r="I12102" s="1"/>
    </row>
    <row r="12103" spans="1:9" x14ac:dyDescent="0.25">
      <c r="A12103" s="3">
        <v>41948.837870370371</v>
      </c>
      <c r="B12103" s="6">
        <v>201481.65</v>
      </c>
      <c r="C12103" s="7">
        <f t="shared" si="189"/>
        <v>201.48165</v>
      </c>
      <c r="I12103" s="1"/>
    </row>
    <row r="12104" spans="1:9" x14ac:dyDescent="0.25">
      <c r="A12104" s="3">
        <v>41948.838460648149</v>
      </c>
      <c r="B12104" s="6">
        <v>201498.3</v>
      </c>
      <c r="C12104" s="7">
        <f t="shared" si="189"/>
        <v>201.4983</v>
      </c>
      <c r="I12104" s="1"/>
    </row>
    <row r="12105" spans="1:9" x14ac:dyDescent="0.25">
      <c r="A12105" s="3">
        <v>41948.838518518518</v>
      </c>
      <c r="B12105" s="6">
        <v>201514.94999999998</v>
      </c>
      <c r="C12105" s="7">
        <f t="shared" si="189"/>
        <v>201.51494999999997</v>
      </c>
      <c r="I12105" s="1"/>
    </row>
    <row r="12106" spans="1:9" x14ac:dyDescent="0.25">
      <c r="A12106" s="3">
        <v>41948.839259259257</v>
      </c>
      <c r="B12106" s="6">
        <v>201531.59999999998</v>
      </c>
      <c r="C12106" s="7">
        <f t="shared" si="189"/>
        <v>201.53159999999997</v>
      </c>
      <c r="I12106" s="1"/>
    </row>
    <row r="12107" spans="1:9" x14ac:dyDescent="0.25">
      <c r="A12107" s="3">
        <v>41948.839282407411</v>
      </c>
      <c r="B12107" s="6">
        <v>201548.24999999997</v>
      </c>
      <c r="C12107" s="7">
        <f t="shared" si="189"/>
        <v>201.54824999999997</v>
      </c>
      <c r="I12107" s="1"/>
    </row>
    <row r="12108" spans="1:9" x14ac:dyDescent="0.25">
      <c r="A12108" s="3">
        <v>41948.839537037034</v>
      </c>
      <c r="B12108" s="6">
        <v>201564.9</v>
      </c>
      <c r="C12108" s="7">
        <f t="shared" si="189"/>
        <v>201.56489999999999</v>
      </c>
      <c r="I12108" s="1"/>
    </row>
    <row r="12109" spans="1:9" x14ac:dyDescent="0.25">
      <c r="A12109" s="3">
        <v>41948.839606481481</v>
      </c>
      <c r="B12109" s="6">
        <v>201581.55</v>
      </c>
      <c r="C12109" s="7">
        <f t="shared" si="189"/>
        <v>201.58154999999999</v>
      </c>
      <c r="I12109" s="1"/>
    </row>
    <row r="12110" spans="1:9" x14ac:dyDescent="0.25">
      <c r="A12110" s="3">
        <v>41948.840104166666</v>
      </c>
      <c r="B12110" s="6">
        <v>201598.19999999998</v>
      </c>
      <c r="C12110" s="7">
        <f t="shared" si="189"/>
        <v>201.59819999999999</v>
      </c>
      <c r="I12110" s="1"/>
    </row>
    <row r="12111" spans="1:9" x14ac:dyDescent="0.25">
      <c r="A12111" s="3">
        <v>41948.840138888889</v>
      </c>
      <c r="B12111" s="6">
        <v>201614.84999999998</v>
      </c>
      <c r="C12111" s="7">
        <f t="shared" si="189"/>
        <v>201.61484999999999</v>
      </c>
      <c r="I12111" s="1"/>
    </row>
    <row r="12112" spans="1:9" x14ac:dyDescent="0.25">
      <c r="A12112" s="3">
        <v>41948.840462962966</v>
      </c>
      <c r="B12112" s="6">
        <v>201631.49999999997</v>
      </c>
      <c r="C12112" s="7">
        <f t="shared" si="189"/>
        <v>201.63149999999996</v>
      </c>
      <c r="I12112" s="1"/>
    </row>
    <row r="12113" spans="1:9" x14ac:dyDescent="0.25">
      <c r="A12113" s="3">
        <v>41948.840520833335</v>
      </c>
      <c r="B12113" s="6">
        <v>201648.15</v>
      </c>
      <c r="C12113" s="7">
        <f t="shared" si="189"/>
        <v>201.64814999999999</v>
      </c>
      <c r="I12113" s="1"/>
    </row>
    <row r="12114" spans="1:9" x14ac:dyDescent="0.25">
      <c r="A12114" s="3">
        <v>41948.840925925928</v>
      </c>
      <c r="B12114" s="6">
        <v>201664.8</v>
      </c>
      <c r="C12114" s="7">
        <f t="shared" si="189"/>
        <v>201.66479999999999</v>
      </c>
      <c r="I12114" s="1"/>
    </row>
    <row r="12115" spans="1:9" x14ac:dyDescent="0.25">
      <c r="A12115" s="3">
        <v>41948.840949074074</v>
      </c>
      <c r="B12115" s="6">
        <v>201681.44999999998</v>
      </c>
      <c r="C12115" s="7">
        <f t="shared" si="189"/>
        <v>201.68144999999998</v>
      </c>
      <c r="I12115" s="1"/>
    </row>
    <row r="12116" spans="1:9" x14ac:dyDescent="0.25">
      <c r="A12116" s="3">
        <v>41948.841643518521</v>
      </c>
      <c r="B12116" s="6">
        <v>201698.09999999998</v>
      </c>
      <c r="C12116" s="7">
        <f t="shared" si="189"/>
        <v>201.69809999999998</v>
      </c>
      <c r="I12116" s="1"/>
    </row>
    <row r="12117" spans="1:9" x14ac:dyDescent="0.25">
      <c r="A12117" s="3">
        <v>41948.841689814813</v>
      </c>
      <c r="B12117" s="6">
        <v>201714.74999999997</v>
      </c>
      <c r="C12117" s="7">
        <f t="shared" si="189"/>
        <v>201.71474999999998</v>
      </c>
      <c r="I12117" s="1"/>
    </row>
    <row r="12118" spans="1:9" x14ac:dyDescent="0.25">
      <c r="A12118" s="3">
        <v>41948.842048611114</v>
      </c>
      <c r="B12118" s="6">
        <v>201731.4</v>
      </c>
      <c r="C12118" s="7">
        <f t="shared" si="189"/>
        <v>201.73140000000001</v>
      </c>
      <c r="I12118" s="1"/>
    </row>
    <row r="12119" spans="1:9" x14ac:dyDescent="0.25">
      <c r="A12119" s="3">
        <v>41948.842094907406</v>
      </c>
      <c r="B12119" s="6">
        <v>201748.05</v>
      </c>
      <c r="C12119" s="7">
        <f t="shared" si="189"/>
        <v>201.74804999999998</v>
      </c>
      <c r="I12119" s="1"/>
    </row>
    <row r="12120" spans="1:9" x14ac:dyDescent="0.25">
      <c r="A12120" s="3">
        <v>41948.842418981483</v>
      </c>
      <c r="B12120" s="6">
        <v>201764.69999999998</v>
      </c>
      <c r="C12120" s="7">
        <f t="shared" si="189"/>
        <v>201.76469999999998</v>
      </c>
      <c r="I12120" s="1"/>
    </row>
    <row r="12121" spans="1:9" x14ac:dyDescent="0.25">
      <c r="A12121" s="3">
        <v>41948.842465277776</v>
      </c>
      <c r="B12121" s="6">
        <v>201781.34999999998</v>
      </c>
      <c r="C12121" s="7">
        <f t="shared" si="189"/>
        <v>201.78134999999997</v>
      </c>
      <c r="I12121" s="1"/>
    </row>
    <row r="12122" spans="1:9" x14ac:dyDescent="0.25">
      <c r="A12122" s="3">
        <v>41948.842939814815</v>
      </c>
      <c r="B12122" s="6">
        <v>201797.99999999997</v>
      </c>
      <c r="C12122" s="7">
        <f t="shared" si="189"/>
        <v>201.79799999999997</v>
      </c>
      <c r="I12122" s="1"/>
    </row>
    <row r="12123" spans="1:9" x14ac:dyDescent="0.25">
      <c r="A12123" s="3">
        <v>41948.842974537038</v>
      </c>
      <c r="B12123" s="6">
        <v>201814.65</v>
      </c>
      <c r="C12123" s="7">
        <f t="shared" si="189"/>
        <v>201.81465</v>
      </c>
      <c r="I12123" s="1"/>
    </row>
    <row r="12124" spans="1:9" x14ac:dyDescent="0.25">
      <c r="A12124" s="3">
        <v>41948.843449074076</v>
      </c>
      <c r="B12124" s="6">
        <v>201831.3</v>
      </c>
      <c r="C12124" s="7">
        <f t="shared" si="189"/>
        <v>201.8313</v>
      </c>
      <c r="I12124" s="1"/>
    </row>
    <row r="12125" spans="1:9" x14ac:dyDescent="0.25">
      <c r="A12125" s="3">
        <v>41948.843530092592</v>
      </c>
      <c r="B12125" s="6">
        <v>201847.94999999998</v>
      </c>
      <c r="C12125" s="7">
        <f t="shared" si="189"/>
        <v>201.84794999999997</v>
      </c>
      <c r="I12125" s="1"/>
    </row>
    <row r="12126" spans="1:9" x14ac:dyDescent="0.25">
      <c r="A12126" s="3">
        <v>41948.843958333331</v>
      </c>
      <c r="B12126" s="6">
        <v>201864.59999999998</v>
      </c>
      <c r="C12126" s="7">
        <f t="shared" si="189"/>
        <v>201.86459999999997</v>
      </c>
      <c r="I12126" s="1"/>
    </row>
    <row r="12127" spans="1:9" x14ac:dyDescent="0.25">
      <c r="A12127" s="3">
        <v>41948.844039351854</v>
      </c>
      <c r="B12127" s="6">
        <v>201881.24999999997</v>
      </c>
      <c r="C12127" s="7">
        <f t="shared" si="189"/>
        <v>201.88124999999997</v>
      </c>
      <c r="I12127" s="1"/>
    </row>
    <row r="12128" spans="1:9" x14ac:dyDescent="0.25">
      <c r="A12128" s="3">
        <v>41948.844942129632</v>
      </c>
      <c r="B12128" s="6">
        <v>201897.9</v>
      </c>
      <c r="C12128" s="7">
        <f t="shared" si="189"/>
        <v>201.89789999999999</v>
      </c>
      <c r="I12128" s="1"/>
    </row>
    <row r="12129" spans="1:9" x14ac:dyDescent="0.25">
      <c r="A12129" s="3">
        <v>41948.844988425924</v>
      </c>
      <c r="B12129" s="6">
        <v>201914.55</v>
      </c>
      <c r="C12129" s="7">
        <f t="shared" si="189"/>
        <v>201.91454999999999</v>
      </c>
      <c r="I12129" s="1"/>
    </row>
    <row r="12130" spans="1:9" x14ac:dyDescent="0.25">
      <c r="A12130" s="3">
        <v>41948.84578703704</v>
      </c>
      <c r="B12130" s="6">
        <v>201931.19999999998</v>
      </c>
      <c r="C12130" s="7">
        <f t="shared" si="189"/>
        <v>201.93119999999999</v>
      </c>
      <c r="I12130" s="1"/>
    </row>
    <row r="12131" spans="1:9" x14ac:dyDescent="0.25">
      <c r="A12131" s="3">
        <v>41948.84584490741</v>
      </c>
      <c r="B12131" s="6">
        <v>201947.84999999998</v>
      </c>
      <c r="C12131" s="7">
        <f t="shared" si="189"/>
        <v>201.94784999999999</v>
      </c>
      <c r="I12131" s="1"/>
    </row>
    <row r="12132" spans="1:9" x14ac:dyDescent="0.25">
      <c r="A12132" s="3">
        <v>41948.846354166664</v>
      </c>
      <c r="B12132" s="6">
        <v>201964.49999999997</v>
      </c>
      <c r="C12132" s="7">
        <f t="shared" si="189"/>
        <v>201.96449999999996</v>
      </c>
      <c r="I12132" s="1"/>
    </row>
    <row r="12133" spans="1:9" x14ac:dyDescent="0.25">
      <c r="A12133" s="3">
        <v>41948.846388888887</v>
      </c>
      <c r="B12133" s="6">
        <v>201981.15</v>
      </c>
      <c r="C12133" s="7">
        <f t="shared" si="189"/>
        <v>201.98114999999999</v>
      </c>
      <c r="I12133" s="1"/>
    </row>
    <row r="12134" spans="1:9" x14ac:dyDescent="0.25">
      <c r="A12134" s="3">
        <v>41948.847118055557</v>
      </c>
      <c r="B12134" s="6">
        <v>201997.8</v>
      </c>
      <c r="C12134" s="7">
        <f t="shared" si="189"/>
        <v>201.99779999999998</v>
      </c>
      <c r="I12134" s="1"/>
    </row>
    <row r="12135" spans="1:9" x14ac:dyDescent="0.25">
      <c r="A12135" s="3">
        <v>41948.84715277778</v>
      </c>
      <c r="B12135" s="6">
        <v>202014.44999999998</v>
      </c>
      <c r="C12135" s="7">
        <f t="shared" si="189"/>
        <v>202.01444999999998</v>
      </c>
      <c r="I12135" s="1"/>
    </row>
    <row r="12136" spans="1:9" x14ac:dyDescent="0.25">
      <c r="A12136" s="3">
        <v>41948.847627314812</v>
      </c>
      <c r="B12136" s="6">
        <v>202031.09999999998</v>
      </c>
      <c r="C12136" s="7">
        <f t="shared" si="189"/>
        <v>202.03109999999998</v>
      </c>
      <c r="I12136" s="1"/>
    </row>
    <row r="12137" spans="1:9" x14ac:dyDescent="0.25">
      <c r="A12137" s="3">
        <v>41948.847673611112</v>
      </c>
      <c r="B12137" s="6">
        <v>202047.74999999997</v>
      </c>
      <c r="C12137" s="7">
        <f t="shared" si="189"/>
        <v>202.04774999999998</v>
      </c>
      <c r="I12137" s="1"/>
    </row>
    <row r="12138" spans="1:9" x14ac:dyDescent="0.25">
      <c r="A12138" s="3">
        <v>41948.848067129627</v>
      </c>
      <c r="B12138" s="6">
        <v>202064.4</v>
      </c>
      <c r="C12138" s="7">
        <f t="shared" si="189"/>
        <v>202.06440000000001</v>
      </c>
      <c r="I12138" s="1"/>
    </row>
    <row r="12139" spans="1:9" x14ac:dyDescent="0.25">
      <c r="A12139" s="3">
        <v>41948.848171296297</v>
      </c>
      <c r="B12139" s="6">
        <v>202081.05</v>
      </c>
      <c r="C12139" s="7">
        <f t="shared" si="189"/>
        <v>202.08104999999998</v>
      </c>
      <c r="I12139" s="1"/>
    </row>
    <row r="12140" spans="1:9" x14ac:dyDescent="0.25">
      <c r="A12140" s="3">
        <v>41948.848749999997</v>
      </c>
      <c r="B12140" s="6">
        <v>202097.69999999998</v>
      </c>
      <c r="C12140" s="7">
        <f t="shared" si="189"/>
        <v>202.09769999999997</v>
      </c>
      <c r="I12140" s="1"/>
    </row>
    <row r="12141" spans="1:9" x14ac:dyDescent="0.25">
      <c r="A12141" s="3">
        <v>41948.848819444444</v>
      </c>
      <c r="B12141" s="6">
        <v>202114.34999999998</v>
      </c>
      <c r="C12141" s="7">
        <f t="shared" si="189"/>
        <v>202.11434999999997</v>
      </c>
      <c r="I12141" s="1"/>
    </row>
    <row r="12142" spans="1:9" x14ac:dyDescent="0.25">
      <c r="A12142" s="3">
        <v>41948.849270833336</v>
      </c>
      <c r="B12142" s="6">
        <v>202130.99999999997</v>
      </c>
      <c r="C12142" s="7">
        <f t="shared" si="189"/>
        <v>202.13099999999997</v>
      </c>
      <c r="I12142" s="1"/>
    </row>
    <row r="12143" spans="1:9" x14ac:dyDescent="0.25">
      <c r="A12143" s="3">
        <v>41948.849328703705</v>
      </c>
      <c r="B12143" s="6">
        <v>202147.65</v>
      </c>
      <c r="C12143" s="7">
        <f t="shared" si="189"/>
        <v>202.14765</v>
      </c>
      <c r="I12143" s="1"/>
    </row>
    <row r="12144" spans="1:9" x14ac:dyDescent="0.25">
      <c r="A12144" s="3">
        <v>41948.850034722222</v>
      </c>
      <c r="B12144" s="6">
        <v>202164.3</v>
      </c>
      <c r="C12144" s="7">
        <f t="shared" si="189"/>
        <v>202.1643</v>
      </c>
      <c r="I12144" s="1"/>
    </row>
    <row r="12145" spans="1:9" x14ac:dyDescent="0.25">
      <c r="A12145" s="3">
        <v>41948.850104166668</v>
      </c>
      <c r="B12145" s="6">
        <v>202180.94999999998</v>
      </c>
      <c r="C12145" s="7">
        <f t="shared" si="189"/>
        <v>202.18095</v>
      </c>
      <c r="I12145" s="1"/>
    </row>
    <row r="12146" spans="1:9" x14ac:dyDescent="0.25">
      <c r="A12146" s="3">
        <v>41948.850787037038</v>
      </c>
      <c r="B12146" s="6">
        <v>202197.59999999998</v>
      </c>
      <c r="C12146" s="7">
        <f t="shared" si="189"/>
        <v>202.19759999999997</v>
      </c>
      <c r="I12146" s="1"/>
    </row>
    <row r="12147" spans="1:9" x14ac:dyDescent="0.25">
      <c r="A12147" s="3">
        <v>41948.85083333333</v>
      </c>
      <c r="B12147" s="6">
        <v>202214.24999999997</v>
      </c>
      <c r="C12147" s="7">
        <f t="shared" si="189"/>
        <v>202.21424999999996</v>
      </c>
      <c r="I12147" s="1"/>
    </row>
    <row r="12148" spans="1:9" x14ac:dyDescent="0.25">
      <c r="A12148" s="3">
        <v>41948.851412037038</v>
      </c>
      <c r="B12148" s="6">
        <v>202230.9</v>
      </c>
      <c r="C12148" s="7">
        <f t="shared" si="189"/>
        <v>202.23089999999999</v>
      </c>
      <c r="I12148" s="1"/>
    </row>
    <row r="12149" spans="1:9" x14ac:dyDescent="0.25">
      <c r="A12149" s="3">
        <v>41948.851539351854</v>
      </c>
      <c r="B12149" s="6">
        <v>202247.55</v>
      </c>
      <c r="C12149" s="7">
        <f t="shared" si="189"/>
        <v>202.24754999999999</v>
      </c>
      <c r="I12149" s="1"/>
    </row>
    <row r="12150" spans="1:9" x14ac:dyDescent="0.25">
      <c r="A12150" s="3">
        <v>41948.851990740739</v>
      </c>
      <c r="B12150" s="6">
        <v>202264.19999999998</v>
      </c>
      <c r="C12150" s="7">
        <f t="shared" si="189"/>
        <v>202.26419999999999</v>
      </c>
      <c r="I12150" s="1"/>
    </row>
    <row r="12151" spans="1:9" x14ac:dyDescent="0.25">
      <c r="A12151" s="3">
        <v>41948.852048611108</v>
      </c>
      <c r="B12151" s="6">
        <v>202280.84999999998</v>
      </c>
      <c r="C12151" s="7">
        <f t="shared" si="189"/>
        <v>202.28084999999999</v>
      </c>
      <c r="I12151" s="1"/>
    </row>
    <row r="12152" spans="1:9" x14ac:dyDescent="0.25">
      <c r="A12152" s="3">
        <v>41948.852962962963</v>
      </c>
      <c r="B12152" s="6">
        <v>202297.49999999997</v>
      </c>
      <c r="C12152" s="7">
        <f t="shared" si="189"/>
        <v>202.29749999999996</v>
      </c>
      <c r="I12152" s="1"/>
    </row>
    <row r="12153" spans="1:9" x14ac:dyDescent="0.25">
      <c r="A12153" s="3">
        <v>41948.853009259263</v>
      </c>
      <c r="B12153" s="6">
        <v>202314.15</v>
      </c>
      <c r="C12153" s="7">
        <f t="shared" si="189"/>
        <v>202.31414999999998</v>
      </c>
      <c r="I12153" s="1"/>
    </row>
    <row r="12154" spans="1:9" x14ac:dyDescent="0.25">
      <c r="A12154" s="3">
        <v>41948.85359953704</v>
      </c>
      <c r="B12154" s="6">
        <v>202330.8</v>
      </c>
      <c r="C12154" s="7">
        <f t="shared" si="189"/>
        <v>202.33079999999998</v>
      </c>
      <c r="I12154" s="1"/>
    </row>
    <row r="12155" spans="1:9" x14ac:dyDescent="0.25">
      <c r="A12155" s="3">
        <v>41948.853668981479</v>
      </c>
      <c r="B12155" s="6">
        <v>202347.44999999998</v>
      </c>
      <c r="C12155" s="7">
        <f t="shared" si="189"/>
        <v>202.34744999999998</v>
      </c>
      <c r="I12155" s="1"/>
    </row>
    <row r="12156" spans="1:9" x14ac:dyDescent="0.25">
      <c r="A12156" s="3">
        <v>41948.854560185187</v>
      </c>
      <c r="B12156" s="6">
        <v>202364.09999999998</v>
      </c>
      <c r="C12156" s="7">
        <f t="shared" si="189"/>
        <v>202.36409999999998</v>
      </c>
      <c r="I12156" s="1"/>
    </row>
    <row r="12157" spans="1:9" x14ac:dyDescent="0.25">
      <c r="A12157" s="3">
        <v>41948.854664351849</v>
      </c>
      <c r="B12157" s="6">
        <v>202380.74999999997</v>
      </c>
      <c r="C12157" s="7">
        <f t="shared" si="189"/>
        <v>202.38074999999998</v>
      </c>
      <c r="I12157" s="1"/>
    </row>
    <row r="12158" spans="1:9" x14ac:dyDescent="0.25">
      <c r="A12158" s="3">
        <v>41948.855393518519</v>
      </c>
      <c r="B12158" s="6">
        <v>202397.4</v>
      </c>
      <c r="C12158" s="7">
        <f t="shared" si="189"/>
        <v>202.3974</v>
      </c>
      <c r="I12158" s="1"/>
    </row>
    <row r="12159" spans="1:9" x14ac:dyDescent="0.25">
      <c r="A12159" s="3">
        <v>41948.855486111112</v>
      </c>
      <c r="B12159" s="6">
        <v>202414.05</v>
      </c>
      <c r="C12159" s="7">
        <f t="shared" si="189"/>
        <v>202.41404999999997</v>
      </c>
      <c r="I12159" s="1"/>
    </row>
    <row r="12160" spans="1:9" x14ac:dyDescent="0.25">
      <c r="A12160" s="3">
        <v>41948.85665509259</v>
      </c>
      <c r="B12160" s="6">
        <v>202430.69999999998</v>
      </c>
      <c r="C12160" s="7">
        <f t="shared" si="189"/>
        <v>202.43069999999997</v>
      </c>
      <c r="I12160" s="1"/>
    </row>
    <row r="12161" spans="1:9" x14ac:dyDescent="0.25">
      <c r="A12161" s="3">
        <v>41948.856805555559</v>
      </c>
      <c r="B12161" s="6">
        <v>202447.34999999998</v>
      </c>
      <c r="C12161" s="7">
        <f t="shared" si="189"/>
        <v>202.44734999999997</v>
      </c>
      <c r="I12161" s="1"/>
    </row>
    <row r="12162" spans="1:9" x14ac:dyDescent="0.25">
      <c r="A12162" s="3">
        <v>41948.858055555553</v>
      </c>
      <c r="B12162" s="6">
        <v>202463.99999999997</v>
      </c>
      <c r="C12162" s="7">
        <f t="shared" si="189"/>
        <v>202.46399999999997</v>
      </c>
      <c r="I12162" s="1"/>
    </row>
    <row r="12163" spans="1:9" x14ac:dyDescent="0.25">
      <c r="A12163" s="3">
        <v>41948.858124999999</v>
      </c>
      <c r="B12163" s="6">
        <v>202480.65</v>
      </c>
      <c r="C12163" s="7">
        <f t="shared" ref="C12163:C12226" si="190">B12163/1000</f>
        <v>202.48065</v>
      </c>
      <c r="I12163" s="1"/>
    </row>
    <row r="12164" spans="1:9" x14ac:dyDescent="0.25">
      <c r="A12164" s="3">
        <v>41948.858958333331</v>
      </c>
      <c r="B12164" s="6">
        <v>202497.3</v>
      </c>
      <c r="C12164" s="7">
        <f t="shared" si="190"/>
        <v>202.4973</v>
      </c>
      <c r="I12164" s="1"/>
    </row>
    <row r="12165" spans="1:9" x14ac:dyDescent="0.25">
      <c r="A12165" s="3">
        <v>41948.859085648146</v>
      </c>
      <c r="B12165" s="6">
        <v>202513.94999999998</v>
      </c>
      <c r="C12165" s="7">
        <f t="shared" si="190"/>
        <v>202.51394999999999</v>
      </c>
      <c r="I12165" s="1"/>
    </row>
    <row r="12166" spans="1:9" x14ac:dyDescent="0.25">
      <c r="A12166" s="3">
        <v>41948.860694444447</v>
      </c>
      <c r="B12166" s="6">
        <v>202530.59999999998</v>
      </c>
      <c r="C12166" s="7">
        <f t="shared" si="190"/>
        <v>202.53059999999996</v>
      </c>
      <c r="I12166" s="1"/>
    </row>
    <row r="12167" spans="1:9" x14ac:dyDescent="0.25">
      <c r="A12167" s="3">
        <v>41948.860821759263</v>
      </c>
      <c r="B12167" s="6">
        <v>202547.24999999997</v>
      </c>
      <c r="C12167" s="7">
        <f t="shared" si="190"/>
        <v>202.54724999999996</v>
      </c>
      <c r="I12167" s="1"/>
    </row>
    <row r="12168" spans="1:9" x14ac:dyDescent="0.25">
      <c r="A12168" s="3">
        <v>41948.861828703702</v>
      </c>
      <c r="B12168" s="6">
        <v>202563.9</v>
      </c>
      <c r="C12168" s="7">
        <f t="shared" si="190"/>
        <v>202.56389999999999</v>
      </c>
      <c r="I12168" s="1"/>
    </row>
    <row r="12169" spans="1:9" x14ac:dyDescent="0.25">
      <c r="A12169" s="3">
        <v>41948.861932870372</v>
      </c>
      <c r="B12169" s="6">
        <v>202580.55</v>
      </c>
      <c r="C12169" s="7">
        <f t="shared" si="190"/>
        <v>202.58054999999999</v>
      </c>
      <c r="I12169" s="1"/>
    </row>
    <row r="12170" spans="1:9" x14ac:dyDescent="0.25">
      <c r="A12170" s="3">
        <v>41948.862870370373</v>
      </c>
      <c r="B12170" s="6">
        <v>202597.19999999998</v>
      </c>
      <c r="C12170" s="7">
        <f t="shared" si="190"/>
        <v>202.59719999999999</v>
      </c>
      <c r="I12170" s="1"/>
    </row>
    <row r="12171" spans="1:9" x14ac:dyDescent="0.25">
      <c r="A12171" s="3">
        <v>41948.862962962965</v>
      </c>
      <c r="B12171" s="6">
        <v>202613.84999999998</v>
      </c>
      <c r="C12171" s="7">
        <f t="shared" si="190"/>
        <v>202.61384999999999</v>
      </c>
      <c r="I12171" s="1"/>
    </row>
    <row r="12172" spans="1:9" x14ac:dyDescent="0.25">
      <c r="A12172" s="3">
        <v>41948.86347222222</v>
      </c>
      <c r="B12172" s="6">
        <v>202630.49999999997</v>
      </c>
      <c r="C12172" s="7">
        <f t="shared" si="190"/>
        <v>202.63049999999998</v>
      </c>
      <c r="I12172" s="1"/>
    </row>
    <row r="12173" spans="1:9" x14ac:dyDescent="0.25">
      <c r="A12173" s="3">
        <v>41948.863622685189</v>
      </c>
      <c r="B12173" s="6">
        <v>202647.15</v>
      </c>
      <c r="C12173" s="7">
        <f t="shared" si="190"/>
        <v>202.64714999999998</v>
      </c>
      <c r="I12173" s="1"/>
    </row>
    <row r="12174" spans="1:9" x14ac:dyDescent="0.25">
      <c r="A12174" s="3">
        <v>41948.864374999997</v>
      </c>
      <c r="B12174" s="6">
        <v>202663.8</v>
      </c>
      <c r="C12174" s="7">
        <f t="shared" si="190"/>
        <v>202.66379999999998</v>
      </c>
      <c r="I12174" s="1"/>
    </row>
    <row r="12175" spans="1:9" x14ac:dyDescent="0.25">
      <c r="A12175" s="3">
        <v>41948.864548611113</v>
      </c>
      <c r="B12175" s="6">
        <v>202680.44999999998</v>
      </c>
      <c r="C12175" s="7">
        <f t="shared" si="190"/>
        <v>202.68044999999998</v>
      </c>
      <c r="I12175" s="1"/>
    </row>
    <row r="12176" spans="1:9" x14ac:dyDescent="0.25">
      <c r="A12176" s="3">
        <v>41948.865648148145</v>
      </c>
      <c r="B12176" s="6">
        <v>202697.09999999998</v>
      </c>
      <c r="C12176" s="7">
        <f t="shared" si="190"/>
        <v>202.69709999999998</v>
      </c>
      <c r="I12176" s="1"/>
    </row>
    <row r="12177" spans="1:9" x14ac:dyDescent="0.25">
      <c r="A12177" s="3">
        <v>41948.865740740737</v>
      </c>
      <c r="B12177" s="6">
        <v>202713.74999999997</v>
      </c>
      <c r="C12177" s="7">
        <f t="shared" si="190"/>
        <v>202.71374999999998</v>
      </c>
      <c r="I12177" s="1"/>
    </row>
    <row r="12178" spans="1:9" x14ac:dyDescent="0.25">
      <c r="A12178" s="3">
        <v>41948.867083333331</v>
      </c>
      <c r="B12178" s="6">
        <v>202730.4</v>
      </c>
      <c r="C12178" s="7">
        <f t="shared" si="190"/>
        <v>202.7304</v>
      </c>
      <c r="I12178" s="1"/>
    </row>
    <row r="12179" spans="1:9" x14ac:dyDescent="0.25">
      <c r="A12179" s="3">
        <v>41948.867789351854</v>
      </c>
      <c r="B12179" s="6">
        <v>202747.05</v>
      </c>
      <c r="C12179" s="7">
        <f t="shared" si="190"/>
        <v>202.74705</v>
      </c>
      <c r="I12179" s="1"/>
    </row>
    <row r="12180" spans="1:9" x14ac:dyDescent="0.25">
      <c r="A12180" s="3">
        <v>41948.870104166665</v>
      </c>
      <c r="B12180" s="6">
        <v>202763.69999999998</v>
      </c>
      <c r="C12180" s="7">
        <f t="shared" si="190"/>
        <v>202.76369999999997</v>
      </c>
      <c r="I12180" s="1"/>
    </row>
    <row r="12181" spans="1:9" x14ac:dyDescent="0.25">
      <c r="A12181" s="3">
        <v>41948.870208333334</v>
      </c>
      <c r="B12181" s="6">
        <v>202780.34999999998</v>
      </c>
      <c r="C12181" s="7">
        <f t="shared" si="190"/>
        <v>202.78034999999997</v>
      </c>
      <c r="I12181" s="1"/>
    </row>
    <row r="12182" spans="1:9" x14ac:dyDescent="0.25">
      <c r="A12182" s="3">
        <v>41948.871527777781</v>
      </c>
      <c r="B12182" s="6">
        <v>202796.99999999997</v>
      </c>
      <c r="C12182" s="7">
        <f t="shared" si="190"/>
        <v>202.79699999999997</v>
      </c>
      <c r="I12182" s="1"/>
    </row>
    <row r="12183" spans="1:9" x14ac:dyDescent="0.25">
      <c r="A12183" s="3">
        <v>41948.871666666666</v>
      </c>
      <c r="B12183" s="6">
        <v>202813.65</v>
      </c>
      <c r="C12183" s="7">
        <f t="shared" si="190"/>
        <v>202.81365</v>
      </c>
      <c r="I12183" s="1"/>
    </row>
    <row r="12184" spans="1:9" x14ac:dyDescent="0.25">
      <c r="A12184" s="3">
        <v>41948.878495370373</v>
      </c>
      <c r="B12184" s="6">
        <v>202830.3</v>
      </c>
      <c r="C12184" s="7">
        <f t="shared" si="190"/>
        <v>202.83029999999999</v>
      </c>
      <c r="I12184" s="1"/>
    </row>
    <row r="12185" spans="1:9" x14ac:dyDescent="0.25">
      <c r="A12185" s="3">
        <v>41948.878738425927</v>
      </c>
      <c r="B12185" s="6">
        <v>202846.94999999998</v>
      </c>
      <c r="C12185" s="7">
        <f t="shared" si="190"/>
        <v>202.84694999999999</v>
      </c>
      <c r="I12185" s="1"/>
    </row>
    <row r="12186" spans="1:9" x14ac:dyDescent="0.25">
      <c r="A12186" s="3">
        <v>41948.882002314815</v>
      </c>
      <c r="B12186" s="6">
        <v>202863.59999999998</v>
      </c>
      <c r="C12186" s="7">
        <f t="shared" si="190"/>
        <v>202.86359999999996</v>
      </c>
      <c r="I12186" s="1"/>
    </row>
    <row r="12187" spans="1:9" x14ac:dyDescent="0.25">
      <c r="A12187" s="3">
        <v>41948.882245370369</v>
      </c>
      <c r="B12187" s="6">
        <v>202880.24999999997</v>
      </c>
      <c r="C12187" s="7">
        <f t="shared" si="190"/>
        <v>202.88024999999996</v>
      </c>
      <c r="I12187" s="1"/>
    </row>
    <row r="12188" spans="1:9" x14ac:dyDescent="0.25">
      <c r="A12188" s="3">
        <v>41948.883090277777</v>
      </c>
      <c r="B12188" s="6">
        <v>202896.9</v>
      </c>
      <c r="C12188" s="7">
        <f t="shared" si="190"/>
        <v>202.89689999999999</v>
      </c>
      <c r="I12188" s="1"/>
    </row>
    <row r="12189" spans="1:9" x14ac:dyDescent="0.25">
      <c r="A12189" s="3">
        <v>41948.883194444446</v>
      </c>
      <c r="B12189" s="6">
        <v>202913.55</v>
      </c>
      <c r="C12189" s="7">
        <f t="shared" si="190"/>
        <v>202.91354999999999</v>
      </c>
      <c r="I12189" s="1"/>
    </row>
    <row r="12190" spans="1:9" x14ac:dyDescent="0.25">
      <c r="A12190" s="3">
        <v>41948.886006944442</v>
      </c>
      <c r="B12190" s="6">
        <v>202930.19999999998</v>
      </c>
      <c r="C12190" s="7">
        <f t="shared" si="190"/>
        <v>202.93019999999999</v>
      </c>
      <c r="I12190" s="1"/>
    </row>
    <row r="12191" spans="1:9" x14ac:dyDescent="0.25">
      <c r="A12191" s="3">
        <v>41948.886145833334</v>
      </c>
      <c r="B12191" s="6">
        <v>202946.84999999998</v>
      </c>
      <c r="C12191" s="7">
        <f t="shared" si="190"/>
        <v>202.94684999999998</v>
      </c>
      <c r="I12191" s="1"/>
    </row>
    <row r="12192" spans="1:9" x14ac:dyDescent="0.25">
      <c r="A12192" s="3">
        <v>41948.910439814812</v>
      </c>
      <c r="B12192" s="6">
        <v>202963.49999999997</v>
      </c>
      <c r="C12192" s="7">
        <f t="shared" si="190"/>
        <v>202.96349999999998</v>
      </c>
      <c r="I12192" s="1"/>
    </row>
    <row r="12193" spans="1:9" x14ac:dyDescent="0.25">
      <c r="A12193" s="3">
        <v>41948.910613425927</v>
      </c>
      <c r="B12193" s="6">
        <v>202980.15</v>
      </c>
      <c r="C12193" s="7">
        <f t="shared" si="190"/>
        <v>202.98014999999998</v>
      </c>
      <c r="I12193" s="1"/>
    </row>
    <row r="12194" spans="1:9" x14ac:dyDescent="0.25">
      <c r="A12194" s="3">
        <v>41948.914652777778</v>
      </c>
      <c r="B12194" s="6">
        <v>202996.8</v>
      </c>
      <c r="C12194" s="7">
        <f t="shared" si="190"/>
        <v>202.99679999999998</v>
      </c>
      <c r="I12194" s="1"/>
    </row>
    <row r="12195" spans="1:9" x14ac:dyDescent="0.25">
      <c r="A12195" s="3">
        <v>41948.914837962962</v>
      </c>
      <c r="B12195" s="6">
        <v>203013.44999999998</v>
      </c>
      <c r="C12195" s="7">
        <f t="shared" si="190"/>
        <v>203.01344999999998</v>
      </c>
      <c r="I12195" s="1"/>
    </row>
    <row r="12196" spans="1:9" x14ac:dyDescent="0.25">
      <c r="A12196" s="3">
        <v>41948.921851851854</v>
      </c>
      <c r="B12196" s="6">
        <v>203030.09999999998</v>
      </c>
      <c r="C12196" s="7">
        <f t="shared" si="190"/>
        <v>203.03009999999998</v>
      </c>
      <c r="I12196" s="1"/>
    </row>
    <row r="12197" spans="1:9" x14ac:dyDescent="0.25">
      <c r="A12197" s="3">
        <v>41948.924143518518</v>
      </c>
      <c r="B12197" s="6">
        <v>203046.74999999997</v>
      </c>
      <c r="C12197" s="7">
        <f t="shared" si="190"/>
        <v>203.04674999999997</v>
      </c>
      <c r="I12197" s="1"/>
    </row>
    <row r="12198" spans="1:9" x14ac:dyDescent="0.25">
      <c r="A12198" s="3">
        <v>41948.936365740738</v>
      </c>
      <c r="B12198" s="6">
        <v>203063.4</v>
      </c>
      <c r="C12198" s="7">
        <f t="shared" si="190"/>
        <v>203.0634</v>
      </c>
      <c r="I12198" s="1"/>
    </row>
    <row r="12199" spans="1:9" x14ac:dyDescent="0.25">
      <c r="A12199" s="3">
        <v>41948.936539351853</v>
      </c>
      <c r="B12199" s="6">
        <v>203080.05</v>
      </c>
      <c r="C12199" s="7">
        <f t="shared" si="190"/>
        <v>203.08005</v>
      </c>
      <c r="I12199" s="1"/>
    </row>
    <row r="12200" spans="1:9" x14ac:dyDescent="0.25">
      <c r="A12200" s="3">
        <v>41948.950868055559</v>
      </c>
      <c r="B12200" s="6">
        <v>203096.69999999998</v>
      </c>
      <c r="C12200" s="7">
        <f t="shared" si="190"/>
        <v>203.09669999999997</v>
      </c>
      <c r="I12200" s="1"/>
    </row>
    <row r="12201" spans="1:9" x14ac:dyDescent="0.25">
      <c r="A12201" s="3">
        <v>41948.95107638889</v>
      </c>
      <c r="B12201" s="6">
        <v>203113.34999999998</v>
      </c>
      <c r="C12201" s="7">
        <f t="shared" si="190"/>
        <v>203.11334999999997</v>
      </c>
      <c r="I12201" s="1"/>
    </row>
    <row r="12202" spans="1:9" x14ac:dyDescent="0.25">
      <c r="A12202" s="3">
        <v>41948.965254629627</v>
      </c>
      <c r="B12202" s="6">
        <v>203129.99999999997</v>
      </c>
      <c r="C12202" s="7">
        <f t="shared" si="190"/>
        <v>203.12999999999997</v>
      </c>
      <c r="I12202" s="1"/>
    </row>
    <row r="12203" spans="1:9" x14ac:dyDescent="0.25">
      <c r="A12203" s="3">
        <v>41948.965451388889</v>
      </c>
      <c r="B12203" s="6">
        <v>203146.65</v>
      </c>
      <c r="C12203" s="7">
        <f t="shared" si="190"/>
        <v>203.14664999999999</v>
      </c>
      <c r="I12203" s="1"/>
    </row>
    <row r="12204" spans="1:9" x14ac:dyDescent="0.25">
      <c r="A12204" s="3">
        <v>41948.974560185183</v>
      </c>
      <c r="B12204" s="6">
        <v>203163.3</v>
      </c>
      <c r="C12204" s="7">
        <f t="shared" si="190"/>
        <v>203.16329999999999</v>
      </c>
      <c r="I12204" s="1"/>
    </row>
    <row r="12205" spans="1:9" x14ac:dyDescent="0.25">
      <c r="A12205" s="3">
        <v>41948.974849537037</v>
      </c>
      <c r="B12205" s="6">
        <v>203179.94999999998</v>
      </c>
      <c r="C12205" s="7">
        <f t="shared" si="190"/>
        <v>203.17994999999999</v>
      </c>
      <c r="I12205" s="1"/>
    </row>
    <row r="12206" spans="1:9" x14ac:dyDescent="0.25">
      <c r="A12206" s="3">
        <v>41948.979502314818</v>
      </c>
      <c r="B12206" s="6">
        <v>203196.59999999998</v>
      </c>
      <c r="C12206" s="7">
        <f t="shared" si="190"/>
        <v>203.19659999999999</v>
      </c>
      <c r="I12206" s="1"/>
    </row>
    <row r="12207" spans="1:9" x14ac:dyDescent="0.25">
      <c r="A12207" s="3">
        <v>41948.980914351851</v>
      </c>
      <c r="B12207" s="6">
        <v>203213.24999999997</v>
      </c>
      <c r="C12207" s="7">
        <f t="shared" si="190"/>
        <v>203.21324999999996</v>
      </c>
      <c r="I12207" s="1"/>
    </row>
    <row r="12208" spans="1:9" x14ac:dyDescent="0.25">
      <c r="A12208" s="3">
        <v>41948.997581018521</v>
      </c>
      <c r="B12208" s="6">
        <v>203229.9</v>
      </c>
      <c r="C12208" s="7">
        <f t="shared" si="190"/>
        <v>203.22989999999999</v>
      </c>
      <c r="I12208" s="1"/>
    </row>
    <row r="12209" spans="1:9" x14ac:dyDescent="0.25">
      <c r="A12209" s="3">
        <v>41948.997696759259</v>
      </c>
      <c r="B12209" s="6">
        <v>203246.55</v>
      </c>
      <c r="C12209" s="7">
        <f t="shared" si="190"/>
        <v>203.24654999999998</v>
      </c>
      <c r="I12209" s="1"/>
    </row>
    <row r="12210" spans="1:9" x14ac:dyDescent="0.25">
      <c r="A12210" s="3">
        <v>41978.001203703701</v>
      </c>
      <c r="B12210" s="6">
        <v>203263.19999999998</v>
      </c>
      <c r="C12210" s="7">
        <f t="shared" si="190"/>
        <v>203.26319999999998</v>
      </c>
      <c r="I12210" s="1"/>
    </row>
    <row r="12211" spans="1:9" x14ac:dyDescent="0.25">
      <c r="A12211" s="3">
        <v>41978.001712962963</v>
      </c>
      <c r="B12211" s="6">
        <v>203279.84999999998</v>
      </c>
      <c r="C12211" s="7">
        <f t="shared" si="190"/>
        <v>203.27984999999998</v>
      </c>
      <c r="I12211" s="1"/>
    </row>
    <row r="12212" spans="1:9" x14ac:dyDescent="0.25">
      <c r="A12212" s="3">
        <v>41978.008703703701</v>
      </c>
      <c r="B12212" s="6">
        <v>203296.49999999997</v>
      </c>
      <c r="C12212" s="7">
        <f t="shared" si="190"/>
        <v>203.29649999999998</v>
      </c>
      <c r="I12212" s="1"/>
    </row>
    <row r="12213" spans="1:9" x14ac:dyDescent="0.25">
      <c r="A12213" s="3">
        <v>41978.008773148147</v>
      </c>
      <c r="B12213" s="6">
        <v>203313.15</v>
      </c>
      <c r="C12213" s="7">
        <f t="shared" si="190"/>
        <v>203.31315000000001</v>
      </c>
      <c r="I12213" s="1"/>
    </row>
    <row r="12214" spans="1:9" x14ac:dyDescent="0.25">
      <c r="A12214" s="3">
        <v>41978.01</v>
      </c>
      <c r="B12214" s="6">
        <v>203329.8</v>
      </c>
      <c r="C12214" s="7">
        <f t="shared" si="190"/>
        <v>203.32979999999998</v>
      </c>
      <c r="I12214" s="1"/>
    </row>
    <row r="12215" spans="1:9" x14ac:dyDescent="0.25">
      <c r="A12215" s="3">
        <v>41978.010057870371</v>
      </c>
      <c r="B12215" s="6">
        <v>203346.44999999998</v>
      </c>
      <c r="C12215" s="7">
        <f t="shared" si="190"/>
        <v>203.34644999999998</v>
      </c>
      <c r="I12215" s="1"/>
    </row>
    <row r="12216" spans="1:9" x14ac:dyDescent="0.25">
      <c r="A12216" s="3">
        <v>41978.012164351851</v>
      </c>
      <c r="B12216" s="6">
        <v>203363.09999999998</v>
      </c>
      <c r="C12216" s="7">
        <f t="shared" si="190"/>
        <v>203.36309999999997</v>
      </c>
      <c r="I12216" s="1"/>
    </row>
    <row r="12217" spans="1:9" x14ac:dyDescent="0.25">
      <c r="A12217" s="3">
        <v>41978.012361111112</v>
      </c>
      <c r="B12217" s="6">
        <v>203379.74999999997</v>
      </c>
      <c r="C12217" s="7">
        <f t="shared" si="190"/>
        <v>203.37974999999997</v>
      </c>
      <c r="I12217" s="1"/>
    </row>
    <row r="12218" spans="1:9" x14ac:dyDescent="0.25">
      <c r="A12218" s="3">
        <v>41978.017453703702</v>
      </c>
      <c r="B12218" s="6">
        <v>203396.4</v>
      </c>
      <c r="C12218" s="7">
        <f t="shared" si="190"/>
        <v>203.3964</v>
      </c>
      <c r="I12218" s="1"/>
    </row>
    <row r="12219" spans="1:9" x14ac:dyDescent="0.25">
      <c r="A12219" s="3">
        <v>41978.017997685187</v>
      </c>
      <c r="B12219" s="6">
        <v>203413.05</v>
      </c>
      <c r="C12219" s="7">
        <f t="shared" si="190"/>
        <v>203.41305</v>
      </c>
      <c r="I12219" s="1"/>
    </row>
    <row r="12220" spans="1:9" x14ac:dyDescent="0.25">
      <c r="A12220" s="3">
        <v>41978.025543981479</v>
      </c>
      <c r="B12220" s="6">
        <v>203429.69999999998</v>
      </c>
      <c r="C12220" s="7">
        <f t="shared" si="190"/>
        <v>203.42969999999997</v>
      </c>
      <c r="I12220" s="1"/>
    </row>
    <row r="12221" spans="1:9" x14ac:dyDescent="0.25">
      <c r="A12221" s="3">
        <v>41978.028935185182</v>
      </c>
      <c r="B12221" s="6">
        <v>203446.34999999998</v>
      </c>
      <c r="C12221" s="7">
        <f t="shared" si="190"/>
        <v>203.44634999999997</v>
      </c>
      <c r="I12221" s="1"/>
    </row>
    <row r="12222" spans="1:9" x14ac:dyDescent="0.25">
      <c r="A12222" s="3">
        <v>41978.302523148152</v>
      </c>
      <c r="B12222" s="6">
        <v>203462.99999999997</v>
      </c>
      <c r="C12222" s="7">
        <f t="shared" si="190"/>
        <v>203.46299999999997</v>
      </c>
      <c r="I12222" s="1"/>
    </row>
    <row r="12223" spans="1:9" x14ac:dyDescent="0.25">
      <c r="A12223" s="3">
        <v>41978.316643518519</v>
      </c>
      <c r="B12223" s="6">
        <v>203479.65</v>
      </c>
      <c r="C12223" s="7">
        <f t="shared" si="190"/>
        <v>203.47964999999999</v>
      </c>
      <c r="I12223" s="1"/>
    </row>
    <row r="12224" spans="1:9" x14ac:dyDescent="0.25">
      <c r="A12224" s="3">
        <v>41978.337337962963</v>
      </c>
      <c r="B12224" s="6">
        <v>203496.3</v>
      </c>
      <c r="C12224" s="7">
        <f t="shared" si="190"/>
        <v>203.49629999999999</v>
      </c>
      <c r="I12224" s="1"/>
    </row>
    <row r="12225" spans="1:9" x14ac:dyDescent="0.25">
      <c r="A12225" s="3">
        <v>41978.337719907409</v>
      </c>
      <c r="B12225" s="6">
        <v>203512.94999999998</v>
      </c>
      <c r="C12225" s="7">
        <f t="shared" si="190"/>
        <v>203.51294999999999</v>
      </c>
      <c r="I12225" s="1"/>
    </row>
    <row r="12226" spans="1:9" x14ac:dyDescent="0.25">
      <c r="A12226" s="3">
        <v>41978.357638888891</v>
      </c>
      <c r="B12226" s="6">
        <v>203529.59999999998</v>
      </c>
      <c r="C12226" s="7">
        <f t="shared" si="190"/>
        <v>203.52959999999999</v>
      </c>
      <c r="I12226" s="1"/>
    </row>
    <row r="12227" spans="1:9" x14ac:dyDescent="0.25">
      <c r="A12227" s="3">
        <v>41978.357928240737</v>
      </c>
      <c r="B12227" s="6">
        <v>203546.24999999997</v>
      </c>
      <c r="C12227" s="7">
        <f t="shared" ref="C12227:C12290" si="191">B12227/1000</f>
        <v>203.54624999999996</v>
      </c>
      <c r="I12227" s="1"/>
    </row>
    <row r="12228" spans="1:9" x14ac:dyDescent="0.25">
      <c r="A12228" s="3">
        <v>41978.368310185186</v>
      </c>
      <c r="B12228" s="6">
        <v>203562.9</v>
      </c>
      <c r="C12228" s="7">
        <f t="shared" si="191"/>
        <v>203.56289999999998</v>
      </c>
      <c r="I12228" s="1"/>
    </row>
    <row r="12229" spans="1:9" x14ac:dyDescent="0.25">
      <c r="A12229" s="3">
        <v>41978.368587962963</v>
      </c>
      <c r="B12229" s="6">
        <v>203579.55</v>
      </c>
      <c r="C12229" s="7">
        <f t="shared" si="191"/>
        <v>203.57954999999998</v>
      </c>
      <c r="I12229" s="1"/>
    </row>
    <row r="12230" spans="1:9" x14ac:dyDescent="0.25">
      <c r="A12230" s="3">
        <v>41978.372604166667</v>
      </c>
      <c r="B12230" s="6">
        <v>203596.19999999998</v>
      </c>
      <c r="C12230" s="7">
        <f t="shared" si="191"/>
        <v>203.59619999999998</v>
      </c>
      <c r="I12230" s="1"/>
    </row>
    <row r="12231" spans="1:9" x14ac:dyDescent="0.25">
      <c r="A12231" s="3">
        <v>41978.372858796298</v>
      </c>
      <c r="B12231" s="6">
        <v>203612.84999999998</v>
      </c>
      <c r="C12231" s="7">
        <f t="shared" si="191"/>
        <v>203.61284999999998</v>
      </c>
      <c r="I12231" s="1"/>
    </row>
    <row r="12232" spans="1:9" x14ac:dyDescent="0.25">
      <c r="A12232" s="3">
        <v>41978.38685185185</v>
      </c>
      <c r="B12232" s="6">
        <v>203629.49999999997</v>
      </c>
      <c r="C12232" s="7">
        <f t="shared" si="191"/>
        <v>203.62949999999998</v>
      </c>
      <c r="I12232" s="1"/>
    </row>
    <row r="12233" spans="1:9" x14ac:dyDescent="0.25">
      <c r="A12233" s="3">
        <v>41978.387164351851</v>
      </c>
      <c r="B12233" s="6">
        <v>203646.15</v>
      </c>
      <c r="C12233" s="7">
        <f t="shared" si="191"/>
        <v>203.64615000000001</v>
      </c>
      <c r="I12233" s="1"/>
    </row>
    <row r="12234" spans="1:9" x14ac:dyDescent="0.25">
      <c r="A12234" s="3">
        <v>41978.390532407408</v>
      </c>
      <c r="B12234" s="6">
        <v>203662.8</v>
      </c>
      <c r="C12234" s="7">
        <f t="shared" si="191"/>
        <v>203.66279999999998</v>
      </c>
      <c r="I12234" s="1"/>
    </row>
    <row r="12235" spans="1:9" x14ac:dyDescent="0.25">
      <c r="A12235" s="3">
        <v>41978.390833333331</v>
      </c>
      <c r="B12235" s="6">
        <v>203679.44999999998</v>
      </c>
      <c r="C12235" s="7">
        <f t="shared" si="191"/>
        <v>203.67944999999997</v>
      </c>
      <c r="I12235" s="1"/>
    </row>
    <row r="12236" spans="1:9" x14ac:dyDescent="0.25">
      <c r="A12236" s="3">
        <v>41978.397118055553</v>
      </c>
      <c r="B12236" s="6">
        <v>203696.09999999998</v>
      </c>
      <c r="C12236" s="7">
        <f t="shared" si="191"/>
        <v>203.69609999999997</v>
      </c>
      <c r="I12236" s="1"/>
    </row>
    <row r="12237" spans="1:9" x14ac:dyDescent="0.25">
      <c r="A12237" s="3">
        <v>41978.397557870368</v>
      </c>
      <c r="B12237" s="6">
        <v>203712.74999999997</v>
      </c>
      <c r="C12237" s="7">
        <f t="shared" si="191"/>
        <v>203.71274999999997</v>
      </c>
      <c r="I12237" s="1"/>
    </row>
    <row r="12238" spans="1:9" x14ac:dyDescent="0.25">
      <c r="A12238" s="3">
        <v>41978.399664351855</v>
      </c>
      <c r="B12238" s="6">
        <v>203729.4</v>
      </c>
      <c r="C12238" s="7">
        <f t="shared" si="191"/>
        <v>203.7294</v>
      </c>
      <c r="I12238" s="1"/>
    </row>
    <row r="12239" spans="1:9" x14ac:dyDescent="0.25">
      <c r="A12239" s="3">
        <v>41978.399837962963</v>
      </c>
      <c r="B12239" s="6">
        <v>203746.05</v>
      </c>
      <c r="C12239" s="7">
        <f t="shared" si="191"/>
        <v>203.74605</v>
      </c>
      <c r="I12239" s="1"/>
    </row>
    <row r="12240" spans="1:9" x14ac:dyDescent="0.25">
      <c r="A12240" s="3">
        <v>41978.403321759259</v>
      </c>
      <c r="B12240" s="6">
        <v>203762.69999999998</v>
      </c>
      <c r="C12240" s="7">
        <f t="shared" si="191"/>
        <v>203.7627</v>
      </c>
      <c r="I12240" s="1"/>
    </row>
    <row r="12241" spans="1:9" x14ac:dyDescent="0.25">
      <c r="A12241" s="3">
        <v>41978.403449074074</v>
      </c>
      <c r="B12241" s="6">
        <v>203779.34999999998</v>
      </c>
      <c r="C12241" s="7">
        <f t="shared" si="191"/>
        <v>203.77934999999997</v>
      </c>
      <c r="I12241" s="1"/>
    </row>
    <row r="12242" spans="1:9" x14ac:dyDescent="0.25">
      <c r="A12242" s="3">
        <v>41978.404502314814</v>
      </c>
      <c r="B12242" s="6">
        <v>203795.99999999997</v>
      </c>
      <c r="C12242" s="7">
        <f t="shared" si="191"/>
        <v>203.79599999999996</v>
      </c>
      <c r="I12242" s="1"/>
    </row>
    <row r="12243" spans="1:9" x14ac:dyDescent="0.25">
      <c r="A12243" s="3">
        <v>41978.404606481483</v>
      </c>
      <c r="B12243" s="6">
        <v>203812.65</v>
      </c>
      <c r="C12243" s="7">
        <f t="shared" si="191"/>
        <v>203.81264999999999</v>
      </c>
      <c r="I12243" s="1"/>
    </row>
    <row r="12244" spans="1:9" x14ac:dyDescent="0.25">
      <c r="A12244" s="3">
        <v>41978.406087962961</v>
      </c>
      <c r="B12244" s="6">
        <v>203829.3</v>
      </c>
      <c r="C12244" s="7">
        <f t="shared" si="191"/>
        <v>203.82929999999999</v>
      </c>
      <c r="I12244" s="1"/>
    </row>
    <row r="12245" spans="1:9" x14ac:dyDescent="0.25">
      <c r="A12245" s="3">
        <v>41978.406782407408</v>
      </c>
      <c r="B12245" s="6">
        <v>203845.94999999998</v>
      </c>
      <c r="C12245" s="7">
        <f t="shared" si="191"/>
        <v>203.84594999999999</v>
      </c>
      <c r="I12245" s="1"/>
    </row>
    <row r="12246" spans="1:9" x14ac:dyDescent="0.25">
      <c r="A12246" s="3">
        <v>41978.411377314813</v>
      </c>
      <c r="B12246" s="6">
        <v>203862.59999999998</v>
      </c>
      <c r="C12246" s="7">
        <f t="shared" si="191"/>
        <v>203.86259999999999</v>
      </c>
      <c r="I12246" s="1"/>
    </row>
    <row r="12247" spans="1:9" x14ac:dyDescent="0.25">
      <c r="A12247" s="3">
        <v>41978.411562499998</v>
      </c>
      <c r="B12247" s="6">
        <v>203879.24999999997</v>
      </c>
      <c r="C12247" s="7">
        <f t="shared" si="191"/>
        <v>203.87924999999998</v>
      </c>
      <c r="I12247" s="1"/>
    </row>
    <row r="12248" spans="1:9" x14ac:dyDescent="0.25">
      <c r="A12248" s="3">
        <v>41978.414907407408</v>
      </c>
      <c r="B12248" s="6">
        <v>203895.9</v>
      </c>
      <c r="C12248" s="7">
        <f t="shared" si="191"/>
        <v>203.89589999999998</v>
      </c>
      <c r="I12248" s="1"/>
    </row>
    <row r="12249" spans="1:9" x14ac:dyDescent="0.25">
      <c r="A12249" s="3">
        <v>41978.415173611109</v>
      </c>
      <c r="B12249" s="6">
        <v>203912.55</v>
      </c>
      <c r="C12249" s="7">
        <f t="shared" si="191"/>
        <v>203.91254999999998</v>
      </c>
      <c r="I12249" s="1"/>
    </row>
    <row r="12250" spans="1:9" x14ac:dyDescent="0.25">
      <c r="A12250" s="3">
        <v>41978.420370370368</v>
      </c>
      <c r="B12250" s="6">
        <v>203929.19999999998</v>
      </c>
      <c r="C12250" s="7">
        <f t="shared" si="191"/>
        <v>203.92919999999998</v>
      </c>
      <c r="I12250" s="1"/>
    </row>
    <row r="12251" spans="1:9" x14ac:dyDescent="0.25">
      <c r="A12251" s="3">
        <v>41978.420543981483</v>
      </c>
      <c r="B12251" s="6">
        <v>203945.84999999998</v>
      </c>
      <c r="C12251" s="7">
        <f t="shared" si="191"/>
        <v>203.94584999999998</v>
      </c>
      <c r="I12251" s="1"/>
    </row>
    <row r="12252" spans="1:9" x14ac:dyDescent="0.25">
      <c r="A12252" s="3">
        <v>41978.424629629626</v>
      </c>
      <c r="B12252" s="6">
        <v>203962.49999999997</v>
      </c>
      <c r="C12252" s="7">
        <f t="shared" si="191"/>
        <v>203.96249999999998</v>
      </c>
      <c r="I12252" s="1"/>
    </row>
    <row r="12253" spans="1:9" x14ac:dyDescent="0.25">
      <c r="A12253" s="3">
        <v>41978.425185185188</v>
      </c>
      <c r="B12253" s="6">
        <v>203979.15</v>
      </c>
      <c r="C12253" s="7">
        <f t="shared" si="191"/>
        <v>203.97915</v>
      </c>
      <c r="I12253" s="1"/>
    </row>
    <row r="12254" spans="1:9" x14ac:dyDescent="0.25">
      <c r="A12254" s="3">
        <v>41978.427881944444</v>
      </c>
      <c r="B12254" s="6">
        <v>203995.8</v>
      </c>
      <c r="C12254" s="7">
        <f t="shared" si="191"/>
        <v>203.99579999999997</v>
      </c>
      <c r="I12254" s="1"/>
    </row>
    <row r="12255" spans="1:9" x14ac:dyDescent="0.25">
      <c r="A12255" s="3">
        <v>41978.428055555552</v>
      </c>
      <c r="B12255" s="6">
        <v>204012.44999999998</v>
      </c>
      <c r="C12255" s="7">
        <f t="shared" si="191"/>
        <v>204.01244999999997</v>
      </c>
      <c r="I12255" s="1"/>
    </row>
    <row r="12256" spans="1:9" x14ac:dyDescent="0.25">
      <c r="A12256" s="3">
        <v>41978.428877314815</v>
      </c>
      <c r="B12256" s="6">
        <v>204029.09999999998</v>
      </c>
      <c r="C12256" s="7">
        <f t="shared" si="191"/>
        <v>204.02909999999997</v>
      </c>
      <c r="I12256" s="1"/>
    </row>
    <row r="12257" spans="1:9" x14ac:dyDescent="0.25">
      <c r="A12257" s="3">
        <v>41978.429039351853</v>
      </c>
      <c r="B12257" s="6">
        <v>204045.74999999997</v>
      </c>
      <c r="C12257" s="7">
        <f t="shared" si="191"/>
        <v>204.04574999999997</v>
      </c>
      <c r="I12257" s="1"/>
    </row>
    <row r="12258" spans="1:9" x14ac:dyDescent="0.25">
      <c r="A12258" s="3">
        <v>41978.433229166665</v>
      </c>
      <c r="B12258" s="6">
        <v>204062.4</v>
      </c>
      <c r="C12258" s="7">
        <f t="shared" si="191"/>
        <v>204.0624</v>
      </c>
      <c r="I12258" s="1"/>
    </row>
    <row r="12259" spans="1:9" x14ac:dyDescent="0.25">
      <c r="A12259" s="3">
        <v>41978.433437500003</v>
      </c>
      <c r="B12259" s="6">
        <v>204079.05</v>
      </c>
      <c r="C12259" s="7">
        <f t="shared" si="191"/>
        <v>204.07905</v>
      </c>
      <c r="I12259" s="1"/>
    </row>
    <row r="12260" spans="1:9" x14ac:dyDescent="0.25">
      <c r="A12260" s="3">
        <v>41978.438171296293</v>
      </c>
      <c r="B12260" s="6">
        <v>204095.69999999998</v>
      </c>
      <c r="C12260" s="7">
        <f t="shared" si="191"/>
        <v>204.09569999999999</v>
      </c>
      <c r="I12260" s="1"/>
    </row>
    <row r="12261" spans="1:9" x14ac:dyDescent="0.25">
      <c r="A12261" s="3">
        <v>41978.438391203701</v>
      </c>
      <c r="B12261" s="6">
        <v>204112.34999999998</v>
      </c>
      <c r="C12261" s="7">
        <f t="shared" si="191"/>
        <v>204.11234999999996</v>
      </c>
      <c r="I12261" s="1"/>
    </row>
    <row r="12262" spans="1:9" x14ac:dyDescent="0.25">
      <c r="A12262" s="3">
        <v>41978.443668981483</v>
      </c>
      <c r="B12262" s="6">
        <v>204128.99999999997</v>
      </c>
      <c r="C12262" s="7">
        <f t="shared" si="191"/>
        <v>204.12899999999996</v>
      </c>
      <c r="I12262" s="1"/>
    </row>
    <row r="12263" spans="1:9" x14ac:dyDescent="0.25">
      <c r="A12263" s="3">
        <v>41978.443854166668</v>
      </c>
      <c r="B12263" s="6">
        <v>204145.65</v>
      </c>
      <c r="C12263" s="7">
        <f t="shared" si="191"/>
        <v>204.14564999999999</v>
      </c>
      <c r="I12263" s="1"/>
    </row>
    <row r="12264" spans="1:9" x14ac:dyDescent="0.25">
      <c r="A12264" s="3">
        <v>41978.44803240741</v>
      </c>
      <c r="B12264" s="6">
        <v>204162.3</v>
      </c>
      <c r="C12264" s="7">
        <f t="shared" si="191"/>
        <v>204.16229999999999</v>
      </c>
      <c r="I12264" s="1"/>
    </row>
    <row r="12265" spans="1:9" x14ac:dyDescent="0.25">
      <c r="A12265" s="3">
        <v>41978.448321759257</v>
      </c>
      <c r="B12265" s="6">
        <v>204178.94999999998</v>
      </c>
      <c r="C12265" s="7">
        <f t="shared" si="191"/>
        <v>204.17894999999999</v>
      </c>
      <c r="I12265" s="1"/>
    </row>
    <row r="12266" spans="1:9" x14ac:dyDescent="0.25">
      <c r="A12266" s="3">
        <v>41978.451238425929</v>
      </c>
      <c r="B12266" s="6">
        <v>204195.59999999998</v>
      </c>
      <c r="C12266" s="7">
        <f t="shared" si="191"/>
        <v>204.19559999999998</v>
      </c>
      <c r="I12266" s="1"/>
    </row>
    <row r="12267" spans="1:9" x14ac:dyDescent="0.25">
      <c r="A12267" s="3">
        <v>41978.451458333337</v>
      </c>
      <c r="B12267" s="6">
        <v>204212.24999999997</v>
      </c>
      <c r="C12267" s="7">
        <f t="shared" si="191"/>
        <v>204.21224999999998</v>
      </c>
      <c r="I12267" s="1"/>
    </row>
    <row r="12268" spans="1:9" x14ac:dyDescent="0.25">
      <c r="A12268" s="3">
        <v>41978.453888888886</v>
      </c>
      <c r="B12268" s="6">
        <v>204228.9</v>
      </c>
      <c r="C12268" s="7">
        <f t="shared" si="191"/>
        <v>204.22889999999998</v>
      </c>
      <c r="I12268" s="1"/>
    </row>
    <row r="12269" spans="1:9" x14ac:dyDescent="0.25">
      <c r="A12269" s="3">
        <v>41978.454085648147</v>
      </c>
      <c r="B12269" s="6">
        <v>204245.55</v>
      </c>
      <c r="C12269" s="7">
        <f t="shared" si="191"/>
        <v>204.24554999999998</v>
      </c>
      <c r="I12269" s="1"/>
    </row>
    <row r="12270" spans="1:9" x14ac:dyDescent="0.25">
      <c r="A12270" s="3">
        <v>41978.456805555557</v>
      </c>
      <c r="B12270" s="6">
        <v>204262.19999999998</v>
      </c>
      <c r="C12270" s="7">
        <f t="shared" si="191"/>
        <v>204.26219999999998</v>
      </c>
      <c r="I12270" s="1"/>
    </row>
    <row r="12271" spans="1:9" x14ac:dyDescent="0.25">
      <c r="A12271" s="3">
        <v>41978.456921296296</v>
      </c>
      <c r="B12271" s="6">
        <v>204278.84999999998</v>
      </c>
      <c r="C12271" s="7">
        <f t="shared" si="191"/>
        <v>204.27884999999998</v>
      </c>
      <c r="I12271" s="1"/>
    </row>
    <row r="12272" spans="1:9" x14ac:dyDescent="0.25">
      <c r="A12272" s="3">
        <v>41978.458136574074</v>
      </c>
      <c r="B12272" s="6">
        <v>204295.49999999997</v>
      </c>
      <c r="C12272" s="7">
        <f t="shared" si="191"/>
        <v>204.29549999999998</v>
      </c>
      <c r="I12272" s="1"/>
    </row>
    <row r="12273" spans="1:9" x14ac:dyDescent="0.25">
      <c r="A12273" s="3">
        <v>41978.458310185182</v>
      </c>
      <c r="B12273" s="6">
        <v>204312.15</v>
      </c>
      <c r="C12273" s="7">
        <f t="shared" si="191"/>
        <v>204.31215</v>
      </c>
      <c r="I12273" s="1"/>
    </row>
    <row r="12274" spans="1:9" x14ac:dyDescent="0.25">
      <c r="A12274" s="3">
        <v>41978.459756944445</v>
      </c>
      <c r="B12274" s="6">
        <v>204328.8</v>
      </c>
      <c r="C12274" s="7">
        <f t="shared" si="191"/>
        <v>204.3288</v>
      </c>
      <c r="I12274" s="1"/>
    </row>
    <row r="12275" spans="1:9" x14ac:dyDescent="0.25">
      <c r="A12275" s="3">
        <v>41978.460763888892</v>
      </c>
      <c r="B12275" s="6">
        <v>204345.44999999998</v>
      </c>
      <c r="C12275" s="7">
        <f t="shared" si="191"/>
        <v>204.34544999999997</v>
      </c>
      <c r="I12275" s="1"/>
    </row>
    <row r="12276" spans="1:9" x14ac:dyDescent="0.25">
      <c r="A12276" s="3">
        <v>41978.462465277778</v>
      </c>
      <c r="B12276" s="6">
        <v>204362.09999999998</v>
      </c>
      <c r="C12276" s="7">
        <f t="shared" si="191"/>
        <v>204.36209999999997</v>
      </c>
      <c r="I12276" s="1"/>
    </row>
    <row r="12277" spans="1:9" x14ac:dyDescent="0.25">
      <c r="A12277" s="3">
        <v>41978.462743055556</v>
      </c>
      <c r="B12277" s="6">
        <v>204378.74999999997</v>
      </c>
      <c r="C12277" s="7">
        <f t="shared" si="191"/>
        <v>204.37874999999997</v>
      </c>
      <c r="I12277" s="1"/>
    </row>
    <row r="12278" spans="1:9" x14ac:dyDescent="0.25">
      <c r="A12278" s="3">
        <v>41978.464988425927</v>
      </c>
      <c r="B12278" s="6">
        <v>204395.4</v>
      </c>
      <c r="C12278" s="7">
        <f t="shared" si="191"/>
        <v>204.3954</v>
      </c>
      <c r="I12278" s="1"/>
    </row>
    <row r="12279" spans="1:9" x14ac:dyDescent="0.25">
      <c r="A12279" s="3">
        <v>41978.465150462966</v>
      </c>
      <c r="B12279" s="6">
        <v>204412.05</v>
      </c>
      <c r="C12279" s="7">
        <f t="shared" si="191"/>
        <v>204.41204999999999</v>
      </c>
      <c r="I12279" s="1"/>
    </row>
    <row r="12280" spans="1:9" x14ac:dyDescent="0.25">
      <c r="A12280" s="3">
        <v>41978.468310185184</v>
      </c>
      <c r="B12280" s="6">
        <v>204428.69999999998</v>
      </c>
      <c r="C12280" s="7">
        <f t="shared" si="191"/>
        <v>204.42869999999999</v>
      </c>
      <c r="I12280" s="1"/>
    </row>
    <row r="12281" spans="1:9" x14ac:dyDescent="0.25">
      <c r="A12281" s="3">
        <v>41978.468576388892</v>
      </c>
      <c r="B12281" s="6">
        <v>204445.34999999998</v>
      </c>
      <c r="C12281" s="7">
        <f t="shared" si="191"/>
        <v>204.44534999999999</v>
      </c>
      <c r="I12281" s="1"/>
    </row>
    <row r="12282" spans="1:9" x14ac:dyDescent="0.25">
      <c r="A12282" s="3">
        <v>41978.470127314817</v>
      </c>
      <c r="B12282" s="6">
        <v>204461.99999999997</v>
      </c>
      <c r="C12282" s="7">
        <f t="shared" si="191"/>
        <v>204.46199999999996</v>
      </c>
      <c r="I12282" s="1"/>
    </row>
    <row r="12283" spans="1:9" x14ac:dyDescent="0.25">
      <c r="A12283" s="3">
        <v>41978.470405092594</v>
      </c>
      <c r="B12283" s="6">
        <v>204478.65</v>
      </c>
      <c r="C12283" s="7">
        <f t="shared" si="191"/>
        <v>204.47864999999999</v>
      </c>
      <c r="I12283" s="1"/>
    </row>
    <row r="12284" spans="1:9" x14ac:dyDescent="0.25">
      <c r="A12284" s="3">
        <v>41978.476203703707</v>
      </c>
      <c r="B12284" s="6">
        <v>204495.3</v>
      </c>
      <c r="C12284" s="7">
        <f t="shared" si="191"/>
        <v>204.49529999999999</v>
      </c>
      <c r="I12284" s="1"/>
    </row>
    <row r="12285" spans="1:9" x14ac:dyDescent="0.25">
      <c r="A12285" s="3">
        <v>41978.477743055555</v>
      </c>
      <c r="B12285" s="6">
        <v>204511.94999999998</v>
      </c>
      <c r="C12285" s="7">
        <f t="shared" si="191"/>
        <v>204.51194999999998</v>
      </c>
      <c r="I12285" s="1"/>
    </row>
    <row r="12286" spans="1:9" x14ac:dyDescent="0.25">
      <c r="A12286" s="3">
        <v>41978.480266203704</v>
      </c>
      <c r="B12286" s="6">
        <v>204528.59999999998</v>
      </c>
      <c r="C12286" s="7">
        <f t="shared" si="191"/>
        <v>204.52859999999998</v>
      </c>
      <c r="I12286" s="1"/>
    </row>
    <row r="12287" spans="1:9" x14ac:dyDescent="0.25">
      <c r="A12287" s="3">
        <v>41978.480694444443</v>
      </c>
      <c r="B12287" s="6">
        <v>204545.24999999997</v>
      </c>
      <c r="C12287" s="7">
        <f t="shared" si="191"/>
        <v>204.54524999999998</v>
      </c>
      <c r="I12287" s="1"/>
    </row>
    <row r="12288" spans="1:9" x14ac:dyDescent="0.25">
      <c r="A12288" s="3">
        <v>41978.483958333331</v>
      </c>
      <c r="B12288" s="6">
        <v>204561.9</v>
      </c>
      <c r="C12288" s="7">
        <f t="shared" si="191"/>
        <v>204.56189999999998</v>
      </c>
      <c r="I12288" s="1"/>
    </row>
    <row r="12289" spans="1:9" x14ac:dyDescent="0.25">
      <c r="A12289" s="3">
        <v>41978.484548611108</v>
      </c>
      <c r="B12289" s="6">
        <v>204578.55</v>
      </c>
      <c r="C12289" s="7">
        <f t="shared" si="191"/>
        <v>204.57854999999998</v>
      </c>
      <c r="I12289" s="1"/>
    </row>
    <row r="12290" spans="1:9" x14ac:dyDescent="0.25">
      <c r="A12290" s="3">
        <v>41978.487187500003</v>
      </c>
      <c r="B12290" s="6">
        <v>204595.19999999998</v>
      </c>
      <c r="C12290" s="7">
        <f t="shared" si="191"/>
        <v>204.59519999999998</v>
      </c>
      <c r="I12290" s="1"/>
    </row>
    <row r="12291" spans="1:9" x14ac:dyDescent="0.25">
      <c r="A12291" s="3">
        <v>41978.487303240741</v>
      </c>
      <c r="B12291" s="6">
        <v>204611.84999999998</v>
      </c>
      <c r="C12291" s="7">
        <f t="shared" ref="C12291:C12354" si="192">B12291/1000</f>
        <v>204.61184999999998</v>
      </c>
      <c r="I12291" s="1"/>
    </row>
    <row r="12292" spans="1:9" x14ac:dyDescent="0.25">
      <c r="A12292" s="3">
        <v>41978.489039351851</v>
      </c>
      <c r="B12292" s="6">
        <v>204628.49999999997</v>
      </c>
      <c r="C12292" s="7">
        <f t="shared" si="192"/>
        <v>204.62849999999997</v>
      </c>
      <c r="I12292" s="1"/>
    </row>
    <row r="12293" spans="1:9" x14ac:dyDescent="0.25">
      <c r="A12293" s="3">
        <v>41978.48914351852</v>
      </c>
      <c r="B12293" s="6">
        <v>204645.15</v>
      </c>
      <c r="C12293" s="7">
        <f t="shared" si="192"/>
        <v>204.64515</v>
      </c>
      <c r="I12293" s="1"/>
    </row>
    <row r="12294" spans="1:9" x14ac:dyDescent="0.25">
      <c r="A12294" s="3">
        <v>41978.4922337963</v>
      </c>
      <c r="B12294" s="6">
        <v>204661.8</v>
      </c>
      <c r="C12294" s="7">
        <f t="shared" si="192"/>
        <v>204.6618</v>
      </c>
      <c r="I12294" s="1"/>
    </row>
    <row r="12295" spans="1:9" x14ac:dyDescent="0.25">
      <c r="A12295" s="3">
        <v>41978.492372685185</v>
      </c>
      <c r="B12295" s="6">
        <v>204678.44999999998</v>
      </c>
      <c r="C12295" s="7">
        <f t="shared" si="192"/>
        <v>204.67844999999997</v>
      </c>
      <c r="I12295" s="1"/>
    </row>
    <row r="12296" spans="1:9" x14ac:dyDescent="0.25">
      <c r="A12296" s="3">
        <v>41978.495555555557</v>
      </c>
      <c r="B12296" s="6">
        <v>204695.09999999998</v>
      </c>
      <c r="C12296" s="7">
        <f t="shared" si="192"/>
        <v>204.69509999999997</v>
      </c>
      <c r="I12296" s="1"/>
    </row>
    <row r="12297" spans="1:9" x14ac:dyDescent="0.25">
      <c r="A12297" s="3">
        <v>41978.496099537035</v>
      </c>
      <c r="B12297" s="6">
        <v>204711.74999999997</v>
      </c>
      <c r="C12297" s="7">
        <f t="shared" si="192"/>
        <v>204.71174999999997</v>
      </c>
      <c r="I12297" s="1"/>
    </row>
    <row r="12298" spans="1:9" x14ac:dyDescent="0.25">
      <c r="A12298" s="3">
        <v>41978.50209490741</v>
      </c>
      <c r="B12298" s="6">
        <v>204728.4</v>
      </c>
      <c r="C12298" s="7">
        <f t="shared" si="192"/>
        <v>204.72839999999999</v>
      </c>
      <c r="I12298" s="1"/>
    </row>
    <row r="12299" spans="1:9" x14ac:dyDescent="0.25">
      <c r="A12299" s="3">
        <v>41978.502418981479</v>
      </c>
      <c r="B12299" s="6">
        <v>204745.05</v>
      </c>
      <c r="C12299" s="7">
        <f t="shared" si="192"/>
        <v>204.74504999999999</v>
      </c>
      <c r="I12299" s="1"/>
    </row>
    <row r="12300" spans="1:9" x14ac:dyDescent="0.25">
      <c r="A12300" s="3">
        <v>41978.504965277774</v>
      </c>
      <c r="B12300" s="6">
        <v>204761.69999999998</v>
      </c>
      <c r="C12300" s="7">
        <f t="shared" si="192"/>
        <v>204.76169999999999</v>
      </c>
      <c r="I12300" s="1"/>
    </row>
    <row r="12301" spans="1:9" x14ac:dyDescent="0.25">
      <c r="A12301" s="3">
        <v>41978.50540509259</v>
      </c>
      <c r="B12301" s="6">
        <v>204778.34999999998</v>
      </c>
      <c r="C12301" s="7">
        <f t="shared" si="192"/>
        <v>204.77834999999999</v>
      </c>
      <c r="I12301" s="1"/>
    </row>
    <row r="12302" spans="1:9" x14ac:dyDescent="0.25">
      <c r="A12302" s="3">
        <v>41978.507187499999</v>
      </c>
      <c r="B12302" s="6">
        <v>204794.99999999997</v>
      </c>
      <c r="C12302" s="7">
        <f t="shared" si="192"/>
        <v>204.79499999999996</v>
      </c>
      <c r="I12302" s="1"/>
    </row>
    <row r="12303" spans="1:9" x14ac:dyDescent="0.25">
      <c r="A12303" s="3">
        <v>41978.507337962961</v>
      </c>
      <c r="B12303" s="6">
        <v>204811.65</v>
      </c>
      <c r="C12303" s="7">
        <f t="shared" si="192"/>
        <v>204.81164999999999</v>
      </c>
      <c r="I12303" s="1"/>
    </row>
    <row r="12304" spans="1:9" x14ac:dyDescent="0.25">
      <c r="A12304" s="3">
        <v>41978.50886574074</v>
      </c>
      <c r="B12304" s="6">
        <v>204828.3</v>
      </c>
      <c r="C12304" s="7">
        <f t="shared" si="192"/>
        <v>204.82829999999998</v>
      </c>
      <c r="I12304" s="1"/>
    </row>
    <row r="12305" spans="1:9" x14ac:dyDescent="0.25">
      <c r="A12305" s="3">
        <v>41978.509259259263</v>
      </c>
      <c r="B12305" s="6">
        <v>204844.94999999998</v>
      </c>
      <c r="C12305" s="7">
        <f t="shared" si="192"/>
        <v>204.84494999999998</v>
      </c>
      <c r="I12305" s="1"/>
    </row>
    <row r="12306" spans="1:9" x14ac:dyDescent="0.25">
      <c r="A12306" s="3">
        <v>41978.512071759258</v>
      </c>
      <c r="B12306" s="6">
        <v>204861.59999999998</v>
      </c>
      <c r="C12306" s="7">
        <f t="shared" si="192"/>
        <v>204.86159999999998</v>
      </c>
      <c r="I12306" s="1"/>
    </row>
    <row r="12307" spans="1:9" x14ac:dyDescent="0.25">
      <c r="A12307" s="3">
        <v>41978.512280092589</v>
      </c>
      <c r="B12307" s="6">
        <v>204878.24999999997</v>
      </c>
      <c r="C12307" s="7">
        <f t="shared" si="192"/>
        <v>204.87824999999998</v>
      </c>
      <c r="I12307" s="1"/>
    </row>
    <row r="12308" spans="1:9" x14ac:dyDescent="0.25">
      <c r="A12308" s="3">
        <v>41978.515590277777</v>
      </c>
      <c r="B12308" s="6">
        <v>204894.9</v>
      </c>
      <c r="C12308" s="7">
        <f t="shared" si="192"/>
        <v>204.89490000000001</v>
      </c>
      <c r="I12308" s="1"/>
    </row>
    <row r="12309" spans="1:9" x14ac:dyDescent="0.25">
      <c r="A12309" s="3">
        <v>41978.515752314815</v>
      </c>
      <c r="B12309" s="6">
        <v>204911.55</v>
      </c>
      <c r="C12309" s="7">
        <f t="shared" si="192"/>
        <v>204.91154999999998</v>
      </c>
      <c r="I12309" s="1"/>
    </row>
    <row r="12310" spans="1:9" x14ac:dyDescent="0.25">
      <c r="A12310" s="3">
        <v>41978.518993055557</v>
      </c>
      <c r="B12310" s="6">
        <v>204928.19999999998</v>
      </c>
      <c r="C12310" s="7">
        <f t="shared" si="192"/>
        <v>204.92819999999998</v>
      </c>
      <c r="I12310" s="1"/>
    </row>
    <row r="12311" spans="1:9" x14ac:dyDescent="0.25">
      <c r="A12311" s="3">
        <v>41978.519178240742</v>
      </c>
      <c r="B12311" s="6">
        <v>204944.84999999998</v>
      </c>
      <c r="C12311" s="7">
        <f t="shared" si="192"/>
        <v>204.94484999999997</v>
      </c>
      <c r="I12311" s="1"/>
    </row>
    <row r="12312" spans="1:9" x14ac:dyDescent="0.25">
      <c r="A12312" s="3">
        <v>41978.522245370368</v>
      </c>
      <c r="B12312" s="6">
        <v>204961.49999999997</v>
      </c>
      <c r="C12312" s="7">
        <f t="shared" si="192"/>
        <v>204.96149999999997</v>
      </c>
      <c r="I12312" s="1"/>
    </row>
    <row r="12313" spans="1:9" x14ac:dyDescent="0.25">
      <c r="A12313" s="3">
        <v>41978.522372685184</v>
      </c>
      <c r="B12313" s="6">
        <v>204978.15</v>
      </c>
      <c r="C12313" s="7">
        <f t="shared" si="192"/>
        <v>204.97815</v>
      </c>
      <c r="I12313" s="1"/>
    </row>
    <row r="12314" spans="1:9" x14ac:dyDescent="0.25">
      <c r="A12314" s="3">
        <v>41978.525000000001</v>
      </c>
      <c r="B12314" s="6">
        <v>204994.8</v>
      </c>
      <c r="C12314" s="7">
        <f t="shared" si="192"/>
        <v>204.9948</v>
      </c>
      <c r="I12314" s="1"/>
    </row>
    <row r="12315" spans="1:9" x14ac:dyDescent="0.25">
      <c r="A12315" s="3">
        <v>41978.525196759256</v>
      </c>
      <c r="B12315" s="6">
        <v>205011.44999999998</v>
      </c>
      <c r="C12315" s="7">
        <f t="shared" si="192"/>
        <v>205.01145</v>
      </c>
      <c r="I12315" s="1"/>
    </row>
    <row r="12316" spans="1:9" x14ac:dyDescent="0.25">
      <c r="A12316" s="3">
        <v>41978.530891203707</v>
      </c>
      <c r="B12316" s="6">
        <v>205028.09999999998</v>
      </c>
      <c r="C12316" s="7">
        <f t="shared" si="192"/>
        <v>205.02809999999997</v>
      </c>
      <c r="I12316" s="1"/>
    </row>
    <row r="12317" spans="1:9" x14ac:dyDescent="0.25">
      <c r="A12317" s="3">
        <v>41978.531076388892</v>
      </c>
      <c r="B12317" s="6">
        <v>205044.74999999997</v>
      </c>
      <c r="C12317" s="7">
        <f t="shared" si="192"/>
        <v>205.04474999999996</v>
      </c>
      <c r="I12317" s="1"/>
    </row>
    <row r="12318" spans="1:9" x14ac:dyDescent="0.25">
      <c r="A12318" s="3">
        <v>41978.532789351855</v>
      </c>
      <c r="B12318" s="6">
        <v>205061.4</v>
      </c>
      <c r="C12318" s="7">
        <f t="shared" si="192"/>
        <v>205.06139999999999</v>
      </c>
      <c r="I12318" s="1"/>
    </row>
    <row r="12319" spans="1:9" x14ac:dyDescent="0.25">
      <c r="A12319" s="3">
        <v>41978.533125000002</v>
      </c>
      <c r="B12319" s="6">
        <v>205078.05</v>
      </c>
      <c r="C12319" s="7">
        <f t="shared" si="192"/>
        <v>205.07804999999999</v>
      </c>
      <c r="I12319" s="1"/>
    </row>
    <row r="12320" spans="1:9" x14ac:dyDescent="0.25">
      <c r="A12320" s="3">
        <v>41978.535613425927</v>
      </c>
      <c r="B12320" s="6">
        <v>205094.69999999998</v>
      </c>
      <c r="C12320" s="7">
        <f t="shared" si="192"/>
        <v>205.09469999999999</v>
      </c>
      <c r="I12320" s="1"/>
    </row>
    <row r="12321" spans="1:9" x14ac:dyDescent="0.25">
      <c r="A12321" s="3">
        <v>41978.535717592589</v>
      </c>
      <c r="B12321" s="6">
        <v>205111.34999999998</v>
      </c>
      <c r="C12321" s="7">
        <f t="shared" si="192"/>
        <v>205.11134999999999</v>
      </c>
      <c r="I12321" s="1"/>
    </row>
    <row r="12322" spans="1:9" x14ac:dyDescent="0.25">
      <c r="A12322" s="3">
        <v>41978.537708333337</v>
      </c>
      <c r="B12322" s="6">
        <v>205127.99999999997</v>
      </c>
      <c r="C12322" s="7">
        <f t="shared" si="192"/>
        <v>205.12799999999996</v>
      </c>
      <c r="I12322" s="1"/>
    </row>
    <row r="12323" spans="1:9" x14ac:dyDescent="0.25">
      <c r="A12323" s="3">
        <v>41978.537824074076</v>
      </c>
      <c r="B12323" s="6">
        <v>205144.65</v>
      </c>
      <c r="C12323" s="7">
        <f t="shared" si="192"/>
        <v>205.14464999999998</v>
      </c>
      <c r="I12323" s="1"/>
    </row>
    <row r="12324" spans="1:9" x14ac:dyDescent="0.25">
      <c r="A12324" s="3">
        <v>41978.539618055554</v>
      </c>
      <c r="B12324" s="6">
        <v>205161.3</v>
      </c>
      <c r="C12324" s="7">
        <f t="shared" si="192"/>
        <v>205.16129999999998</v>
      </c>
      <c r="I12324" s="1"/>
    </row>
    <row r="12325" spans="1:9" x14ac:dyDescent="0.25">
      <c r="A12325" s="3">
        <v>41978.539884259262</v>
      </c>
      <c r="B12325" s="6">
        <v>205177.94999999998</v>
      </c>
      <c r="C12325" s="7">
        <f t="shared" si="192"/>
        <v>205.17794999999998</v>
      </c>
      <c r="I12325" s="1"/>
    </row>
    <row r="12326" spans="1:9" x14ac:dyDescent="0.25">
      <c r="A12326" s="3">
        <v>41978.541076388887</v>
      </c>
      <c r="B12326" s="6">
        <v>205194.59999999998</v>
      </c>
      <c r="C12326" s="7">
        <f t="shared" si="192"/>
        <v>205.19459999999998</v>
      </c>
      <c r="I12326" s="1"/>
    </row>
    <row r="12327" spans="1:9" x14ac:dyDescent="0.25">
      <c r="A12327" s="3">
        <v>41978.541192129633</v>
      </c>
      <c r="B12327" s="6">
        <v>205211.24999999997</v>
      </c>
      <c r="C12327" s="7">
        <f t="shared" si="192"/>
        <v>205.21124999999998</v>
      </c>
      <c r="I12327" s="1"/>
    </row>
    <row r="12328" spans="1:9" x14ac:dyDescent="0.25">
      <c r="A12328" s="3">
        <v>41978.542256944442</v>
      </c>
      <c r="B12328" s="6">
        <v>205227.9</v>
      </c>
      <c r="C12328" s="7">
        <f t="shared" si="192"/>
        <v>205.22790000000001</v>
      </c>
      <c r="I12328" s="1"/>
    </row>
    <row r="12329" spans="1:9" x14ac:dyDescent="0.25">
      <c r="A12329" s="3">
        <v>41978.542349537034</v>
      </c>
      <c r="B12329" s="6">
        <v>205244.55</v>
      </c>
      <c r="C12329" s="7">
        <f t="shared" si="192"/>
        <v>205.24454999999998</v>
      </c>
      <c r="I12329" s="1"/>
    </row>
    <row r="12330" spans="1:9" x14ac:dyDescent="0.25">
      <c r="A12330" s="3">
        <v>41978.543449074074</v>
      </c>
      <c r="B12330" s="6">
        <v>205261.19999999998</v>
      </c>
      <c r="C12330" s="7">
        <f t="shared" si="192"/>
        <v>205.26119999999997</v>
      </c>
      <c r="I12330" s="1"/>
    </row>
    <row r="12331" spans="1:9" x14ac:dyDescent="0.25">
      <c r="A12331" s="3">
        <v>41978.543541666666</v>
      </c>
      <c r="B12331" s="6">
        <v>205277.84999999998</v>
      </c>
      <c r="C12331" s="7">
        <f t="shared" si="192"/>
        <v>205.27784999999997</v>
      </c>
      <c r="I12331" s="1"/>
    </row>
    <row r="12332" spans="1:9" x14ac:dyDescent="0.25">
      <c r="A12332" s="3">
        <v>41978.546111111114</v>
      </c>
      <c r="B12332" s="6">
        <v>205294.49999999997</v>
      </c>
      <c r="C12332" s="7">
        <f t="shared" si="192"/>
        <v>205.29449999999997</v>
      </c>
      <c r="I12332" s="1"/>
    </row>
    <row r="12333" spans="1:9" x14ac:dyDescent="0.25">
      <c r="A12333" s="3">
        <v>41978.546284722222</v>
      </c>
      <c r="B12333" s="6">
        <v>205311.15</v>
      </c>
      <c r="C12333" s="7">
        <f t="shared" si="192"/>
        <v>205.31115</v>
      </c>
      <c r="I12333" s="1"/>
    </row>
    <row r="12334" spans="1:9" x14ac:dyDescent="0.25">
      <c r="A12334" s="3">
        <v>41978.549305555556</v>
      </c>
      <c r="B12334" s="6">
        <v>205327.8</v>
      </c>
      <c r="C12334" s="7">
        <f t="shared" si="192"/>
        <v>205.3278</v>
      </c>
      <c r="I12334" s="1"/>
    </row>
    <row r="12335" spans="1:9" x14ac:dyDescent="0.25">
      <c r="A12335" s="3">
        <v>41978.550092592595</v>
      </c>
      <c r="B12335" s="6">
        <v>205344.44999999998</v>
      </c>
      <c r="C12335" s="7">
        <f t="shared" si="192"/>
        <v>205.34444999999999</v>
      </c>
      <c r="I12335" s="1"/>
    </row>
    <row r="12336" spans="1:9" x14ac:dyDescent="0.25">
      <c r="A12336" s="3">
        <v>41978.551307870373</v>
      </c>
      <c r="B12336" s="6">
        <v>205361.09999999998</v>
      </c>
      <c r="C12336" s="7">
        <f t="shared" si="192"/>
        <v>205.36109999999996</v>
      </c>
      <c r="I12336" s="1"/>
    </row>
    <row r="12337" spans="1:9" x14ac:dyDescent="0.25">
      <c r="A12337" s="3">
        <v>41978.551539351851</v>
      </c>
      <c r="B12337" s="6">
        <v>205377.74999999997</v>
      </c>
      <c r="C12337" s="7">
        <f t="shared" si="192"/>
        <v>205.37774999999996</v>
      </c>
      <c r="I12337" s="1"/>
    </row>
    <row r="12338" spans="1:9" x14ac:dyDescent="0.25">
      <c r="A12338" s="3">
        <v>41978.552766203706</v>
      </c>
      <c r="B12338" s="6">
        <v>205394.4</v>
      </c>
      <c r="C12338" s="7">
        <f t="shared" si="192"/>
        <v>205.39439999999999</v>
      </c>
      <c r="I12338" s="1"/>
    </row>
    <row r="12339" spans="1:9" x14ac:dyDescent="0.25">
      <c r="A12339" s="3">
        <v>41978.553055555552</v>
      </c>
      <c r="B12339" s="6">
        <v>205411.05</v>
      </c>
      <c r="C12339" s="7">
        <f t="shared" si="192"/>
        <v>205.41104999999999</v>
      </c>
      <c r="I12339" s="1"/>
    </row>
    <row r="12340" spans="1:9" x14ac:dyDescent="0.25">
      <c r="A12340" s="3">
        <v>41978.554085648146</v>
      </c>
      <c r="B12340" s="6">
        <v>205427.69999999998</v>
      </c>
      <c r="C12340" s="7">
        <f t="shared" si="192"/>
        <v>205.42769999999999</v>
      </c>
      <c r="I12340" s="1"/>
    </row>
    <row r="12341" spans="1:9" x14ac:dyDescent="0.25">
      <c r="A12341" s="3">
        <v>41978.554282407407</v>
      </c>
      <c r="B12341" s="6">
        <v>205444.34999999998</v>
      </c>
      <c r="C12341" s="7">
        <f t="shared" si="192"/>
        <v>205.44434999999999</v>
      </c>
      <c r="I12341" s="1"/>
    </row>
    <row r="12342" spans="1:9" x14ac:dyDescent="0.25">
      <c r="A12342" s="3">
        <v>41978.557349537034</v>
      </c>
      <c r="B12342" s="6">
        <v>205460.99999999997</v>
      </c>
      <c r="C12342" s="7">
        <f t="shared" si="192"/>
        <v>205.46099999999998</v>
      </c>
      <c r="I12342" s="1"/>
    </row>
    <row r="12343" spans="1:9" x14ac:dyDescent="0.25">
      <c r="A12343" s="3">
        <v>41978.557488425926</v>
      </c>
      <c r="B12343" s="6">
        <v>205477.65</v>
      </c>
      <c r="C12343" s="7">
        <f t="shared" si="192"/>
        <v>205.47764999999998</v>
      </c>
      <c r="I12343" s="1"/>
    </row>
    <row r="12344" spans="1:9" x14ac:dyDescent="0.25">
      <c r="A12344" s="3">
        <v>41978.559930555559</v>
      </c>
      <c r="B12344" s="6">
        <v>205494.3</v>
      </c>
      <c r="C12344" s="7">
        <f t="shared" si="192"/>
        <v>205.49429999999998</v>
      </c>
      <c r="I12344" s="1"/>
    </row>
    <row r="12345" spans="1:9" x14ac:dyDescent="0.25">
      <c r="A12345" s="3">
        <v>41978.560324074075</v>
      </c>
      <c r="B12345" s="6">
        <v>205510.94999999998</v>
      </c>
      <c r="C12345" s="7">
        <f t="shared" si="192"/>
        <v>205.51094999999998</v>
      </c>
      <c r="I12345" s="1"/>
    </row>
    <row r="12346" spans="1:9" x14ac:dyDescent="0.25">
      <c r="A12346" s="3">
        <v>41978.563946759263</v>
      </c>
      <c r="B12346" s="6">
        <v>205527.59999999998</v>
      </c>
      <c r="C12346" s="7">
        <f t="shared" si="192"/>
        <v>205.52759999999998</v>
      </c>
      <c r="I12346" s="1"/>
    </row>
    <row r="12347" spans="1:9" x14ac:dyDescent="0.25">
      <c r="A12347" s="3">
        <v>41978.564456018517</v>
      </c>
      <c r="B12347" s="6">
        <v>205544.24999999997</v>
      </c>
      <c r="C12347" s="7">
        <f t="shared" si="192"/>
        <v>205.54424999999998</v>
      </c>
      <c r="I12347" s="1"/>
    </row>
    <row r="12348" spans="1:9" x14ac:dyDescent="0.25">
      <c r="A12348" s="3">
        <v>41978.565752314818</v>
      </c>
      <c r="B12348" s="6">
        <v>205560.9</v>
      </c>
      <c r="C12348" s="7">
        <f t="shared" si="192"/>
        <v>205.5609</v>
      </c>
      <c r="I12348" s="1"/>
    </row>
    <row r="12349" spans="1:9" x14ac:dyDescent="0.25">
      <c r="A12349" s="3">
        <v>41978.565972222219</v>
      </c>
      <c r="B12349" s="6">
        <v>205577.55</v>
      </c>
      <c r="C12349" s="7">
        <f t="shared" si="192"/>
        <v>205.57755</v>
      </c>
      <c r="I12349" s="1"/>
    </row>
    <row r="12350" spans="1:9" x14ac:dyDescent="0.25">
      <c r="A12350" s="3">
        <v>41978.568101851852</v>
      </c>
      <c r="B12350" s="6">
        <v>205594.19999999998</v>
      </c>
      <c r="C12350" s="7">
        <f t="shared" si="192"/>
        <v>205.59419999999997</v>
      </c>
      <c r="I12350" s="1"/>
    </row>
    <row r="12351" spans="1:9" x14ac:dyDescent="0.25">
      <c r="A12351" s="3">
        <v>41978.568506944444</v>
      </c>
      <c r="B12351" s="6">
        <v>205610.84999999998</v>
      </c>
      <c r="C12351" s="7">
        <f t="shared" si="192"/>
        <v>205.61084999999997</v>
      </c>
      <c r="I12351" s="1"/>
    </row>
    <row r="12352" spans="1:9" x14ac:dyDescent="0.25">
      <c r="A12352" s="3">
        <v>41978.569421296299</v>
      </c>
      <c r="B12352" s="6">
        <v>205627.49999999997</v>
      </c>
      <c r="C12352" s="7">
        <f t="shared" si="192"/>
        <v>205.62749999999997</v>
      </c>
      <c r="I12352" s="1"/>
    </row>
    <row r="12353" spans="1:9" x14ac:dyDescent="0.25">
      <c r="A12353" s="3">
        <v>41978.56958333333</v>
      </c>
      <c r="B12353" s="6">
        <v>205644.15</v>
      </c>
      <c r="C12353" s="7">
        <f t="shared" si="192"/>
        <v>205.64415</v>
      </c>
      <c r="I12353" s="1"/>
    </row>
    <row r="12354" spans="1:9" x14ac:dyDescent="0.25">
      <c r="A12354" s="3">
        <v>41978.57199074074</v>
      </c>
      <c r="B12354" s="6">
        <v>205660.79999999999</v>
      </c>
      <c r="C12354" s="7">
        <f t="shared" si="192"/>
        <v>205.66079999999999</v>
      </c>
      <c r="I12354" s="1"/>
    </row>
    <row r="12355" spans="1:9" x14ac:dyDescent="0.25">
      <c r="A12355" s="3">
        <v>41978.572268518517</v>
      </c>
      <c r="B12355" s="6">
        <v>205677.44999999998</v>
      </c>
      <c r="C12355" s="7">
        <f t="shared" ref="C12355:C12418" si="193">B12355/1000</f>
        <v>205.67744999999999</v>
      </c>
      <c r="I12355" s="1"/>
    </row>
    <row r="12356" spans="1:9" x14ac:dyDescent="0.25">
      <c r="A12356" s="3">
        <v>41978.574745370373</v>
      </c>
      <c r="B12356" s="6">
        <v>205694.09999999998</v>
      </c>
      <c r="C12356" s="7">
        <f t="shared" si="193"/>
        <v>205.69409999999996</v>
      </c>
      <c r="I12356" s="1"/>
    </row>
    <row r="12357" spans="1:9" x14ac:dyDescent="0.25">
      <c r="A12357" s="3">
        <v>41978.574884259258</v>
      </c>
      <c r="B12357" s="6">
        <v>205710.74999999997</v>
      </c>
      <c r="C12357" s="7">
        <f t="shared" si="193"/>
        <v>205.71074999999996</v>
      </c>
      <c r="I12357" s="1"/>
    </row>
    <row r="12358" spans="1:9" x14ac:dyDescent="0.25">
      <c r="A12358" s="3">
        <v>41978.575833333336</v>
      </c>
      <c r="B12358" s="6">
        <v>205727.4</v>
      </c>
      <c r="C12358" s="7">
        <f t="shared" si="193"/>
        <v>205.72739999999999</v>
      </c>
      <c r="I12358" s="1"/>
    </row>
    <row r="12359" spans="1:9" x14ac:dyDescent="0.25">
      <c r="A12359" s="3">
        <v>41978.576006944444</v>
      </c>
      <c r="B12359" s="6">
        <v>205744.05</v>
      </c>
      <c r="C12359" s="7">
        <f t="shared" si="193"/>
        <v>205.74404999999999</v>
      </c>
      <c r="I12359" s="1"/>
    </row>
    <row r="12360" spans="1:9" x14ac:dyDescent="0.25">
      <c r="A12360" s="3">
        <v>41978.579004629632</v>
      </c>
      <c r="B12360" s="6">
        <v>205760.69999999998</v>
      </c>
      <c r="C12360" s="7">
        <f t="shared" si="193"/>
        <v>205.76069999999999</v>
      </c>
      <c r="I12360" s="1"/>
    </row>
    <row r="12361" spans="1:9" x14ac:dyDescent="0.25">
      <c r="A12361" s="3">
        <v>41978.579131944447</v>
      </c>
      <c r="B12361" s="6">
        <v>205777.34999999998</v>
      </c>
      <c r="C12361" s="7">
        <f t="shared" si="193"/>
        <v>205.77734999999998</v>
      </c>
      <c r="I12361" s="1"/>
    </row>
    <row r="12362" spans="1:9" x14ac:dyDescent="0.25">
      <c r="A12362" s="3">
        <v>41978.58121527778</v>
      </c>
      <c r="B12362" s="6">
        <v>205793.99999999997</v>
      </c>
      <c r="C12362" s="7">
        <f t="shared" si="193"/>
        <v>205.79399999999998</v>
      </c>
      <c r="I12362" s="1"/>
    </row>
    <row r="12363" spans="1:9" x14ac:dyDescent="0.25">
      <c r="A12363" s="3">
        <v>41978.581423611111</v>
      </c>
      <c r="B12363" s="6">
        <v>205810.65</v>
      </c>
      <c r="C12363" s="7">
        <f t="shared" si="193"/>
        <v>205.81064999999998</v>
      </c>
      <c r="I12363" s="1"/>
    </row>
    <row r="12364" spans="1:9" x14ac:dyDescent="0.25">
      <c r="A12364" s="3">
        <v>41978.583171296297</v>
      </c>
      <c r="B12364" s="6">
        <v>205827.3</v>
      </c>
      <c r="C12364" s="7">
        <f t="shared" si="193"/>
        <v>205.82729999999998</v>
      </c>
      <c r="I12364" s="1"/>
    </row>
    <row r="12365" spans="1:9" x14ac:dyDescent="0.25">
      <c r="A12365" s="3">
        <v>41978.583368055559</v>
      </c>
      <c r="B12365" s="6">
        <v>205843.94999999998</v>
      </c>
      <c r="C12365" s="7">
        <f t="shared" si="193"/>
        <v>205.84394999999998</v>
      </c>
      <c r="I12365" s="1"/>
    </row>
    <row r="12366" spans="1:9" x14ac:dyDescent="0.25">
      <c r="A12366" s="3">
        <v>41978.585439814815</v>
      </c>
      <c r="B12366" s="6">
        <v>205860.59999999998</v>
      </c>
      <c r="C12366" s="7">
        <f t="shared" si="193"/>
        <v>205.86059999999998</v>
      </c>
      <c r="I12366" s="1"/>
    </row>
    <row r="12367" spans="1:9" x14ac:dyDescent="0.25">
      <c r="A12367" s="3">
        <v>41978.585601851853</v>
      </c>
      <c r="B12367" s="6">
        <v>205877.24999999997</v>
      </c>
      <c r="C12367" s="7">
        <f t="shared" si="193"/>
        <v>205.87724999999998</v>
      </c>
      <c r="I12367" s="1"/>
    </row>
    <row r="12368" spans="1:9" x14ac:dyDescent="0.25">
      <c r="A12368" s="3">
        <v>41978.589189814818</v>
      </c>
      <c r="B12368" s="6">
        <v>205893.9</v>
      </c>
      <c r="C12368" s="7">
        <f t="shared" si="193"/>
        <v>205.8939</v>
      </c>
      <c r="I12368" s="1"/>
    </row>
    <row r="12369" spans="1:9" x14ac:dyDescent="0.25">
      <c r="A12369" s="3">
        <v>41978.589525462965</v>
      </c>
      <c r="B12369" s="6">
        <v>205910.55</v>
      </c>
      <c r="C12369" s="7">
        <f t="shared" si="193"/>
        <v>205.91055</v>
      </c>
      <c r="I12369" s="1"/>
    </row>
    <row r="12370" spans="1:9" x14ac:dyDescent="0.25">
      <c r="A12370" s="3">
        <v>41978.59170138889</v>
      </c>
      <c r="B12370" s="6">
        <v>205927.19999999998</v>
      </c>
      <c r="C12370" s="7">
        <f t="shared" si="193"/>
        <v>205.92719999999997</v>
      </c>
      <c r="I12370" s="1"/>
    </row>
    <row r="12371" spans="1:9" x14ac:dyDescent="0.25">
      <c r="A12371" s="3">
        <v>41978.591828703706</v>
      </c>
      <c r="B12371" s="6">
        <v>205943.84999999998</v>
      </c>
      <c r="C12371" s="7">
        <f t="shared" si="193"/>
        <v>205.94384999999997</v>
      </c>
      <c r="I12371" s="1"/>
    </row>
    <row r="12372" spans="1:9" x14ac:dyDescent="0.25">
      <c r="A12372" s="3">
        <v>41978.594386574077</v>
      </c>
      <c r="B12372" s="6">
        <v>205960.49999999997</v>
      </c>
      <c r="C12372" s="7">
        <f t="shared" si="193"/>
        <v>205.96049999999997</v>
      </c>
      <c r="I12372" s="1"/>
    </row>
    <row r="12373" spans="1:9" x14ac:dyDescent="0.25">
      <c r="A12373" s="3">
        <v>41978.594849537039</v>
      </c>
      <c r="B12373" s="6">
        <v>205977.15</v>
      </c>
      <c r="C12373" s="7">
        <f t="shared" si="193"/>
        <v>205.97714999999999</v>
      </c>
      <c r="I12373" s="1"/>
    </row>
    <row r="12374" spans="1:9" x14ac:dyDescent="0.25">
      <c r="A12374" s="3">
        <v>41978.597094907411</v>
      </c>
      <c r="B12374" s="6">
        <v>205993.8</v>
      </c>
      <c r="C12374" s="7">
        <f t="shared" si="193"/>
        <v>205.99379999999999</v>
      </c>
      <c r="I12374" s="1"/>
    </row>
    <row r="12375" spans="1:9" x14ac:dyDescent="0.25">
      <c r="A12375" s="3">
        <v>41978.597199074073</v>
      </c>
      <c r="B12375" s="6">
        <v>206010.44999999998</v>
      </c>
      <c r="C12375" s="7">
        <f t="shared" si="193"/>
        <v>206.01044999999999</v>
      </c>
      <c r="I12375" s="1"/>
    </row>
    <row r="12376" spans="1:9" x14ac:dyDescent="0.25">
      <c r="A12376" s="3">
        <v>41978.59878472222</v>
      </c>
      <c r="B12376" s="6">
        <v>206027.09999999998</v>
      </c>
      <c r="C12376" s="7">
        <f t="shared" si="193"/>
        <v>206.02709999999999</v>
      </c>
      <c r="I12376" s="1"/>
    </row>
    <row r="12377" spans="1:9" x14ac:dyDescent="0.25">
      <c r="A12377" s="3">
        <v>41978.598877314813</v>
      </c>
      <c r="B12377" s="6">
        <v>206043.74999999997</v>
      </c>
      <c r="C12377" s="7">
        <f t="shared" si="193"/>
        <v>206.04374999999996</v>
      </c>
      <c r="I12377" s="1"/>
    </row>
    <row r="12378" spans="1:9" x14ac:dyDescent="0.25">
      <c r="A12378" s="3">
        <v>41978.601180555554</v>
      </c>
      <c r="B12378" s="6">
        <v>206060.4</v>
      </c>
      <c r="C12378" s="7">
        <f t="shared" si="193"/>
        <v>206.06039999999999</v>
      </c>
      <c r="I12378" s="1"/>
    </row>
    <row r="12379" spans="1:9" x14ac:dyDescent="0.25">
      <c r="A12379" s="3">
        <v>41978.601331018515</v>
      </c>
      <c r="B12379" s="6">
        <v>206077.05</v>
      </c>
      <c r="C12379" s="7">
        <f t="shared" si="193"/>
        <v>206.07704999999999</v>
      </c>
      <c r="I12379" s="1"/>
    </row>
    <row r="12380" spans="1:9" x14ac:dyDescent="0.25">
      <c r="A12380" s="3">
        <v>41978.602465277778</v>
      </c>
      <c r="B12380" s="6">
        <v>206093.69999999998</v>
      </c>
      <c r="C12380" s="7">
        <f t="shared" si="193"/>
        <v>206.09369999999998</v>
      </c>
      <c r="I12380" s="1"/>
    </row>
    <row r="12381" spans="1:9" x14ac:dyDescent="0.25">
      <c r="A12381" s="3">
        <v>41978.602581018517</v>
      </c>
      <c r="B12381" s="6">
        <v>206110.34999999998</v>
      </c>
      <c r="C12381" s="7">
        <f t="shared" si="193"/>
        <v>206.11034999999998</v>
      </c>
      <c r="I12381" s="1"/>
    </row>
    <row r="12382" spans="1:9" x14ac:dyDescent="0.25">
      <c r="A12382" s="3">
        <v>41978.604363425926</v>
      </c>
      <c r="B12382" s="6">
        <v>206126.99999999997</v>
      </c>
      <c r="C12382" s="7">
        <f t="shared" si="193"/>
        <v>206.12699999999998</v>
      </c>
      <c r="I12382" s="1"/>
    </row>
    <row r="12383" spans="1:9" x14ac:dyDescent="0.25">
      <c r="A12383" s="3">
        <v>41978.604467592595</v>
      </c>
      <c r="B12383" s="6">
        <v>206143.65</v>
      </c>
      <c r="C12383" s="7">
        <f t="shared" si="193"/>
        <v>206.14365000000001</v>
      </c>
      <c r="I12383" s="1"/>
    </row>
    <row r="12384" spans="1:9" x14ac:dyDescent="0.25">
      <c r="A12384" s="3">
        <v>41978.606840277775</v>
      </c>
      <c r="B12384" s="6">
        <v>206160.3</v>
      </c>
      <c r="C12384" s="7">
        <f t="shared" si="193"/>
        <v>206.16029999999998</v>
      </c>
      <c r="I12384" s="1"/>
    </row>
    <row r="12385" spans="1:9" x14ac:dyDescent="0.25">
      <c r="A12385" s="3">
        <v>41978.606956018521</v>
      </c>
      <c r="B12385" s="6">
        <v>206176.94999999998</v>
      </c>
      <c r="C12385" s="7">
        <f t="shared" si="193"/>
        <v>206.17694999999998</v>
      </c>
      <c r="I12385" s="1"/>
    </row>
    <row r="12386" spans="1:9" x14ac:dyDescent="0.25">
      <c r="A12386" s="3">
        <v>41978.608449074076</v>
      </c>
      <c r="B12386" s="6">
        <v>206193.59999999998</v>
      </c>
      <c r="C12386" s="7">
        <f t="shared" si="193"/>
        <v>206.19359999999998</v>
      </c>
      <c r="I12386" s="1"/>
    </row>
    <row r="12387" spans="1:9" x14ac:dyDescent="0.25">
      <c r="A12387" s="3">
        <v>41978.608564814815</v>
      </c>
      <c r="B12387" s="6">
        <v>206210.24999999997</v>
      </c>
      <c r="C12387" s="7">
        <f t="shared" si="193"/>
        <v>206.21024999999997</v>
      </c>
      <c r="I12387" s="1"/>
    </row>
    <row r="12388" spans="1:9" x14ac:dyDescent="0.25">
      <c r="A12388" s="3">
        <v>41978.611145833333</v>
      </c>
      <c r="B12388" s="6">
        <v>206226.9</v>
      </c>
      <c r="C12388" s="7">
        <f t="shared" si="193"/>
        <v>206.2269</v>
      </c>
      <c r="I12388" s="1"/>
    </row>
    <row r="12389" spans="1:9" x14ac:dyDescent="0.25">
      <c r="A12389" s="3">
        <v>41978.611296296294</v>
      </c>
      <c r="B12389" s="6">
        <v>206243.55</v>
      </c>
      <c r="C12389" s="7">
        <f t="shared" si="193"/>
        <v>206.24355</v>
      </c>
      <c r="I12389" s="1"/>
    </row>
    <row r="12390" spans="1:9" x14ac:dyDescent="0.25">
      <c r="A12390" s="3">
        <v>41978.612708333334</v>
      </c>
      <c r="B12390" s="6">
        <v>206260.19999999998</v>
      </c>
      <c r="C12390" s="7">
        <f t="shared" si="193"/>
        <v>206.26019999999997</v>
      </c>
      <c r="I12390" s="1"/>
    </row>
    <row r="12391" spans="1:9" x14ac:dyDescent="0.25">
      <c r="A12391" s="3">
        <v>41978.612847222219</v>
      </c>
      <c r="B12391" s="6">
        <v>206276.84999999998</v>
      </c>
      <c r="C12391" s="7">
        <f t="shared" si="193"/>
        <v>206.27684999999997</v>
      </c>
      <c r="I12391" s="1"/>
    </row>
    <row r="12392" spans="1:9" x14ac:dyDescent="0.25">
      <c r="A12392" s="3">
        <v>41978.614305555559</v>
      </c>
      <c r="B12392" s="6">
        <v>206293.49999999997</v>
      </c>
      <c r="C12392" s="7">
        <f t="shared" si="193"/>
        <v>206.29349999999997</v>
      </c>
      <c r="I12392" s="1"/>
    </row>
    <row r="12393" spans="1:9" x14ac:dyDescent="0.25">
      <c r="A12393" s="3">
        <v>41978.614583333336</v>
      </c>
      <c r="B12393" s="6">
        <v>206310.15</v>
      </c>
      <c r="C12393" s="7">
        <f t="shared" si="193"/>
        <v>206.31014999999999</v>
      </c>
      <c r="I12393" s="1"/>
    </row>
    <row r="12394" spans="1:9" x14ac:dyDescent="0.25">
      <c r="A12394" s="3">
        <v>41978.616284722222</v>
      </c>
      <c r="B12394" s="6">
        <v>206326.8</v>
      </c>
      <c r="C12394" s="7">
        <f t="shared" si="193"/>
        <v>206.32679999999999</v>
      </c>
      <c r="I12394" s="1"/>
    </row>
    <row r="12395" spans="1:9" x14ac:dyDescent="0.25">
      <c r="A12395" s="3">
        <v>41978.616377314815</v>
      </c>
      <c r="B12395" s="6">
        <v>206343.44999999998</v>
      </c>
      <c r="C12395" s="7">
        <f t="shared" si="193"/>
        <v>206.34344999999999</v>
      </c>
      <c r="I12395" s="1"/>
    </row>
    <row r="12396" spans="1:9" x14ac:dyDescent="0.25">
      <c r="A12396" s="3">
        <v>41978.617638888885</v>
      </c>
      <c r="B12396" s="6">
        <v>206360.09999999998</v>
      </c>
      <c r="C12396" s="7">
        <f t="shared" si="193"/>
        <v>206.36009999999999</v>
      </c>
      <c r="I12396" s="1"/>
    </row>
    <row r="12397" spans="1:9" x14ac:dyDescent="0.25">
      <c r="A12397" s="3">
        <v>41978.617789351854</v>
      </c>
      <c r="B12397" s="6">
        <v>206376.74999999997</v>
      </c>
      <c r="C12397" s="7">
        <f t="shared" si="193"/>
        <v>206.37674999999996</v>
      </c>
      <c r="I12397" s="1"/>
    </row>
    <row r="12398" spans="1:9" x14ac:dyDescent="0.25">
      <c r="A12398" s="3">
        <v>41978.620069444441</v>
      </c>
      <c r="B12398" s="6">
        <v>206393.4</v>
      </c>
      <c r="C12398" s="7">
        <f t="shared" si="193"/>
        <v>206.39339999999999</v>
      </c>
      <c r="I12398" s="1"/>
    </row>
    <row r="12399" spans="1:9" x14ac:dyDescent="0.25">
      <c r="A12399" s="3">
        <v>41978.62027777778</v>
      </c>
      <c r="B12399" s="6">
        <v>206410.05</v>
      </c>
      <c r="C12399" s="7">
        <f t="shared" si="193"/>
        <v>206.41004999999998</v>
      </c>
      <c r="I12399" s="1"/>
    </row>
    <row r="12400" spans="1:9" x14ac:dyDescent="0.25">
      <c r="A12400" s="3">
        <v>41978.62290509259</v>
      </c>
      <c r="B12400" s="6">
        <v>206426.69999999998</v>
      </c>
      <c r="C12400" s="7">
        <f t="shared" si="193"/>
        <v>206.42669999999998</v>
      </c>
      <c r="I12400" s="1"/>
    </row>
    <row r="12401" spans="1:9" x14ac:dyDescent="0.25">
      <c r="A12401" s="3">
        <v>41978.623923611114</v>
      </c>
      <c r="B12401" s="6">
        <v>206443.34999999998</v>
      </c>
      <c r="C12401" s="7">
        <f t="shared" si="193"/>
        <v>206.44334999999998</v>
      </c>
      <c r="I12401" s="1"/>
    </row>
    <row r="12402" spans="1:9" x14ac:dyDescent="0.25">
      <c r="A12402" s="3">
        <v>41978.627199074072</v>
      </c>
      <c r="B12402" s="6">
        <v>206459.99999999997</v>
      </c>
      <c r="C12402" s="7">
        <f t="shared" si="193"/>
        <v>206.45999999999998</v>
      </c>
      <c r="I12402" s="1"/>
    </row>
    <row r="12403" spans="1:9" x14ac:dyDescent="0.25">
      <c r="A12403" s="3">
        <v>41978.627604166664</v>
      </c>
      <c r="B12403" s="6">
        <v>206476.65</v>
      </c>
      <c r="C12403" s="7">
        <f t="shared" si="193"/>
        <v>206.47665000000001</v>
      </c>
      <c r="I12403" s="1"/>
    </row>
    <row r="12404" spans="1:9" x14ac:dyDescent="0.25">
      <c r="A12404" s="3">
        <v>41978.63013888889</v>
      </c>
      <c r="B12404" s="6">
        <v>206493.3</v>
      </c>
      <c r="C12404" s="7">
        <f t="shared" si="193"/>
        <v>206.49329999999998</v>
      </c>
      <c r="I12404" s="1"/>
    </row>
    <row r="12405" spans="1:9" x14ac:dyDescent="0.25">
      <c r="A12405" s="3">
        <v>41978.630231481482</v>
      </c>
      <c r="B12405" s="6">
        <v>206509.94999999998</v>
      </c>
      <c r="C12405" s="7">
        <f t="shared" si="193"/>
        <v>206.50994999999998</v>
      </c>
      <c r="I12405" s="1"/>
    </row>
    <row r="12406" spans="1:9" x14ac:dyDescent="0.25">
      <c r="A12406" s="3">
        <v>41978.632326388892</v>
      </c>
      <c r="B12406" s="6">
        <v>206526.59999999998</v>
      </c>
      <c r="C12406" s="7">
        <f t="shared" si="193"/>
        <v>206.52659999999997</v>
      </c>
      <c r="I12406" s="1"/>
    </row>
    <row r="12407" spans="1:9" x14ac:dyDescent="0.25">
      <c r="A12407" s="3">
        <v>41978.632569444446</v>
      </c>
      <c r="B12407" s="6">
        <v>206543.24999999997</v>
      </c>
      <c r="C12407" s="7">
        <f t="shared" si="193"/>
        <v>206.54324999999997</v>
      </c>
      <c r="I12407" s="1"/>
    </row>
    <row r="12408" spans="1:9" x14ac:dyDescent="0.25">
      <c r="A12408" s="3">
        <v>41978.637280092589</v>
      </c>
      <c r="B12408" s="6">
        <v>206559.9</v>
      </c>
      <c r="C12408" s="7">
        <f t="shared" si="193"/>
        <v>206.5599</v>
      </c>
      <c r="I12408" s="1"/>
    </row>
    <row r="12409" spans="1:9" x14ac:dyDescent="0.25">
      <c r="A12409" s="3">
        <v>41978.638460648152</v>
      </c>
      <c r="B12409" s="6">
        <v>206576.55</v>
      </c>
      <c r="C12409" s="7">
        <f t="shared" si="193"/>
        <v>206.57655</v>
      </c>
      <c r="I12409" s="1"/>
    </row>
    <row r="12410" spans="1:9" x14ac:dyDescent="0.25">
      <c r="A12410" s="3">
        <v>41978.641712962963</v>
      </c>
      <c r="B12410" s="6">
        <v>206593.19999999998</v>
      </c>
      <c r="C12410" s="7">
        <f t="shared" si="193"/>
        <v>206.5932</v>
      </c>
      <c r="I12410" s="1"/>
    </row>
    <row r="12411" spans="1:9" x14ac:dyDescent="0.25">
      <c r="A12411" s="3">
        <v>41978.643125000002</v>
      </c>
      <c r="B12411" s="6">
        <v>206609.84999999998</v>
      </c>
      <c r="C12411" s="7">
        <f t="shared" si="193"/>
        <v>206.60984999999997</v>
      </c>
      <c r="I12411" s="1"/>
    </row>
    <row r="12412" spans="1:9" x14ac:dyDescent="0.25">
      <c r="A12412" s="3">
        <v>41978.644953703704</v>
      </c>
      <c r="B12412" s="6">
        <v>206626.49999999997</v>
      </c>
      <c r="C12412" s="7">
        <f t="shared" si="193"/>
        <v>206.62649999999996</v>
      </c>
      <c r="I12412" s="1"/>
    </row>
    <row r="12413" spans="1:9" x14ac:dyDescent="0.25">
      <c r="A12413" s="3">
        <v>41978.644999999997</v>
      </c>
      <c r="B12413" s="6">
        <v>206643.15</v>
      </c>
      <c r="C12413" s="7">
        <f t="shared" si="193"/>
        <v>206.64314999999999</v>
      </c>
      <c r="I12413" s="1"/>
    </row>
    <row r="12414" spans="1:9" x14ac:dyDescent="0.25">
      <c r="A12414" s="3">
        <v>41978.645879629628</v>
      </c>
      <c r="B12414" s="6">
        <v>206659.8</v>
      </c>
      <c r="C12414" s="7">
        <f t="shared" si="193"/>
        <v>206.65979999999999</v>
      </c>
      <c r="I12414" s="1"/>
    </row>
    <row r="12415" spans="1:9" x14ac:dyDescent="0.25">
      <c r="A12415" s="3">
        <v>41978.64603009259</v>
      </c>
      <c r="B12415" s="6">
        <v>206676.44999999998</v>
      </c>
      <c r="C12415" s="7">
        <f t="shared" si="193"/>
        <v>206.67644999999999</v>
      </c>
      <c r="I12415" s="1"/>
    </row>
    <row r="12416" spans="1:9" x14ac:dyDescent="0.25">
      <c r="A12416" s="3">
        <v>41978.647986111115</v>
      </c>
      <c r="B12416" s="6">
        <v>206693.09999999998</v>
      </c>
      <c r="C12416" s="7">
        <f t="shared" si="193"/>
        <v>206.69309999999999</v>
      </c>
      <c r="I12416" s="1"/>
    </row>
    <row r="12417" spans="1:9" x14ac:dyDescent="0.25">
      <c r="A12417" s="3">
        <v>41978.648078703707</v>
      </c>
      <c r="B12417" s="6">
        <v>206709.74999999997</v>
      </c>
      <c r="C12417" s="7">
        <f t="shared" si="193"/>
        <v>206.70974999999996</v>
      </c>
      <c r="I12417" s="1"/>
    </row>
    <row r="12418" spans="1:9" x14ac:dyDescent="0.25">
      <c r="A12418" s="3">
        <v>41978.64984953704</v>
      </c>
      <c r="B12418" s="6">
        <v>206726.39999999999</v>
      </c>
      <c r="C12418" s="7">
        <f t="shared" si="193"/>
        <v>206.72639999999998</v>
      </c>
      <c r="I12418" s="1"/>
    </row>
    <row r="12419" spans="1:9" x14ac:dyDescent="0.25">
      <c r="A12419" s="3">
        <v>41978.650011574071</v>
      </c>
      <c r="B12419" s="6">
        <v>206743.05</v>
      </c>
      <c r="C12419" s="7">
        <f t="shared" ref="C12419:C12482" si="194">B12419/1000</f>
        <v>206.74304999999998</v>
      </c>
      <c r="I12419" s="1"/>
    </row>
    <row r="12420" spans="1:9" x14ac:dyDescent="0.25">
      <c r="A12420" s="3">
        <v>41978.654710648145</v>
      </c>
      <c r="B12420" s="6">
        <v>206759.69999999998</v>
      </c>
      <c r="C12420" s="7">
        <f t="shared" si="194"/>
        <v>206.75969999999998</v>
      </c>
      <c r="I12420" s="1"/>
    </row>
    <row r="12421" spans="1:9" x14ac:dyDescent="0.25">
      <c r="A12421" s="3">
        <v>41978.654861111114</v>
      </c>
      <c r="B12421" s="6">
        <v>206776.34999999998</v>
      </c>
      <c r="C12421" s="7">
        <f t="shared" si="194"/>
        <v>206.77634999999998</v>
      </c>
      <c r="I12421" s="1"/>
    </row>
    <row r="12422" spans="1:9" x14ac:dyDescent="0.25">
      <c r="A12422" s="3">
        <v>41978.655995370369</v>
      </c>
      <c r="B12422" s="6">
        <v>206792.99999999997</v>
      </c>
      <c r="C12422" s="7">
        <f t="shared" si="194"/>
        <v>206.79299999999998</v>
      </c>
      <c r="I12422" s="1"/>
    </row>
    <row r="12423" spans="1:9" x14ac:dyDescent="0.25">
      <c r="A12423" s="3">
        <v>41978.656087962961</v>
      </c>
      <c r="B12423" s="6">
        <v>206809.65</v>
      </c>
      <c r="C12423" s="7">
        <f t="shared" si="194"/>
        <v>206.80965</v>
      </c>
      <c r="I12423" s="1"/>
    </row>
    <row r="12424" spans="1:9" x14ac:dyDescent="0.25">
      <c r="A12424" s="3">
        <v>41978.657592592594</v>
      </c>
      <c r="B12424" s="6">
        <v>206826.3</v>
      </c>
      <c r="C12424" s="7">
        <f t="shared" si="194"/>
        <v>206.82629999999997</v>
      </c>
      <c r="I12424" s="1"/>
    </row>
    <row r="12425" spans="1:9" x14ac:dyDescent="0.25">
      <c r="A12425" s="3">
        <v>41978.657997685186</v>
      </c>
      <c r="B12425" s="6">
        <v>206842.94999999998</v>
      </c>
      <c r="C12425" s="7">
        <f t="shared" si="194"/>
        <v>206.84294999999997</v>
      </c>
      <c r="I12425" s="1"/>
    </row>
    <row r="12426" spans="1:9" x14ac:dyDescent="0.25">
      <c r="A12426" s="3">
        <v>41978.661666666667</v>
      </c>
      <c r="B12426" s="6">
        <v>206859.59999999998</v>
      </c>
      <c r="C12426" s="7">
        <f t="shared" si="194"/>
        <v>206.85959999999997</v>
      </c>
      <c r="I12426" s="1"/>
    </row>
    <row r="12427" spans="1:9" x14ac:dyDescent="0.25">
      <c r="A12427" s="3">
        <v>41978.663240740738</v>
      </c>
      <c r="B12427" s="6">
        <v>206876.24999999997</v>
      </c>
      <c r="C12427" s="7">
        <f t="shared" si="194"/>
        <v>206.87624999999997</v>
      </c>
      <c r="I12427" s="1"/>
    </row>
    <row r="12428" spans="1:9" x14ac:dyDescent="0.25">
      <c r="A12428" s="3">
        <v>41978.664293981485</v>
      </c>
      <c r="B12428" s="6">
        <v>206892.9</v>
      </c>
      <c r="C12428" s="7">
        <f t="shared" si="194"/>
        <v>206.8929</v>
      </c>
      <c r="I12428" s="1"/>
    </row>
    <row r="12429" spans="1:9" x14ac:dyDescent="0.25">
      <c r="A12429" s="3">
        <v>41978.664953703701</v>
      </c>
      <c r="B12429" s="6">
        <v>206909.55</v>
      </c>
      <c r="C12429" s="7">
        <f t="shared" si="194"/>
        <v>206.90955</v>
      </c>
      <c r="I12429" s="1"/>
    </row>
    <row r="12430" spans="1:9" x14ac:dyDescent="0.25">
      <c r="A12430" s="3">
        <v>41978.670520833337</v>
      </c>
      <c r="B12430" s="6">
        <v>206926.19999999998</v>
      </c>
      <c r="C12430" s="7">
        <f t="shared" si="194"/>
        <v>206.92619999999999</v>
      </c>
      <c r="I12430" s="1"/>
    </row>
    <row r="12431" spans="1:9" x14ac:dyDescent="0.25">
      <c r="A12431" s="3">
        <v>41978.671655092592</v>
      </c>
      <c r="B12431" s="6">
        <v>206942.84999999998</v>
      </c>
      <c r="C12431" s="7">
        <f t="shared" si="194"/>
        <v>206.94284999999996</v>
      </c>
      <c r="I12431" s="1"/>
    </row>
    <row r="12432" spans="1:9" x14ac:dyDescent="0.25">
      <c r="A12432" s="3">
        <v>41978.679363425923</v>
      </c>
      <c r="B12432" s="6">
        <v>206959.49999999997</v>
      </c>
      <c r="C12432" s="7">
        <f t="shared" si="194"/>
        <v>206.95949999999996</v>
      </c>
      <c r="I12432" s="1"/>
    </row>
    <row r="12433" spans="1:9" x14ac:dyDescent="0.25">
      <c r="A12433" s="3">
        <v>41978.679548611108</v>
      </c>
      <c r="B12433" s="6">
        <v>206976.15</v>
      </c>
      <c r="C12433" s="7">
        <f t="shared" si="194"/>
        <v>206.97614999999999</v>
      </c>
      <c r="I12433" s="1"/>
    </row>
    <row r="12434" spans="1:9" x14ac:dyDescent="0.25">
      <c r="A12434" s="3">
        <v>41978.681377314817</v>
      </c>
      <c r="B12434" s="6">
        <v>206992.8</v>
      </c>
      <c r="C12434" s="7">
        <f t="shared" si="194"/>
        <v>206.99279999999999</v>
      </c>
      <c r="I12434" s="1"/>
    </row>
    <row r="12435" spans="1:9" x14ac:dyDescent="0.25">
      <c r="A12435" s="3">
        <v>41978.681493055556</v>
      </c>
      <c r="B12435" s="6">
        <v>207009.44999999998</v>
      </c>
      <c r="C12435" s="7">
        <f t="shared" si="194"/>
        <v>207.00944999999999</v>
      </c>
      <c r="I12435" s="1"/>
    </row>
    <row r="12436" spans="1:9" x14ac:dyDescent="0.25">
      <c r="A12436" s="3">
        <v>41978.68309027778</v>
      </c>
      <c r="B12436" s="6">
        <v>207026.09999999998</v>
      </c>
      <c r="C12436" s="7">
        <f t="shared" si="194"/>
        <v>207.02609999999999</v>
      </c>
      <c r="I12436" s="1"/>
    </row>
    <row r="12437" spans="1:9" x14ac:dyDescent="0.25">
      <c r="A12437" s="3">
        <v>41978.683217592596</v>
      </c>
      <c r="B12437" s="6">
        <v>207042.74999999997</v>
      </c>
      <c r="C12437" s="7">
        <f t="shared" si="194"/>
        <v>207.04274999999998</v>
      </c>
      <c r="I12437" s="1"/>
    </row>
    <row r="12438" spans="1:9" x14ac:dyDescent="0.25">
      <c r="A12438" s="3">
        <v>41978.684710648151</v>
      </c>
      <c r="B12438" s="6">
        <v>207059.4</v>
      </c>
      <c r="C12438" s="7">
        <f t="shared" si="194"/>
        <v>207.05939999999998</v>
      </c>
      <c r="I12438" s="1"/>
    </row>
    <row r="12439" spans="1:9" x14ac:dyDescent="0.25">
      <c r="A12439" s="3">
        <v>41978.685671296298</v>
      </c>
      <c r="B12439" s="6">
        <v>207076.05</v>
      </c>
      <c r="C12439" s="7">
        <f t="shared" si="194"/>
        <v>207.07604999999998</v>
      </c>
      <c r="I12439" s="1"/>
    </row>
    <row r="12440" spans="1:9" x14ac:dyDescent="0.25">
      <c r="A12440" s="3">
        <v>41978.689166666663</v>
      </c>
      <c r="B12440" s="6">
        <v>207092.69999999998</v>
      </c>
      <c r="C12440" s="7">
        <f t="shared" si="194"/>
        <v>207.09269999999998</v>
      </c>
      <c r="I12440" s="1"/>
    </row>
    <row r="12441" spans="1:9" x14ac:dyDescent="0.25">
      <c r="A12441" s="3">
        <v>41978.689421296294</v>
      </c>
      <c r="B12441" s="6">
        <v>207109.34999999998</v>
      </c>
      <c r="C12441" s="7">
        <f t="shared" si="194"/>
        <v>207.10934999999998</v>
      </c>
      <c r="I12441" s="1"/>
    </row>
    <row r="12442" spans="1:9" x14ac:dyDescent="0.25">
      <c r="A12442" s="3">
        <v>41978.693553240744</v>
      </c>
      <c r="B12442" s="6">
        <v>207125.99999999997</v>
      </c>
      <c r="C12442" s="7">
        <f t="shared" si="194"/>
        <v>207.12599999999998</v>
      </c>
      <c r="I12442" s="1"/>
    </row>
    <row r="12443" spans="1:9" x14ac:dyDescent="0.25">
      <c r="A12443" s="3">
        <v>41978.693912037037</v>
      </c>
      <c r="B12443" s="6">
        <v>207142.65</v>
      </c>
      <c r="C12443" s="7">
        <f t="shared" si="194"/>
        <v>207.14265</v>
      </c>
      <c r="I12443" s="1"/>
    </row>
    <row r="12444" spans="1:9" x14ac:dyDescent="0.25">
      <c r="A12444" s="3">
        <v>41978.695243055554</v>
      </c>
      <c r="B12444" s="6">
        <v>207159.3</v>
      </c>
      <c r="C12444" s="7">
        <f t="shared" si="194"/>
        <v>207.1593</v>
      </c>
      <c r="I12444" s="1"/>
    </row>
    <row r="12445" spans="1:9" x14ac:dyDescent="0.25">
      <c r="A12445" s="3">
        <v>41978.695324074077</v>
      </c>
      <c r="B12445" s="6">
        <v>207175.94999999998</v>
      </c>
      <c r="C12445" s="7">
        <f t="shared" si="194"/>
        <v>207.17594999999997</v>
      </c>
      <c r="I12445" s="1"/>
    </row>
    <row r="12446" spans="1:9" x14ac:dyDescent="0.25">
      <c r="A12446" s="3">
        <v>41978.696527777778</v>
      </c>
      <c r="B12446" s="6">
        <v>207192.59999999998</v>
      </c>
      <c r="C12446" s="7">
        <f t="shared" si="194"/>
        <v>207.19259999999997</v>
      </c>
      <c r="I12446" s="1"/>
    </row>
    <row r="12447" spans="1:9" x14ac:dyDescent="0.25">
      <c r="A12447" s="3">
        <v>41978.696597222224</v>
      </c>
      <c r="B12447" s="6">
        <v>207209.24999999997</v>
      </c>
      <c r="C12447" s="7">
        <f t="shared" si="194"/>
        <v>207.20924999999997</v>
      </c>
      <c r="I12447" s="1"/>
    </row>
    <row r="12448" spans="1:9" x14ac:dyDescent="0.25">
      <c r="A12448" s="3">
        <v>41978.697476851848</v>
      </c>
      <c r="B12448" s="6">
        <v>207225.9</v>
      </c>
      <c r="C12448" s="7">
        <f t="shared" si="194"/>
        <v>207.2259</v>
      </c>
      <c r="I12448" s="1"/>
    </row>
    <row r="12449" spans="1:9" x14ac:dyDescent="0.25">
      <c r="A12449" s="3">
        <v>41978.697534722225</v>
      </c>
      <c r="B12449" s="6">
        <v>207242.55</v>
      </c>
      <c r="C12449" s="7">
        <f t="shared" si="194"/>
        <v>207.24254999999999</v>
      </c>
      <c r="I12449" s="1"/>
    </row>
    <row r="12450" spans="1:9" x14ac:dyDescent="0.25">
      <c r="A12450" s="3">
        <v>41978.698229166665</v>
      </c>
      <c r="B12450" s="6">
        <v>207259.19999999998</v>
      </c>
      <c r="C12450" s="7">
        <f t="shared" si="194"/>
        <v>207.25919999999999</v>
      </c>
      <c r="I12450" s="1"/>
    </row>
    <row r="12451" spans="1:9" x14ac:dyDescent="0.25">
      <c r="A12451" s="3">
        <v>41978.698472222219</v>
      </c>
      <c r="B12451" s="6">
        <v>207275.84999999998</v>
      </c>
      <c r="C12451" s="7">
        <f t="shared" si="194"/>
        <v>207.27584999999996</v>
      </c>
      <c r="I12451" s="1"/>
    </row>
    <row r="12452" spans="1:9" x14ac:dyDescent="0.25">
      <c r="A12452" s="3">
        <v>41978.699247685188</v>
      </c>
      <c r="B12452" s="6">
        <v>207292.49999999997</v>
      </c>
      <c r="C12452" s="7">
        <f t="shared" si="194"/>
        <v>207.29249999999996</v>
      </c>
      <c r="I12452" s="1"/>
    </row>
    <row r="12453" spans="1:9" x14ac:dyDescent="0.25">
      <c r="A12453" s="3">
        <v>41978.699328703704</v>
      </c>
      <c r="B12453" s="6">
        <v>207309.15</v>
      </c>
      <c r="C12453" s="7">
        <f t="shared" si="194"/>
        <v>207.30914999999999</v>
      </c>
      <c r="I12453" s="1"/>
    </row>
    <row r="12454" spans="1:9" x14ac:dyDescent="0.25">
      <c r="A12454" s="3">
        <v>41978.700914351852</v>
      </c>
      <c r="B12454" s="6">
        <v>207325.8</v>
      </c>
      <c r="C12454" s="7">
        <f t="shared" si="194"/>
        <v>207.32579999999999</v>
      </c>
      <c r="I12454" s="1"/>
    </row>
    <row r="12455" spans="1:9" x14ac:dyDescent="0.25">
      <c r="A12455" s="3">
        <v>41978.700983796298</v>
      </c>
      <c r="B12455" s="6">
        <v>207342.44999999998</v>
      </c>
      <c r="C12455" s="7">
        <f t="shared" si="194"/>
        <v>207.34244999999999</v>
      </c>
      <c r="I12455" s="1"/>
    </row>
    <row r="12456" spans="1:9" x14ac:dyDescent="0.25">
      <c r="A12456" s="3">
        <v>41978.701562499999</v>
      </c>
      <c r="B12456" s="6">
        <v>207359.09999999998</v>
      </c>
      <c r="C12456" s="7">
        <f t="shared" si="194"/>
        <v>207.35909999999998</v>
      </c>
      <c r="I12456" s="1"/>
    </row>
    <row r="12457" spans="1:9" x14ac:dyDescent="0.25">
      <c r="A12457" s="3">
        <v>41978.701666666668</v>
      </c>
      <c r="B12457" s="6">
        <v>207375.74999999997</v>
      </c>
      <c r="C12457" s="7">
        <f t="shared" si="194"/>
        <v>207.37574999999998</v>
      </c>
      <c r="I12457" s="1"/>
    </row>
    <row r="12458" spans="1:9" x14ac:dyDescent="0.25">
      <c r="A12458" s="3">
        <v>41978.702141203707</v>
      </c>
      <c r="B12458" s="6">
        <v>207392.4</v>
      </c>
      <c r="C12458" s="7">
        <f t="shared" si="194"/>
        <v>207.39239999999998</v>
      </c>
      <c r="I12458" s="1"/>
    </row>
    <row r="12459" spans="1:9" x14ac:dyDescent="0.25">
      <c r="A12459" s="3">
        <v>41978.702199074076</v>
      </c>
      <c r="B12459" s="6">
        <v>207409.05</v>
      </c>
      <c r="C12459" s="7">
        <f t="shared" si="194"/>
        <v>207.40904999999998</v>
      </c>
      <c r="I12459" s="1"/>
    </row>
    <row r="12460" spans="1:9" x14ac:dyDescent="0.25">
      <c r="A12460" s="3">
        <v>41978.7030787037</v>
      </c>
      <c r="B12460" s="6">
        <v>207425.69999999998</v>
      </c>
      <c r="C12460" s="7">
        <f t="shared" si="194"/>
        <v>207.42569999999998</v>
      </c>
      <c r="I12460" s="1"/>
    </row>
    <row r="12461" spans="1:9" x14ac:dyDescent="0.25">
      <c r="A12461" s="3">
        <v>41978.703263888892</v>
      </c>
      <c r="B12461" s="6">
        <v>207442.34999999998</v>
      </c>
      <c r="C12461" s="7">
        <f t="shared" si="194"/>
        <v>207.44234999999998</v>
      </c>
      <c r="I12461" s="1"/>
    </row>
    <row r="12462" spans="1:9" x14ac:dyDescent="0.25">
      <c r="A12462" s="3">
        <v>41978.705150462964</v>
      </c>
      <c r="B12462" s="6">
        <v>207458.99999999997</v>
      </c>
      <c r="C12462" s="7">
        <f t="shared" si="194"/>
        <v>207.45899999999997</v>
      </c>
      <c r="I12462" s="1"/>
    </row>
    <row r="12463" spans="1:9" x14ac:dyDescent="0.25">
      <c r="A12463" s="3">
        <v>41978.705208333333</v>
      </c>
      <c r="B12463" s="6">
        <v>207475.65</v>
      </c>
      <c r="C12463" s="7">
        <f t="shared" si="194"/>
        <v>207.47565</v>
      </c>
      <c r="I12463" s="1"/>
    </row>
    <row r="12464" spans="1:9" x14ac:dyDescent="0.25">
      <c r="A12464" s="3">
        <v>41978.705879629626</v>
      </c>
      <c r="B12464" s="6">
        <v>207492.3</v>
      </c>
      <c r="C12464" s="7">
        <f t="shared" si="194"/>
        <v>207.4923</v>
      </c>
      <c r="I12464" s="1"/>
    </row>
    <row r="12465" spans="1:9" x14ac:dyDescent="0.25">
      <c r="A12465" s="3">
        <v>41978.706064814818</v>
      </c>
      <c r="B12465" s="6">
        <v>207508.94999999998</v>
      </c>
      <c r="C12465" s="7">
        <f t="shared" si="194"/>
        <v>207.50894999999997</v>
      </c>
      <c r="I12465" s="1"/>
    </row>
    <row r="12466" spans="1:9" x14ac:dyDescent="0.25">
      <c r="A12466" s="3">
        <v>41978.70653935185</v>
      </c>
      <c r="B12466" s="6">
        <v>207525.59999999998</v>
      </c>
      <c r="C12466" s="7">
        <f t="shared" si="194"/>
        <v>207.52559999999997</v>
      </c>
      <c r="I12466" s="1"/>
    </row>
    <row r="12467" spans="1:9" x14ac:dyDescent="0.25">
      <c r="A12467" s="3">
        <v>41978.706620370373</v>
      </c>
      <c r="B12467" s="6">
        <v>207542.24999999997</v>
      </c>
      <c r="C12467" s="7">
        <f t="shared" si="194"/>
        <v>207.54224999999997</v>
      </c>
      <c r="I12467" s="1"/>
    </row>
    <row r="12468" spans="1:9" x14ac:dyDescent="0.25">
      <c r="A12468" s="3">
        <v>41978.707453703704</v>
      </c>
      <c r="B12468" s="6">
        <v>207558.9</v>
      </c>
      <c r="C12468" s="7">
        <f t="shared" si="194"/>
        <v>207.55889999999999</v>
      </c>
      <c r="I12468" s="1"/>
    </row>
    <row r="12469" spans="1:9" x14ac:dyDescent="0.25">
      <c r="A12469" s="3">
        <v>41978.707557870373</v>
      </c>
      <c r="B12469" s="6">
        <v>207575.55</v>
      </c>
      <c r="C12469" s="7">
        <f t="shared" si="194"/>
        <v>207.57554999999999</v>
      </c>
      <c r="I12469" s="1"/>
    </row>
    <row r="12470" spans="1:9" x14ac:dyDescent="0.25">
      <c r="A12470" s="3">
        <v>41978.709189814814</v>
      </c>
      <c r="B12470" s="6">
        <v>207592.19999999998</v>
      </c>
      <c r="C12470" s="7">
        <f t="shared" si="194"/>
        <v>207.59219999999999</v>
      </c>
      <c r="I12470" s="1"/>
    </row>
    <row r="12471" spans="1:9" x14ac:dyDescent="0.25">
      <c r="A12471" s="3">
        <v>41978.709398148145</v>
      </c>
      <c r="B12471" s="6">
        <v>207608.84999999998</v>
      </c>
      <c r="C12471" s="7">
        <f t="shared" si="194"/>
        <v>207.60884999999999</v>
      </c>
      <c r="I12471" s="1"/>
    </row>
    <row r="12472" spans="1:9" x14ac:dyDescent="0.25">
      <c r="A12472" s="3">
        <v>41978.710092592592</v>
      </c>
      <c r="B12472" s="6">
        <v>207625.49999999997</v>
      </c>
      <c r="C12472" s="7">
        <f t="shared" si="194"/>
        <v>207.62549999999996</v>
      </c>
      <c r="I12472" s="1"/>
    </row>
    <row r="12473" spans="1:9" x14ac:dyDescent="0.25">
      <c r="A12473" s="3">
        <v>41978.710138888891</v>
      </c>
      <c r="B12473" s="6">
        <v>207642.15</v>
      </c>
      <c r="C12473" s="7">
        <f t="shared" si="194"/>
        <v>207.64214999999999</v>
      </c>
      <c r="I12473" s="1"/>
    </row>
    <row r="12474" spans="1:9" x14ac:dyDescent="0.25">
      <c r="A12474" s="3">
        <v>41978.711296296293</v>
      </c>
      <c r="B12474" s="6">
        <v>207658.8</v>
      </c>
      <c r="C12474" s="7">
        <f t="shared" si="194"/>
        <v>207.65879999999999</v>
      </c>
      <c r="I12474" s="1"/>
    </row>
    <row r="12475" spans="1:9" x14ac:dyDescent="0.25">
      <c r="A12475" s="3">
        <v>41978.711423611108</v>
      </c>
      <c r="B12475" s="6">
        <v>207675.44999999998</v>
      </c>
      <c r="C12475" s="7">
        <f t="shared" si="194"/>
        <v>207.67544999999998</v>
      </c>
      <c r="I12475" s="1"/>
    </row>
    <row r="12476" spans="1:9" x14ac:dyDescent="0.25">
      <c r="A12476" s="3">
        <v>41978.713321759256</v>
      </c>
      <c r="B12476" s="6">
        <v>207692.09999999998</v>
      </c>
      <c r="C12476" s="7">
        <f t="shared" si="194"/>
        <v>207.69209999999998</v>
      </c>
      <c r="I12476" s="1"/>
    </row>
    <row r="12477" spans="1:9" x14ac:dyDescent="0.25">
      <c r="A12477" s="3">
        <v>41978.713483796295</v>
      </c>
      <c r="B12477" s="6">
        <v>207708.74999999997</v>
      </c>
      <c r="C12477" s="7">
        <f t="shared" si="194"/>
        <v>207.70874999999998</v>
      </c>
      <c r="I12477" s="1"/>
    </row>
    <row r="12478" spans="1:9" x14ac:dyDescent="0.25">
      <c r="A12478" s="3">
        <v>41978.714687500003</v>
      </c>
      <c r="B12478" s="6">
        <v>207725.4</v>
      </c>
      <c r="C12478" s="7">
        <f t="shared" si="194"/>
        <v>207.72540000000001</v>
      </c>
      <c r="I12478" s="1"/>
    </row>
    <row r="12479" spans="1:9" x14ac:dyDescent="0.25">
      <c r="A12479" s="3">
        <v>41978.714791666665</v>
      </c>
      <c r="B12479" s="6">
        <v>207742.05</v>
      </c>
      <c r="C12479" s="7">
        <f t="shared" si="194"/>
        <v>207.74204999999998</v>
      </c>
      <c r="I12479" s="1"/>
    </row>
    <row r="12480" spans="1:9" x14ac:dyDescent="0.25">
      <c r="A12480" s="3">
        <v>41978.719467592593</v>
      </c>
      <c r="B12480" s="6">
        <v>207758.69999999998</v>
      </c>
      <c r="C12480" s="7">
        <f t="shared" si="194"/>
        <v>207.75869999999998</v>
      </c>
      <c r="I12480" s="1"/>
    </row>
    <row r="12481" spans="1:9" x14ac:dyDescent="0.25">
      <c r="A12481" s="3">
        <v>41978.719652777778</v>
      </c>
      <c r="B12481" s="6">
        <v>207775.34999999998</v>
      </c>
      <c r="C12481" s="7">
        <f t="shared" si="194"/>
        <v>207.77534999999997</v>
      </c>
      <c r="I12481" s="1"/>
    </row>
    <row r="12482" spans="1:9" x14ac:dyDescent="0.25">
      <c r="A12482" s="3">
        <v>41978.722141203703</v>
      </c>
      <c r="B12482" s="6">
        <v>207791.99999999997</v>
      </c>
      <c r="C12482" s="7">
        <f t="shared" si="194"/>
        <v>207.79199999999997</v>
      </c>
      <c r="I12482" s="1"/>
    </row>
    <row r="12483" spans="1:9" x14ac:dyDescent="0.25">
      <c r="A12483" s="3">
        <v>41978.722395833334</v>
      </c>
      <c r="B12483" s="6">
        <v>207808.65</v>
      </c>
      <c r="C12483" s="7">
        <f t="shared" ref="C12483:C12546" si="195">B12483/1000</f>
        <v>207.80865</v>
      </c>
      <c r="I12483" s="1"/>
    </row>
    <row r="12484" spans="1:9" x14ac:dyDescent="0.25">
      <c r="A12484" s="3">
        <v>41978.723344907405</v>
      </c>
      <c r="B12484" s="6">
        <v>207825.3</v>
      </c>
      <c r="C12484" s="7">
        <f t="shared" si="195"/>
        <v>207.8253</v>
      </c>
      <c r="I12484" s="1"/>
    </row>
    <row r="12485" spans="1:9" x14ac:dyDescent="0.25">
      <c r="A12485" s="3">
        <v>41978.723483796297</v>
      </c>
      <c r="B12485" s="6">
        <v>207841.94999999998</v>
      </c>
      <c r="C12485" s="7">
        <f t="shared" si="195"/>
        <v>207.84194999999997</v>
      </c>
      <c r="I12485" s="1"/>
    </row>
    <row r="12486" spans="1:9" x14ac:dyDescent="0.25">
      <c r="A12486" s="3">
        <v>41978.725474537037</v>
      </c>
      <c r="B12486" s="6">
        <v>207858.59999999998</v>
      </c>
      <c r="C12486" s="7">
        <f t="shared" si="195"/>
        <v>207.85859999999997</v>
      </c>
      <c r="I12486" s="1"/>
    </row>
    <row r="12487" spans="1:9" x14ac:dyDescent="0.25">
      <c r="A12487" s="3">
        <v>41978.725810185184</v>
      </c>
      <c r="B12487" s="6">
        <v>207875.24999999997</v>
      </c>
      <c r="C12487" s="7">
        <f t="shared" si="195"/>
        <v>207.87524999999997</v>
      </c>
      <c r="I12487" s="1"/>
    </row>
    <row r="12488" spans="1:9" x14ac:dyDescent="0.25">
      <c r="A12488" s="3">
        <v>41978.727418981478</v>
      </c>
      <c r="B12488" s="6">
        <v>207891.9</v>
      </c>
      <c r="C12488" s="7">
        <f t="shared" si="195"/>
        <v>207.89189999999999</v>
      </c>
      <c r="I12488" s="1"/>
    </row>
    <row r="12489" spans="1:9" x14ac:dyDescent="0.25">
      <c r="A12489" s="3">
        <v>41978.727511574078</v>
      </c>
      <c r="B12489" s="6">
        <v>207908.55</v>
      </c>
      <c r="C12489" s="7">
        <f t="shared" si="195"/>
        <v>207.90854999999999</v>
      </c>
      <c r="I12489" s="1"/>
    </row>
    <row r="12490" spans="1:9" x14ac:dyDescent="0.25">
      <c r="A12490" s="3">
        <v>41978.729259259257</v>
      </c>
      <c r="B12490" s="6">
        <v>207925.19999999998</v>
      </c>
      <c r="C12490" s="7">
        <f t="shared" si="195"/>
        <v>207.92519999999999</v>
      </c>
      <c r="I12490" s="1"/>
    </row>
    <row r="12491" spans="1:9" x14ac:dyDescent="0.25">
      <c r="A12491" s="3">
        <v>41978.730439814812</v>
      </c>
      <c r="B12491" s="6">
        <v>207941.84999999998</v>
      </c>
      <c r="C12491" s="7">
        <f t="shared" si="195"/>
        <v>207.94184999999999</v>
      </c>
      <c r="I12491" s="1"/>
    </row>
    <row r="12492" spans="1:9" x14ac:dyDescent="0.25">
      <c r="A12492" s="3">
        <v>41978.732673611114</v>
      </c>
      <c r="B12492" s="6">
        <v>207958.49999999997</v>
      </c>
      <c r="C12492" s="7">
        <f t="shared" si="195"/>
        <v>207.95849999999996</v>
      </c>
      <c r="I12492" s="1"/>
    </row>
    <row r="12493" spans="1:9" x14ac:dyDescent="0.25">
      <c r="A12493" s="3">
        <v>41978.732916666668</v>
      </c>
      <c r="B12493" s="6">
        <v>207975.15</v>
      </c>
      <c r="C12493" s="7">
        <f t="shared" si="195"/>
        <v>207.97514999999999</v>
      </c>
      <c r="I12493" s="1"/>
    </row>
    <row r="12494" spans="1:9" x14ac:dyDescent="0.25">
      <c r="A12494" s="3">
        <v>41978.735277777778</v>
      </c>
      <c r="B12494" s="6">
        <v>207991.8</v>
      </c>
      <c r="C12494" s="7">
        <f t="shared" si="195"/>
        <v>207.99179999999998</v>
      </c>
      <c r="I12494" s="1"/>
    </row>
    <row r="12495" spans="1:9" x14ac:dyDescent="0.25">
      <c r="A12495" s="3">
        <v>41978.735520833332</v>
      </c>
      <c r="B12495" s="6">
        <v>208008.44999999998</v>
      </c>
      <c r="C12495" s="7">
        <f t="shared" si="195"/>
        <v>208.00844999999998</v>
      </c>
      <c r="I12495" s="1"/>
    </row>
    <row r="12496" spans="1:9" x14ac:dyDescent="0.25">
      <c r="A12496" s="3">
        <v>41978.737476851849</v>
      </c>
      <c r="B12496" s="6">
        <v>208025.09999999998</v>
      </c>
      <c r="C12496" s="7">
        <f t="shared" si="195"/>
        <v>208.02509999999998</v>
      </c>
      <c r="I12496" s="1"/>
    </row>
    <row r="12497" spans="1:9" x14ac:dyDescent="0.25">
      <c r="A12497" s="3">
        <v>41978.737557870372</v>
      </c>
      <c r="B12497" s="6">
        <v>208041.74999999997</v>
      </c>
      <c r="C12497" s="7">
        <f t="shared" si="195"/>
        <v>208.04174999999998</v>
      </c>
      <c r="I12497" s="1"/>
    </row>
    <row r="12498" spans="1:9" x14ac:dyDescent="0.25">
      <c r="A12498" s="3">
        <v>41978.740324074075</v>
      </c>
      <c r="B12498" s="6">
        <v>208058.4</v>
      </c>
      <c r="C12498" s="7">
        <f t="shared" si="195"/>
        <v>208.05840000000001</v>
      </c>
      <c r="I12498" s="1"/>
    </row>
    <row r="12499" spans="1:9" x14ac:dyDescent="0.25">
      <c r="A12499" s="3">
        <v>41978.740624999999</v>
      </c>
      <c r="B12499" s="6">
        <v>208075.05</v>
      </c>
      <c r="C12499" s="7">
        <f t="shared" si="195"/>
        <v>208.07504999999998</v>
      </c>
      <c r="I12499" s="1"/>
    </row>
    <row r="12500" spans="1:9" x14ac:dyDescent="0.25">
      <c r="A12500" s="3">
        <v>41978.743738425925</v>
      </c>
      <c r="B12500" s="6">
        <v>208091.69999999998</v>
      </c>
      <c r="C12500" s="7">
        <f t="shared" si="195"/>
        <v>208.09169999999997</v>
      </c>
      <c r="I12500" s="1"/>
    </row>
    <row r="12501" spans="1:9" x14ac:dyDescent="0.25">
      <c r="A12501" s="3">
        <v>41978.743831018517</v>
      </c>
      <c r="B12501" s="6">
        <v>208108.34999999998</v>
      </c>
      <c r="C12501" s="7">
        <f t="shared" si="195"/>
        <v>208.10834999999997</v>
      </c>
      <c r="I12501" s="1"/>
    </row>
    <row r="12502" spans="1:9" x14ac:dyDescent="0.25">
      <c r="A12502" s="3">
        <v>41978.74454861111</v>
      </c>
      <c r="B12502" s="6">
        <v>208124.99999999997</v>
      </c>
      <c r="C12502" s="7">
        <f t="shared" si="195"/>
        <v>208.12499999999997</v>
      </c>
      <c r="I12502" s="1"/>
    </row>
    <row r="12503" spans="1:9" x14ac:dyDescent="0.25">
      <c r="A12503" s="3">
        <v>41978.744664351849</v>
      </c>
      <c r="B12503" s="6">
        <v>208141.65</v>
      </c>
      <c r="C12503" s="7">
        <f t="shared" si="195"/>
        <v>208.14165</v>
      </c>
      <c r="I12503" s="1"/>
    </row>
    <row r="12504" spans="1:9" x14ac:dyDescent="0.25">
      <c r="A12504" s="3">
        <v>41978.745636574073</v>
      </c>
      <c r="B12504" s="6">
        <v>208158.3</v>
      </c>
      <c r="C12504" s="7">
        <f t="shared" si="195"/>
        <v>208.1583</v>
      </c>
      <c r="I12504" s="1"/>
    </row>
    <row r="12505" spans="1:9" x14ac:dyDescent="0.25">
      <c r="A12505" s="3">
        <v>41978.745694444442</v>
      </c>
      <c r="B12505" s="6">
        <v>208174.94999999998</v>
      </c>
      <c r="C12505" s="7">
        <f t="shared" si="195"/>
        <v>208.17495</v>
      </c>
      <c r="I12505" s="1"/>
    </row>
    <row r="12506" spans="1:9" x14ac:dyDescent="0.25">
      <c r="A12506" s="3">
        <v>41978.746423611112</v>
      </c>
      <c r="B12506" s="6">
        <v>208191.59999999998</v>
      </c>
      <c r="C12506" s="7">
        <f t="shared" si="195"/>
        <v>208.19159999999997</v>
      </c>
      <c r="I12506" s="1"/>
    </row>
    <row r="12507" spans="1:9" x14ac:dyDescent="0.25">
      <c r="A12507" s="3">
        <v>41978.746550925927</v>
      </c>
      <c r="B12507" s="6">
        <v>208208.24999999997</v>
      </c>
      <c r="C12507" s="7">
        <f t="shared" si="195"/>
        <v>208.20824999999996</v>
      </c>
      <c r="I12507" s="1"/>
    </row>
    <row r="12508" spans="1:9" x14ac:dyDescent="0.25">
      <c r="A12508" s="3">
        <v>41978.749016203707</v>
      </c>
      <c r="B12508" s="6">
        <v>208224.9</v>
      </c>
      <c r="C12508" s="7">
        <f t="shared" si="195"/>
        <v>208.22489999999999</v>
      </c>
      <c r="I12508" s="1"/>
    </row>
    <row r="12509" spans="1:9" x14ac:dyDescent="0.25">
      <c r="A12509" s="3">
        <v>41978.749189814815</v>
      </c>
      <c r="B12509" s="6">
        <v>208241.55</v>
      </c>
      <c r="C12509" s="7">
        <f t="shared" si="195"/>
        <v>208.24154999999999</v>
      </c>
      <c r="I12509" s="1"/>
    </row>
    <row r="12510" spans="1:9" x14ac:dyDescent="0.25">
      <c r="A12510" s="3">
        <v>41978.752905092595</v>
      </c>
      <c r="B12510" s="6">
        <v>208258.19999999998</v>
      </c>
      <c r="C12510" s="7">
        <f t="shared" si="195"/>
        <v>208.25819999999999</v>
      </c>
      <c r="I12510" s="1"/>
    </row>
    <row r="12511" spans="1:9" x14ac:dyDescent="0.25">
      <c r="A12511" s="3">
        <v>41978.752986111111</v>
      </c>
      <c r="B12511" s="6">
        <v>208274.84999999998</v>
      </c>
      <c r="C12511" s="7">
        <f t="shared" si="195"/>
        <v>208.27484999999999</v>
      </c>
      <c r="I12511" s="1"/>
    </row>
    <row r="12512" spans="1:9" x14ac:dyDescent="0.25">
      <c r="A12512" s="3">
        <v>41978.753981481481</v>
      </c>
      <c r="B12512" s="6">
        <v>208291.49999999997</v>
      </c>
      <c r="C12512" s="7">
        <f t="shared" si="195"/>
        <v>208.29149999999998</v>
      </c>
      <c r="I12512" s="1"/>
    </row>
    <row r="12513" spans="1:9" x14ac:dyDescent="0.25">
      <c r="A12513" s="3">
        <v>41978.754074074073</v>
      </c>
      <c r="B12513" s="6">
        <v>208308.15</v>
      </c>
      <c r="C12513" s="7">
        <f t="shared" si="195"/>
        <v>208.30814999999998</v>
      </c>
      <c r="I12513" s="1"/>
    </row>
    <row r="12514" spans="1:9" x14ac:dyDescent="0.25">
      <c r="A12514" s="3">
        <v>41978.755185185182</v>
      </c>
      <c r="B12514" s="6">
        <v>208324.8</v>
      </c>
      <c r="C12514" s="7">
        <f t="shared" si="195"/>
        <v>208.32479999999998</v>
      </c>
      <c r="I12514" s="1"/>
    </row>
    <row r="12515" spans="1:9" x14ac:dyDescent="0.25">
      <c r="A12515" s="3">
        <v>41978.75540509259</v>
      </c>
      <c r="B12515" s="6">
        <v>208341.44999999998</v>
      </c>
      <c r="C12515" s="7">
        <f t="shared" si="195"/>
        <v>208.34144999999998</v>
      </c>
      <c r="I12515" s="1"/>
    </row>
    <row r="12516" spans="1:9" x14ac:dyDescent="0.25">
      <c r="A12516" s="3">
        <v>41978.759212962963</v>
      </c>
      <c r="B12516" s="6">
        <v>208358.09999999998</v>
      </c>
      <c r="C12516" s="7">
        <f t="shared" si="195"/>
        <v>208.35809999999998</v>
      </c>
      <c r="I12516" s="1"/>
    </row>
    <row r="12517" spans="1:9" x14ac:dyDescent="0.25">
      <c r="A12517" s="3">
        <v>41978.761423611111</v>
      </c>
      <c r="B12517" s="6">
        <v>208374.74999999997</v>
      </c>
      <c r="C12517" s="7">
        <f t="shared" si="195"/>
        <v>208.37474999999998</v>
      </c>
      <c r="I12517" s="1"/>
    </row>
    <row r="12518" spans="1:9" x14ac:dyDescent="0.25">
      <c r="A12518" s="3">
        <v>41978.763182870367</v>
      </c>
      <c r="B12518" s="6">
        <v>208391.4</v>
      </c>
      <c r="C12518" s="7">
        <f t="shared" si="195"/>
        <v>208.3914</v>
      </c>
      <c r="I12518" s="1"/>
    </row>
    <row r="12519" spans="1:9" x14ac:dyDescent="0.25">
      <c r="A12519" s="3">
        <v>41978.763252314813</v>
      </c>
      <c r="B12519" s="6">
        <v>208408.05</v>
      </c>
      <c r="C12519" s="7">
        <f t="shared" si="195"/>
        <v>208.40804999999997</v>
      </c>
      <c r="I12519" s="1"/>
    </row>
    <row r="12520" spans="1:9" x14ac:dyDescent="0.25">
      <c r="A12520" s="3">
        <v>41978.764606481483</v>
      </c>
      <c r="B12520" s="6">
        <v>208424.69999999998</v>
      </c>
      <c r="C12520" s="7">
        <f t="shared" si="195"/>
        <v>208.42469999999997</v>
      </c>
      <c r="I12520" s="1"/>
    </row>
    <row r="12521" spans="1:9" x14ac:dyDescent="0.25">
      <c r="A12521" s="3">
        <v>41978.764699074076</v>
      </c>
      <c r="B12521" s="6">
        <v>208441.34999999998</v>
      </c>
      <c r="C12521" s="7">
        <f t="shared" si="195"/>
        <v>208.44134999999997</v>
      </c>
      <c r="I12521" s="1"/>
    </row>
    <row r="12522" spans="1:9" x14ac:dyDescent="0.25">
      <c r="A12522" s="3">
        <v>41978.766342592593</v>
      </c>
      <c r="B12522" s="6">
        <v>208457.99999999997</v>
      </c>
      <c r="C12522" s="7">
        <f t="shared" si="195"/>
        <v>208.45799999999997</v>
      </c>
      <c r="I12522" s="1"/>
    </row>
    <row r="12523" spans="1:9" x14ac:dyDescent="0.25">
      <c r="A12523" s="3">
        <v>41978.766493055555</v>
      </c>
      <c r="B12523" s="6">
        <v>208474.65</v>
      </c>
      <c r="C12523" s="7">
        <f t="shared" si="195"/>
        <v>208.47465</v>
      </c>
      <c r="I12523" s="1"/>
    </row>
    <row r="12524" spans="1:9" x14ac:dyDescent="0.25">
      <c r="A12524" s="3">
        <v>41978.770405092589</v>
      </c>
      <c r="B12524" s="6">
        <v>208491.3</v>
      </c>
      <c r="C12524" s="7">
        <f t="shared" si="195"/>
        <v>208.4913</v>
      </c>
      <c r="I12524" s="1"/>
    </row>
    <row r="12525" spans="1:9" x14ac:dyDescent="0.25">
      <c r="A12525" s="3">
        <v>41978.770520833335</v>
      </c>
      <c r="B12525" s="6">
        <v>208507.94999999998</v>
      </c>
      <c r="C12525" s="7">
        <f t="shared" si="195"/>
        <v>208.50794999999999</v>
      </c>
      <c r="I12525" s="1"/>
    </row>
    <row r="12526" spans="1:9" x14ac:dyDescent="0.25">
      <c r="A12526" s="3">
        <v>41978.771655092591</v>
      </c>
      <c r="B12526" s="6">
        <v>208524.59999999998</v>
      </c>
      <c r="C12526" s="7">
        <f t="shared" si="195"/>
        <v>208.52459999999996</v>
      </c>
      <c r="I12526" s="1"/>
    </row>
    <row r="12527" spans="1:9" x14ac:dyDescent="0.25">
      <c r="A12527" s="3">
        <v>41978.771956018521</v>
      </c>
      <c r="B12527" s="6">
        <v>208541.24999999997</v>
      </c>
      <c r="C12527" s="7">
        <f t="shared" si="195"/>
        <v>208.54124999999996</v>
      </c>
      <c r="I12527" s="1"/>
    </row>
    <row r="12528" spans="1:9" x14ac:dyDescent="0.25">
      <c r="A12528" s="3">
        <v>41978.78087962963</v>
      </c>
      <c r="B12528" s="6">
        <v>208557.9</v>
      </c>
      <c r="C12528" s="7">
        <f t="shared" si="195"/>
        <v>208.55789999999999</v>
      </c>
      <c r="I12528" s="1"/>
    </row>
    <row r="12529" spans="1:9" x14ac:dyDescent="0.25">
      <c r="A12529" s="3">
        <v>41978.781157407408</v>
      </c>
      <c r="B12529" s="6">
        <v>208574.55</v>
      </c>
      <c r="C12529" s="7">
        <f t="shared" si="195"/>
        <v>208.57454999999999</v>
      </c>
      <c r="I12529" s="1"/>
    </row>
    <row r="12530" spans="1:9" x14ac:dyDescent="0.25">
      <c r="A12530" s="3">
        <v>41978.825821759259</v>
      </c>
      <c r="B12530" s="6">
        <v>208591.19999999998</v>
      </c>
      <c r="C12530" s="7">
        <f t="shared" si="195"/>
        <v>208.59119999999999</v>
      </c>
      <c r="I12530" s="1"/>
    </row>
    <row r="12531" spans="1:9" x14ac:dyDescent="0.25">
      <c r="A12531" s="3">
        <v>41978.82640046296</v>
      </c>
      <c r="B12531" s="6">
        <v>208607.84999999998</v>
      </c>
      <c r="C12531" s="7">
        <f t="shared" si="195"/>
        <v>208.60784999999998</v>
      </c>
      <c r="I12531" s="1"/>
    </row>
    <row r="12532" spans="1:9" x14ac:dyDescent="0.25">
      <c r="A12532" s="3">
        <v>41978.832280092596</v>
      </c>
      <c r="B12532" s="6">
        <v>208624.49999999997</v>
      </c>
      <c r="C12532" s="7">
        <f t="shared" si="195"/>
        <v>208.62449999999998</v>
      </c>
      <c r="I12532" s="1"/>
    </row>
    <row r="12533" spans="1:9" x14ac:dyDescent="0.25">
      <c r="A12533" s="3">
        <v>41978.83253472222</v>
      </c>
      <c r="B12533" s="6">
        <v>208641.15</v>
      </c>
      <c r="C12533" s="7">
        <f t="shared" si="195"/>
        <v>208.64114999999998</v>
      </c>
      <c r="I12533" s="1"/>
    </row>
    <row r="12534" spans="1:9" x14ac:dyDescent="0.25">
      <c r="A12534" s="3">
        <v>41978.871874999997</v>
      </c>
      <c r="B12534" s="6">
        <v>208657.8</v>
      </c>
      <c r="C12534" s="7">
        <f t="shared" si="195"/>
        <v>208.65779999999998</v>
      </c>
      <c r="I12534" s="1"/>
    </row>
    <row r="12535" spans="1:9" x14ac:dyDescent="0.25">
      <c r="A12535" s="3">
        <v>41978.872048611112</v>
      </c>
      <c r="B12535" s="6">
        <v>208674.44999999998</v>
      </c>
      <c r="C12535" s="7">
        <f t="shared" si="195"/>
        <v>208.67444999999998</v>
      </c>
      <c r="I12535" s="1"/>
    </row>
    <row r="12536" spans="1:9" x14ac:dyDescent="0.25">
      <c r="A12536" s="2" t="s">
        <v>4194</v>
      </c>
      <c r="B12536" s="6">
        <v>208691.09999999998</v>
      </c>
      <c r="C12536" s="7">
        <f t="shared" si="195"/>
        <v>208.69109999999998</v>
      </c>
    </row>
    <row r="12537" spans="1:9" x14ac:dyDescent="0.25">
      <c r="A12537" s="2" t="s">
        <v>4195</v>
      </c>
      <c r="B12537" s="6">
        <v>208707.74999999997</v>
      </c>
      <c r="C12537" s="7">
        <f t="shared" si="195"/>
        <v>208.70774999999998</v>
      </c>
    </row>
    <row r="12538" spans="1:9" x14ac:dyDescent="0.25">
      <c r="A12538" s="2" t="s">
        <v>4196</v>
      </c>
      <c r="B12538" s="6">
        <v>208724.4</v>
      </c>
      <c r="C12538" s="7">
        <f t="shared" si="195"/>
        <v>208.7244</v>
      </c>
    </row>
    <row r="12539" spans="1:9" x14ac:dyDescent="0.25">
      <c r="A12539" s="2" t="s">
        <v>4197</v>
      </c>
      <c r="B12539" s="6">
        <v>208741.05</v>
      </c>
      <c r="C12539" s="7">
        <f t="shared" si="195"/>
        <v>208.74105</v>
      </c>
    </row>
    <row r="12540" spans="1:9" x14ac:dyDescent="0.25">
      <c r="A12540" s="2" t="s">
        <v>4198</v>
      </c>
      <c r="B12540" s="6">
        <v>208757.69999999998</v>
      </c>
      <c r="C12540" s="7">
        <f t="shared" si="195"/>
        <v>208.75769999999997</v>
      </c>
    </row>
    <row r="12541" spans="1:9" x14ac:dyDescent="0.25">
      <c r="A12541" s="2" t="s">
        <v>4199</v>
      </c>
      <c r="B12541" s="6">
        <v>208774.34999999998</v>
      </c>
      <c r="C12541" s="7">
        <f t="shared" si="195"/>
        <v>208.77434999999997</v>
      </c>
    </row>
    <row r="12542" spans="1:9" x14ac:dyDescent="0.25">
      <c r="A12542" s="2" t="s">
        <v>4200</v>
      </c>
      <c r="B12542" s="6">
        <v>208790.99999999997</v>
      </c>
      <c r="C12542" s="7">
        <f t="shared" si="195"/>
        <v>208.79099999999997</v>
      </c>
    </row>
    <row r="12543" spans="1:9" x14ac:dyDescent="0.25">
      <c r="A12543" s="2" t="s">
        <v>4201</v>
      </c>
      <c r="B12543" s="6">
        <v>208807.65</v>
      </c>
      <c r="C12543" s="7">
        <f t="shared" si="195"/>
        <v>208.80765</v>
      </c>
    </row>
    <row r="12544" spans="1:9" x14ac:dyDescent="0.25">
      <c r="A12544" s="2" t="s">
        <v>4202</v>
      </c>
      <c r="B12544" s="6">
        <v>208824.3</v>
      </c>
      <c r="C12544" s="7">
        <f t="shared" si="195"/>
        <v>208.82429999999999</v>
      </c>
    </row>
    <row r="12545" spans="1:3" x14ac:dyDescent="0.25">
      <c r="A12545" s="2" t="s">
        <v>4203</v>
      </c>
      <c r="B12545" s="6">
        <v>208840.94999999998</v>
      </c>
      <c r="C12545" s="7">
        <f t="shared" si="195"/>
        <v>208.84094999999999</v>
      </c>
    </row>
    <row r="12546" spans="1:3" x14ac:dyDescent="0.25">
      <c r="A12546" s="2" t="s">
        <v>4204</v>
      </c>
      <c r="B12546" s="6">
        <v>208857.59999999998</v>
      </c>
      <c r="C12546" s="7">
        <f t="shared" si="195"/>
        <v>208.85759999999999</v>
      </c>
    </row>
    <row r="12547" spans="1:3" x14ac:dyDescent="0.25">
      <c r="A12547" s="2" t="s">
        <v>4205</v>
      </c>
      <c r="B12547" s="6">
        <v>208874.24999999997</v>
      </c>
      <c r="C12547" s="7">
        <f t="shared" ref="C12547:C12610" si="196">B12547/1000</f>
        <v>208.87424999999996</v>
      </c>
    </row>
    <row r="12548" spans="1:3" x14ac:dyDescent="0.25">
      <c r="A12548" s="2" t="s">
        <v>4206</v>
      </c>
      <c r="B12548" s="6">
        <v>208890.9</v>
      </c>
      <c r="C12548" s="7">
        <f t="shared" si="196"/>
        <v>208.89089999999999</v>
      </c>
    </row>
    <row r="12549" spans="1:3" x14ac:dyDescent="0.25">
      <c r="A12549" s="2" t="s">
        <v>4207</v>
      </c>
      <c r="B12549" s="6">
        <v>208907.55</v>
      </c>
      <c r="C12549" s="7">
        <f t="shared" si="196"/>
        <v>208.90754999999999</v>
      </c>
    </row>
    <row r="12550" spans="1:3" x14ac:dyDescent="0.25">
      <c r="A12550" s="2" t="s">
        <v>4208</v>
      </c>
      <c r="B12550" s="6">
        <v>208924.19999999998</v>
      </c>
      <c r="C12550" s="7">
        <f t="shared" si="196"/>
        <v>208.92419999999998</v>
      </c>
    </row>
    <row r="12551" spans="1:3" x14ac:dyDescent="0.25">
      <c r="A12551" s="2" t="s">
        <v>4209</v>
      </c>
      <c r="B12551" s="6">
        <v>208940.84999999998</v>
      </c>
      <c r="C12551" s="7">
        <f t="shared" si="196"/>
        <v>208.94084999999998</v>
      </c>
    </row>
    <row r="12552" spans="1:3" x14ac:dyDescent="0.25">
      <c r="A12552" s="2" t="s">
        <v>4210</v>
      </c>
      <c r="B12552" s="6">
        <v>208957.49999999997</v>
      </c>
      <c r="C12552" s="7">
        <f t="shared" si="196"/>
        <v>208.95749999999998</v>
      </c>
    </row>
    <row r="12553" spans="1:3" x14ac:dyDescent="0.25">
      <c r="A12553" s="2" t="s">
        <v>4211</v>
      </c>
      <c r="B12553" s="6">
        <v>208974.15</v>
      </c>
      <c r="C12553" s="7">
        <f t="shared" si="196"/>
        <v>208.97414999999998</v>
      </c>
    </row>
    <row r="12554" spans="1:3" x14ac:dyDescent="0.25">
      <c r="A12554" s="2" t="s">
        <v>4212</v>
      </c>
      <c r="B12554" s="6">
        <v>208990.8</v>
      </c>
      <c r="C12554" s="7">
        <f t="shared" si="196"/>
        <v>208.99079999999998</v>
      </c>
    </row>
    <row r="12555" spans="1:3" x14ac:dyDescent="0.25">
      <c r="A12555" s="2" t="s">
        <v>4213</v>
      </c>
      <c r="B12555" s="6">
        <v>209007.44999999998</v>
      </c>
      <c r="C12555" s="7">
        <f t="shared" si="196"/>
        <v>209.00744999999998</v>
      </c>
    </row>
    <row r="12556" spans="1:3" x14ac:dyDescent="0.25">
      <c r="A12556" s="2" t="s">
        <v>4214</v>
      </c>
      <c r="B12556" s="6">
        <v>209024.09999999998</v>
      </c>
      <c r="C12556" s="7">
        <f t="shared" si="196"/>
        <v>209.02409999999998</v>
      </c>
    </row>
    <row r="12557" spans="1:3" x14ac:dyDescent="0.25">
      <c r="A12557" s="2" t="s">
        <v>4215</v>
      </c>
      <c r="B12557" s="6">
        <v>209040.74999999997</v>
      </c>
      <c r="C12557" s="7">
        <f t="shared" si="196"/>
        <v>209.04074999999997</v>
      </c>
    </row>
    <row r="12558" spans="1:3" x14ac:dyDescent="0.25">
      <c r="A12558" s="2" t="s">
        <v>4216</v>
      </c>
      <c r="B12558" s="6">
        <v>209057.4</v>
      </c>
      <c r="C12558" s="7">
        <f t="shared" si="196"/>
        <v>209.0574</v>
      </c>
    </row>
    <row r="12559" spans="1:3" x14ac:dyDescent="0.25">
      <c r="A12559" s="2" t="s">
        <v>4217</v>
      </c>
      <c r="B12559" s="6">
        <v>209074.05</v>
      </c>
      <c r="C12559" s="7">
        <f t="shared" si="196"/>
        <v>209.07405</v>
      </c>
    </row>
    <row r="12560" spans="1:3" x14ac:dyDescent="0.25">
      <c r="A12560" s="2" t="s">
        <v>4218</v>
      </c>
      <c r="B12560" s="6">
        <v>209090.69999999998</v>
      </c>
      <c r="C12560" s="7">
        <f t="shared" si="196"/>
        <v>209.09069999999997</v>
      </c>
    </row>
    <row r="12561" spans="1:3" x14ac:dyDescent="0.25">
      <c r="A12561" s="2" t="s">
        <v>4219</v>
      </c>
      <c r="B12561" s="6">
        <v>209107.34999999998</v>
      </c>
      <c r="C12561" s="7">
        <f t="shared" si="196"/>
        <v>209.10734999999997</v>
      </c>
    </row>
    <row r="12562" spans="1:3" x14ac:dyDescent="0.25">
      <c r="A12562" s="2" t="s">
        <v>4220</v>
      </c>
      <c r="B12562" s="6">
        <v>209123.99999999997</v>
      </c>
      <c r="C12562" s="7">
        <f t="shared" si="196"/>
        <v>209.12399999999997</v>
      </c>
    </row>
    <row r="12563" spans="1:3" x14ac:dyDescent="0.25">
      <c r="A12563" s="2" t="s">
        <v>4221</v>
      </c>
      <c r="B12563" s="6">
        <v>209140.65</v>
      </c>
      <c r="C12563" s="7">
        <f t="shared" si="196"/>
        <v>209.14064999999999</v>
      </c>
    </row>
    <row r="12564" spans="1:3" x14ac:dyDescent="0.25">
      <c r="A12564" s="2" t="s">
        <v>4222</v>
      </c>
      <c r="B12564" s="6">
        <v>209157.3</v>
      </c>
      <c r="C12564" s="7">
        <f t="shared" si="196"/>
        <v>209.15729999999999</v>
      </c>
    </row>
    <row r="12565" spans="1:3" x14ac:dyDescent="0.25">
      <c r="A12565" s="2" t="s">
        <v>4223</v>
      </c>
      <c r="B12565" s="6">
        <v>209173.94999999998</v>
      </c>
      <c r="C12565" s="7">
        <f t="shared" si="196"/>
        <v>209.17394999999999</v>
      </c>
    </row>
    <row r="12566" spans="1:3" x14ac:dyDescent="0.25">
      <c r="A12566" s="2" t="s">
        <v>4224</v>
      </c>
      <c r="B12566" s="6">
        <v>209190.59999999998</v>
      </c>
      <c r="C12566" s="7">
        <f t="shared" si="196"/>
        <v>209.19059999999999</v>
      </c>
    </row>
    <row r="12567" spans="1:3" x14ac:dyDescent="0.25">
      <c r="A12567" s="2" t="s">
        <v>4225</v>
      </c>
      <c r="B12567" s="6">
        <v>209207.24999999997</v>
      </c>
      <c r="C12567" s="7">
        <f t="shared" si="196"/>
        <v>209.20724999999996</v>
      </c>
    </row>
    <row r="12568" spans="1:3" x14ac:dyDescent="0.25">
      <c r="A12568" s="2" t="s">
        <v>4226</v>
      </c>
      <c r="B12568" s="6">
        <v>209223.9</v>
      </c>
      <c r="C12568" s="7">
        <f t="shared" si="196"/>
        <v>209.22389999999999</v>
      </c>
    </row>
    <row r="12569" spans="1:3" x14ac:dyDescent="0.25">
      <c r="A12569" s="2" t="s">
        <v>4227</v>
      </c>
      <c r="B12569" s="6">
        <v>209240.55</v>
      </c>
      <c r="C12569" s="7">
        <f t="shared" si="196"/>
        <v>209.24054999999998</v>
      </c>
    </row>
    <row r="12570" spans="1:3" x14ac:dyDescent="0.25">
      <c r="A12570" s="2" t="s">
        <v>4228</v>
      </c>
      <c r="B12570" s="6">
        <v>209257.19999999998</v>
      </c>
      <c r="C12570" s="7">
        <f t="shared" si="196"/>
        <v>209.25719999999998</v>
      </c>
    </row>
    <row r="12571" spans="1:3" x14ac:dyDescent="0.25">
      <c r="A12571" s="2" t="s">
        <v>4229</v>
      </c>
      <c r="B12571" s="6">
        <v>209273.84999999998</v>
      </c>
      <c r="C12571" s="7">
        <f t="shared" si="196"/>
        <v>209.27384999999998</v>
      </c>
    </row>
    <row r="12572" spans="1:3" x14ac:dyDescent="0.25">
      <c r="A12572" s="2" t="s">
        <v>4230</v>
      </c>
      <c r="B12572" s="6">
        <v>209290.49999999997</v>
      </c>
      <c r="C12572" s="7">
        <f t="shared" si="196"/>
        <v>209.29049999999998</v>
      </c>
    </row>
    <row r="12573" spans="1:3" x14ac:dyDescent="0.25">
      <c r="A12573" s="2" t="s">
        <v>4231</v>
      </c>
      <c r="B12573" s="6">
        <v>209307.15</v>
      </c>
      <c r="C12573" s="7">
        <f t="shared" si="196"/>
        <v>209.30715000000001</v>
      </c>
    </row>
    <row r="12574" spans="1:3" x14ac:dyDescent="0.25">
      <c r="A12574" s="2" t="s">
        <v>4232</v>
      </c>
      <c r="B12574" s="6">
        <v>209323.8</v>
      </c>
      <c r="C12574" s="7">
        <f t="shared" si="196"/>
        <v>209.32379999999998</v>
      </c>
    </row>
    <row r="12575" spans="1:3" x14ac:dyDescent="0.25">
      <c r="A12575" s="2" t="s">
        <v>4233</v>
      </c>
      <c r="B12575" s="6">
        <v>209340.44999999998</v>
      </c>
      <c r="C12575" s="7">
        <f t="shared" si="196"/>
        <v>209.34044999999998</v>
      </c>
    </row>
    <row r="12576" spans="1:3" x14ac:dyDescent="0.25">
      <c r="A12576" s="2" t="s">
        <v>4234</v>
      </c>
      <c r="B12576" s="6">
        <v>209357.09999999998</v>
      </c>
      <c r="C12576" s="7">
        <f t="shared" si="196"/>
        <v>209.35709999999997</v>
      </c>
    </row>
    <row r="12577" spans="1:3" x14ac:dyDescent="0.25">
      <c r="A12577" s="2" t="s">
        <v>4235</v>
      </c>
      <c r="B12577" s="6">
        <v>209373.74999999997</v>
      </c>
      <c r="C12577" s="7">
        <f t="shared" si="196"/>
        <v>209.37374999999997</v>
      </c>
    </row>
    <row r="12578" spans="1:3" x14ac:dyDescent="0.25">
      <c r="A12578" s="2" t="s">
        <v>4236</v>
      </c>
      <c r="B12578" s="6">
        <v>209390.4</v>
      </c>
      <c r="C12578" s="7">
        <f t="shared" si="196"/>
        <v>209.3904</v>
      </c>
    </row>
    <row r="12579" spans="1:3" x14ac:dyDescent="0.25">
      <c r="A12579" s="2" t="s">
        <v>4237</v>
      </c>
      <c r="B12579" s="6">
        <v>209407.05</v>
      </c>
      <c r="C12579" s="7">
        <f t="shared" si="196"/>
        <v>209.40705</v>
      </c>
    </row>
    <row r="12580" spans="1:3" x14ac:dyDescent="0.25">
      <c r="A12580" s="2" t="s">
        <v>4238</v>
      </c>
      <c r="B12580" s="6">
        <v>209423.69999999998</v>
      </c>
      <c r="C12580" s="7">
        <f t="shared" si="196"/>
        <v>209.4237</v>
      </c>
    </row>
    <row r="12581" spans="1:3" x14ac:dyDescent="0.25">
      <c r="A12581" s="2" t="s">
        <v>4239</v>
      </c>
      <c r="B12581" s="6">
        <v>209440.34999999998</v>
      </c>
      <c r="C12581" s="7">
        <f t="shared" si="196"/>
        <v>209.44034999999997</v>
      </c>
    </row>
    <row r="12582" spans="1:3" x14ac:dyDescent="0.25">
      <c r="A12582" s="2" t="s">
        <v>4240</v>
      </c>
      <c r="B12582" s="6">
        <v>209456.99999999997</v>
      </c>
      <c r="C12582" s="7">
        <f t="shared" si="196"/>
        <v>209.45699999999997</v>
      </c>
    </row>
    <row r="12583" spans="1:3" x14ac:dyDescent="0.25">
      <c r="A12583" s="2" t="s">
        <v>4241</v>
      </c>
      <c r="B12583" s="6">
        <v>209473.65</v>
      </c>
      <c r="C12583" s="7">
        <f t="shared" si="196"/>
        <v>209.47364999999999</v>
      </c>
    </row>
    <row r="12584" spans="1:3" x14ac:dyDescent="0.25">
      <c r="A12584" s="2" t="s">
        <v>4242</v>
      </c>
      <c r="B12584" s="6">
        <v>209490.3</v>
      </c>
      <c r="C12584" s="7">
        <f t="shared" si="196"/>
        <v>209.49029999999999</v>
      </c>
    </row>
    <row r="12585" spans="1:3" x14ac:dyDescent="0.25">
      <c r="A12585" s="2" t="s">
        <v>4243</v>
      </c>
      <c r="B12585" s="6">
        <v>209506.94999999998</v>
      </c>
      <c r="C12585" s="7">
        <f t="shared" si="196"/>
        <v>209.50694999999999</v>
      </c>
    </row>
    <row r="12586" spans="1:3" x14ac:dyDescent="0.25">
      <c r="A12586" s="2" t="s">
        <v>4244</v>
      </c>
      <c r="B12586" s="6">
        <v>209523.59999999998</v>
      </c>
      <c r="C12586" s="7">
        <f t="shared" si="196"/>
        <v>209.52359999999999</v>
      </c>
    </row>
    <row r="12587" spans="1:3" x14ac:dyDescent="0.25">
      <c r="A12587" s="2" t="s">
        <v>4245</v>
      </c>
      <c r="B12587" s="6">
        <v>209540.24999999997</v>
      </c>
      <c r="C12587" s="7">
        <f t="shared" si="196"/>
        <v>209.54024999999996</v>
      </c>
    </row>
    <row r="12588" spans="1:3" x14ac:dyDescent="0.25">
      <c r="A12588" s="2" t="s">
        <v>4246</v>
      </c>
      <c r="B12588" s="6">
        <v>209556.9</v>
      </c>
      <c r="C12588" s="7">
        <f t="shared" si="196"/>
        <v>209.55689999999998</v>
      </c>
    </row>
    <row r="12589" spans="1:3" x14ac:dyDescent="0.25">
      <c r="A12589" s="2" t="s">
        <v>4247</v>
      </c>
      <c r="B12589" s="6">
        <v>209573.55</v>
      </c>
      <c r="C12589" s="7">
        <f t="shared" si="196"/>
        <v>209.57354999999998</v>
      </c>
    </row>
    <row r="12590" spans="1:3" x14ac:dyDescent="0.25">
      <c r="A12590" s="2" t="s">
        <v>4248</v>
      </c>
      <c r="B12590" s="6">
        <v>209590.19999999998</v>
      </c>
      <c r="C12590" s="7">
        <f t="shared" si="196"/>
        <v>209.59019999999998</v>
      </c>
    </row>
    <row r="12591" spans="1:3" x14ac:dyDescent="0.25">
      <c r="A12591" s="2" t="s">
        <v>4249</v>
      </c>
      <c r="B12591" s="6">
        <v>209606.84999999998</v>
      </c>
      <c r="C12591" s="7">
        <f t="shared" si="196"/>
        <v>209.60684999999998</v>
      </c>
    </row>
    <row r="12592" spans="1:3" x14ac:dyDescent="0.25">
      <c r="A12592" s="2" t="s">
        <v>4250</v>
      </c>
      <c r="B12592" s="6">
        <v>209623.49999999997</v>
      </c>
      <c r="C12592" s="7">
        <f t="shared" si="196"/>
        <v>209.62349999999998</v>
      </c>
    </row>
    <row r="12593" spans="1:3" x14ac:dyDescent="0.25">
      <c r="A12593" s="2" t="s">
        <v>4251</v>
      </c>
      <c r="B12593" s="6">
        <v>209640.15</v>
      </c>
      <c r="C12593" s="7">
        <f t="shared" si="196"/>
        <v>209.64015000000001</v>
      </c>
    </row>
    <row r="12594" spans="1:3" x14ac:dyDescent="0.25">
      <c r="A12594" s="2" t="s">
        <v>4252</v>
      </c>
      <c r="B12594" s="6">
        <v>209656.8</v>
      </c>
      <c r="C12594" s="7">
        <f t="shared" si="196"/>
        <v>209.65679999999998</v>
      </c>
    </row>
    <row r="12595" spans="1:3" x14ac:dyDescent="0.25">
      <c r="A12595" s="2" t="s">
        <v>4253</v>
      </c>
      <c r="B12595" s="6">
        <v>209673.44999999998</v>
      </c>
      <c r="C12595" s="7">
        <f t="shared" si="196"/>
        <v>209.67344999999997</v>
      </c>
    </row>
    <row r="12596" spans="1:3" x14ac:dyDescent="0.25">
      <c r="A12596" s="2" t="s">
        <v>4254</v>
      </c>
      <c r="B12596" s="6">
        <v>209690.09999999998</v>
      </c>
      <c r="C12596" s="7">
        <f t="shared" si="196"/>
        <v>209.69009999999997</v>
      </c>
    </row>
    <row r="12597" spans="1:3" x14ac:dyDescent="0.25">
      <c r="A12597" s="2" t="s">
        <v>4255</v>
      </c>
      <c r="B12597" s="6">
        <v>209706.74999999997</v>
      </c>
      <c r="C12597" s="7">
        <f t="shared" si="196"/>
        <v>209.70674999999997</v>
      </c>
    </row>
    <row r="12598" spans="1:3" x14ac:dyDescent="0.25">
      <c r="A12598" s="2" t="s">
        <v>4256</v>
      </c>
      <c r="B12598" s="6">
        <v>209723.4</v>
      </c>
      <c r="C12598" s="7">
        <f t="shared" si="196"/>
        <v>209.7234</v>
      </c>
    </row>
    <row r="12599" spans="1:3" x14ac:dyDescent="0.25">
      <c r="A12599" s="2" t="s">
        <v>4257</v>
      </c>
      <c r="B12599" s="6">
        <v>209740.05</v>
      </c>
      <c r="C12599" s="7">
        <f t="shared" si="196"/>
        <v>209.74005</v>
      </c>
    </row>
    <row r="12600" spans="1:3" x14ac:dyDescent="0.25">
      <c r="A12600" s="2" t="s">
        <v>4258</v>
      </c>
      <c r="B12600" s="6">
        <v>209756.69999999998</v>
      </c>
      <c r="C12600" s="7">
        <f t="shared" si="196"/>
        <v>209.7567</v>
      </c>
    </row>
    <row r="12601" spans="1:3" x14ac:dyDescent="0.25">
      <c r="A12601" s="2" t="s">
        <v>4259</v>
      </c>
      <c r="B12601" s="6">
        <v>209773.34999999998</v>
      </c>
      <c r="C12601" s="7">
        <f t="shared" si="196"/>
        <v>209.77334999999997</v>
      </c>
    </row>
    <row r="12602" spans="1:3" x14ac:dyDescent="0.25">
      <c r="A12602" s="2" t="s">
        <v>4260</v>
      </c>
      <c r="B12602" s="6">
        <v>209789.99999999997</v>
      </c>
      <c r="C12602" s="7">
        <f t="shared" si="196"/>
        <v>209.78999999999996</v>
      </c>
    </row>
    <row r="12603" spans="1:3" x14ac:dyDescent="0.25">
      <c r="A12603" s="2" t="s">
        <v>4261</v>
      </c>
      <c r="B12603" s="6">
        <v>209806.65</v>
      </c>
      <c r="C12603" s="7">
        <f t="shared" si="196"/>
        <v>209.80664999999999</v>
      </c>
    </row>
    <row r="12604" spans="1:3" x14ac:dyDescent="0.25">
      <c r="A12604" s="2" t="s">
        <v>4262</v>
      </c>
      <c r="B12604" s="6">
        <v>209823.3</v>
      </c>
      <c r="C12604" s="7">
        <f t="shared" si="196"/>
        <v>209.82329999999999</v>
      </c>
    </row>
    <row r="12605" spans="1:3" x14ac:dyDescent="0.25">
      <c r="A12605" s="2" t="s">
        <v>4263</v>
      </c>
      <c r="B12605" s="6">
        <v>209839.94999999998</v>
      </c>
      <c r="C12605" s="7">
        <f t="shared" si="196"/>
        <v>209.83994999999999</v>
      </c>
    </row>
    <row r="12606" spans="1:3" x14ac:dyDescent="0.25">
      <c r="A12606" s="2" t="s">
        <v>4264</v>
      </c>
      <c r="B12606" s="6">
        <v>209856.59999999998</v>
      </c>
      <c r="C12606" s="7">
        <f t="shared" si="196"/>
        <v>209.85659999999999</v>
      </c>
    </row>
    <row r="12607" spans="1:3" x14ac:dyDescent="0.25">
      <c r="A12607" s="2" t="s">
        <v>4265</v>
      </c>
      <c r="B12607" s="6">
        <v>209873.24999999997</v>
      </c>
      <c r="C12607" s="7">
        <f t="shared" si="196"/>
        <v>209.87324999999998</v>
      </c>
    </row>
    <row r="12608" spans="1:3" x14ac:dyDescent="0.25">
      <c r="A12608" s="2" t="s">
        <v>4266</v>
      </c>
      <c r="B12608" s="6">
        <v>209889.9</v>
      </c>
      <c r="C12608" s="7">
        <f t="shared" si="196"/>
        <v>209.88989999999998</v>
      </c>
    </row>
    <row r="12609" spans="1:3" x14ac:dyDescent="0.25">
      <c r="A12609" s="2" t="s">
        <v>4267</v>
      </c>
      <c r="B12609" s="6">
        <v>209906.55</v>
      </c>
      <c r="C12609" s="7">
        <f t="shared" si="196"/>
        <v>209.90654999999998</v>
      </c>
    </row>
    <row r="12610" spans="1:3" x14ac:dyDescent="0.25">
      <c r="A12610" s="2" t="s">
        <v>4268</v>
      </c>
      <c r="B12610" s="6">
        <v>209923.19999999998</v>
      </c>
      <c r="C12610" s="7">
        <f t="shared" si="196"/>
        <v>209.92319999999998</v>
      </c>
    </row>
    <row r="12611" spans="1:3" x14ac:dyDescent="0.25">
      <c r="A12611" s="2" t="s">
        <v>4269</v>
      </c>
      <c r="B12611" s="6">
        <v>209939.84999999998</v>
      </c>
      <c r="C12611" s="7">
        <f t="shared" ref="C12611:C12674" si="197">B12611/1000</f>
        <v>209.93984999999998</v>
      </c>
    </row>
    <row r="12612" spans="1:3" x14ac:dyDescent="0.25">
      <c r="A12612" s="2" t="s">
        <v>4270</v>
      </c>
      <c r="B12612" s="6">
        <v>209956.49999999997</v>
      </c>
      <c r="C12612" s="7">
        <f t="shared" si="197"/>
        <v>209.95649999999998</v>
      </c>
    </row>
    <row r="12613" spans="1:3" x14ac:dyDescent="0.25">
      <c r="A12613" s="2" t="s">
        <v>4271</v>
      </c>
      <c r="B12613" s="6">
        <v>209973.15</v>
      </c>
      <c r="C12613" s="7">
        <f t="shared" si="197"/>
        <v>209.97315</v>
      </c>
    </row>
    <row r="12614" spans="1:3" x14ac:dyDescent="0.25">
      <c r="A12614" s="2" t="s">
        <v>4272</v>
      </c>
      <c r="B12614" s="6">
        <v>209989.8</v>
      </c>
      <c r="C12614" s="7">
        <f t="shared" si="197"/>
        <v>209.9898</v>
      </c>
    </row>
    <row r="12615" spans="1:3" x14ac:dyDescent="0.25">
      <c r="A12615" s="2" t="s">
        <v>4273</v>
      </c>
      <c r="B12615" s="6">
        <v>210006.44999999998</v>
      </c>
      <c r="C12615" s="7">
        <f t="shared" si="197"/>
        <v>210.00644999999997</v>
      </c>
    </row>
    <row r="12616" spans="1:3" x14ac:dyDescent="0.25">
      <c r="A12616" s="2" t="s">
        <v>4274</v>
      </c>
      <c r="B12616" s="6">
        <v>210023.09999999998</v>
      </c>
      <c r="C12616" s="7">
        <f t="shared" si="197"/>
        <v>210.02309999999997</v>
      </c>
    </row>
    <row r="12617" spans="1:3" x14ac:dyDescent="0.25">
      <c r="A12617" s="2" t="s">
        <v>4275</v>
      </c>
      <c r="B12617" s="6">
        <v>210039.74999999997</v>
      </c>
      <c r="C12617" s="7">
        <f t="shared" si="197"/>
        <v>210.03974999999997</v>
      </c>
    </row>
    <row r="12618" spans="1:3" x14ac:dyDescent="0.25">
      <c r="A12618" s="2" t="s">
        <v>4276</v>
      </c>
      <c r="B12618" s="6">
        <v>210056.4</v>
      </c>
      <c r="C12618" s="7">
        <f t="shared" si="197"/>
        <v>210.0564</v>
      </c>
    </row>
    <row r="12619" spans="1:3" x14ac:dyDescent="0.25">
      <c r="A12619" s="2" t="s">
        <v>4277</v>
      </c>
      <c r="B12619" s="6">
        <v>210073.05</v>
      </c>
      <c r="C12619" s="7">
        <f t="shared" si="197"/>
        <v>210.07304999999999</v>
      </c>
    </row>
    <row r="12620" spans="1:3" x14ac:dyDescent="0.25">
      <c r="A12620" s="2" t="s">
        <v>4278</v>
      </c>
      <c r="B12620" s="6">
        <v>210089.69999999998</v>
      </c>
      <c r="C12620" s="7">
        <f t="shared" si="197"/>
        <v>210.08969999999999</v>
      </c>
    </row>
    <row r="12621" spans="1:3" x14ac:dyDescent="0.25">
      <c r="A12621" s="2" t="s">
        <v>4279</v>
      </c>
      <c r="B12621" s="6">
        <v>210106.34999999998</v>
      </c>
      <c r="C12621" s="7">
        <f t="shared" si="197"/>
        <v>210.10634999999996</v>
      </c>
    </row>
    <row r="12622" spans="1:3" x14ac:dyDescent="0.25">
      <c r="A12622" s="2" t="s">
        <v>4280</v>
      </c>
      <c r="B12622" s="6">
        <v>210122.99999999997</v>
      </c>
      <c r="C12622" s="7">
        <f t="shared" si="197"/>
        <v>210.12299999999996</v>
      </c>
    </row>
    <row r="12623" spans="1:3" x14ac:dyDescent="0.25">
      <c r="A12623" s="2" t="s">
        <v>4281</v>
      </c>
      <c r="B12623" s="6">
        <v>210139.65</v>
      </c>
      <c r="C12623" s="7">
        <f t="shared" si="197"/>
        <v>210.13964999999999</v>
      </c>
    </row>
    <row r="12624" spans="1:3" x14ac:dyDescent="0.25">
      <c r="A12624" s="2" t="s">
        <v>4282</v>
      </c>
      <c r="B12624" s="6">
        <v>210156.3</v>
      </c>
      <c r="C12624" s="7">
        <f t="shared" si="197"/>
        <v>210.15629999999999</v>
      </c>
    </row>
    <row r="12625" spans="1:3" x14ac:dyDescent="0.25">
      <c r="A12625" s="2" t="s">
        <v>4283</v>
      </c>
      <c r="B12625" s="6">
        <v>210172.94999999998</v>
      </c>
      <c r="C12625" s="7">
        <f t="shared" si="197"/>
        <v>210.17294999999999</v>
      </c>
    </row>
    <row r="12626" spans="1:3" x14ac:dyDescent="0.25">
      <c r="A12626" s="2" t="s">
        <v>4284</v>
      </c>
      <c r="B12626" s="6">
        <v>210189.59999999998</v>
      </c>
      <c r="C12626" s="7">
        <f t="shared" si="197"/>
        <v>210.18959999999998</v>
      </c>
    </row>
    <row r="12627" spans="1:3" x14ac:dyDescent="0.25">
      <c r="A12627" s="2" t="s">
        <v>4285</v>
      </c>
      <c r="B12627" s="6">
        <v>210206.24999999997</v>
      </c>
      <c r="C12627" s="7">
        <f t="shared" si="197"/>
        <v>210.20624999999998</v>
      </c>
    </row>
    <row r="12628" spans="1:3" x14ac:dyDescent="0.25">
      <c r="A12628" s="2" t="s">
        <v>4286</v>
      </c>
      <c r="B12628" s="6">
        <v>210222.9</v>
      </c>
      <c r="C12628" s="7">
        <f t="shared" si="197"/>
        <v>210.22289999999998</v>
      </c>
    </row>
    <row r="12629" spans="1:3" x14ac:dyDescent="0.25">
      <c r="A12629" s="2" t="s">
        <v>4287</v>
      </c>
      <c r="B12629" s="6">
        <v>210239.55</v>
      </c>
      <c r="C12629" s="7">
        <f t="shared" si="197"/>
        <v>210.23954999999998</v>
      </c>
    </row>
    <row r="12630" spans="1:3" x14ac:dyDescent="0.25">
      <c r="A12630" s="2" t="s">
        <v>4288</v>
      </c>
      <c r="B12630" s="6">
        <v>210256.19999999998</v>
      </c>
      <c r="C12630" s="7">
        <f t="shared" si="197"/>
        <v>210.25619999999998</v>
      </c>
    </row>
    <row r="12631" spans="1:3" x14ac:dyDescent="0.25">
      <c r="A12631" s="2" t="s">
        <v>4289</v>
      </c>
      <c r="B12631" s="6">
        <v>210272.84999999998</v>
      </c>
      <c r="C12631" s="7">
        <f t="shared" si="197"/>
        <v>210.27284999999998</v>
      </c>
    </row>
    <row r="12632" spans="1:3" x14ac:dyDescent="0.25">
      <c r="A12632" s="2" t="s">
        <v>4290</v>
      </c>
      <c r="B12632" s="6">
        <v>210289.49999999997</v>
      </c>
      <c r="C12632" s="7">
        <f t="shared" si="197"/>
        <v>210.28949999999998</v>
      </c>
    </row>
    <row r="12633" spans="1:3" x14ac:dyDescent="0.25">
      <c r="A12633" s="2" t="s">
        <v>4291</v>
      </c>
      <c r="B12633" s="6">
        <v>210306.15</v>
      </c>
      <c r="C12633" s="7">
        <f t="shared" si="197"/>
        <v>210.30615</v>
      </c>
    </row>
    <row r="12634" spans="1:3" x14ac:dyDescent="0.25">
      <c r="A12634" s="2" t="s">
        <v>4292</v>
      </c>
      <c r="B12634" s="6">
        <v>210322.8</v>
      </c>
      <c r="C12634" s="7">
        <f t="shared" si="197"/>
        <v>210.3228</v>
      </c>
    </row>
    <row r="12635" spans="1:3" x14ac:dyDescent="0.25">
      <c r="A12635" s="2" t="s">
        <v>4293</v>
      </c>
      <c r="B12635" s="6">
        <v>210339.44999999998</v>
      </c>
      <c r="C12635" s="7">
        <f t="shared" si="197"/>
        <v>210.33944999999997</v>
      </c>
    </row>
    <row r="12636" spans="1:3" x14ac:dyDescent="0.25">
      <c r="A12636" s="2" t="s">
        <v>4294</v>
      </c>
      <c r="B12636" s="6">
        <v>210356.09999999998</v>
      </c>
      <c r="C12636" s="7">
        <f t="shared" si="197"/>
        <v>210.35609999999997</v>
      </c>
    </row>
    <row r="12637" spans="1:3" x14ac:dyDescent="0.25">
      <c r="A12637" s="2" t="s">
        <v>4295</v>
      </c>
      <c r="B12637" s="6">
        <v>210372.74999999997</v>
      </c>
      <c r="C12637" s="7">
        <f t="shared" si="197"/>
        <v>210.37274999999997</v>
      </c>
    </row>
    <row r="12638" spans="1:3" x14ac:dyDescent="0.25">
      <c r="A12638" s="2" t="s">
        <v>4296</v>
      </c>
      <c r="B12638" s="6">
        <v>210389.4</v>
      </c>
      <c r="C12638" s="7">
        <f t="shared" si="197"/>
        <v>210.38939999999999</v>
      </c>
    </row>
    <row r="12639" spans="1:3" x14ac:dyDescent="0.25">
      <c r="A12639" s="2" t="s">
        <v>4297</v>
      </c>
      <c r="B12639" s="6">
        <v>210406.05</v>
      </c>
      <c r="C12639" s="7">
        <f t="shared" si="197"/>
        <v>210.40604999999999</v>
      </c>
    </row>
    <row r="12640" spans="1:3" x14ac:dyDescent="0.25">
      <c r="A12640" s="2" t="s">
        <v>4298</v>
      </c>
      <c r="B12640" s="6">
        <v>210422.69999999998</v>
      </c>
      <c r="C12640" s="7">
        <f t="shared" si="197"/>
        <v>210.42269999999999</v>
      </c>
    </row>
    <row r="12641" spans="1:3" x14ac:dyDescent="0.25">
      <c r="A12641" s="2" t="s">
        <v>4299</v>
      </c>
      <c r="B12641" s="6">
        <v>210439.34999999998</v>
      </c>
      <c r="C12641" s="7">
        <f t="shared" si="197"/>
        <v>210.43934999999999</v>
      </c>
    </row>
    <row r="12642" spans="1:3" x14ac:dyDescent="0.25">
      <c r="A12642" s="2" t="s">
        <v>4300</v>
      </c>
      <c r="B12642" s="6">
        <v>210455.99999999997</v>
      </c>
      <c r="C12642" s="7">
        <f t="shared" si="197"/>
        <v>210.45599999999996</v>
      </c>
    </row>
    <row r="12643" spans="1:3" x14ac:dyDescent="0.25">
      <c r="A12643" s="2" t="s">
        <v>4301</v>
      </c>
      <c r="B12643" s="6">
        <v>210472.65</v>
      </c>
      <c r="C12643" s="7">
        <f t="shared" si="197"/>
        <v>210.47264999999999</v>
      </c>
    </row>
    <row r="12644" spans="1:3" x14ac:dyDescent="0.25">
      <c r="A12644" s="2" t="s">
        <v>4302</v>
      </c>
      <c r="B12644" s="6">
        <v>210489.3</v>
      </c>
      <c r="C12644" s="7">
        <f t="shared" si="197"/>
        <v>210.48929999999999</v>
      </c>
    </row>
    <row r="12645" spans="1:3" x14ac:dyDescent="0.25">
      <c r="A12645" s="2" t="s">
        <v>4303</v>
      </c>
      <c r="B12645" s="6">
        <v>210505.94999999998</v>
      </c>
      <c r="C12645" s="7">
        <f t="shared" si="197"/>
        <v>210.50594999999998</v>
      </c>
    </row>
    <row r="12646" spans="1:3" x14ac:dyDescent="0.25">
      <c r="A12646" s="2" t="s">
        <v>4304</v>
      </c>
      <c r="B12646" s="6">
        <v>210522.59999999998</v>
      </c>
      <c r="C12646" s="7">
        <f t="shared" si="197"/>
        <v>210.52259999999998</v>
      </c>
    </row>
    <row r="12647" spans="1:3" x14ac:dyDescent="0.25">
      <c r="A12647" s="2" t="s">
        <v>4305</v>
      </c>
      <c r="B12647" s="6">
        <v>210539.24999999997</v>
      </c>
      <c r="C12647" s="7">
        <f t="shared" si="197"/>
        <v>210.53924999999998</v>
      </c>
    </row>
    <row r="12648" spans="1:3" x14ac:dyDescent="0.25">
      <c r="A12648" s="2" t="s">
        <v>4306</v>
      </c>
      <c r="B12648" s="6">
        <v>210555.9</v>
      </c>
      <c r="C12648" s="7">
        <f t="shared" si="197"/>
        <v>210.55590000000001</v>
      </c>
    </row>
    <row r="12649" spans="1:3" x14ac:dyDescent="0.25">
      <c r="A12649" s="2" t="s">
        <v>4307</v>
      </c>
      <c r="B12649" s="6">
        <v>210572.55</v>
      </c>
      <c r="C12649" s="7">
        <f t="shared" si="197"/>
        <v>210.57254999999998</v>
      </c>
    </row>
    <row r="12650" spans="1:3" x14ac:dyDescent="0.25">
      <c r="A12650" s="2" t="s">
        <v>4308</v>
      </c>
      <c r="B12650" s="6">
        <v>210589.19999999998</v>
      </c>
      <c r="C12650" s="7">
        <f t="shared" si="197"/>
        <v>210.58919999999998</v>
      </c>
    </row>
    <row r="12651" spans="1:3" x14ac:dyDescent="0.25">
      <c r="A12651" s="2" t="s">
        <v>4309</v>
      </c>
      <c r="B12651" s="6">
        <v>210605.84999999998</v>
      </c>
      <c r="C12651" s="7">
        <f t="shared" si="197"/>
        <v>210.60584999999998</v>
      </c>
    </row>
    <row r="12652" spans="1:3" x14ac:dyDescent="0.25">
      <c r="A12652" s="2" t="s">
        <v>4310</v>
      </c>
      <c r="B12652" s="6">
        <v>210622.49999999997</v>
      </c>
      <c r="C12652" s="7">
        <f t="shared" si="197"/>
        <v>210.62249999999997</v>
      </c>
    </row>
    <row r="12653" spans="1:3" x14ac:dyDescent="0.25">
      <c r="A12653" s="2" t="s">
        <v>4311</v>
      </c>
      <c r="B12653" s="6">
        <v>210639.15</v>
      </c>
      <c r="C12653" s="7">
        <f t="shared" si="197"/>
        <v>210.63915</v>
      </c>
    </row>
    <row r="12654" spans="1:3" x14ac:dyDescent="0.25">
      <c r="A12654" s="2" t="s">
        <v>4312</v>
      </c>
      <c r="B12654" s="6">
        <v>210655.8</v>
      </c>
      <c r="C12654" s="7">
        <f t="shared" si="197"/>
        <v>210.6558</v>
      </c>
    </row>
    <row r="12655" spans="1:3" x14ac:dyDescent="0.25">
      <c r="A12655" s="2" t="s">
        <v>4313</v>
      </c>
      <c r="B12655" s="6">
        <v>210672.44999999998</v>
      </c>
      <c r="C12655" s="7">
        <f t="shared" si="197"/>
        <v>210.67244999999997</v>
      </c>
    </row>
    <row r="12656" spans="1:3" x14ac:dyDescent="0.25">
      <c r="A12656" s="2" t="s">
        <v>4314</v>
      </c>
      <c r="B12656" s="6">
        <v>210689.09999999998</v>
      </c>
      <c r="C12656" s="7">
        <f t="shared" si="197"/>
        <v>210.68909999999997</v>
      </c>
    </row>
    <row r="12657" spans="1:3" x14ac:dyDescent="0.25">
      <c r="A12657" s="2" t="s">
        <v>4315</v>
      </c>
      <c r="B12657" s="6">
        <v>210705.74999999997</v>
      </c>
      <c r="C12657" s="7">
        <f t="shared" si="197"/>
        <v>210.70574999999997</v>
      </c>
    </row>
    <row r="12658" spans="1:3" x14ac:dyDescent="0.25">
      <c r="A12658" s="2" t="s">
        <v>4316</v>
      </c>
      <c r="B12658" s="6">
        <v>210722.4</v>
      </c>
      <c r="C12658" s="7">
        <f t="shared" si="197"/>
        <v>210.72239999999999</v>
      </c>
    </row>
    <row r="12659" spans="1:3" x14ac:dyDescent="0.25">
      <c r="A12659" s="2" t="s">
        <v>4317</v>
      </c>
      <c r="B12659" s="6">
        <v>210739.05</v>
      </c>
      <c r="C12659" s="7">
        <f t="shared" si="197"/>
        <v>210.73904999999999</v>
      </c>
    </row>
    <row r="12660" spans="1:3" x14ac:dyDescent="0.25">
      <c r="A12660" s="2" t="s">
        <v>4318</v>
      </c>
      <c r="B12660" s="6">
        <v>210755.69999999998</v>
      </c>
      <c r="C12660" s="7">
        <f t="shared" si="197"/>
        <v>210.75569999999999</v>
      </c>
    </row>
    <row r="12661" spans="1:3" x14ac:dyDescent="0.25">
      <c r="A12661" s="2" t="s">
        <v>4319</v>
      </c>
      <c r="B12661" s="6">
        <v>210772.34999999998</v>
      </c>
      <c r="C12661" s="7">
        <f t="shared" si="197"/>
        <v>210.77234999999999</v>
      </c>
    </row>
    <row r="12662" spans="1:3" x14ac:dyDescent="0.25">
      <c r="A12662" s="2" t="s">
        <v>4320</v>
      </c>
      <c r="B12662" s="6">
        <v>210788.99999999997</v>
      </c>
      <c r="C12662" s="7">
        <f t="shared" si="197"/>
        <v>210.78899999999996</v>
      </c>
    </row>
    <row r="12663" spans="1:3" x14ac:dyDescent="0.25">
      <c r="A12663" s="2" t="s">
        <v>4321</v>
      </c>
      <c r="B12663" s="6">
        <v>210805.65</v>
      </c>
      <c r="C12663" s="7">
        <f t="shared" si="197"/>
        <v>210.80564999999999</v>
      </c>
    </row>
    <row r="12664" spans="1:3" x14ac:dyDescent="0.25">
      <c r="A12664" s="2" t="s">
        <v>4322</v>
      </c>
      <c r="B12664" s="6">
        <v>210822.3</v>
      </c>
      <c r="C12664" s="7">
        <f t="shared" si="197"/>
        <v>210.82229999999998</v>
      </c>
    </row>
    <row r="12665" spans="1:3" x14ac:dyDescent="0.25">
      <c r="A12665" s="2" t="s">
        <v>4323</v>
      </c>
      <c r="B12665" s="6">
        <v>210838.94999999998</v>
      </c>
      <c r="C12665" s="7">
        <f t="shared" si="197"/>
        <v>210.83894999999998</v>
      </c>
    </row>
    <row r="12666" spans="1:3" x14ac:dyDescent="0.25">
      <c r="A12666" s="2" t="s">
        <v>4324</v>
      </c>
      <c r="B12666" s="6">
        <v>210855.59999999998</v>
      </c>
      <c r="C12666" s="7">
        <f t="shared" si="197"/>
        <v>210.85559999999998</v>
      </c>
    </row>
    <row r="12667" spans="1:3" x14ac:dyDescent="0.25">
      <c r="A12667" s="2" t="s">
        <v>4325</v>
      </c>
      <c r="B12667" s="6">
        <v>210872.24999999997</v>
      </c>
      <c r="C12667" s="7">
        <f t="shared" si="197"/>
        <v>210.87224999999998</v>
      </c>
    </row>
    <row r="12668" spans="1:3" x14ac:dyDescent="0.25">
      <c r="A12668" s="2" t="s">
        <v>4326</v>
      </c>
      <c r="B12668" s="6">
        <v>210888.9</v>
      </c>
      <c r="C12668" s="7">
        <f t="shared" si="197"/>
        <v>210.88890000000001</v>
      </c>
    </row>
    <row r="12669" spans="1:3" x14ac:dyDescent="0.25">
      <c r="A12669" s="2" t="s">
        <v>4327</v>
      </c>
      <c r="B12669" s="6">
        <v>210905.55</v>
      </c>
      <c r="C12669" s="7">
        <f t="shared" si="197"/>
        <v>210.90554999999998</v>
      </c>
    </row>
    <row r="12670" spans="1:3" x14ac:dyDescent="0.25">
      <c r="A12670" s="2" t="s">
        <v>4328</v>
      </c>
      <c r="B12670" s="6">
        <v>210922.19999999998</v>
      </c>
      <c r="C12670" s="7">
        <f t="shared" si="197"/>
        <v>210.92219999999998</v>
      </c>
    </row>
    <row r="12671" spans="1:3" x14ac:dyDescent="0.25">
      <c r="A12671" s="2" t="s">
        <v>4329</v>
      </c>
      <c r="B12671" s="6">
        <v>210938.84999999998</v>
      </c>
      <c r="C12671" s="7">
        <f t="shared" si="197"/>
        <v>210.93884999999997</v>
      </c>
    </row>
    <row r="12672" spans="1:3" x14ac:dyDescent="0.25">
      <c r="A12672" s="2" t="s">
        <v>4330</v>
      </c>
      <c r="B12672" s="6">
        <v>210955.49999999997</v>
      </c>
      <c r="C12672" s="7">
        <f t="shared" si="197"/>
        <v>210.95549999999997</v>
      </c>
    </row>
    <row r="12673" spans="1:3" x14ac:dyDescent="0.25">
      <c r="A12673" s="2" t="s">
        <v>4331</v>
      </c>
      <c r="B12673" s="6">
        <v>210972.15</v>
      </c>
      <c r="C12673" s="7">
        <f t="shared" si="197"/>
        <v>210.97215</v>
      </c>
    </row>
    <row r="12674" spans="1:3" x14ac:dyDescent="0.25">
      <c r="A12674" s="2" t="s">
        <v>4332</v>
      </c>
      <c r="B12674" s="6">
        <v>210988.79999999999</v>
      </c>
      <c r="C12674" s="7">
        <f t="shared" si="197"/>
        <v>210.9888</v>
      </c>
    </row>
    <row r="12675" spans="1:3" x14ac:dyDescent="0.25">
      <c r="A12675" s="2" t="s">
        <v>4333</v>
      </c>
      <c r="B12675" s="6">
        <v>211005.44999999998</v>
      </c>
      <c r="C12675" s="7">
        <f t="shared" ref="C12675:C12738" si="198">B12675/1000</f>
        <v>211.00545</v>
      </c>
    </row>
    <row r="12676" spans="1:3" x14ac:dyDescent="0.25">
      <c r="A12676" s="2" t="s">
        <v>4334</v>
      </c>
      <c r="B12676" s="6">
        <v>211022.09999999998</v>
      </c>
      <c r="C12676" s="7">
        <f t="shared" si="198"/>
        <v>211.02209999999997</v>
      </c>
    </row>
    <row r="12677" spans="1:3" x14ac:dyDescent="0.25">
      <c r="A12677" s="2" t="s">
        <v>4335</v>
      </c>
      <c r="B12677" s="6">
        <v>211038.74999999997</v>
      </c>
      <c r="C12677" s="7">
        <f t="shared" si="198"/>
        <v>211.03874999999996</v>
      </c>
    </row>
    <row r="12678" spans="1:3" x14ac:dyDescent="0.25">
      <c r="A12678" s="2" t="s">
        <v>4336</v>
      </c>
      <c r="B12678" s="6">
        <v>211055.4</v>
      </c>
      <c r="C12678" s="7">
        <f t="shared" si="198"/>
        <v>211.05539999999999</v>
      </c>
    </row>
    <row r="12679" spans="1:3" x14ac:dyDescent="0.25">
      <c r="A12679" s="2" t="s">
        <v>4337</v>
      </c>
      <c r="B12679" s="6">
        <v>211072.05</v>
      </c>
      <c r="C12679" s="7">
        <f t="shared" si="198"/>
        <v>211.07204999999999</v>
      </c>
    </row>
    <row r="12680" spans="1:3" x14ac:dyDescent="0.25">
      <c r="A12680" s="2" t="s">
        <v>4338</v>
      </c>
      <c r="B12680" s="6">
        <v>211088.69999999998</v>
      </c>
      <c r="C12680" s="7">
        <f t="shared" si="198"/>
        <v>211.08869999999999</v>
      </c>
    </row>
    <row r="12681" spans="1:3" x14ac:dyDescent="0.25">
      <c r="A12681" s="2" t="s">
        <v>4339</v>
      </c>
      <c r="B12681" s="6">
        <v>211105.34999999998</v>
      </c>
      <c r="C12681" s="7">
        <f t="shared" si="198"/>
        <v>211.10534999999999</v>
      </c>
    </row>
    <row r="12682" spans="1:3" x14ac:dyDescent="0.25">
      <c r="A12682" s="2" t="s">
        <v>4340</v>
      </c>
      <c r="B12682" s="6">
        <v>211121.99999999997</v>
      </c>
      <c r="C12682" s="7">
        <f t="shared" si="198"/>
        <v>211.12199999999996</v>
      </c>
    </row>
    <row r="12683" spans="1:3" x14ac:dyDescent="0.25">
      <c r="A12683" s="2" t="s">
        <v>4341</v>
      </c>
      <c r="B12683" s="6">
        <v>211138.65</v>
      </c>
      <c r="C12683" s="7">
        <f t="shared" si="198"/>
        <v>211.13864999999998</v>
      </c>
    </row>
    <row r="12684" spans="1:3" x14ac:dyDescent="0.25">
      <c r="A12684" s="2" t="s">
        <v>4342</v>
      </c>
      <c r="B12684" s="6">
        <v>211155.3</v>
      </c>
      <c r="C12684" s="7">
        <f t="shared" si="198"/>
        <v>211.15529999999998</v>
      </c>
    </row>
    <row r="12685" spans="1:3" x14ac:dyDescent="0.25">
      <c r="A12685" s="2" t="s">
        <v>4343</v>
      </c>
      <c r="B12685" s="6">
        <v>211171.94999999998</v>
      </c>
      <c r="C12685" s="7">
        <f t="shared" si="198"/>
        <v>211.17194999999998</v>
      </c>
    </row>
    <row r="12686" spans="1:3" x14ac:dyDescent="0.25">
      <c r="A12686" s="2" t="s">
        <v>4344</v>
      </c>
      <c r="B12686" s="6">
        <v>211188.59999999998</v>
      </c>
      <c r="C12686" s="7">
        <f t="shared" si="198"/>
        <v>211.18859999999998</v>
      </c>
    </row>
    <row r="12687" spans="1:3" x14ac:dyDescent="0.25">
      <c r="A12687" s="2" t="s">
        <v>4345</v>
      </c>
      <c r="B12687" s="6">
        <v>211205.24999999997</v>
      </c>
      <c r="C12687" s="7">
        <f t="shared" si="198"/>
        <v>211.20524999999998</v>
      </c>
    </row>
    <row r="12688" spans="1:3" x14ac:dyDescent="0.25">
      <c r="A12688" s="2" t="s">
        <v>4346</v>
      </c>
      <c r="B12688" s="6">
        <v>211221.9</v>
      </c>
      <c r="C12688" s="7">
        <f t="shared" si="198"/>
        <v>211.22190000000001</v>
      </c>
    </row>
    <row r="12689" spans="1:3" x14ac:dyDescent="0.25">
      <c r="A12689" s="2" t="s">
        <v>4347</v>
      </c>
      <c r="B12689" s="6">
        <v>211238.55</v>
      </c>
      <c r="C12689" s="7">
        <f t="shared" si="198"/>
        <v>211.23854999999998</v>
      </c>
    </row>
    <row r="12690" spans="1:3" x14ac:dyDescent="0.25">
      <c r="A12690" s="2" t="s">
        <v>4348</v>
      </c>
      <c r="B12690" s="6">
        <v>211255.19999999998</v>
      </c>
      <c r="C12690" s="7">
        <f t="shared" si="198"/>
        <v>211.25519999999997</v>
      </c>
    </row>
    <row r="12691" spans="1:3" x14ac:dyDescent="0.25">
      <c r="A12691" s="2" t="s">
        <v>4349</v>
      </c>
      <c r="B12691" s="6">
        <v>211271.84999999998</v>
      </c>
      <c r="C12691" s="7">
        <f t="shared" si="198"/>
        <v>211.27184999999997</v>
      </c>
    </row>
    <row r="12692" spans="1:3" x14ac:dyDescent="0.25">
      <c r="A12692" s="2" t="s">
        <v>4350</v>
      </c>
      <c r="B12692" s="6">
        <v>211288.49999999997</v>
      </c>
      <c r="C12692" s="7">
        <f t="shared" si="198"/>
        <v>211.28849999999997</v>
      </c>
    </row>
    <row r="12693" spans="1:3" x14ac:dyDescent="0.25">
      <c r="A12693" s="2" t="s">
        <v>4351</v>
      </c>
      <c r="B12693" s="6">
        <v>211305.15</v>
      </c>
      <c r="C12693" s="7">
        <f t="shared" si="198"/>
        <v>211.30515</v>
      </c>
    </row>
    <row r="12694" spans="1:3" x14ac:dyDescent="0.25">
      <c r="A12694" s="2" t="s">
        <v>4352</v>
      </c>
      <c r="B12694" s="6">
        <v>211321.8</v>
      </c>
      <c r="C12694" s="7">
        <f t="shared" si="198"/>
        <v>211.3218</v>
      </c>
    </row>
    <row r="12695" spans="1:3" x14ac:dyDescent="0.25">
      <c r="A12695" s="2" t="s">
        <v>4353</v>
      </c>
      <c r="B12695" s="6">
        <v>211338.44999999998</v>
      </c>
      <c r="C12695" s="7">
        <f t="shared" si="198"/>
        <v>211.33844999999999</v>
      </c>
    </row>
    <row r="12696" spans="1:3" x14ac:dyDescent="0.25">
      <c r="A12696" s="2" t="s">
        <v>4354</v>
      </c>
      <c r="B12696" s="6">
        <v>211355.09999999998</v>
      </c>
      <c r="C12696" s="7">
        <f t="shared" si="198"/>
        <v>211.35509999999996</v>
      </c>
    </row>
    <row r="12697" spans="1:3" x14ac:dyDescent="0.25">
      <c r="A12697" s="2" t="s">
        <v>4355</v>
      </c>
      <c r="B12697" s="6">
        <v>211371.74999999997</v>
      </c>
      <c r="C12697" s="7">
        <f t="shared" si="198"/>
        <v>211.37174999999996</v>
      </c>
    </row>
    <row r="12698" spans="1:3" x14ac:dyDescent="0.25">
      <c r="A12698" s="2" t="s">
        <v>4356</v>
      </c>
      <c r="B12698" s="6">
        <v>211388.4</v>
      </c>
      <c r="C12698" s="7">
        <f t="shared" si="198"/>
        <v>211.38839999999999</v>
      </c>
    </row>
    <row r="12699" spans="1:3" x14ac:dyDescent="0.25">
      <c r="A12699" s="2" t="s">
        <v>4357</v>
      </c>
      <c r="B12699" s="6">
        <v>211405.05</v>
      </c>
      <c r="C12699" s="7">
        <f t="shared" si="198"/>
        <v>211.40504999999999</v>
      </c>
    </row>
    <row r="12700" spans="1:3" x14ac:dyDescent="0.25">
      <c r="A12700" s="2" t="s">
        <v>4358</v>
      </c>
      <c r="B12700" s="6">
        <v>211421.69999999998</v>
      </c>
      <c r="C12700" s="7">
        <f t="shared" si="198"/>
        <v>211.42169999999999</v>
      </c>
    </row>
    <row r="12701" spans="1:3" x14ac:dyDescent="0.25">
      <c r="A12701" s="2" t="s">
        <v>4359</v>
      </c>
      <c r="B12701" s="6">
        <v>211438.34999999998</v>
      </c>
      <c r="C12701" s="7">
        <f t="shared" si="198"/>
        <v>211.43834999999999</v>
      </c>
    </row>
    <row r="12702" spans="1:3" x14ac:dyDescent="0.25">
      <c r="A12702" s="2" t="s">
        <v>4360</v>
      </c>
      <c r="B12702" s="6">
        <v>211454.99999999997</v>
      </c>
      <c r="C12702" s="7">
        <f t="shared" si="198"/>
        <v>211.45499999999998</v>
      </c>
    </row>
    <row r="12703" spans="1:3" x14ac:dyDescent="0.25">
      <c r="A12703" s="2" t="s">
        <v>4361</v>
      </c>
      <c r="B12703" s="6">
        <v>211471.65</v>
      </c>
      <c r="C12703" s="7">
        <f t="shared" si="198"/>
        <v>211.47164999999998</v>
      </c>
    </row>
    <row r="12704" spans="1:3" x14ac:dyDescent="0.25">
      <c r="A12704" s="2" t="s">
        <v>4362</v>
      </c>
      <c r="B12704" s="6">
        <v>211488.3</v>
      </c>
      <c r="C12704" s="7">
        <f t="shared" si="198"/>
        <v>211.48829999999998</v>
      </c>
    </row>
    <row r="12705" spans="1:3" x14ac:dyDescent="0.25">
      <c r="A12705" s="2" t="s">
        <v>4363</v>
      </c>
      <c r="B12705" s="6">
        <v>211504.94999999998</v>
      </c>
      <c r="C12705" s="7">
        <f t="shared" si="198"/>
        <v>211.50494999999998</v>
      </c>
    </row>
    <row r="12706" spans="1:3" x14ac:dyDescent="0.25">
      <c r="A12706" s="2" t="s">
        <v>4364</v>
      </c>
      <c r="B12706" s="6">
        <v>211521.59999999998</v>
      </c>
      <c r="C12706" s="7">
        <f t="shared" si="198"/>
        <v>211.52159999999998</v>
      </c>
    </row>
    <row r="12707" spans="1:3" x14ac:dyDescent="0.25">
      <c r="A12707" s="2" t="s">
        <v>4365</v>
      </c>
      <c r="B12707" s="6">
        <v>211538.24999999997</v>
      </c>
      <c r="C12707" s="7">
        <f t="shared" si="198"/>
        <v>211.53824999999998</v>
      </c>
    </row>
    <row r="12708" spans="1:3" x14ac:dyDescent="0.25">
      <c r="A12708" s="2" t="s">
        <v>4366</v>
      </c>
      <c r="B12708" s="6">
        <v>211554.9</v>
      </c>
      <c r="C12708" s="7">
        <f t="shared" si="198"/>
        <v>211.5549</v>
      </c>
    </row>
    <row r="12709" spans="1:3" x14ac:dyDescent="0.25">
      <c r="A12709" s="2" t="s">
        <v>4367</v>
      </c>
      <c r="B12709" s="6">
        <v>211571.55</v>
      </c>
      <c r="C12709" s="7">
        <f t="shared" si="198"/>
        <v>211.57155</v>
      </c>
    </row>
    <row r="12710" spans="1:3" x14ac:dyDescent="0.25">
      <c r="A12710" s="2" t="s">
        <v>4368</v>
      </c>
      <c r="B12710" s="6">
        <v>211588.19999999998</v>
      </c>
      <c r="C12710" s="7">
        <f t="shared" si="198"/>
        <v>211.58819999999997</v>
      </c>
    </row>
    <row r="12711" spans="1:3" x14ac:dyDescent="0.25">
      <c r="A12711" s="2" t="s">
        <v>4369</v>
      </c>
      <c r="B12711" s="6">
        <v>211604.84999999998</v>
      </c>
      <c r="C12711" s="7">
        <f t="shared" si="198"/>
        <v>211.60484999999997</v>
      </c>
    </row>
    <row r="12712" spans="1:3" x14ac:dyDescent="0.25">
      <c r="A12712" s="2" t="s">
        <v>4370</v>
      </c>
      <c r="B12712" s="6">
        <v>211621.49999999997</v>
      </c>
      <c r="C12712" s="7">
        <f t="shared" si="198"/>
        <v>211.62149999999997</v>
      </c>
    </row>
    <row r="12713" spans="1:3" x14ac:dyDescent="0.25">
      <c r="A12713" s="2" t="s">
        <v>4371</v>
      </c>
      <c r="B12713" s="6">
        <v>211638.15</v>
      </c>
      <c r="C12713" s="7">
        <f t="shared" si="198"/>
        <v>211.63815</v>
      </c>
    </row>
    <row r="12714" spans="1:3" x14ac:dyDescent="0.25">
      <c r="A12714" s="2" t="s">
        <v>4372</v>
      </c>
      <c r="B12714" s="6">
        <v>211654.8</v>
      </c>
      <c r="C12714" s="7">
        <f t="shared" si="198"/>
        <v>211.65479999999999</v>
      </c>
    </row>
    <row r="12715" spans="1:3" x14ac:dyDescent="0.25">
      <c r="A12715" s="2" t="s">
        <v>4373</v>
      </c>
      <c r="B12715" s="6">
        <v>211671.44999999998</v>
      </c>
      <c r="C12715" s="7">
        <f t="shared" si="198"/>
        <v>211.67144999999999</v>
      </c>
    </row>
    <row r="12716" spans="1:3" x14ac:dyDescent="0.25">
      <c r="A12716" s="2" t="s">
        <v>4374</v>
      </c>
      <c r="B12716" s="6">
        <v>211688.09999999998</v>
      </c>
      <c r="C12716" s="7">
        <f t="shared" si="198"/>
        <v>211.68809999999996</v>
      </c>
    </row>
    <row r="12717" spans="1:3" x14ac:dyDescent="0.25">
      <c r="A12717" s="2" t="s">
        <v>4375</v>
      </c>
      <c r="B12717" s="6">
        <v>211704.74999999997</v>
      </c>
      <c r="C12717" s="7">
        <f t="shared" si="198"/>
        <v>211.70474999999996</v>
      </c>
    </row>
    <row r="12718" spans="1:3" x14ac:dyDescent="0.25">
      <c r="A12718" s="2" t="s">
        <v>4376</v>
      </c>
      <c r="B12718" s="6">
        <v>211721.4</v>
      </c>
      <c r="C12718" s="7">
        <f t="shared" si="198"/>
        <v>211.72139999999999</v>
      </c>
    </row>
    <row r="12719" spans="1:3" x14ac:dyDescent="0.25">
      <c r="A12719" s="2" t="s">
        <v>4377</v>
      </c>
      <c r="B12719" s="6">
        <v>211738.05</v>
      </c>
      <c r="C12719" s="7">
        <f t="shared" si="198"/>
        <v>211.73804999999999</v>
      </c>
    </row>
    <row r="12720" spans="1:3" x14ac:dyDescent="0.25">
      <c r="A12720" s="2" t="s">
        <v>4378</v>
      </c>
      <c r="B12720" s="6">
        <v>211754.69999999998</v>
      </c>
      <c r="C12720" s="7">
        <f t="shared" si="198"/>
        <v>211.75469999999999</v>
      </c>
    </row>
    <row r="12721" spans="1:3" x14ac:dyDescent="0.25">
      <c r="A12721" s="2" t="s">
        <v>4379</v>
      </c>
      <c r="B12721" s="6">
        <v>211771.34999999998</v>
      </c>
      <c r="C12721" s="7">
        <f t="shared" si="198"/>
        <v>211.77134999999998</v>
      </c>
    </row>
    <row r="12722" spans="1:3" x14ac:dyDescent="0.25">
      <c r="A12722" s="2" t="s">
        <v>4380</v>
      </c>
      <c r="B12722" s="6">
        <v>211787.99999999997</v>
      </c>
      <c r="C12722" s="7">
        <f t="shared" si="198"/>
        <v>211.78799999999998</v>
      </c>
    </row>
    <row r="12723" spans="1:3" x14ac:dyDescent="0.25">
      <c r="A12723" s="2" t="s">
        <v>4381</v>
      </c>
      <c r="B12723" s="6">
        <v>211804.65</v>
      </c>
      <c r="C12723" s="7">
        <f t="shared" si="198"/>
        <v>211.80464999999998</v>
      </c>
    </row>
    <row r="12724" spans="1:3" x14ac:dyDescent="0.25">
      <c r="A12724" s="2" t="s">
        <v>4382</v>
      </c>
      <c r="B12724" s="6">
        <v>211821.3</v>
      </c>
      <c r="C12724" s="7">
        <f t="shared" si="198"/>
        <v>211.82129999999998</v>
      </c>
    </row>
    <row r="12725" spans="1:3" x14ac:dyDescent="0.25">
      <c r="A12725" s="2" t="s">
        <v>4383</v>
      </c>
      <c r="B12725" s="6">
        <v>211837.94999999998</v>
      </c>
      <c r="C12725" s="7">
        <f t="shared" si="198"/>
        <v>211.83794999999998</v>
      </c>
    </row>
    <row r="12726" spans="1:3" x14ac:dyDescent="0.25">
      <c r="A12726" s="2" t="s">
        <v>4384</v>
      </c>
      <c r="B12726" s="6">
        <v>211854.59999999998</v>
      </c>
      <c r="C12726" s="7">
        <f t="shared" si="198"/>
        <v>211.85459999999998</v>
      </c>
    </row>
    <row r="12727" spans="1:3" x14ac:dyDescent="0.25">
      <c r="A12727" s="2" t="s">
        <v>4385</v>
      </c>
      <c r="B12727" s="6">
        <v>211871.24999999997</v>
      </c>
      <c r="C12727" s="7">
        <f t="shared" si="198"/>
        <v>211.87124999999997</v>
      </c>
    </row>
    <row r="12728" spans="1:3" x14ac:dyDescent="0.25">
      <c r="A12728" s="2" t="s">
        <v>4386</v>
      </c>
      <c r="B12728" s="6">
        <v>211887.9</v>
      </c>
      <c r="C12728" s="7">
        <f t="shared" si="198"/>
        <v>211.8879</v>
      </c>
    </row>
    <row r="12729" spans="1:3" x14ac:dyDescent="0.25">
      <c r="A12729" s="2" t="s">
        <v>4387</v>
      </c>
      <c r="B12729" s="6">
        <v>211904.55</v>
      </c>
      <c r="C12729" s="7">
        <f t="shared" si="198"/>
        <v>211.90455</v>
      </c>
    </row>
    <row r="12730" spans="1:3" x14ac:dyDescent="0.25">
      <c r="A12730" s="2" t="s">
        <v>4388</v>
      </c>
      <c r="B12730" s="6">
        <v>211921.19999999998</v>
      </c>
      <c r="C12730" s="7">
        <f t="shared" si="198"/>
        <v>211.92119999999997</v>
      </c>
    </row>
    <row r="12731" spans="1:3" x14ac:dyDescent="0.25">
      <c r="A12731" s="2" t="s">
        <v>4389</v>
      </c>
      <c r="B12731" s="6">
        <v>211937.84999999998</v>
      </c>
      <c r="C12731" s="7">
        <f t="shared" si="198"/>
        <v>211.93784999999997</v>
      </c>
    </row>
    <row r="12732" spans="1:3" x14ac:dyDescent="0.25">
      <c r="A12732" s="2" t="s">
        <v>4390</v>
      </c>
      <c r="B12732" s="6">
        <v>211954.49999999997</v>
      </c>
      <c r="C12732" s="7">
        <f t="shared" si="198"/>
        <v>211.95449999999997</v>
      </c>
    </row>
    <row r="12733" spans="1:3" x14ac:dyDescent="0.25">
      <c r="A12733" s="2" t="s">
        <v>4391</v>
      </c>
      <c r="B12733" s="6">
        <v>211971.15</v>
      </c>
      <c r="C12733" s="7">
        <f t="shared" si="198"/>
        <v>211.97114999999999</v>
      </c>
    </row>
    <row r="12734" spans="1:3" x14ac:dyDescent="0.25">
      <c r="A12734" s="2" t="s">
        <v>4392</v>
      </c>
      <c r="B12734" s="6">
        <v>211987.8</v>
      </c>
      <c r="C12734" s="7">
        <f t="shared" si="198"/>
        <v>211.98779999999999</v>
      </c>
    </row>
    <row r="12735" spans="1:3" x14ac:dyDescent="0.25">
      <c r="A12735" s="2" t="s">
        <v>4393</v>
      </c>
      <c r="B12735" s="6">
        <v>212004.44999999998</v>
      </c>
      <c r="C12735" s="7">
        <f t="shared" si="198"/>
        <v>212.00444999999999</v>
      </c>
    </row>
    <row r="12736" spans="1:3" x14ac:dyDescent="0.25">
      <c r="A12736" s="2" t="s">
        <v>4394</v>
      </c>
      <c r="B12736" s="6">
        <v>212021.09999999998</v>
      </c>
      <c r="C12736" s="7">
        <f t="shared" si="198"/>
        <v>212.02109999999999</v>
      </c>
    </row>
    <row r="12737" spans="1:3" x14ac:dyDescent="0.25">
      <c r="A12737" s="2" t="s">
        <v>4395</v>
      </c>
      <c r="B12737" s="6">
        <v>212037.74999999997</v>
      </c>
      <c r="C12737" s="7">
        <f t="shared" si="198"/>
        <v>212.03774999999996</v>
      </c>
    </row>
    <row r="12738" spans="1:3" x14ac:dyDescent="0.25">
      <c r="A12738" s="2" t="s">
        <v>4396</v>
      </c>
      <c r="B12738" s="6">
        <v>212054.39999999999</v>
      </c>
      <c r="C12738" s="7">
        <f t="shared" si="198"/>
        <v>212.05439999999999</v>
      </c>
    </row>
    <row r="12739" spans="1:3" x14ac:dyDescent="0.25">
      <c r="A12739" s="2" t="s">
        <v>4397</v>
      </c>
      <c r="B12739" s="6">
        <v>212071.05</v>
      </c>
      <c r="C12739" s="7">
        <f t="shared" ref="C12739:C12802" si="199">B12739/1000</f>
        <v>212.07104999999999</v>
      </c>
    </row>
    <row r="12740" spans="1:3" x14ac:dyDescent="0.25">
      <c r="A12740" s="2" t="s">
        <v>4398</v>
      </c>
      <c r="B12740" s="6">
        <v>212087.69999999998</v>
      </c>
      <c r="C12740" s="7">
        <f t="shared" si="199"/>
        <v>212.08769999999998</v>
      </c>
    </row>
    <row r="12741" spans="1:3" x14ac:dyDescent="0.25">
      <c r="A12741" s="2" t="s">
        <v>4399</v>
      </c>
      <c r="B12741" s="6">
        <v>212104.34999999998</v>
      </c>
      <c r="C12741" s="7">
        <f t="shared" si="199"/>
        <v>212.10434999999998</v>
      </c>
    </row>
    <row r="12742" spans="1:3" x14ac:dyDescent="0.25">
      <c r="A12742" s="2" t="s">
        <v>4400</v>
      </c>
      <c r="B12742" s="6">
        <v>212120.99999999997</v>
      </c>
      <c r="C12742" s="7">
        <f t="shared" si="199"/>
        <v>212.12099999999998</v>
      </c>
    </row>
    <row r="12743" spans="1:3" x14ac:dyDescent="0.25">
      <c r="A12743" s="2" t="s">
        <v>4401</v>
      </c>
      <c r="B12743" s="6">
        <v>212137.65</v>
      </c>
      <c r="C12743" s="7">
        <f t="shared" si="199"/>
        <v>212.13765000000001</v>
      </c>
    </row>
    <row r="12744" spans="1:3" x14ac:dyDescent="0.25">
      <c r="A12744" s="2" t="s">
        <v>4402</v>
      </c>
      <c r="B12744" s="6">
        <v>212154.3</v>
      </c>
      <c r="C12744" s="7">
        <f t="shared" si="199"/>
        <v>212.15429999999998</v>
      </c>
    </row>
    <row r="12745" spans="1:3" x14ac:dyDescent="0.25">
      <c r="A12745" s="2" t="s">
        <v>4403</v>
      </c>
      <c r="B12745" s="6">
        <v>212170.94999999998</v>
      </c>
      <c r="C12745" s="7">
        <f t="shared" si="199"/>
        <v>212.17094999999998</v>
      </c>
    </row>
    <row r="12746" spans="1:3" x14ac:dyDescent="0.25">
      <c r="A12746" s="2" t="s">
        <v>4404</v>
      </c>
      <c r="B12746" s="6">
        <v>212187.59999999998</v>
      </c>
      <c r="C12746" s="7">
        <f t="shared" si="199"/>
        <v>212.18759999999997</v>
      </c>
    </row>
    <row r="12747" spans="1:3" x14ac:dyDescent="0.25">
      <c r="A12747" s="2" t="s">
        <v>4405</v>
      </c>
      <c r="B12747" s="6">
        <v>212204.24999999997</v>
      </c>
      <c r="C12747" s="7">
        <f t="shared" si="199"/>
        <v>212.20424999999997</v>
      </c>
    </row>
    <row r="12748" spans="1:3" x14ac:dyDescent="0.25">
      <c r="A12748" s="2" t="s">
        <v>4406</v>
      </c>
      <c r="B12748" s="6">
        <v>212220.9</v>
      </c>
      <c r="C12748" s="7">
        <f t="shared" si="199"/>
        <v>212.2209</v>
      </c>
    </row>
    <row r="12749" spans="1:3" x14ac:dyDescent="0.25">
      <c r="A12749" s="2" t="s">
        <v>4407</v>
      </c>
      <c r="B12749" s="6">
        <v>212237.55</v>
      </c>
      <c r="C12749" s="7">
        <f t="shared" si="199"/>
        <v>212.23755</v>
      </c>
    </row>
    <row r="12750" spans="1:3" x14ac:dyDescent="0.25">
      <c r="A12750" s="2" t="s">
        <v>4408</v>
      </c>
      <c r="B12750" s="6">
        <v>212254.19999999998</v>
      </c>
      <c r="C12750" s="7">
        <f t="shared" si="199"/>
        <v>212.25419999999997</v>
      </c>
    </row>
    <row r="12751" spans="1:3" x14ac:dyDescent="0.25">
      <c r="A12751" s="2" t="s">
        <v>4409</v>
      </c>
      <c r="B12751" s="6">
        <v>212270.84999999998</v>
      </c>
      <c r="C12751" s="7">
        <f t="shared" si="199"/>
        <v>212.27084999999997</v>
      </c>
    </row>
    <row r="12752" spans="1:3" x14ac:dyDescent="0.25">
      <c r="A12752" s="2" t="s">
        <v>4410</v>
      </c>
      <c r="B12752" s="6">
        <v>212287.49999999997</v>
      </c>
      <c r="C12752" s="7">
        <f t="shared" si="199"/>
        <v>212.28749999999997</v>
      </c>
    </row>
    <row r="12753" spans="1:3" x14ac:dyDescent="0.25">
      <c r="A12753" s="2" t="s">
        <v>4411</v>
      </c>
      <c r="B12753" s="6">
        <v>212304.15</v>
      </c>
      <c r="C12753" s="7">
        <f t="shared" si="199"/>
        <v>212.30414999999999</v>
      </c>
    </row>
    <row r="12754" spans="1:3" x14ac:dyDescent="0.25">
      <c r="A12754" s="2" t="s">
        <v>4412</v>
      </c>
      <c r="B12754" s="6">
        <v>212320.8</v>
      </c>
      <c r="C12754" s="7">
        <f t="shared" si="199"/>
        <v>212.32079999999999</v>
      </c>
    </row>
    <row r="12755" spans="1:3" x14ac:dyDescent="0.25">
      <c r="A12755" s="2" t="s">
        <v>4413</v>
      </c>
      <c r="B12755" s="6">
        <v>212337.44999999998</v>
      </c>
      <c r="C12755" s="7">
        <f t="shared" si="199"/>
        <v>212.33744999999999</v>
      </c>
    </row>
    <row r="12756" spans="1:3" x14ac:dyDescent="0.25">
      <c r="A12756" s="2" t="s">
        <v>4414</v>
      </c>
      <c r="B12756" s="6">
        <v>212354.09999999998</v>
      </c>
      <c r="C12756" s="7">
        <f t="shared" si="199"/>
        <v>212.35409999999999</v>
      </c>
    </row>
    <row r="12757" spans="1:3" x14ac:dyDescent="0.25">
      <c r="A12757" s="2" t="s">
        <v>4415</v>
      </c>
      <c r="B12757" s="6">
        <v>212370.74999999997</v>
      </c>
      <c r="C12757" s="7">
        <f t="shared" si="199"/>
        <v>212.37074999999996</v>
      </c>
    </row>
    <row r="12758" spans="1:3" x14ac:dyDescent="0.25">
      <c r="A12758" s="2" t="s">
        <v>4416</v>
      </c>
      <c r="B12758" s="6">
        <v>212387.4</v>
      </c>
      <c r="C12758" s="7">
        <f t="shared" si="199"/>
        <v>212.38739999999999</v>
      </c>
    </row>
    <row r="12759" spans="1:3" x14ac:dyDescent="0.25">
      <c r="A12759" s="2" t="s">
        <v>4417</v>
      </c>
      <c r="B12759" s="6">
        <v>212404.05</v>
      </c>
      <c r="C12759" s="7">
        <f t="shared" si="199"/>
        <v>212.40404999999998</v>
      </c>
    </row>
    <row r="12760" spans="1:3" x14ac:dyDescent="0.25">
      <c r="A12760" s="2" t="s">
        <v>4418</v>
      </c>
      <c r="B12760" s="6">
        <v>212420.69999999998</v>
      </c>
      <c r="C12760" s="7">
        <f t="shared" si="199"/>
        <v>212.42069999999998</v>
      </c>
    </row>
    <row r="12761" spans="1:3" x14ac:dyDescent="0.25">
      <c r="A12761" s="2" t="s">
        <v>4419</v>
      </c>
      <c r="B12761" s="6">
        <v>212437.34999999998</v>
      </c>
      <c r="C12761" s="7">
        <f t="shared" si="199"/>
        <v>212.43734999999998</v>
      </c>
    </row>
    <row r="12762" spans="1:3" x14ac:dyDescent="0.25">
      <c r="A12762" s="2" t="s">
        <v>4420</v>
      </c>
      <c r="B12762" s="6">
        <v>212453.99999999997</v>
      </c>
      <c r="C12762" s="7">
        <f t="shared" si="199"/>
        <v>212.45399999999998</v>
      </c>
    </row>
    <row r="12763" spans="1:3" x14ac:dyDescent="0.25">
      <c r="A12763" s="2" t="s">
        <v>4421</v>
      </c>
      <c r="B12763" s="6">
        <v>212470.65</v>
      </c>
      <c r="C12763" s="7">
        <f t="shared" si="199"/>
        <v>212.47065000000001</v>
      </c>
    </row>
    <row r="12764" spans="1:3" x14ac:dyDescent="0.25">
      <c r="A12764" s="2" t="s">
        <v>4422</v>
      </c>
      <c r="B12764" s="6">
        <v>212487.3</v>
      </c>
      <c r="C12764" s="7">
        <f t="shared" si="199"/>
        <v>212.48729999999998</v>
      </c>
    </row>
    <row r="12765" spans="1:3" x14ac:dyDescent="0.25">
      <c r="A12765" s="2" t="s">
        <v>4423</v>
      </c>
      <c r="B12765" s="6">
        <v>212503.94999999998</v>
      </c>
      <c r="C12765" s="7">
        <f t="shared" si="199"/>
        <v>212.50394999999997</v>
      </c>
    </row>
    <row r="12766" spans="1:3" x14ac:dyDescent="0.25">
      <c r="A12766" s="2" t="s">
        <v>4424</v>
      </c>
      <c r="B12766" s="6">
        <v>212520.59999999998</v>
      </c>
      <c r="C12766" s="7">
        <f t="shared" si="199"/>
        <v>212.52059999999997</v>
      </c>
    </row>
    <row r="12767" spans="1:3" x14ac:dyDescent="0.25">
      <c r="A12767" s="2" t="s">
        <v>4425</v>
      </c>
      <c r="B12767" s="6">
        <v>212537.24999999997</v>
      </c>
      <c r="C12767" s="7">
        <f t="shared" si="199"/>
        <v>212.53724999999997</v>
      </c>
    </row>
    <row r="12768" spans="1:3" x14ac:dyDescent="0.25">
      <c r="A12768" s="2" t="s">
        <v>4426</v>
      </c>
      <c r="B12768" s="6">
        <v>212553.9</v>
      </c>
      <c r="C12768" s="7">
        <f t="shared" si="199"/>
        <v>212.5539</v>
      </c>
    </row>
    <row r="12769" spans="1:3" x14ac:dyDescent="0.25">
      <c r="A12769" s="2" t="s">
        <v>4427</v>
      </c>
      <c r="B12769" s="6">
        <v>212570.55</v>
      </c>
      <c r="C12769" s="7">
        <f t="shared" si="199"/>
        <v>212.57055</v>
      </c>
    </row>
    <row r="12770" spans="1:3" x14ac:dyDescent="0.25">
      <c r="A12770" s="2" t="s">
        <v>4428</v>
      </c>
      <c r="B12770" s="6">
        <v>212587.19999999998</v>
      </c>
      <c r="C12770" s="7">
        <f t="shared" si="199"/>
        <v>212.5872</v>
      </c>
    </row>
    <row r="12771" spans="1:3" x14ac:dyDescent="0.25">
      <c r="A12771" s="2" t="s">
        <v>4429</v>
      </c>
      <c r="B12771" s="6">
        <v>212603.84999999998</v>
      </c>
      <c r="C12771" s="7">
        <f t="shared" si="199"/>
        <v>212.60384999999997</v>
      </c>
    </row>
    <row r="12772" spans="1:3" x14ac:dyDescent="0.25">
      <c r="A12772" s="2" t="s">
        <v>4430</v>
      </c>
      <c r="B12772" s="6">
        <v>212620.49999999997</v>
      </c>
      <c r="C12772" s="7">
        <f t="shared" si="199"/>
        <v>212.62049999999996</v>
      </c>
    </row>
    <row r="12773" spans="1:3" x14ac:dyDescent="0.25">
      <c r="A12773" s="2" t="s">
        <v>4431</v>
      </c>
      <c r="B12773" s="6">
        <v>212637.15</v>
      </c>
      <c r="C12773" s="7">
        <f t="shared" si="199"/>
        <v>212.63714999999999</v>
      </c>
    </row>
    <row r="12774" spans="1:3" x14ac:dyDescent="0.25">
      <c r="A12774" s="2" t="s">
        <v>4432</v>
      </c>
      <c r="B12774" s="6">
        <v>212653.8</v>
      </c>
      <c r="C12774" s="7">
        <f t="shared" si="199"/>
        <v>212.65379999999999</v>
      </c>
    </row>
    <row r="12775" spans="1:3" x14ac:dyDescent="0.25">
      <c r="A12775" s="2" t="s">
        <v>4433</v>
      </c>
      <c r="B12775" s="6">
        <v>212670.44999999998</v>
      </c>
      <c r="C12775" s="7">
        <f t="shared" si="199"/>
        <v>212.67044999999999</v>
      </c>
    </row>
    <row r="12776" spans="1:3" x14ac:dyDescent="0.25">
      <c r="A12776" s="2" t="s">
        <v>4434</v>
      </c>
      <c r="B12776" s="6">
        <v>212687.09999999998</v>
      </c>
      <c r="C12776" s="7">
        <f t="shared" si="199"/>
        <v>212.68709999999999</v>
      </c>
    </row>
    <row r="12777" spans="1:3" x14ac:dyDescent="0.25">
      <c r="A12777" s="2" t="s">
        <v>4435</v>
      </c>
      <c r="B12777" s="6">
        <v>212703.74999999997</v>
      </c>
      <c r="C12777" s="7">
        <f t="shared" si="199"/>
        <v>212.70374999999996</v>
      </c>
    </row>
    <row r="12778" spans="1:3" x14ac:dyDescent="0.25">
      <c r="A12778" s="2" t="s">
        <v>4436</v>
      </c>
      <c r="B12778" s="6">
        <v>212720.4</v>
      </c>
      <c r="C12778" s="7">
        <f t="shared" si="199"/>
        <v>212.72039999999998</v>
      </c>
    </row>
    <row r="12779" spans="1:3" x14ac:dyDescent="0.25">
      <c r="A12779" s="2" t="s">
        <v>4437</v>
      </c>
      <c r="B12779" s="6">
        <v>212737.05</v>
      </c>
      <c r="C12779" s="7">
        <f t="shared" si="199"/>
        <v>212.73704999999998</v>
      </c>
    </row>
    <row r="12780" spans="1:3" x14ac:dyDescent="0.25">
      <c r="A12780" s="2" t="s">
        <v>4438</v>
      </c>
      <c r="B12780" s="6">
        <v>212753.69999999998</v>
      </c>
      <c r="C12780" s="7">
        <f t="shared" si="199"/>
        <v>212.75369999999998</v>
      </c>
    </row>
    <row r="12781" spans="1:3" x14ac:dyDescent="0.25">
      <c r="A12781" s="2" t="s">
        <v>4439</v>
      </c>
      <c r="B12781" s="6">
        <v>212770.34999999998</v>
      </c>
      <c r="C12781" s="7">
        <f t="shared" si="199"/>
        <v>212.77034999999998</v>
      </c>
    </row>
    <row r="12782" spans="1:3" x14ac:dyDescent="0.25">
      <c r="A12782" s="2" t="s">
        <v>4440</v>
      </c>
      <c r="B12782" s="6">
        <v>212786.99999999997</v>
      </c>
      <c r="C12782" s="7">
        <f t="shared" si="199"/>
        <v>212.78699999999998</v>
      </c>
    </row>
    <row r="12783" spans="1:3" x14ac:dyDescent="0.25">
      <c r="A12783" s="2" t="s">
        <v>4441</v>
      </c>
      <c r="B12783" s="6">
        <v>212803.65</v>
      </c>
      <c r="C12783" s="7">
        <f t="shared" si="199"/>
        <v>212.80365</v>
      </c>
    </row>
    <row r="12784" spans="1:3" x14ac:dyDescent="0.25">
      <c r="A12784" s="2" t="s">
        <v>4442</v>
      </c>
      <c r="B12784" s="6">
        <v>212820.3</v>
      </c>
      <c r="C12784" s="7">
        <f t="shared" si="199"/>
        <v>212.82029999999997</v>
      </c>
    </row>
    <row r="12785" spans="1:3" x14ac:dyDescent="0.25">
      <c r="A12785" s="2" t="s">
        <v>4443</v>
      </c>
      <c r="B12785" s="6">
        <v>212836.94999999998</v>
      </c>
      <c r="C12785" s="7">
        <f t="shared" si="199"/>
        <v>212.83694999999997</v>
      </c>
    </row>
    <row r="12786" spans="1:3" x14ac:dyDescent="0.25">
      <c r="A12786" s="2" t="s">
        <v>4444</v>
      </c>
      <c r="B12786" s="6">
        <v>212853.59999999998</v>
      </c>
      <c r="C12786" s="7">
        <f t="shared" si="199"/>
        <v>212.85359999999997</v>
      </c>
    </row>
    <row r="12787" spans="1:3" x14ac:dyDescent="0.25">
      <c r="A12787" s="2" t="s">
        <v>4445</v>
      </c>
      <c r="B12787" s="6">
        <v>212870.24999999997</v>
      </c>
      <c r="C12787" s="7">
        <f t="shared" si="199"/>
        <v>212.87024999999997</v>
      </c>
    </row>
    <row r="12788" spans="1:3" x14ac:dyDescent="0.25">
      <c r="A12788" s="2" t="s">
        <v>4446</v>
      </c>
      <c r="B12788" s="6">
        <v>212886.9</v>
      </c>
      <c r="C12788" s="7">
        <f t="shared" si="199"/>
        <v>212.8869</v>
      </c>
    </row>
    <row r="12789" spans="1:3" x14ac:dyDescent="0.25">
      <c r="A12789" s="2" t="s">
        <v>4447</v>
      </c>
      <c r="B12789" s="6">
        <v>212903.55</v>
      </c>
      <c r="C12789" s="7">
        <f t="shared" si="199"/>
        <v>212.90355</v>
      </c>
    </row>
    <row r="12790" spans="1:3" x14ac:dyDescent="0.25">
      <c r="A12790" s="2" t="s">
        <v>4448</v>
      </c>
      <c r="B12790" s="6">
        <v>212920.19999999998</v>
      </c>
      <c r="C12790" s="7">
        <f t="shared" si="199"/>
        <v>212.92019999999999</v>
      </c>
    </row>
    <row r="12791" spans="1:3" x14ac:dyDescent="0.25">
      <c r="A12791" s="2" t="s">
        <v>4449</v>
      </c>
      <c r="B12791" s="6">
        <v>212936.84999999998</v>
      </c>
      <c r="C12791" s="7">
        <f t="shared" si="199"/>
        <v>212.93684999999996</v>
      </c>
    </row>
    <row r="12792" spans="1:3" x14ac:dyDescent="0.25">
      <c r="A12792" s="2" t="s">
        <v>4450</v>
      </c>
      <c r="B12792" s="6">
        <v>212953.49999999997</v>
      </c>
      <c r="C12792" s="7">
        <f t="shared" si="199"/>
        <v>212.95349999999996</v>
      </c>
    </row>
    <row r="12793" spans="1:3" x14ac:dyDescent="0.25">
      <c r="A12793" s="2" t="s">
        <v>4451</v>
      </c>
      <c r="B12793" s="6">
        <v>212970.15</v>
      </c>
      <c r="C12793" s="7">
        <f t="shared" si="199"/>
        <v>212.97014999999999</v>
      </c>
    </row>
    <row r="12794" spans="1:3" x14ac:dyDescent="0.25">
      <c r="A12794" s="2" t="s">
        <v>4452</v>
      </c>
      <c r="B12794" s="6">
        <v>212986.8</v>
      </c>
      <c r="C12794" s="7">
        <f t="shared" si="199"/>
        <v>212.98679999999999</v>
      </c>
    </row>
    <row r="12795" spans="1:3" x14ac:dyDescent="0.25">
      <c r="A12795" s="2" t="s">
        <v>4453</v>
      </c>
      <c r="B12795" s="6">
        <v>213003.44999999998</v>
      </c>
      <c r="C12795" s="7">
        <f t="shared" si="199"/>
        <v>213.00344999999999</v>
      </c>
    </row>
    <row r="12796" spans="1:3" x14ac:dyDescent="0.25">
      <c r="A12796" s="2" t="s">
        <v>4454</v>
      </c>
      <c r="B12796" s="6">
        <v>213020.09999999998</v>
      </c>
      <c r="C12796" s="7">
        <f t="shared" si="199"/>
        <v>213.02009999999999</v>
      </c>
    </row>
    <row r="12797" spans="1:3" x14ac:dyDescent="0.25">
      <c r="A12797" s="2" t="s">
        <v>4455</v>
      </c>
      <c r="B12797" s="6">
        <v>213036.74999999997</v>
      </c>
      <c r="C12797" s="7">
        <f t="shared" si="199"/>
        <v>213.03674999999998</v>
      </c>
    </row>
    <row r="12798" spans="1:3" x14ac:dyDescent="0.25">
      <c r="A12798" s="2" t="s">
        <v>4456</v>
      </c>
      <c r="B12798" s="6">
        <v>213053.4</v>
      </c>
      <c r="C12798" s="7">
        <f t="shared" si="199"/>
        <v>213.05339999999998</v>
      </c>
    </row>
    <row r="12799" spans="1:3" x14ac:dyDescent="0.25">
      <c r="A12799" s="2" t="s">
        <v>4457</v>
      </c>
      <c r="B12799" s="6">
        <v>213070.05</v>
      </c>
      <c r="C12799" s="7">
        <f t="shared" si="199"/>
        <v>213.07004999999998</v>
      </c>
    </row>
    <row r="12800" spans="1:3" x14ac:dyDescent="0.25">
      <c r="A12800" s="2" t="s">
        <v>4458</v>
      </c>
      <c r="B12800" s="6">
        <v>213086.69999999998</v>
      </c>
      <c r="C12800" s="7">
        <f t="shared" si="199"/>
        <v>213.08669999999998</v>
      </c>
    </row>
    <row r="12801" spans="1:3" x14ac:dyDescent="0.25">
      <c r="A12801" s="2" t="s">
        <v>4459</v>
      </c>
      <c r="B12801" s="6">
        <v>213103.34999999998</v>
      </c>
      <c r="C12801" s="7">
        <f t="shared" si="199"/>
        <v>213.10334999999998</v>
      </c>
    </row>
    <row r="12802" spans="1:3" x14ac:dyDescent="0.25">
      <c r="A12802" s="2" t="s">
        <v>4460</v>
      </c>
      <c r="B12802" s="6">
        <v>213119.99999999997</v>
      </c>
      <c r="C12802" s="7">
        <f t="shared" si="199"/>
        <v>213.11999999999998</v>
      </c>
    </row>
    <row r="12803" spans="1:3" x14ac:dyDescent="0.25">
      <c r="A12803" s="2" t="s">
        <v>4461</v>
      </c>
      <c r="B12803" s="6">
        <v>213136.65</v>
      </c>
      <c r="C12803" s="7">
        <f t="shared" ref="C12803:C12866" si="200">B12803/1000</f>
        <v>213.13665</v>
      </c>
    </row>
    <row r="12804" spans="1:3" x14ac:dyDescent="0.25">
      <c r="A12804" s="2" t="s">
        <v>4462</v>
      </c>
      <c r="B12804" s="6">
        <v>213153.3</v>
      </c>
      <c r="C12804" s="7">
        <f t="shared" si="200"/>
        <v>213.1533</v>
      </c>
    </row>
    <row r="12805" spans="1:3" x14ac:dyDescent="0.25">
      <c r="A12805" s="2" t="s">
        <v>4463</v>
      </c>
      <c r="B12805" s="6">
        <v>213169.94999999998</v>
      </c>
      <c r="C12805" s="7">
        <f t="shared" si="200"/>
        <v>213.16994999999997</v>
      </c>
    </row>
    <row r="12806" spans="1:3" x14ac:dyDescent="0.25">
      <c r="A12806" s="2" t="s">
        <v>4464</v>
      </c>
      <c r="B12806" s="6">
        <v>213186.59999999998</v>
      </c>
      <c r="C12806" s="7">
        <f t="shared" si="200"/>
        <v>213.18659999999997</v>
      </c>
    </row>
    <row r="12807" spans="1:3" x14ac:dyDescent="0.25">
      <c r="A12807" s="2" t="s">
        <v>4465</v>
      </c>
      <c r="B12807" s="6">
        <v>213203.24999999997</v>
      </c>
      <c r="C12807" s="7">
        <f t="shared" si="200"/>
        <v>213.20324999999997</v>
      </c>
    </row>
    <row r="12808" spans="1:3" x14ac:dyDescent="0.25">
      <c r="A12808" s="2" t="s">
        <v>4466</v>
      </c>
      <c r="B12808" s="6">
        <v>213219.9</v>
      </c>
      <c r="C12808" s="7">
        <f t="shared" si="200"/>
        <v>213.2199</v>
      </c>
    </row>
    <row r="12809" spans="1:3" x14ac:dyDescent="0.25">
      <c r="A12809" s="2" t="s">
        <v>4467</v>
      </c>
      <c r="B12809" s="6">
        <v>213236.55</v>
      </c>
      <c r="C12809" s="7">
        <f t="shared" si="200"/>
        <v>213.23654999999999</v>
      </c>
    </row>
    <row r="12810" spans="1:3" x14ac:dyDescent="0.25">
      <c r="A12810" s="2" t="s">
        <v>4468</v>
      </c>
      <c r="B12810" s="6">
        <v>213253.19999999998</v>
      </c>
      <c r="C12810" s="7">
        <f t="shared" si="200"/>
        <v>213.25319999999999</v>
      </c>
    </row>
    <row r="12811" spans="1:3" x14ac:dyDescent="0.25">
      <c r="A12811" s="2" t="s">
        <v>4469</v>
      </c>
      <c r="B12811" s="6">
        <v>213269.84999999998</v>
      </c>
      <c r="C12811" s="7">
        <f t="shared" si="200"/>
        <v>213.26984999999996</v>
      </c>
    </row>
    <row r="12812" spans="1:3" x14ac:dyDescent="0.25">
      <c r="A12812" s="2" t="s">
        <v>4470</v>
      </c>
      <c r="B12812" s="6">
        <v>213286.49999999997</v>
      </c>
      <c r="C12812" s="7">
        <f t="shared" si="200"/>
        <v>213.28649999999996</v>
      </c>
    </row>
    <row r="12813" spans="1:3" x14ac:dyDescent="0.25">
      <c r="A12813" s="2" t="s">
        <v>4471</v>
      </c>
      <c r="B12813" s="6">
        <v>213303.15</v>
      </c>
      <c r="C12813" s="7">
        <f t="shared" si="200"/>
        <v>213.30314999999999</v>
      </c>
    </row>
    <row r="12814" spans="1:3" x14ac:dyDescent="0.25">
      <c r="A12814" s="2" t="s">
        <v>4472</v>
      </c>
      <c r="B12814" s="6">
        <v>213319.8</v>
      </c>
      <c r="C12814" s="7">
        <f t="shared" si="200"/>
        <v>213.31979999999999</v>
      </c>
    </row>
    <row r="12815" spans="1:3" x14ac:dyDescent="0.25">
      <c r="A12815" s="2" t="s">
        <v>4473</v>
      </c>
      <c r="B12815" s="6">
        <v>213336.44999999998</v>
      </c>
      <c r="C12815" s="7">
        <f t="shared" si="200"/>
        <v>213.33644999999999</v>
      </c>
    </row>
    <row r="12816" spans="1:3" x14ac:dyDescent="0.25">
      <c r="A12816" s="2" t="s">
        <v>4474</v>
      </c>
      <c r="B12816" s="6">
        <v>213353.09999999998</v>
      </c>
      <c r="C12816" s="7">
        <f t="shared" si="200"/>
        <v>213.35309999999998</v>
      </c>
    </row>
    <row r="12817" spans="1:3" x14ac:dyDescent="0.25">
      <c r="A12817" s="2" t="s">
        <v>4475</v>
      </c>
      <c r="B12817" s="6">
        <v>213369.74999999997</v>
      </c>
      <c r="C12817" s="7">
        <f t="shared" si="200"/>
        <v>213.36974999999998</v>
      </c>
    </row>
    <row r="12818" spans="1:3" x14ac:dyDescent="0.25">
      <c r="A12818" s="2" t="s">
        <v>4476</v>
      </c>
      <c r="B12818" s="6">
        <v>213386.4</v>
      </c>
      <c r="C12818" s="7">
        <f t="shared" si="200"/>
        <v>213.38639999999998</v>
      </c>
    </row>
    <row r="12819" spans="1:3" x14ac:dyDescent="0.25">
      <c r="A12819" s="2" t="s">
        <v>4477</v>
      </c>
      <c r="B12819" s="6">
        <v>213403.05</v>
      </c>
      <c r="C12819" s="7">
        <f t="shared" si="200"/>
        <v>213.40304999999998</v>
      </c>
    </row>
    <row r="12820" spans="1:3" x14ac:dyDescent="0.25">
      <c r="A12820" s="2" t="s">
        <v>4478</v>
      </c>
      <c r="B12820" s="6">
        <v>213419.69999999998</v>
      </c>
      <c r="C12820" s="7">
        <f t="shared" si="200"/>
        <v>213.41969999999998</v>
      </c>
    </row>
    <row r="12821" spans="1:3" x14ac:dyDescent="0.25">
      <c r="A12821" s="2" t="s">
        <v>4479</v>
      </c>
      <c r="B12821" s="6">
        <v>213436.34999999998</v>
      </c>
      <c r="C12821" s="7">
        <f t="shared" si="200"/>
        <v>213.43634999999998</v>
      </c>
    </row>
    <row r="12822" spans="1:3" x14ac:dyDescent="0.25">
      <c r="A12822" s="2" t="s">
        <v>4480</v>
      </c>
      <c r="B12822" s="6">
        <v>213452.99999999997</v>
      </c>
      <c r="C12822" s="7">
        <f t="shared" si="200"/>
        <v>213.45299999999997</v>
      </c>
    </row>
    <row r="12823" spans="1:3" x14ac:dyDescent="0.25">
      <c r="A12823" s="2" t="s">
        <v>4481</v>
      </c>
      <c r="B12823" s="6">
        <v>213469.65</v>
      </c>
      <c r="C12823" s="7">
        <f t="shared" si="200"/>
        <v>213.46965</v>
      </c>
    </row>
    <row r="12824" spans="1:3" x14ac:dyDescent="0.25">
      <c r="A12824" s="2" t="s">
        <v>4482</v>
      </c>
      <c r="B12824" s="6">
        <v>213486.3</v>
      </c>
      <c r="C12824" s="7">
        <f t="shared" si="200"/>
        <v>213.4863</v>
      </c>
    </row>
    <row r="12825" spans="1:3" x14ac:dyDescent="0.25">
      <c r="A12825" s="2" t="s">
        <v>4483</v>
      </c>
      <c r="B12825" s="6">
        <v>213502.94999999998</v>
      </c>
      <c r="C12825" s="7">
        <f t="shared" si="200"/>
        <v>213.50294999999997</v>
      </c>
    </row>
    <row r="12826" spans="1:3" x14ac:dyDescent="0.25">
      <c r="A12826" s="2" t="s">
        <v>4484</v>
      </c>
      <c r="B12826" s="6">
        <v>213519.59999999998</v>
      </c>
      <c r="C12826" s="7">
        <f t="shared" si="200"/>
        <v>213.51959999999997</v>
      </c>
    </row>
    <row r="12827" spans="1:3" x14ac:dyDescent="0.25">
      <c r="A12827" s="2" t="s">
        <v>4485</v>
      </c>
      <c r="B12827" s="6">
        <v>213536.24999999997</v>
      </c>
      <c r="C12827" s="7">
        <f t="shared" si="200"/>
        <v>213.53624999999997</v>
      </c>
    </row>
    <row r="12828" spans="1:3" x14ac:dyDescent="0.25">
      <c r="A12828" s="2" t="s">
        <v>4486</v>
      </c>
      <c r="B12828" s="6">
        <v>213552.9</v>
      </c>
      <c r="C12828" s="7">
        <f t="shared" si="200"/>
        <v>213.55289999999999</v>
      </c>
    </row>
    <row r="12829" spans="1:3" x14ac:dyDescent="0.25">
      <c r="A12829" s="2" t="s">
        <v>4487</v>
      </c>
      <c r="B12829" s="6">
        <v>213569.55</v>
      </c>
      <c r="C12829" s="7">
        <f t="shared" si="200"/>
        <v>213.56954999999999</v>
      </c>
    </row>
    <row r="12830" spans="1:3" x14ac:dyDescent="0.25">
      <c r="A12830" s="2" t="s">
        <v>4488</v>
      </c>
      <c r="B12830" s="6">
        <v>213586.19999999998</v>
      </c>
      <c r="C12830" s="7">
        <f t="shared" si="200"/>
        <v>213.58619999999999</v>
      </c>
    </row>
    <row r="12831" spans="1:3" x14ac:dyDescent="0.25">
      <c r="A12831" s="2" t="s">
        <v>4489</v>
      </c>
      <c r="B12831" s="6">
        <v>213602.84999999998</v>
      </c>
      <c r="C12831" s="7">
        <f t="shared" si="200"/>
        <v>213.60284999999999</v>
      </c>
    </row>
    <row r="12832" spans="1:3" x14ac:dyDescent="0.25">
      <c r="A12832" s="2" t="s">
        <v>4490</v>
      </c>
      <c r="B12832" s="6">
        <v>213619.49999999997</v>
      </c>
      <c r="C12832" s="7">
        <f t="shared" si="200"/>
        <v>213.61949999999996</v>
      </c>
    </row>
    <row r="12833" spans="1:3" x14ac:dyDescent="0.25">
      <c r="A12833" s="2" t="s">
        <v>4491</v>
      </c>
      <c r="B12833" s="6">
        <v>213636.15</v>
      </c>
      <c r="C12833" s="7">
        <f t="shared" si="200"/>
        <v>213.63614999999999</v>
      </c>
    </row>
    <row r="12834" spans="1:3" x14ac:dyDescent="0.25">
      <c r="A12834" s="2" t="s">
        <v>4492</v>
      </c>
      <c r="B12834" s="6">
        <v>213652.8</v>
      </c>
      <c r="C12834" s="7">
        <f t="shared" si="200"/>
        <v>213.65279999999998</v>
      </c>
    </row>
    <row r="12835" spans="1:3" x14ac:dyDescent="0.25">
      <c r="A12835" s="2" t="s">
        <v>4493</v>
      </c>
      <c r="B12835" s="6">
        <v>213669.44999999998</v>
      </c>
      <c r="C12835" s="7">
        <f t="shared" si="200"/>
        <v>213.66944999999998</v>
      </c>
    </row>
    <row r="12836" spans="1:3" x14ac:dyDescent="0.25">
      <c r="A12836" s="2" t="s">
        <v>4494</v>
      </c>
      <c r="B12836" s="6">
        <v>213686.09999999998</v>
      </c>
      <c r="C12836" s="7">
        <f t="shared" si="200"/>
        <v>213.68609999999998</v>
      </c>
    </row>
    <row r="12837" spans="1:3" x14ac:dyDescent="0.25">
      <c r="A12837" s="2" t="s">
        <v>4495</v>
      </c>
      <c r="B12837" s="6">
        <v>213702.74999999997</v>
      </c>
      <c r="C12837" s="7">
        <f t="shared" si="200"/>
        <v>213.70274999999998</v>
      </c>
    </row>
    <row r="12838" spans="1:3" x14ac:dyDescent="0.25">
      <c r="A12838" s="2" t="s">
        <v>4496</v>
      </c>
      <c r="B12838" s="6">
        <v>213719.4</v>
      </c>
      <c r="C12838" s="7">
        <f t="shared" si="200"/>
        <v>213.71940000000001</v>
      </c>
    </row>
    <row r="12839" spans="1:3" x14ac:dyDescent="0.25">
      <c r="A12839" s="2" t="s">
        <v>4497</v>
      </c>
      <c r="B12839" s="6">
        <v>213736.05</v>
      </c>
      <c r="C12839" s="7">
        <f t="shared" si="200"/>
        <v>213.73604999999998</v>
      </c>
    </row>
    <row r="12840" spans="1:3" x14ac:dyDescent="0.25">
      <c r="A12840" s="2" t="s">
        <v>4498</v>
      </c>
      <c r="B12840" s="6">
        <v>213752.69999999998</v>
      </c>
      <c r="C12840" s="7">
        <f t="shared" si="200"/>
        <v>213.75269999999998</v>
      </c>
    </row>
    <row r="12841" spans="1:3" x14ac:dyDescent="0.25">
      <c r="A12841" s="2" t="s">
        <v>4499</v>
      </c>
      <c r="B12841" s="6">
        <v>213769.34999999998</v>
      </c>
      <c r="C12841" s="7">
        <f t="shared" si="200"/>
        <v>213.76934999999997</v>
      </c>
    </row>
    <row r="12842" spans="1:3" x14ac:dyDescent="0.25">
      <c r="A12842" s="2" t="s">
        <v>4500</v>
      </c>
      <c r="B12842" s="6">
        <v>213785.99999999997</v>
      </c>
      <c r="C12842" s="7">
        <f t="shared" si="200"/>
        <v>213.78599999999997</v>
      </c>
    </row>
    <row r="12843" spans="1:3" x14ac:dyDescent="0.25">
      <c r="A12843" s="2" t="s">
        <v>4501</v>
      </c>
      <c r="B12843" s="6">
        <v>213802.65</v>
      </c>
      <c r="C12843" s="7">
        <f t="shared" si="200"/>
        <v>213.80265</v>
      </c>
    </row>
    <row r="12844" spans="1:3" x14ac:dyDescent="0.25">
      <c r="A12844" s="2" t="s">
        <v>4502</v>
      </c>
      <c r="B12844" s="6">
        <v>213819.3</v>
      </c>
      <c r="C12844" s="7">
        <f t="shared" si="200"/>
        <v>213.8193</v>
      </c>
    </row>
    <row r="12845" spans="1:3" x14ac:dyDescent="0.25">
      <c r="A12845" s="2" t="s">
        <v>4503</v>
      </c>
      <c r="B12845" s="6">
        <v>213835.94999999998</v>
      </c>
      <c r="C12845" s="7">
        <f t="shared" si="200"/>
        <v>213.83594999999997</v>
      </c>
    </row>
    <row r="12846" spans="1:3" x14ac:dyDescent="0.25">
      <c r="A12846" s="2" t="s">
        <v>4504</v>
      </c>
      <c r="B12846" s="6">
        <v>213852.59999999998</v>
      </c>
      <c r="C12846" s="7">
        <f t="shared" si="200"/>
        <v>213.85259999999997</v>
      </c>
    </row>
    <row r="12847" spans="1:3" x14ac:dyDescent="0.25">
      <c r="A12847" s="2" t="s">
        <v>4505</v>
      </c>
      <c r="B12847" s="6">
        <v>213869.24999999997</v>
      </c>
      <c r="C12847" s="7">
        <f t="shared" si="200"/>
        <v>213.86924999999997</v>
      </c>
    </row>
    <row r="12848" spans="1:3" x14ac:dyDescent="0.25">
      <c r="A12848" s="2" t="s">
        <v>4506</v>
      </c>
      <c r="B12848" s="6">
        <v>213885.9</v>
      </c>
      <c r="C12848" s="7">
        <f t="shared" si="200"/>
        <v>213.88589999999999</v>
      </c>
    </row>
    <row r="12849" spans="1:3" x14ac:dyDescent="0.25">
      <c r="A12849" s="2" t="s">
        <v>4507</v>
      </c>
      <c r="B12849" s="6">
        <v>213902.55</v>
      </c>
      <c r="C12849" s="7">
        <f t="shared" si="200"/>
        <v>213.90254999999999</v>
      </c>
    </row>
    <row r="12850" spans="1:3" x14ac:dyDescent="0.25">
      <c r="A12850" s="2" t="s">
        <v>4508</v>
      </c>
      <c r="B12850" s="6">
        <v>213919.19999999998</v>
      </c>
      <c r="C12850" s="7">
        <f t="shared" si="200"/>
        <v>213.91919999999999</v>
      </c>
    </row>
    <row r="12851" spans="1:3" x14ac:dyDescent="0.25">
      <c r="A12851" s="2" t="s">
        <v>4509</v>
      </c>
      <c r="B12851" s="6">
        <v>213935.84999999998</v>
      </c>
      <c r="C12851" s="7">
        <f t="shared" si="200"/>
        <v>213.93584999999999</v>
      </c>
    </row>
    <row r="12852" spans="1:3" x14ac:dyDescent="0.25">
      <c r="A12852" s="2" t="s">
        <v>4510</v>
      </c>
      <c r="B12852" s="6">
        <v>213952.49999999997</v>
      </c>
      <c r="C12852" s="7">
        <f t="shared" si="200"/>
        <v>213.95249999999996</v>
      </c>
    </row>
    <row r="12853" spans="1:3" x14ac:dyDescent="0.25">
      <c r="A12853" s="2" t="s">
        <v>4511</v>
      </c>
      <c r="B12853" s="6">
        <v>213969.15</v>
      </c>
      <c r="C12853" s="7">
        <f t="shared" si="200"/>
        <v>213.96914999999998</v>
      </c>
    </row>
    <row r="12854" spans="1:3" x14ac:dyDescent="0.25">
      <c r="A12854" s="2" t="s">
        <v>4512</v>
      </c>
      <c r="B12854" s="6">
        <v>213985.8</v>
      </c>
      <c r="C12854" s="7">
        <f t="shared" si="200"/>
        <v>213.98579999999998</v>
      </c>
    </row>
    <row r="12855" spans="1:3" x14ac:dyDescent="0.25">
      <c r="A12855" s="2" t="s">
        <v>4513</v>
      </c>
      <c r="B12855" s="6">
        <v>214002.44999999998</v>
      </c>
      <c r="C12855" s="7">
        <f t="shared" si="200"/>
        <v>214.00244999999998</v>
      </c>
    </row>
    <row r="12856" spans="1:3" x14ac:dyDescent="0.25">
      <c r="A12856" s="2" t="s">
        <v>4514</v>
      </c>
      <c r="B12856" s="6">
        <v>214019.09999999998</v>
      </c>
      <c r="C12856" s="7">
        <f t="shared" si="200"/>
        <v>214.01909999999998</v>
      </c>
    </row>
    <row r="12857" spans="1:3" x14ac:dyDescent="0.25">
      <c r="A12857" s="2" t="s">
        <v>4515</v>
      </c>
      <c r="B12857" s="6">
        <v>214035.74999999997</v>
      </c>
      <c r="C12857" s="7">
        <f t="shared" si="200"/>
        <v>214.03574999999998</v>
      </c>
    </row>
    <row r="12858" spans="1:3" x14ac:dyDescent="0.25">
      <c r="A12858" s="2" t="s">
        <v>4516</v>
      </c>
      <c r="B12858" s="6">
        <v>214052.4</v>
      </c>
      <c r="C12858" s="7">
        <f t="shared" si="200"/>
        <v>214.05240000000001</v>
      </c>
    </row>
    <row r="12859" spans="1:3" x14ac:dyDescent="0.25">
      <c r="A12859" s="2" t="s">
        <v>4517</v>
      </c>
      <c r="B12859" s="6">
        <v>214069.05</v>
      </c>
      <c r="C12859" s="7">
        <f t="shared" si="200"/>
        <v>214.06904999999998</v>
      </c>
    </row>
    <row r="12860" spans="1:3" x14ac:dyDescent="0.25">
      <c r="A12860" s="2" t="s">
        <v>4518</v>
      </c>
      <c r="B12860" s="6">
        <v>214085.69999999998</v>
      </c>
      <c r="C12860" s="7">
        <f t="shared" si="200"/>
        <v>214.08569999999997</v>
      </c>
    </row>
    <row r="12861" spans="1:3" x14ac:dyDescent="0.25">
      <c r="A12861" s="2" t="s">
        <v>4519</v>
      </c>
      <c r="B12861" s="6">
        <v>214102.34999999998</v>
      </c>
      <c r="C12861" s="7">
        <f t="shared" si="200"/>
        <v>214.10234999999997</v>
      </c>
    </row>
    <row r="12862" spans="1:3" x14ac:dyDescent="0.25">
      <c r="A12862" s="2" t="s">
        <v>4520</v>
      </c>
      <c r="B12862" s="6">
        <v>214118.99999999997</v>
      </c>
      <c r="C12862" s="7">
        <f t="shared" si="200"/>
        <v>214.11899999999997</v>
      </c>
    </row>
    <row r="12863" spans="1:3" x14ac:dyDescent="0.25">
      <c r="A12863" s="2" t="s">
        <v>4521</v>
      </c>
      <c r="B12863" s="6">
        <v>214135.65</v>
      </c>
      <c r="C12863" s="7">
        <f t="shared" si="200"/>
        <v>214.13565</v>
      </c>
    </row>
    <row r="12864" spans="1:3" x14ac:dyDescent="0.25">
      <c r="A12864" s="2" t="s">
        <v>4522</v>
      </c>
      <c r="B12864" s="6">
        <v>214152.3</v>
      </c>
      <c r="C12864" s="7">
        <f t="shared" si="200"/>
        <v>214.1523</v>
      </c>
    </row>
    <row r="12865" spans="1:3" x14ac:dyDescent="0.25">
      <c r="A12865" s="2" t="s">
        <v>4523</v>
      </c>
      <c r="B12865" s="6">
        <v>214168.94999999998</v>
      </c>
      <c r="C12865" s="7">
        <f t="shared" si="200"/>
        <v>214.16895</v>
      </c>
    </row>
    <row r="12866" spans="1:3" x14ac:dyDescent="0.25">
      <c r="A12866" s="2" t="s">
        <v>4524</v>
      </c>
      <c r="B12866" s="6">
        <v>214185.59999999998</v>
      </c>
      <c r="C12866" s="7">
        <f t="shared" si="200"/>
        <v>214.18559999999997</v>
      </c>
    </row>
    <row r="12867" spans="1:3" x14ac:dyDescent="0.25">
      <c r="A12867" s="2" t="s">
        <v>4525</v>
      </c>
      <c r="B12867" s="6">
        <v>214202.24999999997</v>
      </c>
      <c r="C12867" s="7">
        <f t="shared" ref="C12867:C12930" si="201">B12867/1000</f>
        <v>214.20224999999996</v>
      </c>
    </row>
    <row r="12868" spans="1:3" x14ac:dyDescent="0.25">
      <c r="A12868" s="2" t="s">
        <v>4526</v>
      </c>
      <c r="B12868" s="6">
        <v>214218.9</v>
      </c>
      <c r="C12868" s="7">
        <f t="shared" si="201"/>
        <v>214.21889999999999</v>
      </c>
    </row>
    <row r="12869" spans="1:3" x14ac:dyDescent="0.25">
      <c r="A12869" s="2" t="s">
        <v>4527</v>
      </c>
      <c r="B12869" s="6">
        <v>214235.55</v>
      </c>
      <c r="C12869" s="7">
        <f t="shared" si="201"/>
        <v>214.23554999999999</v>
      </c>
    </row>
    <row r="12870" spans="1:3" x14ac:dyDescent="0.25">
      <c r="A12870" s="2" t="s">
        <v>4528</v>
      </c>
      <c r="B12870" s="6">
        <v>214252.19999999998</v>
      </c>
      <c r="C12870" s="7">
        <f t="shared" si="201"/>
        <v>214.25219999999999</v>
      </c>
    </row>
    <row r="12871" spans="1:3" x14ac:dyDescent="0.25">
      <c r="A12871" s="2" t="s">
        <v>4529</v>
      </c>
      <c r="B12871" s="6">
        <v>214268.84999999998</v>
      </c>
      <c r="C12871" s="7">
        <f t="shared" si="201"/>
        <v>214.26884999999999</v>
      </c>
    </row>
    <row r="12872" spans="1:3" x14ac:dyDescent="0.25">
      <c r="A12872" s="2" t="s">
        <v>4530</v>
      </c>
      <c r="B12872" s="6">
        <v>214285.49999999997</v>
      </c>
      <c r="C12872" s="7">
        <f t="shared" si="201"/>
        <v>214.28549999999998</v>
      </c>
    </row>
    <row r="12873" spans="1:3" x14ac:dyDescent="0.25">
      <c r="A12873" s="2" t="s">
        <v>4531</v>
      </c>
      <c r="B12873" s="6">
        <v>214302.15</v>
      </c>
      <c r="C12873" s="7">
        <f t="shared" si="201"/>
        <v>214.30214999999998</v>
      </c>
    </row>
    <row r="12874" spans="1:3" x14ac:dyDescent="0.25">
      <c r="A12874" s="2" t="s">
        <v>4532</v>
      </c>
      <c r="B12874" s="6">
        <v>214318.8</v>
      </c>
      <c r="C12874" s="7">
        <f t="shared" si="201"/>
        <v>214.31879999999998</v>
      </c>
    </row>
    <row r="12875" spans="1:3" x14ac:dyDescent="0.25">
      <c r="A12875" s="2" t="s">
        <v>4533</v>
      </c>
      <c r="B12875" s="6">
        <v>214335.44999999998</v>
      </c>
      <c r="C12875" s="7">
        <f t="shared" si="201"/>
        <v>214.33544999999998</v>
      </c>
    </row>
    <row r="12876" spans="1:3" x14ac:dyDescent="0.25">
      <c r="A12876" s="2" t="s">
        <v>4534</v>
      </c>
      <c r="B12876" s="6">
        <v>214352.09999999998</v>
      </c>
      <c r="C12876" s="7">
        <f t="shared" si="201"/>
        <v>214.35209999999998</v>
      </c>
    </row>
    <row r="12877" spans="1:3" x14ac:dyDescent="0.25">
      <c r="A12877" s="2" t="s">
        <v>4535</v>
      </c>
      <c r="B12877" s="6">
        <v>214368.74999999997</v>
      </c>
      <c r="C12877" s="7">
        <f t="shared" si="201"/>
        <v>214.36874999999998</v>
      </c>
    </row>
    <row r="12878" spans="1:3" x14ac:dyDescent="0.25">
      <c r="A12878" s="2" t="s">
        <v>4536</v>
      </c>
      <c r="B12878" s="6">
        <v>214385.4</v>
      </c>
      <c r="C12878" s="7">
        <f t="shared" si="201"/>
        <v>214.3854</v>
      </c>
    </row>
    <row r="12879" spans="1:3" x14ac:dyDescent="0.25">
      <c r="A12879" s="2" t="s">
        <v>4537</v>
      </c>
      <c r="B12879" s="6">
        <v>214402.05</v>
      </c>
      <c r="C12879" s="7">
        <f t="shared" si="201"/>
        <v>214.40204999999997</v>
      </c>
    </row>
    <row r="12880" spans="1:3" x14ac:dyDescent="0.25">
      <c r="A12880" s="2" t="s">
        <v>4538</v>
      </c>
      <c r="B12880" s="6">
        <v>214418.69999999998</v>
      </c>
      <c r="C12880" s="7">
        <f t="shared" si="201"/>
        <v>214.41869999999997</v>
      </c>
    </row>
    <row r="12881" spans="1:3" x14ac:dyDescent="0.25">
      <c r="A12881" s="2" t="s">
        <v>4539</v>
      </c>
      <c r="B12881" s="6">
        <v>214435.34999999998</v>
      </c>
      <c r="C12881" s="7">
        <f t="shared" si="201"/>
        <v>214.43534999999997</v>
      </c>
    </row>
    <row r="12882" spans="1:3" x14ac:dyDescent="0.25">
      <c r="A12882" s="2" t="s">
        <v>4540</v>
      </c>
      <c r="B12882" s="6">
        <v>214451.99999999997</v>
      </c>
      <c r="C12882" s="7">
        <f t="shared" si="201"/>
        <v>214.45199999999997</v>
      </c>
    </row>
    <row r="12883" spans="1:3" x14ac:dyDescent="0.25">
      <c r="A12883" s="2" t="s">
        <v>4541</v>
      </c>
      <c r="B12883" s="6">
        <v>214468.65</v>
      </c>
      <c r="C12883" s="7">
        <f t="shared" si="201"/>
        <v>214.46865</v>
      </c>
    </row>
    <row r="12884" spans="1:3" x14ac:dyDescent="0.25">
      <c r="A12884" s="2" t="s">
        <v>4542</v>
      </c>
      <c r="B12884" s="6">
        <v>214485.3</v>
      </c>
      <c r="C12884" s="7">
        <f t="shared" si="201"/>
        <v>214.4853</v>
      </c>
    </row>
    <row r="12885" spans="1:3" x14ac:dyDescent="0.25">
      <c r="A12885" s="2" t="s">
        <v>4543</v>
      </c>
      <c r="B12885" s="6">
        <v>214501.94999999998</v>
      </c>
      <c r="C12885" s="7">
        <f t="shared" si="201"/>
        <v>214.50194999999999</v>
      </c>
    </row>
    <row r="12886" spans="1:3" x14ac:dyDescent="0.25">
      <c r="A12886" s="2" t="s">
        <v>4544</v>
      </c>
      <c r="B12886" s="6">
        <v>214518.59999999998</v>
      </c>
      <c r="C12886" s="7">
        <f t="shared" si="201"/>
        <v>214.51859999999996</v>
      </c>
    </row>
    <row r="12887" spans="1:3" x14ac:dyDescent="0.25">
      <c r="A12887" s="2" t="s">
        <v>4545</v>
      </c>
      <c r="B12887" s="6">
        <v>214535.24999999997</v>
      </c>
      <c r="C12887" s="7">
        <f t="shared" si="201"/>
        <v>214.53524999999996</v>
      </c>
    </row>
    <row r="12888" spans="1:3" x14ac:dyDescent="0.25">
      <c r="A12888" s="2" t="s">
        <v>4546</v>
      </c>
      <c r="B12888" s="6">
        <v>214551.9</v>
      </c>
      <c r="C12888" s="7">
        <f t="shared" si="201"/>
        <v>214.55189999999999</v>
      </c>
    </row>
    <row r="12889" spans="1:3" x14ac:dyDescent="0.25">
      <c r="A12889" s="2" t="s">
        <v>4547</v>
      </c>
      <c r="B12889" s="6">
        <v>214568.55</v>
      </c>
      <c r="C12889" s="7">
        <f t="shared" si="201"/>
        <v>214.56854999999999</v>
      </c>
    </row>
    <row r="12890" spans="1:3" x14ac:dyDescent="0.25">
      <c r="A12890" s="2" t="s">
        <v>4548</v>
      </c>
      <c r="B12890" s="6">
        <v>214585.19999999998</v>
      </c>
      <c r="C12890" s="7">
        <f t="shared" si="201"/>
        <v>214.58519999999999</v>
      </c>
    </row>
    <row r="12891" spans="1:3" x14ac:dyDescent="0.25">
      <c r="A12891" s="2" t="s">
        <v>4549</v>
      </c>
      <c r="B12891" s="6">
        <v>214601.84999999998</v>
      </c>
      <c r="C12891" s="7">
        <f t="shared" si="201"/>
        <v>214.60184999999998</v>
      </c>
    </row>
    <row r="12892" spans="1:3" x14ac:dyDescent="0.25">
      <c r="A12892" s="2" t="s">
        <v>4550</v>
      </c>
      <c r="B12892" s="6">
        <v>214618.49999999997</v>
      </c>
      <c r="C12892" s="7">
        <f t="shared" si="201"/>
        <v>214.61849999999998</v>
      </c>
    </row>
    <row r="12893" spans="1:3" x14ac:dyDescent="0.25">
      <c r="A12893" s="2" t="s">
        <v>4551</v>
      </c>
      <c r="B12893" s="6">
        <v>214635.15</v>
      </c>
      <c r="C12893" s="7">
        <f t="shared" si="201"/>
        <v>214.63514999999998</v>
      </c>
    </row>
    <row r="12894" spans="1:3" x14ac:dyDescent="0.25">
      <c r="A12894" s="2" t="s">
        <v>4552</v>
      </c>
      <c r="B12894" s="6">
        <v>214651.8</v>
      </c>
      <c r="C12894" s="7">
        <f t="shared" si="201"/>
        <v>214.65179999999998</v>
      </c>
    </row>
    <row r="12895" spans="1:3" x14ac:dyDescent="0.25">
      <c r="A12895" s="2" t="s">
        <v>4553</v>
      </c>
      <c r="B12895" s="6">
        <v>214668.44999999998</v>
      </c>
      <c r="C12895" s="7">
        <f t="shared" si="201"/>
        <v>214.66844999999998</v>
      </c>
    </row>
    <row r="12896" spans="1:3" x14ac:dyDescent="0.25">
      <c r="A12896" s="2" t="s">
        <v>4554</v>
      </c>
      <c r="B12896" s="6">
        <v>214685.09999999998</v>
      </c>
      <c r="C12896" s="7">
        <f t="shared" si="201"/>
        <v>214.68509999999998</v>
      </c>
    </row>
    <row r="12897" spans="1:3" x14ac:dyDescent="0.25">
      <c r="A12897" s="2" t="s">
        <v>4555</v>
      </c>
      <c r="B12897" s="6">
        <v>214701.74999999997</v>
      </c>
      <c r="C12897" s="7">
        <f t="shared" si="201"/>
        <v>214.70174999999998</v>
      </c>
    </row>
    <row r="12898" spans="1:3" x14ac:dyDescent="0.25">
      <c r="A12898" s="2" t="s">
        <v>4556</v>
      </c>
      <c r="B12898" s="6">
        <v>214718.4</v>
      </c>
      <c r="C12898" s="7">
        <f t="shared" si="201"/>
        <v>214.7184</v>
      </c>
    </row>
    <row r="12899" spans="1:3" x14ac:dyDescent="0.25">
      <c r="A12899" s="2" t="s">
        <v>4557</v>
      </c>
      <c r="B12899" s="6">
        <v>214735.05</v>
      </c>
      <c r="C12899" s="7">
        <f t="shared" si="201"/>
        <v>214.73505</v>
      </c>
    </row>
    <row r="12900" spans="1:3" x14ac:dyDescent="0.25">
      <c r="A12900" s="2" t="s">
        <v>4558</v>
      </c>
      <c r="B12900" s="6">
        <v>214751.69999999998</v>
      </c>
      <c r="C12900" s="7">
        <f t="shared" si="201"/>
        <v>214.75169999999997</v>
      </c>
    </row>
    <row r="12901" spans="1:3" x14ac:dyDescent="0.25">
      <c r="A12901" s="2" t="s">
        <v>4559</v>
      </c>
      <c r="B12901" s="6">
        <v>214768.34999999998</v>
      </c>
      <c r="C12901" s="7">
        <f t="shared" si="201"/>
        <v>214.76834999999997</v>
      </c>
    </row>
    <row r="12902" spans="1:3" x14ac:dyDescent="0.25">
      <c r="A12902" s="2" t="s">
        <v>4560</v>
      </c>
      <c r="B12902" s="6">
        <v>214784.99999999997</v>
      </c>
      <c r="C12902" s="7">
        <f t="shared" si="201"/>
        <v>214.78499999999997</v>
      </c>
    </row>
    <row r="12903" spans="1:3" x14ac:dyDescent="0.25">
      <c r="A12903" s="2" t="s">
        <v>4561</v>
      </c>
      <c r="B12903" s="6">
        <v>214801.65</v>
      </c>
      <c r="C12903" s="7">
        <f t="shared" si="201"/>
        <v>214.80165</v>
      </c>
    </row>
    <row r="12904" spans="1:3" x14ac:dyDescent="0.25">
      <c r="A12904" s="2" t="s">
        <v>4562</v>
      </c>
      <c r="B12904" s="6">
        <v>214818.3</v>
      </c>
      <c r="C12904" s="7">
        <f t="shared" si="201"/>
        <v>214.81829999999999</v>
      </c>
    </row>
    <row r="12905" spans="1:3" x14ac:dyDescent="0.25">
      <c r="A12905" s="2" t="s">
        <v>4563</v>
      </c>
      <c r="B12905" s="6">
        <v>214834.94999999998</v>
      </c>
      <c r="C12905" s="7">
        <f t="shared" si="201"/>
        <v>214.83494999999999</v>
      </c>
    </row>
    <row r="12906" spans="1:3" x14ac:dyDescent="0.25">
      <c r="A12906" s="2" t="s">
        <v>4564</v>
      </c>
      <c r="B12906" s="6">
        <v>214851.59999999998</v>
      </c>
      <c r="C12906" s="7">
        <f t="shared" si="201"/>
        <v>214.85159999999999</v>
      </c>
    </row>
    <row r="12907" spans="1:3" x14ac:dyDescent="0.25">
      <c r="A12907" s="2" t="s">
        <v>4565</v>
      </c>
      <c r="B12907" s="6">
        <v>214868.24999999997</v>
      </c>
      <c r="C12907" s="7">
        <f t="shared" si="201"/>
        <v>214.86824999999996</v>
      </c>
    </row>
    <row r="12908" spans="1:3" x14ac:dyDescent="0.25">
      <c r="A12908" s="2" t="s">
        <v>4566</v>
      </c>
      <c r="B12908" s="6">
        <v>214884.9</v>
      </c>
      <c r="C12908" s="7">
        <f t="shared" si="201"/>
        <v>214.88489999999999</v>
      </c>
    </row>
    <row r="12909" spans="1:3" x14ac:dyDescent="0.25">
      <c r="A12909" s="2" t="s">
        <v>4567</v>
      </c>
      <c r="B12909" s="6">
        <v>214901.55</v>
      </c>
      <c r="C12909" s="7">
        <f t="shared" si="201"/>
        <v>214.90154999999999</v>
      </c>
    </row>
    <row r="12910" spans="1:3" x14ac:dyDescent="0.25">
      <c r="A12910" s="2" t="s">
        <v>4568</v>
      </c>
      <c r="B12910" s="6">
        <v>214918.19999999998</v>
      </c>
      <c r="C12910" s="7">
        <f t="shared" si="201"/>
        <v>214.91819999999998</v>
      </c>
    </row>
    <row r="12911" spans="1:3" x14ac:dyDescent="0.25">
      <c r="A12911" s="2" t="s">
        <v>4569</v>
      </c>
      <c r="B12911" s="6">
        <v>214934.84999999998</v>
      </c>
      <c r="C12911" s="7">
        <f t="shared" si="201"/>
        <v>214.93484999999998</v>
      </c>
    </row>
    <row r="12912" spans="1:3" x14ac:dyDescent="0.25">
      <c r="A12912" s="2" t="s">
        <v>4570</v>
      </c>
      <c r="B12912" s="6">
        <v>214951.49999999997</v>
      </c>
      <c r="C12912" s="7">
        <f t="shared" si="201"/>
        <v>214.95149999999998</v>
      </c>
    </row>
    <row r="12913" spans="1:3" x14ac:dyDescent="0.25">
      <c r="A12913" s="2" t="s">
        <v>4571</v>
      </c>
      <c r="B12913" s="6">
        <v>214968.15</v>
      </c>
      <c r="C12913" s="7">
        <f t="shared" si="201"/>
        <v>214.96814999999998</v>
      </c>
    </row>
    <row r="12914" spans="1:3" x14ac:dyDescent="0.25">
      <c r="A12914" s="2" t="s">
        <v>4572</v>
      </c>
      <c r="B12914" s="6">
        <v>214984.8</v>
      </c>
      <c r="C12914" s="7">
        <f t="shared" si="201"/>
        <v>214.98479999999998</v>
      </c>
    </row>
    <row r="12915" spans="1:3" x14ac:dyDescent="0.25">
      <c r="A12915" s="2" t="s">
        <v>4573</v>
      </c>
      <c r="B12915" s="6">
        <v>215001.44999999998</v>
      </c>
      <c r="C12915" s="7">
        <f t="shared" si="201"/>
        <v>215.00144999999998</v>
      </c>
    </row>
    <row r="12916" spans="1:3" x14ac:dyDescent="0.25">
      <c r="A12916" s="2" t="s">
        <v>4574</v>
      </c>
      <c r="B12916" s="6">
        <v>215018.09999999998</v>
      </c>
      <c r="C12916" s="7">
        <f t="shared" si="201"/>
        <v>215.01809999999998</v>
      </c>
    </row>
    <row r="12917" spans="1:3" x14ac:dyDescent="0.25">
      <c r="A12917" s="2" t="s">
        <v>4575</v>
      </c>
      <c r="B12917" s="6">
        <v>215034.74999999997</v>
      </c>
      <c r="C12917" s="7">
        <f t="shared" si="201"/>
        <v>215.03474999999997</v>
      </c>
    </row>
    <row r="12918" spans="1:3" x14ac:dyDescent="0.25">
      <c r="A12918" s="2" t="s">
        <v>4576</v>
      </c>
      <c r="B12918" s="6">
        <v>215051.4</v>
      </c>
      <c r="C12918" s="7">
        <f t="shared" si="201"/>
        <v>215.0514</v>
      </c>
    </row>
    <row r="12919" spans="1:3" x14ac:dyDescent="0.25">
      <c r="A12919" s="2" t="s">
        <v>4577</v>
      </c>
      <c r="B12919" s="6">
        <v>215068.05</v>
      </c>
      <c r="C12919" s="7">
        <f t="shared" si="201"/>
        <v>215.06805</v>
      </c>
    </row>
    <row r="12920" spans="1:3" x14ac:dyDescent="0.25">
      <c r="A12920" s="2" t="s">
        <v>4578</v>
      </c>
      <c r="B12920" s="6">
        <v>215084.69999999998</v>
      </c>
      <c r="C12920" s="7">
        <f t="shared" si="201"/>
        <v>215.08469999999997</v>
      </c>
    </row>
    <row r="12921" spans="1:3" x14ac:dyDescent="0.25">
      <c r="A12921" s="2" t="s">
        <v>4579</v>
      </c>
      <c r="B12921" s="6">
        <v>215101.34999999998</v>
      </c>
      <c r="C12921" s="7">
        <f t="shared" si="201"/>
        <v>215.10134999999997</v>
      </c>
    </row>
    <row r="12922" spans="1:3" x14ac:dyDescent="0.25">
      <c r="A12922" s="2" t="s">
        <v>4580</v>
      </c>
      <c r="B12922" s="6">
        <v>215117.99999999997</v>
      </c>
      <c r="C12922" s="7">
        <f t="shared" si="201"/>
        <v>215.11799999999997</v>
      </c>
    </row>
    <row r="12923" spans="1:3" x14ac:dyDescent="0.25">
      <c r="A12923" s="2" t="s">
        <v>4581</v>
      </c>
      <c r="B12923" s="6">
        <v>215134.65</v>
      </c>
      <c r="C12923" s="7">
        <f t="shared" si="201"/>
        <v>215.13464999999999</v>
      </c>
    </row>
    <row r="12924" spans="1:3" x14ac:dyDescent="0.25">
      <c r="A12924" s="2" t="s">
        <v>4582</v>
      </c>
      <c r="B12924" s="6">
        <v>215151.3</v>
      </c>
      <c r="C12924" s="7">
        <f t="shared" si="201"/>
        <v>215.15129999999999</v>
      </c>
    </row>
    <row r="12925" spans="1:3" x14ac:dyDescent="0.25">
      <c r="A12925" s="2" t="s">
        <v>4583</v>
      </c>
      <c r="B12925" s="6">
        <v>215167.94999999998</v>
      </c>
      <c r="C12925" s="7">
        <f t="shared" si="201"/>
        <v>215.16794999999999</v>
      </c>
    </row>
    <row r="12926" spans="1:3" x14ac:dyDescent="0.25">
      <c r="A12926" s="2" t="s">
        <v>4584</v>
      </c>
      <c r="B12926" s="6">
        <v>215184.59999999998</v>
      </c>
      <c r="C12926" s="7">
        <f t="shared" si="201"/>
        <v>215.18459999999999</v>
      </c>
    </row>
    <row r="12927" spans="1:3" x14ac:dyDescent="0.25">
      <c r="A12927" s="2" t="s">
        <v>4585</v>
      </c>
      <c r="B12927" s="6">
        <v>215201.24999999997</v>
      </c>
      <c r="C12927" s="7">
        <f t="shared" si="201"/>
        <v>215.20124999999996</v>
      </c>
    </row>
    <row r="12928" spans="1:3" x14ac:dyDescent="0.25">
      <c r="A12928" s="2" t="s">
        <v>4586</v>
      </c>
      <c r="B12928" s="6">
        <v>215217.9</v>
      </c>
      <c r="C12928" s="7">
        <f t="shared" si="201"/>
        <v>215.21789999999999</v>
      </c>
    </row>
    <row r="12929" spans="1:3" x14ac:dyDescent="0.25">
      <c r="A12929" s="2" t="s">
        <v>4587</v>
      </c>
      <c r="B12929" s="6">
        <v>215234.55</v>
      </c>
      <c r="C12929" s="7">
        <f t="shared" si="201"/>
        <v>215.23454999999998</v>
      </c>
    </row>
    <row r="12930" spans="1:3" x14ac:dyDescent="0.25">
      <c r="A12930" s="2" t="s">
        <v>4588</v>
      </c>
      <c r="B12930" s="6">
        <v>215251.19999999998</v>
      </c>
      <c r="C12930" s="7">
        <f t="shared" si="201"/>
        <v>215.25119999999998</v>
      </c>
    </row>
    <row r="12931" spans="1:3" x14ac:dyDescent="0.25">
      <c r="A12931" s="2" t="s">
        <v>4589</v>
      </c>
      <c r="B12931" s="6">
        <v>215267.84999999998</v>
      </c>
      <c r="C12931" s="7">
        <f t="shared" ref="C12931:C12994" si="202">B12931/1000</f>
        <v>215.26784999999998</v>
      </c>
    </row>
    <row r="12932" spans="1:3" x14ac:dyDescent="0.25">
      <c r="A12932" s="2" t="s">
        <v>4590</v>
      </c>
      <c r="B12932" s="6">
        <v>215284.49999999997</v>
      </c>
      <c r="C12932" s="7">
        <f t="shared" si="202"/>
        <v>215.28449999999998</v>
      </c>
    </row>
    <row r="12933" spans="1:3" x14ac:dyDescent="0.25">
      <c r="A12933" s="2" t="s">
        <v>4591</v>
      </c>
      <c r="B12933" s="6">
        <v>215301.15</v>
      </c>
      <c r="C12933" s="7">
        <f t="shared" si="202"/>
        <v>215.30115000000001</v>
      </c>
    </row>
    <row r="12934" spans="1:3" x14ac:dyDescent="0.25">
      <c r="A12934" s="2" t="s">
        <v>4592</v>
      </c>
      <c r="B12934" s="6">
        <v>215317.8</v>
      </c>
      <c r="C12934" s="7">
        <f t="shared" si="202"/>
        <v>215.31779999999998</v>
      </c>
    </row>
    <row r="12935" spans="1:3" x14ac:dyDescent="0.25">
      <c r="A12935" s="2" t="s">
        <v>4593</v>
      </c>
      <c r="B12935" s="6">
        <v>215334.44999999998</v>
      </c>
      <c r="C12935" s="7">
        <f t="shared" si="202"/>
        <v>215.33444999999998</v>
      </c>
    </row>
    <row r="12936" spans="1:3" x14ac:dyDescent="0.25">
      <c r="A12936" s="2" t="s">
        <v>4594</v>
      </c>
      <c r="B12936" s="6">
        <v>215351.09999999998</v>
      </c>
      <c r="C12936" s="7">
        <f t="shared" si="202"/>
        <v>215.35109999999997</v>
      </c>
    </row>
    <row r="12937" spans="1:3" x14ac:dyDescent="0.25">
      <c r="A12937" s="2" t="s">
        <v>4595</v>
      </c>
      <c r="B12937" s="6">
        <v>215367.74999999997</v>
      </c>
      <c r="C12937" s="7">
        <f t="shared" si="202"/>
        <v>215.36774999999997</v>
      </c>
    </row>
    <row r="12938" spans="1:3" x14ac:dyDescent="0.25">
      <c r="A12938" s="2" t="s">
        <v>4596</v>
      </c>
      <c r="B12938" s="6">
        <v>215384.4</v>
      </c>
      <c r="C12938" s="7">
        <f t="shared" si="202"/>
        <v>215.3844</v>
      </c>
    </row>
    <row r="12939" spans="1:3" x14ac:dyDescent="0.25">
      <c r="A12939" s="2" t="s">
        <v>4597</v>
      </c>
      <c r="B12939" s="6">
        <v>215401.05</v>
      </c>
      <c r="C12939" s="7">
        <f t="shared" si="202"/>
        <v>215.40105</v>
      </c>
    </row>
    <row r="12940" spans="1:3" x14ac:dyDescent="0.25">
      <c r="A12940" s="2" t="s">
        <v>4598</v>
      </c>
      <c r="B12940" s="6">
        <v>215417.69999999998</v>
      </c>
      <c r="C12940" s="7">
        <f t="shared" si="202"/>
        <v>215.4177</v>
      </c>
    </row>
    <row r="12941" spans="1:3" x14ac:dyDescent="0.25">
      <c r="A12941" s="2" t="s">
        <v>4599</v>
      </c>
      <c r="B12941" s="6">
        <v>215434.34999999998</v>
      </c>
      <c r="C12941" s="7">
        <f t="shared" si="202"/>
        <v>215.43434999999997</v>
      </c>
    </row>
    <row r="12942" spans="1:3" x14ac:dyDescent="0.25">
      <c r="A12942" s="2" t="s">
        <v>4600</v>
      </c>
      <c r="B12942" s="6">
        <v>215450.99999999997</v>
      </c>
      <c r="C12942" s="7">
        <f t="shared" si="202"/>
        <v>215.45099999999996</v>
      </c>
    </row>
    <row r="12943" spans="1:3" x14ac:dyDescent="0.25">
      <c r="A12943" s="2" t="s">
        <v>4601</v>
      </c>
      <c r="B12943" s="6">
        <v>215467.65</v>
      </c>
      <c r="C12943" s="7">
        <f t="shared" si="202"/>
        <v>215.46764999999999</v>
      </c>
    </row>
    <row r="12944" spans="1:3" x14ac:dyDescent="0.25">
      <c r="A12944" s="2" t="s">
        <v>4602</v>
      </c>
      <c r="B12944" s="6">
        <v>215484.3</v>
      </c>
      <c r="C12944" s="7">
        <f t="shared" si="202"/>
        <v>215.48429999999999</v>
      </c>
    </row>
    <row r="12945" spans="1:3" x14ac:dyDescent="0.25">
      <c r="A12945" s="2" t="s">
        <v>4603</v>
      </c>
      <c r="B12945" s="6">
        <v>215500.94999999998</v>
      </c>
      <c r="C12945" s="7">
        <f t="shared" si="202"/>
        <v>215.50094999999999</v>
      </c>
    </row>
    <row r="12946" spans="1:3" x14ac:dyDescent="0.25">
      <c r="A12946" s="2" t="s">
        <v>4604</v>
      </c>
      <c r="B12946" s="6">
        <v>215517.59999999998</v>
      </c>
      <c r="C12946" s="7">
        <f t="shared" si="202"/>
        <v>215.51759999999999</v>
      </c>
    </row>
    <row r="12947" spans="1:3" x14ac:dyDescent="0.25">
      <c r="A12947" s="2" t="s">
        <v>4605</v>
      </c>
      <c r="B12947" s="6">
        <v>215534.24999999997</v>
      </c>
      <c r="C12947" s="7">
        <f t="shared" si="202"/>
        <v>215.53424999999996</v>
      </c>
    </row>
    <row r="12948" spans="1:3" x14ac:dyDescent="0.25">
      <c r="A12948" s="2" t="s">
        <v>4606</v>
      </c>
      <c r="B12948" s="6">
        <v>215550.9</v>
      </c>
      <c r="C12948" s="7">
        <f t="shared" si="202"/>
        <v>215.55089999999998</v>
      </c>
    </row>
    <row r="12949" spans="1:3" x14ac:dyDescent="0.25">
      <c r="A12949" s="2" t="s">
        <v>4607</v>
      </c>
      <c r="B12949" s="6">
        <v>215567.55</v>
      </c>
      <c r="C12949" s="7">
        <f t="shared" si="202"/>
        <v>215.56754999999998</v>
      </c>
    </row>
    <row r="12950" spans="1:3" x14ac:dyDescent="0.25">
      <c r="A12950" s="2" t="s">
        <v>4608</v>
      </c>
      <c r="B12950" s="6">
        <v>215584.19999999998</v>
      </c>
      <c r="C12950" s="7">
        <f t="shared" si="202"/>
        <v>215.58419999999998</v>
      </c>
    </row>
    <row r="12951" spans="1:3" x14ac:dyDescent="0.25">
      <c r="A12951" s="2" t="s">
        <v>4609</v>
      </c>
      <c r="B12951" s="6">
        <v>215600.84999999998</v>
      </c>
      <c r="C12951" s="7">
        <f t="shared" si="202"/>
        <v>215.60084999999998</v>
      </c>
    </row>
    <row r="12952" spans="1:3" x14ac:dyDescent="0.25">
      <c r="A12952" s="2" t="s">
        <v>4610</v>
      </c>
      <c r="B12952" s="6">
        <v>215617.49999999997</v>
      </c>
      <c r="C12952" s="7">
        <f t="shared" si="202"/>
        <v>215.61749999999998</v>
      </c>
    </row>
    <row r="12953" spans="1:3" x14ac:dyDescent="0.25">
      <c r="A12953" s="2" t="s">
        <v>4611</v>
      </c>
      <c r="B12953" s="6">
        <v>215634.15</v>
      </c>
      <c r="C12953" s="7">
        <f t="shared" si="202"/>
        <v>215.63415000000001</v>
      </c>
    </row>
    <row r="12954" spans="1:3" x14ac:dyDescent="0.25">
      <c r="A12954" s="2" t="s">
        <v>4612</v>
      </c>
      <c r="B12954" s="6">
        <v>215650.8</v>
      </c>
      <c r="C12954" s="7">
        <f t="shared" si="202"/>
        <v>215.65079999999998</v>
      </c>
    </row>
    <row r="12955" spans="1:3" x14ac:dyDescent="0.25">
      <c r="A12955" s="2" t="s">
        <v>4613</v>
      </c>
      <c r="B12955" s="6">
        <v>215667.44999999998</v>
      </c>
      <c r="C12955" s="7">
        <f t="shared" si="202"/>
        <v>215.66744999999997</v>
      </c>
    </row>
    <row r="12956" spans="1:3" x14ac:dyDescent="0.25">
      <c r="A12956" s="2" t="s">
        <v>4614</v>
      </c>
      <c r="B12956" s="6">
        <v>215684.09999999998</v>
      </c>
      <c r="C12956" s="7">
        <f t="shared" si="202"/>
        <v>215.68409999999997</v>
      </c>
    </row>
    <row r="12957" spans="1:3" x14ac:dyDescent="0.25">
      <c r="A12957" s="2" t="s">
        <v>4615</v>
      </c>
      <c r="B12957" s="6">
        <v>215700.74999999997</v>
      </c>
      <c r="C12957" s="7">
        <f t="shared" si="202"/>
        <v>215.70074999999997</v>
      </c>
    </row>
    <row r="12958" spans="1:3" x14ac:dyDescent="0.25">
      <c r="A12958" s="2" t="s">
        <v>4616</v>
      </c>
      <c r="B12958" s="6">
        <v>215717.4</v>
      </c>
      <c r="C12958" s="7">
        <f t="shared" si="202"/>
        <v>215.7174</v>
      </c>
    </row>
    <row r="12959" spans="1:3" x14ac:dyDescent="0.25">
      <c r="A12959" s="2" t="s">
        <v>4617</v>
      </c>
      <c r="B12959" s="6">
        <v>215734.05</v>
      </c>
      <c r="C12959" s="7">
        <f t="shared" si="202"/>
        <v>215.73405</v>
      </c>
    </row>
    <row r="12960" spans="1:3" x14ac:dyDescent="0.25">
      <c r="A12960" s="2" t="s">
        <v>4618</v>
      </c>
      <c r="B12960" s="6">
        <v>215750.69999999998</v>
      </c>
      <c r="C12960" s="7">
        <f t="shared" si="202"/>
        <v>215.75069999999999</v>
      </c>
    </row>
    <row r="12961" spans="1:3" x14ac:dyDescent="0.25">
      <c r="A12961" s="2" t="s">
        <v>4619</v>
      </c>
      <c r="B12961" s="6">
        <v>215767.34999999998</v>
      </c>
      <c r="C12961" s="7">
        <f t="shared" si="202"/>
        <v>215.76734999999996</v>
      </c>
    </row>
    <row r="12962" spans="1:3" x14ac:dyDescent="0.25">
      <c r="A12962" s="2" t="s">
        <v>4620</v>
      </c>
      <c r="B12962" s="6">
        <v>215783.99999999997</v>
      </c>
      <c r="C12962" s="7">
        <f t="shared" si="202"/>
        <v>215.78399999999996</v>
      </c>
    </row>
    <row r="12963" spans="1:3" x14ac:dyDescent="0.25">
      <c r="A12963" s="2" t="s">
        <v>4621</v>
      </c>
      <c r="B12963" s="6">
        <v>215800.65</v>
      </c>
      <c r="C12963" s="7">
        <f t="shared" si="202"/>
        <v>215.80064999999999</v>
      </c>
    </row>
    <row r="12964" spans="1:3" x14ac:dyDescent="0.25">
      <c r="A12964" s="2" t="s">
        <v>4622</v>
      </c>
      <c r="B12964" s="6">
        <v>215817.3</v>
      </c>
      <c r="C12964" s="7">
        <f t="shared" si="202"/>
        <v>215.81729999999999</v>
      </c>
    </row>
    <row r="12965" spans="1:3" x14ac:dyDescent="0.25">
      <c r="A12965" s="2" t="s">
        <v>4623</v>
      </c>
      <c r="B12965" s="6">
        <v>215833.94999999998</v>
      </c>
      <c r="C12965" s="7">
        <f t="shared" si="202"/>
        <v>215.83394999999999</v>
      </c>
    </row>
    <row r="12966" spans="1:3" x14ac:dyDescent="0.25">
      <c r="A12966" s="2" t="s">
        <v>4624</v>
      </c>
      <c r="B12966" s="6">
        <v>215850.59999999998</v>
      </c>
      <c r="C12966" s="7">
        <f t="shared" si="202"/>
        <v>215.85059999999999</v>
      </c>
    </row>
    <row r="12967" spans="1:3" x14ac:dyDescent="0.25">
      <c r="A12967" s="2" t="s">
        <v>4625</v>
      </c>
      <c r="B12967" s="6">
        <v>215867.24999999997</v>
      </c>
      <c r="C12967" s="7">
        <f t="shared" si="202"/>
        <v>215.86724999999998</v>
      </c>
    </row>
    <row r="12968" spans="1:3" x14ac:dyDescent="0.25">
      <c r="A12968" s="2" t="s">
        <v>4626</v>
      </c>
      <c r="B12968" s="6">
        <v>215883.9</v>
      </c>
      <c r="C12968" s="7">
        <f t="shared" si="202"/>
        <v>215.88389999999998</v>
      </c>
    </row>
    <row r="12969" spans="1:3" x14ac:dyDescent="0.25">
      <c r="A12969" s="2" t="s">
        <v>4627</v>
      </c>
      <c r="B12969" s="6">
        <v>215900.55</v>
      </c>
      <c r="C12969" s="7">
        <f t="shared" si="202"/>
        <v>215.90054999999998</v>
      </c>
    </row>
    <row r="12970" spans="1:3" x14ac:dyDescent="0.25">
      <c r="A12970" s="2" t="s">
        <v>4628</v>
      </c>
      <c r="B12970" s="6">
        <v>215917.19999999998</v>
      </c>
      <c r="C12970" s="7">
        <f t="shared" si="202"/>
        <v>215.91719999999998</v>
      </c>
    </row>
    <row r="12971" spans="1:3" x14ac:dyDescent="0.25">
      <c r="A12971" s="2" t="s">
        <v>4629</v>
      </c>
      <c r="B12971" s="6">
        <v>215933.84999999998</v>
      </c>
      <c r="C12971" s="7">
        <f t="shared" si="202"/>
        <v>215.93384999999998</v>
      </c>
    </row>
    <row r="12972" spans="1:3" x14ac:dyDescent="0.25">
      <c r="A12972" s="2" t="s">
        <v>4630</v>
      </c>
      <c r="B12972" s="6">
        <v>215950.49999999997</v>
      </c>
      <c r="C12972" s="7">
        <f t="shared" si="202"/>
        <v>215.95049999999998</v>
      </c>
    </row>
    <row r="12973" spans="1:3" x14ac:dyDescent="0.25">
      <c r="A12973" s="2" t="s">
        <v>4631</v>
      </c>
      <c r="B12973" s="6">
        <v>215967.15</v>
      </c>
      <c r="C12973" s="7">
        <f t="shared" si="202"/>
        <v>215.96715</v>
      </c>
    </row>
    <row r="12974" spans="1:3" x14ac:dyDescent="0.25">
      <c r="A12974" s="2" t="s">
        <v>4632</v>
      </c>
      <c r="B12974" s="6">
        <v>215983.8</v>
      </c>
      <c r="C12974" s="7">
        <f t="shared" si="202"/>
        <v>215.9838</v>
      </c>
    </row>
    <row r="12975" spans="1:3" x14ac:dyDescent="0.25">
      <c r="A12975" s="2" t="s">
        <v>4633</v>
      </c>
      <c r="B12975" s="6">
        <v>216000.44999999998</v>
      </c>
      <c r="C12975" s="7">
        <f t="shared" si="202"/>
        <v>216.00044999999997</v>
      </c>
    </row>
    <row r="12976" spans="1:3" x14ac:dyDescent="0.25">
      <c r="A12976" s="2" t="s">
        <v>4634</v>
      </c>
      <c r="B12976" s="6">
        <v>216017.09999999998</v>
      </c>
      <c r="C12976" s="7">
        <f t="shared" si="202"/>
        <v>216.01709999999997</v>
      </c>
    </row>
    <row r="12977" spans="1:3" x14ac:dyDescent="0.25">
      <c r="A12977" s="2" t="s">
        <v>4635</v>
      </c>
      <c r="B12977" s="6">
        <v>216033.74999999997</v>
      </c>
      <c r="C12977" s="7">
        <f t="shared" si="202"/>
        <v>216.03374999999997</v>
      </c>
    </row>
    <row r="12978" spans="1:3" x14ac:dyDescent="0.25">
      <c r="A12978" s="2" t="s">
        <v>4636</v>
      </c>
      <c r="B12978" s="6">
        <v>216050.4</v>
      </c>
      <c r="C12978" s="7">
        <f t="shared" si="202"/>
        <v>216.0504</v>
      </c>
    </row>
    <row r="12979" spans="1:3" x14ac:dyDescent="0.25">
      <c r="A12979" s="2" t="s">
        <v>4637</v>
      </c>
      <c r="B12979" s="6">
        <v>216067.05</v>
      </c>
      <c r="C12979" s="7">
        <f t="shared" si="202"/>
        <v>216.06704999999999</v>
      </c>
    </row>
    <row r="12980" spans="1:3" x14ac:dyDescent="0.25">
      <c r="A12980" s="2" t="s">
        <v>4638</v>
      </c>
      <c r="B12980" s="6">
        <v>216083.69999999998</v>
      </c>
      <c r="C12980" s="7">
        <f t="shared" si="202"/>
        <v>216.08369999999999</v>
      </c>
    </row>
    <row r="12981" spans="1:3" x14ac:dyDescent="0.25">
      <c r="A12981" s="2" t="s">
        <v>4639</v>
      </c>
      <c r="B12981" s="6">
        <v>216100.34999999998</v>
      </c>
      <c r="C12981" s="7">
        <f t="shared" si="202"/>
        <v>216.10034999999996</v>
      </c>
    </row>
    <row r="12982" spans="1:3" x14ac:dyDescent="0.25">
      <c r="A12982" s="2" t="s">
        <v>4640</v>
      </c>
      <c r="B12982" s="6">
        <v>216116.99999999997</v>
      </c>
      <c r="C12982" s="7">
        <f t="shared" si="202"/>
        <v>216.11699999999996</v>
      </c>
    </row>
    <row r="12983" spans="1:3" x14ac:dyDescent="0.25">
      <c r="A12983" s="2" t="s">
        <v>4641</v>
      </c>
      <c r="B12983" s="6">
        <v>216133.65</v>
      </c>
      <c r="C12983" s="7">
        <f t="shared" si="202"/>
        <v>216.13364999999999</v>
      </c>
    </row>
    <row r="12984" spans="1:3" x14ac:dyDescent="0.25">
      <c r="A12984" s="2" t="s">
        <v>4642</v>
      </c>
      <c r="B12984" s="6">
        <v>216150.3</v>
      </c>
      <c r="C12984" s="7">
        <f t="shared" si="202"/>
        <v>216.15029999999999</v>
      </c>
    </row>
    <row r="12985" spans="1:3" x14ac:dyDescent="0.25">
      <c r="A12985" s="2" t="s">
        <v>4643</v>
      </c>
      <c r="B12985" s="6">
        <v>216166.94999999998</v>
      </c>
      <c r="C12985" s="7">
        <f t="shared" si="202"/>
        <v>216.16694999999999</v>
      </c>
    </row>
    <row r="12986" spans="1:3" x14ac:dyDescent="0.25">
      <c r="A12986" s="2" t="s">
        <v>4644</v>
      </c>
      <c r="B12986" s="6">
        <v>216183.59999999998</v>
      </c>
      <c r="C12986" s="7">
        <f t="shared" si="202"/>
        <v>216.18359999999998</v>
      </c>
    </row>
    <row r="12987" spans="1:3" x14ac:dyDescent="0.25">
      <c r="A12987" s="2" t="s">
        <v>4645</v>
      </c>
      <c r="B12987" s="6">
        <v>216200.24999999997</v>
      </c>
      <c r="C12987" s="7">
        <f t="shared" si="202"/>
        <v>216.20024999999998</v>
      </c>
    </row>
    <row r="12988" spans="1:3" x14ac:dyDescent="0.25">
      <c r="A12988" s="2" t="s">
        <v>4646</v>
      </c>
      <c r="B12988" s="6">
        <v>216216.9</v>
      </c>
      <c r="C12988" s="7">
        <f t="shared" si="202"/>
        <v>216.21689999999998</v>
      </c>
    </row>
    <row r="12989" spans="1:3" x14ac:dyDescent="0.25">
      <c r="A12989" s="2" t="s">
        <v>4647</v>
      </c>
      <c r="B12989" s="6">
        <v>216233.55</v>
      </c>
      <c r="C12989" s="7">
        <f t="shared" si="202"/>
        <v>216.23354999999998</v>
      </c>
    </row>
    <row r="12990" spans="1:3" x14ac:dyDescent="0.25">
      <c r="A12990" s="2" t="s">
        <v>4648</v>
      </c>
      <c r="B12990" s="6">
        <v>216250.19999999998</v>
      </c>
      <c r="C12990" s="7">
        <f t="shared" si="202"/>
        <v>216.25019999999998</v>
      </c>
    </row>
    <row r="12991" spans="1:3" x14ac:dyDescent="0.25">
      <c r="A12991" s="2" t="s">
        <v>4649</v>
      </c>
      <c r="B12991" s="6">
        <v>216266.84999999998</v>
      </c>
      <c r="C12991" s="7">
        <f t="shared" si="202"/>
        <v>216.26684999999998</v>
      </c>
    </row>
    <row r="12992" spans="1:3" x14ac:dyDescent="0.25">
      <c r="A12992" s="2" t="s">
        <v>4650</v>
      </c>
      <c r="B12992" s="6">
        <v>216283.49999999997</v>
      </c>
      <c r="C12992" s="7">
        <f t="shared" si="202"/>
        <v>216.28349999999998</v>
      </c>
    </row>
    <row r="12993" spans="1:3" x14ac:dyDescent="0.25">
      <c r="A12993" s="2" t="s">
        <v>4651</v>
      </c>
      <c r="B12993" s="6">
        <v>216300.15</v>
      </c>
      <c r="C12993" s="7">
        <f t="shared" si="202"/>
        <v>216.30015</v>
      </c>
    </row>
    <row r="12994" spans="1:3" x14ac:dyDescent="0.25">
      <c r="A12994" s="2" t="s">
        <v>4652</v>
      </c>
      <c r="B12994" s="6">
        <v>216316.79999999999</v>
      </c>
      <c r="C12994" s="7">
        <f t="shared" si="202"/>
        <v>216.3168</v>
      </c>
    </row>
    <row r="12995" spans="1:3" x14ac:dyDescent="0.25">
      <c r="A12995" s="2" t="s">
        <v>4653</v>
      </c>
      <c r="B12995" s="6">
        <v>216333.44999999998</v>
      </c>
      <c r="C12995" s="7">
        <f t="shared" ref="C12995:C13058" si="203">B12995/1000</f>
        <v>216.33344999999997</v>
      </c>
    </row>
    <row r="12996" spans="1:3" x14ac:dyDescent="0.25">
      <c r="A12996" s="2" t="s">
        <v>4654</v>
      </c>
      <c r="B12996" s="6">
        <v>216350.09999999998</v>
      </c>
      <c r="C12996" s="7">
        <f t="shared" si="203"/>
        <v>216.35009999999997</v>
      </c>
    </row>
    <row r="12997" spans="1:3" x14ac:dyDescent="0.25">
      <c r="A12997" s="2" t="s">
        <v>4655</v>
      </c>
      <c r="B12997" s="6">
        <v>216366.74999999997</v>
      </c>
      <c r="C12997" s="7">
        <f t="shared" si="203"/>
        <v>216.36674999999997</v>
      </c>
    </row>
    <row r="12998" spans="1:3" x14ac:dyDescent="0.25">
      <c r="A12998" s="2" t="s">
        <v>4656</v>
      </c>
      <c r="B12998" s="6">
        <v>216383.4</v>
      </c>
      <c r="C12998" s="7">
        <f t="shared" si="203"/>
        <v>216.38339999999999</v>
      </c>
    </row>
    <row r="12999" spans="1:3" x14ac:dyDescent="0.25">
      <c r="A12999" s="2" t="s">
        <v>4657</v>
      </c>
      <c r="B12999" s="6">
        <v>216400.05</v>
      </c>
      <c r="C12999" s="7">
        <f t="shared" si="203"/>
        <v>216.40004999999999</v>
      </c>
    </row>
    <row r="13000" spans="1:3" x14ac:dyDescent="0.25">
      <c r="A13000" s="2" t="s">
        <v>4658</v>
      </c>
      <c r="B13000" s="6">
        <v>216416.69999999998</v>
      </c>
      <c r="C13000" s="7">
        <f t="shared" si="203"/>
        <v>216.41669999999999</v>
      </c>
    </row>
    <row r="13001" spans="1:3" x14ac:dyDescent="0.25">
      <c r="A13001" s="2" t="s">
        <v>4659</v>
      </c>
      <c r="B13001" s="6">
        <v>216433.34999999998</v>
      </c>
      <c r="C13001" s="7">
        <f t="shared" si="203"/>
        <v>216.43334999999999</v>
      </c>
    </row>
    <row r="13002" spans="1:3" x14ac:dyDescent="0.25">
      <c r="A13002" s="2" t="s">
        <v>4660</v>
      </c>
      <c r="B13002" s="6">
        <v>216449.99999999997</v>
      </c>
      <c r="C13002" s="7">
        <f t="shared" si="203"/>
        <v>216.44999999999996</v>
      </c>
    </row>
    <row r="13003" spans="1:3" x14ac:dyDescent="0.25">
      <c r="A13003" s="2" t="s">
        <v>4661</v>
      </c>
      <c r="B13003" s="6">
        <v>216466.65</v>
      </c>
      <c r="C13003" s="7">
        <f t="shared" si="203"/>
        <v>216.46664999999999</v>
      </c>
    </row>
    <row r="13004" spans="1:3" x14ac:dyDescent="0.25">
      <c r="A13004" s="2" t="s">
        <v>4662</v>
      </c>
      <c r="B13004" s="6">
        <v>216483.3</v>
      </c>
      <c r="C13004" s="7">
        <f t="shared" si="203"/>
        <v>216.48329999999999</v>
      </c>
    </row>
    <row r="13005" spans="1:3" x14ac:dyDescent="0.25">
      <c r="A13005" s="2" t="s">
        <v>4663</v>
      </c>
      <c r="B13005" s="6">
        <v>216499.94999999998</v>
      </c>
      <c r="C13005" s="7">
        <f t="shared" si="203"/>
        <v>216.49994999999998</v>
      </c>
    </row>
    <row r="13006" spans="1:3" x14ac:dyDescent="0.25">
      <c r="A13006" s="2" t="s">
        <v>4664</v>
      </c>
      <c r="B13006" s="6">
        <v>216516.59999999998</v>
      </c>
      <c r="C13006" s="7">
        <f t="shared" si="203"/>
        <v>216.51659999999998</v>
      </c>
    </row>
    <row r="13007" spans="1:3" x14ac:dyDescent="0.25">
      <c r="A13007" s="2" t="s">
        <v>4665</v>
      </c>
      <c r="B13007" s="6">
        <v>216533.24999999997</v>
      </c>
      <c r="C13007" s="7">
        <f t="shared" si="203"/>
        <v>216.53324999999998</v>
      </c>
    </row>
    <row r="13008" spans="1:3" x14ac:dyDescent="0.25">
      <c r="A13008" s="2" t="s">
        <v>4666</v>
      </c>
      <c r="B13008" s="6">
        <v>216549.9</v>
      </c>
      <c r="C13008" s="7">
        <f t="shared" si="203"/>
        <v>216.54990000000001</v>
      </c>
    </row>
    <row r="13009" spans="1:3" x14ac:dyDescent="0.25">
      <c r="A13009" s="2" t="s">
        <v>4667</v>
      </c>
      <c r="B13009" s="6">
        <v>216566.55</v>
      </c>
      <c r="C13009" s="7">
        <f t="shared" si="203"/>
        <v>216.56654999999998</v>
      </c>
    </row>
    <row r="13010" spans="1:3" x14ac:dyDescent="0.25">
      <c r="A13010" s="2" t="s">
        <v>4668</v>
      </c>
      <c r="B13010" s="6">
        <v>216583.19999999998</v>
      </c>
      <c r="C13010" s="7">
        <f t="shared" si="203"/>
        <v>216.58319999999998</v>
      </c>
    </row>
    <row r="13011" spans="1:3" x14ac:dyDescent="0.25">
      <c r="A13011" s="2" t="s">
        <v>4669</v>
      </c>
      <c r="B13011" s="6">
        <v>216599.84999999998</v>
      </c>
      <c r="C13011" s="7">
        <f t="shared" si="203"/>
        <v>216.59984999999998</v>
      </c>
    </row>
    <row r="13012" spans="1:3" x14ac:dyDescent="0.25">
      <c r="A13012" s="2" t="s">
        <v>4670</v>
      </c>
      <c r="B13012" s="6">
        <v>216616.49999999997</v>
      </c>
      <c r="C13012" s="7">
        <f t="shared" si="203"/>
        <v>216.61649999999997</v>
      </c>
    </row>
    <row r="13013" spans="1:3" x14ac:dyDescent="0.25">
      <c r="A13013" s="2" t="s">
        <v>4671</v>
      </c>
      <c r="B13013" s="6">
        <v>216633.15</v>
      </c>
      <c r="C13013" s="7">
        <f t="shared" si="203"/>
        <v>216.63315</v>
      </c>
    </row>
    <row r="13014" spans="1:3" x14ac:dyDescent="0.25">
      <c r="A13014" s="2" t="s">
        <v>4672</v>
      </c>
      <c r="B13014" s="6">
        <v>216649.8</v>
      </c>
      <c r="C13014" s="7">
        <f t="shared" si="203"/>
        <v>216.6498</v>
      </c>
    </row>
    <row r="13015" spans="1:3" x14ac:dyDescent="0.25">
      <c r="A13015" s="2" t="s">
        <v>4673</v>
      </c>
      <c r="B13015" s="6">
        <v>216666.44999999998</v>
      </c>
      <c r="C13015" s="7">
        <f t="shared" si="203"/>
        <v>216.66644999999997</v>
      </c>
    </row>
    <row r="13016" spans="1:3" x14ac:dyDescent="0.25">
      <c r="A13016" s="2" t="s">
        <v>4674</v>
      </c>
      <c r="B13016" s="6">
        <v>216683.09999999998</v>
      </c>
      <c r="C13016" s="7">
        <f t="shared" si="203"/>
        <v>216.68309999999997</v>
      </c>
    </row>
    <row r="13017" spans="1:3" x14ac:dyDescent="0.25">
      <c r="A13017" s="2" t="s">
        <v>4675</v>
      </c>
      <c r="B13017" s="6">
        <v>216699.74999999997</v>
      </c>
      <c r="C13017" s="7">
        <f t="shared" si="203"/>
        <v>216.69974999999997</v>
      </c>
    </row>
    <row r="13018" spans="1:3" x14ac:dyDescent="0.25">
      <c r="A13018" s="2" t="s">
        <v>4676</v>
      </c>
      <c r="B13018" s="6">
        <v>216716.4</v>
      </c>
      <c r="C13018" s="7">
        <f t="shared" si="203"/>
        <v>216.71639999999999</v>
      </c>
    </row>
    <row r="13019" spans="1:3" x14ac:dyDescent="0.25">
      <c r="A13019" s="2" t="s">
        <v>4677</v>
      </c>
      <c r="B13019" s="6">
        <v>216733.05</v>
      </c>
      <c r="C13019" s="7">
        <f t="shared" si="203"/>
        <v>216.73304999999999</v>
      </c>
    </row>
    <row r="13020" spans="1:3" x14ac:dyDescent="0.25">
      <c r="A13020" s="2" t="s">
        <v>4678</v>
      </c>
      <c r="B13020" s="6">
        <v>216749.69999999998</v>
      </c>
      <c r="C13020" s="7">
        <f t="shared" si="203"/>
        <v>216.74969999999999</v>
      </c>
    </row>
    <row r="13021" spans="1:3" x14ac:dyDescent="0.25">
      <c r="A13021" s="2" t="s">
        <v>4679</v>
      </c>
      <c r="B13021" s="6">
        <v>216766.34999999998</v>
      </c>
      <c r="C13021" s="7">
        <f t="shared" si="203"/>
        <v>216.76634999999999</v>
      </c>
    </row>
    <row r="13022" spans="1:3" x14ac:dyDescent="0.25">
      <c r="A13022" s="2" t="s">
        <v>4680</v>
      </c>
      <c r="B13022" s="6">
        <v>216782.99999999997</v>
      </c>
      <c r="C13022" s="7">
        <f t="shared" si="203"/>
        <v>216.78299999999996</v>
      </c>
    </row>
    <row r="13023" spans="1:3" x14ac:dyDescent="0.25">
      <c r="A13023" s="2" t="s">
        <v>4681</v>
      </c>
      <c r="B13023" s="6">
        <v>216799.65</v>
      </c>
      <c r="C13023" s="7">
        <f t="shared" si="203"/>
        <v>216.79964999999999</v>
      </c>
    </row>
    <row r="13024" spans="1:3" x14ac:dyDescent="0.25">
      <c r="A13024" s="2" t="s">
        <v>4682</v>
      </c>
      <c r="B13024" s="6">
        <v>216816.3</v>
      </c>
      <c r="C13024" s="7">
        <f t="shared" si="203"/>
        <v>216.81629999999998</v>
      </c>
    </row>
    <row r="13025" spans="1:3" x14ac:dyDescent="0.25">
      <c r="A13025" s="2" t="s">
        <v>4683</v>
      </c>
      <c r="B13025" s="6">
        <v>216832.94999999998</v>
      </c>
      <c r="C13025" s="7">
        <f t="shared" si="203"/>
        <v>216.83294999999998</v>
      </c>
    </row>
    <row r="13026" spans="1:3" x14ac:dyDescent="0.25">
      <c r="A13026" s="2" t="s">
        <v>4684</v>
      </c>
      <c r="B13026" s="6">
        <v>216849.59999999998</v>
      </c>
      <c r="C13026" s="7">
        <f t="shared" si="203"/>
        <v>216.84959999999998</v>
      </c>
    </row>
    <row r="13027" spans="1:3" x14ac:dyDescent="0.25">
      <c r="A13027" s="2" t="s">
        <v>4685</v>
      </c>
      <c r="B13027" s="6">
        <v>216866.24999999997</v>
      </c>
      <c r="C13027" s="7">
        <f t="shared" si="203"/>
        <v>216.86624999999998</v>
      </c>
    </row>
    <row r="13028" spans="1:3" x14ac:dyDescent="0.25">
      <c r="A13028" s="2" t="s">
        <v>4686</v>
      </c>
      <c r="B13028" s="6">
        <v>216882.9</v>
      </c>
      <c r="C13028" s="7">
        <f t="shared" si="203"/>
        <v>216.88290000000001</v>
      </c>
    </row>
    <row r="13029" spans="1:3" x14ac:dyDescent="0.25">
      <c r="A13029" s="2" t="s">
        <v>4687</v>
      </c>
      <c r="B13029" s="6">
        <v>216899.55</v>
      </c>
      <c r="C13029" s="7">
        <f t="shared" si="203"/>
        <v>216.89954999999998</v>
      </c>
    </row>
    <row r="13030" spans="1:3" x14ac:dyDescent="0.25">
      <c r="A13030" s="2" t="s">
        <v>4688</v>
      </c>
      <c r="B13030" s="6">
        <v>216916.19999999998</v>
      </c>
      <c r="C13030" s="7">
        <f t="shared" si="203"/>
        <v>216.91619999999998</v>
      </c>
    </row>
    <row r="13031" spans="1:3" x14ac:dyDescent="0.25">
      <c r="A13031" s="2" t="s">
        <v>4689</v>
      </c>
      <c r="B13031" s="6">
        <v>216932.84999999998</v>
      </c>
      <c r="C13031" s="7">
        <f t="shared" si="203"/>
        <v>216.93284999999997</v>
      </c>
    </row>
    <row r="13032" spans="1:3" x14ac:dyDescent="0.25">
      <c r="A13032" s="2" t="s">
        <v>4690</v>
      </c>
      <c r="B13032" s="6">
        <v>216949.49999999997</v>
      </c>
      <c r="C13032" s="7">
        <f t="shared" si="203"/>
        <v>216.94949999999997</v>
      </c>
    </row>
    <row r="13033" spans="1:3" x14ac:dyDescent="0.25">
      <c r="A13033" s="2" t="s">
        <v>4691</v>
      </c>
      <c r="B13033" s="6">
        <v>216966.15</v>
      </c>
      <c r="C13033" s="7">
        <f t="shared" si="203"/>
        <v>216.96615</v>
      </c>
    </row>
    <row r="13034" spans="1:3" x14ac:dyDescent="0.25">
      <c r="A13034" s="2" t="s">
        <v>4692</v>
      </c>
      <c r="B13034" s="6">
        <v>216982.8</v>
      </c>
      <c r="C13034" s="7">
        <f t="shared" si="203"/>
        <v>216.9828</v>
      </c>
    </row>
    <row r="13035" spans="1:3" x14ac:dyDescent="0.25">
      <c r="A13035" s="2" t="s">
        <v>4693</v>
      </c>
      <c r="B13035" s="6">
        <v>216999.44999999998</v>
      </c>
      <c r="C13035" s="7">
        <f t="shared" si="203"/>
        <v>216.99945</v>
      </c>
    </row>
    <row r="13036" spans="1:3" x14ac:dyDescent="0.25">
      <c r="A13036" s="2" t="s">
        <v>4694</v>
      </c>
      <c r="B13036" s="6">
        <v>217016.09999999998</v>
      </c>
      <c r="C13036" s="7">
        <f t="shared" si="203"/>
        <v>217.01609999999997</v>
      </c>
    </row>
    <row r="13037" spans="1:3" x14ac:dyDescent="0.25">
      <c r="A13037" s="2" t="s">
        <v>4695</v>
      </c>
      <c r="B13037" s="6">
        <v>217032.74999999997</v>
      </c>
      <c r="C13037" s="7">
        <f t="shared" si="203"/>
        <v>217.03274999999996</v>
      </c>
    </row>
    <row r="13038" spans="1:3" x14ac:dyDescent="0.25">
      <c r="A13038" s="2" t="s">
        <v>4696</v>
      </c>
      <c r="B13038" s="6">
        <v>217049.4</v>
      </c>
      <c r="C13038" s="7">
        <f t="shared" si="203"/>
        <v>217.04939999999999</v>
      </c>
    </row>
    <row r="13039" spans="1:3" x14ac:dyDescent="0.25">
      <c r="A13039" s="2" t="s">
        <v>4697</v>
      </c>
      <c r="B13039" s="6">
        <v>217066.05</v>
      </c>
      <c r="C13039" s="7">
        <f t="shared" si="203"/>
        <v>217.06604999999999</v>
      </c>
    </row>
    <row r="13040" spans="1:3" x14ac:dyDescent="0.25">
      <c r="A13040" s="2" t="s">
        <v>4698</v>
      </c>
      <c r="B13040" s="6">
        <v>217082.69999999998</v>
      </c>
      <c r="C13040" s="7">
        <f t="shared" si="203"/>
        <v>217.08269999999999</v>
      </c>
    </row>
    <row r="13041" spans="1:3" x14ac:dyDescent="0.25">
      <c r="A13041" s="2" t="s">
        <v>4699</v>
      </c>
      <c r="B13041" s="6">
        <v>217099.34999999998</v>
      </c>
      <c r="C13041" s="7">
        <f t="shared" si="203"/>
        <v>217.09934999999999</v>
      </c>
    </row>
    <row r="13042" spans="1:3" x14ac:dyDescent="0.25">
      <c r="A13042" s="2" t="s">
        <v>4700</v>
      </c>
      <c r="B13042" s="6">
        <v>217115.99999999997</v>
      </c>
      <c r="C13042" s="7">
        <f t="shared" si="203"/>
        <v>217.11599999999996</v>
      </c>
    </row>
    <row r="13043" spans="1:3" x14ac:dyDescent="0.25">
      <c r="A13043" s="2" t="s">
        <v>4701</v>
      </c>
      <c r="B13043" s="6">
        <v>217132.65</v>
      </c>
      <c r="C13043" s="7">
        <f t="shared" si="203"/>
        <v>217.13264999999998</v>
      </c>
    </row>
    <row r="13044" spans="1:3" x14ac:dyDescent="0.25">
      <c r="A13044" s="2" t="s">
        <v>4702</v>
      </c>
      <c r="B13044" s="6">
        <v>217149.3</v>
      </c>
      <c r="C13044" s="7">
        <f t="shared" si="203"/>
        <v>217.14929999999998</v>
      </c>
    </row>
    <row r="13045" spans="1:3" x14ac:dyDescent="0.25">
      <c r="A13045" s="2" t="s">
        <v>4703</v>
      </c>
      <c r="B13045" s="6">
        <v>217165.94999999998</v>
      </c>
      <c r="C13045" s="7">
        <f t="shared" si="203"/>
        <v>217.16594999999998</v>
      </c>
    </row>
    <row r="13046" spans="1:3" x14ac:dyDescent="0.25">
      <c r="A13046" s="2" t="s">
        <v>4704</v>
      </c>
      <c r="B13046" s="6">
        <v>217182.59999999998</v>
      </c>
      <c r="C13046" s="7">
        <f t="shared" si="203"/>
        <v>217.18259999999998</v>
      </c>
    </row>
    <row r="13047" spans="1:3" x14ac:dyDescent="0.25">
      <c r="A13047" s="2" t="s">
        <v>4705</v>
      </c>
      <c r="B13047" s="6">
        <v>217199.24999999997</v>
      </c>
      <c r="C13047" s="7">
        <f t="shared" si="203"/>
        <v>217.19924999999998</v>
      </c>
    </row>
    <row r="13048" spans="1:3" x14ac:dyDescent="0.25">
      <c r="A13048" s="2" t="s">
        <v>4706</v>
      </c>
      <c r="B13048" s="6">
        <v>217215.9</v>
      </c>
      <c r="C13048" s="7">
        <f t="shared" si="203"/>
        <v>217.2159</v>
      </c>
    </row>
    <row r="13049" spans="1:3" x14ac:dyDescent="0.25">
      <c r="A13049" s="2" t="s">
        <v>4707</v>
      </c>
      <c r="B13049" s="6">
        <v>217232.55</v>
      </c>
      <c r="C13049" s="7">
        <f t="shared" si="203"/>
        <v>217.23254999999997</v>
      </c>
    </row>
    <row r="13050" spans="1:3" x14ac:dyDescent="0.25">
      <c r="A13050" s="2" t="s">
        <v>4708</v>
      </c>
      <c r="B13050" s="6">
        <v>217249.19999999998</v>
      </c>
      <c r="C13050" s="7">
        <f t="shared" si="203"/>
        <v>217.24919999999997</v>
      </c>
    </row>
    <row r="13051" spans="1:3" x14ac:dyDescent="0.25">
      <c r="A13051" s="2" t="s">
        <v>4709</v>
      </c>
      <c r="B13051" s="6">
        <v>217265.84999999998</v>
      </c>
      <c r="C13051" s="7">
        <f t="shared" si="203"/>
        <v>217.26584999999997</v>
      </c>
    </row>
    <row r="13052" spans="1:3" x14ac:dyDescent="0.25">
      <c r="A13052" s="2" t="s">
        <v>4710</v>
      </c>
      <c r="B13052" s="6">
        <v>217282.49999999997</v>
      </c>
      <c r="C13052" s="7">
        <f t="shared" si="203"/>
        <v>217.28249999999997</v>
      </c>
    </row>
    <row r="13053" spans="1:3" x14ac:dyDescent="0.25">
      <c r="A13053" s="2" t="s">
        <v>4711</v>
      </c>
      <c r="B13053" s="6">
        <v>217299.15</v>
      </c>
      <c r="C13053" s="7">
        <f t="shared" si="203"/>
        <v>217.29915</v>
      </c>
    </row>
    <row r="13054" spans="1:3" x14ac:dyDescent="0.25">
      <c r="A13054" s="2" t="s">
        <v>4712</v>
      </c>
      <c r="B13054" s="6">
        <v>217315.8</v>
      </c>
      <c r="C13054" s="7">
        <f t="shared" si="203"/>
        <v>217.3158</v>
      </c>
    </row>
    <row r="13055" spans="1:3" x14ac:dyDescent="0.25">
      <c r="A13055" s="2" t="s">
        <v>4713</v>
      </c>
      <c r="B13055" s="6">
        <v>217332.44999999998</v>
      </c>
      <c r="C13055" s="7">
        <f t="shared" si="203"/>
        <v>217.33244999999999</v>
      </c>
    </row>
    <row r="13056" spans="1:3" x14ac:dyDescent="0.25">
      <c r="A13056" s="2" t="s">
        <v>4714</v>
      </c>
      <c r="B13056" s="6">
        <v>217349.09999999998</v>
      </c>
      <c r="C13056" s="7">
        <f t="shared" si="203"/>
        <v>217.34909999999996</v>
      </c>
    </row>
    <row r="13057" spans="1:3" x14ac:dyDescent="0.25">
      <c r="A13057" s="2" t="s">
        <v>4715</v>
      </c>
      <c r="B13057" s="6">
        <v>217365.74999999997</v>
      </c>
      <c r="C13057" s="7">
        <f t="shared" si="203"/>
        <v>217.36574999999996</v>
      </c>
    </row>
    <row r="13058" spans="1:3" x14ac:dyDescent="0.25">
      <c r="A13058" s="2" t="s">
        <v>4716</v>
      </c>
      <c r="B13058" s="6">
        <v>217382.39999999999</v>
      </c>
      <c r="C13058" s="7">
        <f t="shared" si="203"/>
        <v>217.38239999999999</v>
      </c>
    </row>
    <row r="13059" spans="1:3" x14ac:dyDescent="0.25">
      <c r="A13059" s="2" t="s">
        <v>4717</v>
      </c>
      <c r="B13059" s="6">
        <v>217399.05</v>
      </c>
      <c r="C13059" s="7">
        <f t="shared" ref="C13059:C13122" si="204">B13059/1000</f>
        <v>217.39904999999999</v>
      </c>
    </row>
    <row r="13060" spans="1:3" x14ac:dyDescent="0.25">
      <c r="A13060" s="2" t="s">
        <v>4718</v>
      </c>
      <c r="B13060" s="6">
        <v>217415.69999999998</v>
      </c>
      <c r="C13060" s="7">
        <f t="shared" si="204"/>
        <v>217.41569999999999</v>
      </c>
    </row>
    <row r="13061" spans="1:3" x14ac:dyDescent="0.25">
      <c r="A13061" s="2" t="s">
        <v>4719</v>
      </c>
      <c r="B13061" s="6">
        <v>217432.34999999998</v>
      </c>
      <c r="C13061" s="7">
        <f t="shared" si="204"/>
        <v>217.43234999999999</v>
      </c>
    </row>
    <row r="13062" spans="1:3" x14ac:dyDescent="0.25">
      <c r="A13062" s="2" t="s">
        <v>4720</v>
      </c>
      <c r="B13062" s="6">
        <v>217448.99999999997</v>
      </c>
      <c r="C13062" s="7">
        <f t="shared" si="204"/>
        <v>217.44899999999998</v>
      </c>
    </row>
    <row r="13063" spans="1:3" x14ac:dyDescent="0.25">
      <c r="A13063" s="2" t="s">
        <v>4721</v>
      </c>
      <c r="B13063" s="6">
        <v>217465.65</v>
      </c>
      <c r="C13063" s="7">
        <f t="shared" si="204"/>
        <v>217.46564999999998</v>
      </c>
    </row>
    <row r="13064" spans="1:3" x14ac:dyDescent="0.25">
      <c r="A13064" s="2" t="s">
        <v>4722</v>
      </c>
      <c r="B13064" s="6">
        <v>217482.3</v>
      </c>
      <c r="C13064" s="7">
        <f t="shared" si="204"/>
        <v>217.48229999999998</v>
      </c>
    </row>
    <row r="13065" spans="1:3" x14ac:dyDescent="0.25">
      <c r="A13065" s="2" t="s">
        <v>4723</v>
      </c>
      <c r="B13065" s="6">
        <v>217498.94999999998</v>
      </c>
      <c r="C13065" s="7">
        <f t="shared" si="204"/>
        <v>217.49894999999998</v>
      </c>
    </row>
    <row r="13066" spans="1:3" x14ac:dyDescent="0.25">
      <c r="A13066" s="2" t="s">
        <v>4724</v>
      </c>
      <c r="B13066" s="6">
        <v>217515.59999999998</v>
      </c>
      <c r="C13066" s="7">
        <f t="shared" si="204"/>
        <v>217.51559999999998</v>
      </c>
    </row>
    <row r="13067" spans="1:3" x14ac:dyDescent="0.25">
      <c r="A13067" s="2" t="s">
        <v>4725</v>
      </c>
      <c r="B13067" s="6">
        <v>217532.24999999997</v>
      </c>
      <c r="C13067" s="7">
        <f t="shared" si="204"/>
        <v>217.53224999999998</v>
      </c>
    </row>
    <row r="13068" spans="1:3" x14ac:dyDescent="0.25">
      <c r="A13068" s="2" t="s">
        <v>4726</v>
      </c>
      <c r="B13068" s="6">
        <v>217548.9</v>
      </c>
      <c r="C13068" s="7">
        <f t="shared" si="204"/>
        <v>217.5489</v>
      </c>
    </row>
    <row r="13069" spans="1:3" x14ac:dyDescent="0.25">
      <c r="A13069" s="2" t="s">
        <v>4727</v>
      </c>
      <c r="B13069" s="6">
        <v>217565.55</v>
      </c>
      <c r="C13069" s="7">
        <f t="shared" si="204"/>
        <v>217.56555</v>
      </c>
    </row>
    <row r="13070" spans="1:3" x14ac:dyDescent="0.25">
      <c r="A13070" s="2" t="s">
        <v>4728</v>
      </c>
      <c r="B13070" s="6">
        <v>217582.19999999998</v>
      </c>
      <c r="C13070" s="7">
        <f t="shared" si="204"/>
        <v>217.58219999999997</v>
      </c>
    </row>
    <row r="13071" spans="1:3" x14ac:dyDescent="0.25">
      <c r="A13071" s="2" t="s">
        <v>4729</v>
      </c>
      <c r="B13071" s="6">
        <v>217598.84999999998</v>
      </c>
      <c r="C13071" s="7">
        <f t="shared" si="204"/>
        <v>217.59884999999997</v>
      </c>
    </row>
    <row r="13072" spans="1:3" x14ac:dyDescent="0.25">
      <c r="A13072" s="2" t="s">
        <v>4730</v>
      </c>
      <c r="B13072" s="6">
        <v>217615.49999999997</v>
      </c>
      <c r="C13072" s="7">
        <f t="shared" si="204"/>
        <v>217.61549999999997</v>
      </c>
    </row>
    <row r="13073" spans="1:3" x14ac:dyDescent="0.25">
      <c r="A13073" s="2" t="s">
        <v>4731</v>
      </c>
      <c r="B13073" s="6">
        <v>217632.15</v>
      </c>
      <c r="C13073" s="7">
        <f t="shared" si="204"/>
        <v>217.63215</v>
      </c>
    </row>
    <row r="13074" spans="1:3" x14ac:dyDescent="0.25">
      <c r="A13074" s="2" t="s">
        <v>4732</v>
      </c>
      <c r="B13074" s="6">
        <v>217648.8</v>
      </c>
      <c r="C13074" s="7">
        <f t="shared" si="204"/>
        <v>217.64879999999999</v>
      </c>
    </row>
    <row r="13075" spans="1:3" x14ac:dyDescent="0.25">
      <c r="A13075" s="2" t="s">
        <v>4733</v>
      </c>
      <c r="B13075" s="6">
        <v>217665.44999999998</v>
      </c>
      <c r="C13075" s="7">
        <f t="shared" si="204"/>
        <v>217.66544999999999</v>
      </c>
    </row>
    <row r="13076" spans="1:3" x14ac:dyDescent="0.25">
      <c r="A13076" s="2" t="s">
        <v>4734</v>
      </c>
      <c r="B13076" s="6">
        <v>217682.09999999998</v>
      </c>
      <c r="C13076" s="7">
        <f t="shared" si="204"/>
        <v>217.68209999999996</v>
      </c>
    </row>
    <row r="13077" spans="1:3" x14ac:dyDescent="0.25">
      <c r="A13077" s="2" t="s">
        <v>4735</v>
      </c>
      <c r="B13077" s="6">
        <v>217698.74999999997</v>
      </c>
      <c r="C13077" s="7">
        <f t="shared" si="204"/>
        <v>217.69874999999996</v>
      </c>
    </row>
    <row r="13078" spans="1:3" x14ac:dyDescent="0.25">
      <c r="A13078" s="2" t="s">
        <v>4736</v>
      </c>
      <c r="B13078" s="6">
        <v>217715.4</v>
      </c>
      <c r="C13078" s="7">
        <f t="shared" si="204"/>
        <v>217.71539999999999</v>
      </c>
    </row>
    <row r="13079" spans="1:3" x14ac:dyDescent="0.25">
      <c r="A13079" s="2" t="s">
        <v>4737</v>
      </c>
      <c r="B13079" s="6">
        <v>217732.05</v>
      </c>
      <c r="C13079" s="7">
        <f t="shared" si="204"/>
        <v>217.73204999999999</v>
      </c>
    </row>
    <row r="13080" spans="1:3" x14ac:dyDescent="0.25">
      <c r="A13080" s="2" t="s">
        <v>4738</v>
      </c>
      <c r="B13080" s="6">
        <v>217748.69999999998</v>
      </c>
      <c r="C13080" s="7">
        <f t="shared" si="204"/>
        <v>217.74869999999999</v>
      </c>
    </row>
    <row r="13081" spans="1:3" x14ac:dyDescent="0.25">
      <c r="A13081" s="2" t="s">
        <v>4739</v>
      </c>
      <c r="B13081" s="6">
        <v>217765.34999999998</v>
      </c>
      <c r="C13081" s="7">
        <f t="shared" si="204"/>
        <v>217.76534999999998</v>
      </c>
    </row>
    <row r="13082" spans="1:3" x14ac:dyDescent="0.25">
      <c r="A13082" s="2" t="s">
        <v>4740</v>
      </c>
      <c r="B13082" s="6">
        <v>217781.99999999997</v>
      </c>
      <c r="C13082" s="7">
        <f t="shared" si="204"/>
        <v>217.78199999999998</v>
      </c>
    </row>
    <row r="13083" spans="1:3" x14ac:dyDescent="0.25">
      <c r="A13083" s="2" t="s">
        <v>4741</v>
      </c>
      <c r="B13083" s="6">
        <v>217798.65</v>
      </c>
      <c r="C13083" s="7">
        <f t="shared" si="204"/>
        <v>217.79864999999998</v>
      </c>
    </row>
    <row r="13084" spans="1:3" x14ac:dyDescent="0.25">
      <c r="A13084" s="2" t="s">
        <v>4742</v>
      </c>
      <c r="B13084" s="6">
        <v>217815.3</v>
      </c>
      <c r="C13084" s="7">
        <f t="shared" si="204"/>
        <v>217.81529999999998</v>
      </c>
    </row>
    <row r="13085" spans="1:3" x14ac:dyDescent="0.25">
      <c r="A13085" s="2" t="s">
        <v>4743</v>
      </c>
      <c r="B13085" s="6">
        <v>217831.94999999998</v>
      </c>
      <c r="C13085" s="7">
        <f t="shared" si="204"/>
        <v>217.83194999999998</v>
      </c>
    </row>
    <row r="13086" spans="1:3" x14ac:dyDescent="0.25">
      <c r="A13086" s="2" t="s">
        <v>4744</v>
      </c>
      <c r="B13086" s="6">
        <v>217848.59999999998</v>
      </c>
      <c r="C13086" s="7">
        <f t="shared" si="204"/>
        <v>217.84859999999998</v>
      </c>
    </row>
    <row r="13087" spans="1:3" x14ac:dyDescent="0.25">
      <c r="A13087" s="2" t="s">
        <v>4745</v>
      </c>
      <c r="B13087" s="6">
        <v>217865.24999999997</v>
      </c>
      <c r="C13087" s="7">
        <f t="shared" si="204"/>
        <v>217.86524999999997</v>
      </c>
    </row>
    <row r="13088" spans="1:3" x14ac:dyDescent="0.25">
      <c r="A13088" s="2" t="s">
        <v>4746</v>
      </c>
      <c r="B13088" s="6">
        <v>217881.9</v>
      </c>
      <c r="C13088" s="7">
        <f t="shared" si="204"/>
        <v>217.8819</v>
      </c>
    </row>
    <row r="13089" spans="1:3" x14ac:dyDescent="0.25">
      <c r="A13089" s="2" t="s">
        <v>4747</v>
      </c>
      <c r="B13089" s="6">
        <v>217898.55</v>
      </c>
      <c r="C13089" s="7">
        <f t="shared" si="204"/>
        <v>217.89855</v>
      </c>
    </row>
    <row r="13090" spans="1:3" x14ac:dyDescent="0.25">
      <c r="A13090" s="2" t="s">
        <v>4748</v>
      </c>
      <c r="B13090" s="6">
        <v>217915.19999999998</v>
      </c>
      <c r="C13090" s="7">
        <f t="shared" si="204"/>
        <v>217.91519999999997</v>
      </c>
    </row>
    <row r="13091" spans="1:3" x14ac:dyDescent="0.25">
      <c r="A13091" s="2" t="s">
        <v>4749</v>
      </c>
      <c r="B13091" s="6">
        <v>217931.84999999998</v>
      </c>
      <c r="C13091" s="7">
        <f t="shared" si="204"/>
        <v>217.93184999999997</v>
      </c>
    </row>
    <row r="13092" spans="1:3" x14ac:dyDescent="0.25">
      <c r="A13092" s="2" t="s">
        <v>4750</v>
      </c>
      <c r="B13092" s="6">
        <v>217948.49999999997</v>
      </c>
      <c r="C13092" s="7">
        <f t="shared" si="204"/>
        <v>217.94849999999997</v>
      </c>
    </row>
    <row r="13093" spans="1:3" x14ac:dyDescent="0.25">
      <c r="A13093" s="2" t="s">
        <v>4751</v>
      </c>
      <c r="B13093" s="6">
        <v>217965.15</v>
      </c>
      <c r="C13093" s="7">
        <f t="shared" si="204"/>
        <v>217.96514999999999</v>
      </c>
    </row>
    <row r="13094" spans="1:3" x14ac:dyDescent="0.25">
      <c r="A13094" s="2" t="s">
        <v>4752</v>
      </c>
      <c r="B13094" s="6">
        <v>217981.8</v>
      </c>
      <c r="C13094" s="7">
        <f t="shared" si="204"/>
        <v>217.98179999999999</v>
      </c>
    </row>
    <row r="13095" spans="1:3" x14ac:dyDescent="0.25">
      <c r="A13095" s="2" t="s">
        <v>4753</v>
      </c>
      <c r="B13095" s="6">
        <v>217998.44999999998</v>
      </c>
      <c r="C13095" s="7">
        <f t="shared" si="204"/>
        <v>217.99844999999999</v>
      </c>
    </row>
    <row r="13096" spans="1:3" x14ac:dyDescent="0.25">
      <c r="A13096" s="2" t="s">
        <v>4754</v>
      </c>
      <c r="B13096" s="6">
        <v>218015.09999999998</v>
      </c>
      <c r="C13096" s="7">
        <f t="shared" si="204"/>
        <v>218.01509999999999</v>
      </c>
    </row>
    <row r="13097" spans="1:3" x14ac:dyDescent="0.25">
      <c r="A13097" s="2" t="s">
        <v>4755</v>
      </c>
      <c r="B13097" s="6">
        <v>218031.74999999997</v>
      </c>
      <c r="C13097" s="7">
        <f t="shared" si="204"/>
        <v>218.03174999999996</v>
      </c>
    </row>
    <row r="13098" spans="1:3" x14ac:dyDescent="0.25">
      <c r="A13098" s="2" t="s">
        <v>4756</v>
      </c>
      <c r="B13098" s="6">
        <v>218048.4</v>
      </c>
      <c r="C13098" s="7">
        <f t="shared" si="204"/>
        <v>218.04839999999999</v>
      </c>
    </row>
    <row r="13099" spans="1:3" x14ac:dyDescent="0.25">
      <c r="A13099" s="2" t="s">
        <v>4757</v>
      </c>
      <c r="B13099" s="6">
        <v>218065.05</v>
      </c>
      <c r="C13099" s="7">
        <f t="shared" si="204"/>
        <v>218.06504999999999</v>
      </c>
    </row>
    <row r="13100" spans="1:3" x14ac:dyDescent="0.25">
      <c r="A13100" s="2" t="s">
        <v>4758</v>
      </c>
      <c r="B13100" s="6">
        <v>218081.69999999998</v>
      </c>
      <c r="C13100" s="7">
        <f t="shared" si="204"/>
        <v>218.08169999999998</v>
      </c>
    </row>
    <row r="13101" spans="1:3" x14ac:dyDescent="0.25">
      <c r="A13101" s="2" t="s">
        <v>4759</v>
      </c>
      <c r="B13101" s="6">
        <v>218098.34999999998</v>
      </c>
      <c r="C13101" s="7">
        <f t="shared" si="204"/>
        <v>218.09834999999998</v>
      </c>
    </row>
    <row r="13102" spans="1:3" x14ac:dyDescent="0.25">
      <c r="A13102" s="2" t="s">
        <v>4760</v>
      </c>
      <c r="B13102" s="6">
        <v>218114.99999999997</v>
      </c>
      <c r="C13102" s="7">
        <f t="shared" si="204"/>
        <v>218.11499999999998</v>
      </c>
    </row>
    <row r="13103" spans="1:3" x14ac:dyDescent="0.25">
      <c r="A13103" s="2" t="s">
        <v>4761</v>
      </c>
      <c r="B13103" s="6">
        <v>218131.65</v>
      </c>
      <c r="C13103" s="7">
        <f t="shared" si="204"/>
        <v>218.13165000000001</v>
      </c>
    </row>
    <row r="13104" spans="1:3" x14ac:dyDescent="0.25">
      <c r="A13104" s="2" t="s">
        <v>4762</v>
      </c>
      <c r="B13104" s="6">
        <v>218148.3</v>
      </c>
      <c r="C13104" s="7">
        <f t="shared" si="204"/>
        <v>218.14829999999998</v>
      </c>
    </row>
    <row r="13105" spans="1:3" x14ac:dyDescent="0.25">
      <c r="A13105" s="2" t="s">
        <v>4763</v>
      </c>
      <c r="B13105" s="6">
        <v>218164.94999999998</v>
      </c>
      <c r="C13105" s="7">
        <f t="shared" si="204"/>
        <v>218.16494999999998</v>
      </c>
    </row>
    <row r="13106" spans="1:3" x14ac:dyDescent="0.25">
      <c r="A13106" s="2" t="s">
        <v>4764</v>
      </c>
      <c r="B13106" s="6">
        <v>218181.59999999998</v>
      </c>
      <c r="C13106" s="7">
        <f t="shared" si="204"/>
        <v>218.18159999999997</v>
      </c>
    </row>
    <row r="13107" spans="1:3" x14ac:dyDescent="0.25">
      <c r="A13107" s="2" t="s">
        <v>4765</v>
      </c>
      <c r="B13107" s="6">
        <v>218198.24999999997</v>
      </c>
      <c r="C13107" s="7">
        <f t="shared" si="204"/>
        <v>218.19824999999997</v>
      </c>
    </row>
    <row r="13108" spans="1:3" x14ac:dyDescent="0.25">
      <c r="A13108" s="2" t="s">
        <v>4766</v>
      </c>
      <c r="B13108" s="6">
        <v>218214.9</v>
      </c>
      <c r="C13108" s="7">
        <f t="shared" si="204"/>
        <v>218.2149</v>
      </c>
    </row>
    <row r="13109" spans="1:3" x14ac:dyDescent="0.25">
      <c r="A13109" s="2" t="s">
        <v>4767</v>
      </c>
      <c r="B13109" s="6">
        <v>218231.55</v>
      </c>
      <c r="C13109" s="7">
        <f t="shared" si="204"/>
        <v>218.23155</v>
      </c>
    </row>
    <row r="13110" spans="1:3" x14ac:dyDescent="0.25">
      <c r="A13110" s="2" t="s">
        <v>4768</v>
      </c>
      <c r="B13110" s="6">
        <v>218248.19999999998</v>
      </c>
      <c r="C13110" s="7">
        <f t="shared" si="204"/>
        <v>218.24819999999997</v>
      </c>
    </row>
    <row r="13111" spans="1:3" x14ac:dyDescent="0.25">
      <c r="A13111" s="2" t="s">
        <v>4769</v>
      </c>
      <c r="B13111" s="6">
        <v>218264.84999999998</v>
      </c>
      <c r="C13111" s="7">
        <f t="shared" si="204"/>
        <v>218.26484999999997</v>
      </c>
    </row>
    <row r="13112" spans="1:3" x14ac:dyDescent="0.25">
      <c r="A13112" s="2" t="s">
        <v>4770</v>
      </c>
      <c r="B13112" s="6">
        <v>218281.49999999997</v>
      </c>
      <c r="C13112" s="7">
        <f t="shared" si="204"/>
        <v>218.28149999999997</v>
      </c>
    </row>
    <row r="13113" spans="1:3" x14ac:dyDescent="0.25">
      <c r="A13113" s="2" t="s">
        <v>4771</v>
      </c>
      <c r="B13113" s="6">
        <v>218298.15</v>
      </c>
      <c r="C13113" s="7">
        <f t="shared" si="204"/>
        <v>218.29814999999999</v>
      </c>
    </row>
    <row r="13114" spans="1:3" x14ac:dyDescent="0.25">
      <c r="A13114" s="2" t="s">
        <v>4772</v>
      </c>
      <c r="B13114" s="6">
        <v>218314.8</v>
      </c>
      <c r="C13114" s="7">
        <f t="shared" si="204"/>
        <v>218.31479999999999</v>
      </c>
    </row>
    <row r="13115" spans="1:3" x14ac:dyDescent="0.25">
      <c r="A13115" s="2" t="s">
        <v>4773</v>
      </c>
      <c r="B13115" s="6">
        <v>218331.44999999998</v>
      </c>
      <c r="C13115" s="7">
        <f t="shared" si="204"/>
        <v>218.33144999999999</v>
      </c>
    </row>
    <row r="13116" spans="1:3" x14ac:dyDescent="0.25">
      <c r="A13116" s="2" t="s">
        <v>4774</v>
      </c>
      <c r="B13116" s="6">
        <v>218348.09999999998</v>
      </c>
      <c r="C13116" s="7">
        <f t="shared" si="204"/>
        <v>218.34809999999999</v>
      </c>
    </row>
    <row r="13117" spans="1:3" x14ac:dyDescent="0.25">
      <c r="A13117" s="2" t="s">
        <v>4775</v>
      </c>
      <c r="B13117" s="6">
        <v>218364.74999999997</v>
      </c>
      <c r="C13117" s="7">
        <f t="shared" si="204"/>
        <v>218.36474999999996</v>
      </c>
    </row>
    <row r="13118" spans="1:3" x14ac:dyDescent="0.25">
      <c r="A13118" s="2" t="s">
        <v>4776</v>
      </c>
      <c r="B13118" s="6">
        <v>218381.4</v>
      </c>
      <c r="C13118" s="7">
        <f t="shared" si="204"/>
        <v>218.38139999999999</v>
      </c>
    </row>
    <row r="13119" spans="1:3" x14ac:dyDescent="0.25">
      <c r="A13119" s="2" t="s">
        <v>4777</v>
      </c>
      <c r="B13119" s="6">
        <v>218398.05</v>
      </c>
      <c r="C13119" s="7">
        <f t="shared" si="204"/>
        <v>218.39804999999998</v>
      </c>
    </row>
    <row r="13120" spans="1:3" x14ac:dyDescent="0.25">
      <c r="A13120" s="2" t="s">
        <v>4778</v>
      </c>
      <c r="B13120" s="6">
        <v>218414.69999999998</v>
      </c>
      <c r="C13120" s="7">
        <f t="shared" si="204"/>
        <v>218.41469999999998</v>
      </c>
    </row>
    <row r="13121" spans="1:3" x14ac:dyDescent="0.25">
      <c r="A13121" s="2" t="s">
        <v>4779</v>
      </c>
      <c r="B13121" s="6">
        <v>218431.34999999998</v>
      </c>
      <c r="C13121" s="7">
        <f t="shared" si="204"/>
        <v>218.43134999999998</v>
      </c>
    </row>
    <row r="13122" spans="1:3" x14ac:dyDescent="0.25">
      <c r="A13122" s="2" t="s">
        <v>4780</v>
      </c>
      <c r="B13122" s="6">
        <v>218447.99999999997</v>
      </c>
      <c r="C13122" s="7">
        <f t="shared" si="204"/>
        <v>218.44799999999998</v>
      </c>
    </row>
    <row r="13123" spans="1:3" x14ac:dyDescent="0.25">
      <c r="A13123" s="2" t="s">
        <v>4781</v>
      </c>
      <c r="B13123" s="6">
        <v>218464.65</v>
      </c>
      <c r="C13123" s="7">
        <f t="shared" ref="C13123:C13186" si="205">B13123/1000</f>
        <v>218.46465000000001</v>
      </c>
    </row>
    <row r="13124" spans="1:3" x14ac:dyDescent="0.25">
      <c r="A13124" s="2" t="s">
        <v>4782</v>
      </c>
      <c r="B13124" s="6">
        <v>218481.3</v>
      </c>
      <c r="C13124" s="7">
        <f t="shared" si="205"/>
        <v>218.48129999999998</v>
      </c>
    </row>
    <row r="13125" spans="1:3" x14ac:dyDescent="0.25">
      <c r="A13125" s="2" t="s">
        <v>4783</v>
      </c>
      <c r="B13125" s="6">
        <v>218497.94999999998</v>
      </c>
      <c r="C13125" s="7">
        <f t="shared" si="205"/>
        <v>218.49794999999997</v>
      </c>
    </row>
    <row r="13126" spans="1:3" x14ac:dyDescent="0.25">
      <c r="A13126" s="2" t="s">
        <v>4784</v>
      </c>
      <c r="B13126" s="6">
        <v>218514.59999999998</v>
      </c>
      <c r="C13126" s="7">
        <f t="shared" si="205"/>
        <v>218.51459999999997</v>
      </c>
    </row>
    <row r="13127" spans="1:3" x14ac:dyDescent="0.25">
      <c r="A13127" s="2" t="s">
        <v>4785</v>
      </c>
      <c r="B13127" s="6">
        <v>218531.24999999997</v>
      </c>
      <c r="C13127" s="7">
        <f t="shared" si="205"/>
        <v>218.53124999999997</v>
      </c>
    </row>
    <row r="13128" spans="1:3" x14ac:dyDescent="0.25">
      <c r="A13128" s="2" t="s">
        <v>4786</v>
      </c>
      <c r="B13128" s="6">
        <v>218547.9</v>
      </c>
      <c r="C13128" s="7">
        <f t="shared" si="205"/>
        <v>218.5479</v>
      </c>
    </row>
    <row r="13129" spans="1:3" x14ac:dyDescent="0.25">
      <c r="A13129" s="2" t="s">
        <v>4787</v>
      </c>
      <c r="B13129" s="6">
        <v>218564.55</v>
      </c>
      <c r="C13129" s="7">
        <f t="shared" si="205"/>
        <v>218.56455</v>
      </c>
    </row>
    <row r="13130" spans="1:3" x14ac:dyDescent="0.25">
      <c r="A13130" s="2" t="s">
        <v>4788</v>
      </c>
      <c r="B13130" s="6">
        <v>218581.19999999998</v>
      </c>
      <c r="C13130" s="7">
        <f t="shared" si="205"/>
        <v>218.5812</v>
      </c>
    </row>
    <row r="13131" spans="1:3" x14ac:dyDescent="0.25">
      <c r="A13131" s="2" t="s">
        <v>4789</v>
      </c>
      <c r="B13131" s="6">
        <v>218597.84999999998</v>
      </c>
      <c r="C13131" s="7">
        <f t="shared" si="205"/>
        <v>218.59784999999997</v>
      </c>
    </row>
    <row r="13132" spans="1:3" x14ac:dyDescent="0.25">
      <c r="A13132" s="2" t="s">
        <v>4790</v>
      </c>
      <c r="B13132" s="6">
        <v>218614.49999999997</v>
      </c>
      <c r="C13132" s="7">
        <f t="shared" si="205"/>
        <v>218.61449999999996</v>
      </c>
    </row>
    <row r="13133" spans="1:3" x14ac:dyDescent="0.25">
      <c r="A13133" s="2" t="s">
        <v>4791</v>
      </c>
      <c r="B13133" s="6">
        <v>218631.15</v>
      </c>
      <c r="C13133" s="7">
        <f t="shared" si="205"/>
        <v>218.63114999999999</v>
      </c>
    </row>
    <row r="13134" spans="1:3" x14ac:dyDescent="0.25">
      <c r="A13134" s="2" t="s">
        <v>4792</v>
      </c>
      <c r="B13134" s="6">
        <v>218647.8</v>
      </c>
      <c r="C13134" s="7">
        <f t="shared" si="205"/>
        <v>218.64779999999999</v>
      </c>
    </row>
    <row r="13135" spans="1:3" x14ac:dyDescent="0.25">
      <c r="A13135" s="2" t="s">
        <v>4793</v>
      </c>
      <c r="B13135" s="6">
        <v>218664.44999999998</v>
      </c>
      <c r="C13135" s="7">
        <f t="shared" si="205"/>
        <v>218.66444999999999</v>
      </c>
    </row>
    <row r="13136" spans="1:3" x14ac:dyDescent="0.25">
      <c r="A13136" s="2" t="s">
        <v>4794</v>
      </c>
      <c r="B13136" s="6">
        <v>218681.09999999998</v>
      </c>
      <c r="C13136" s="7">
        <f t="shared" si="205"/>
        <v>218.68109999999999</v>
      </c>
    </row>
    <row r="13137" spans="1:3" x14ac:dyDescent="0.25">
      <c r="A13137" s="2" t="s">
        <v>4795</v>
      </c>
      <c r="B13137" s="6">
        <v>218697.74999999997</v>
      </c>
      <c r="C13137" s="7">
        <f t="shared" si="205"/>
        <v>218.69774999999998</v>
      </c>
    </row>
    <row r="13138" spans="1:3" x14ac:dyDescent="0.25">
      <c r="A13138" s="2" t="s">
        <v>4796</v>
      </c>
      <c r="B13138" s="6">
        <v>218714.4</v>
      </c>
      <c r="C13138" s="7">
        <f t="shared" si="205"/>
        <v>218.71439999999998</v>
      </c>
    </row>
    <row r="13139" spans="1:3" x14ac:dyDescent="0.25">
      <c r="A13139" s="2" t="s">
        <v>4797</v>
      </c>
      <c r="B13139" s="6">
        <v>218731.05</v>
      </c>
      <c r="C13139" s="7">
        <f t="shared" si="205"/>
        <v>218.73104999999998</v>
      </c>
    </row>
    <row r="13140" spans="1:3" x14ac:dyDescent="0.25">
      <c r="A13140" s="2" t="s">
        <v>4798</v>
      </c>
      <c r="B13140" s="6">
        <v>218747.69999999998</v>
      </c>
      <c r="C13140" s="7">
        <f t="shared" si="205"/>
        <v>218.74769999999998</v>
      </c>
    </row>
    <row r="13141" spans="1:3" x14ac:dyDescent="0.25">
      <c r="A13141" s="2" t="s">
        <v>4799</v>
      </c>
      <c r="B13141" s="6">
        <v>218764.34999999998</v>
      </c>
      <c r="C13141" s="7">
        <f t="shared" si="205"/>
        <v>218.76434999999998</v>
      </c>
    </row>
    <row r="13142" spans="1:3" x14ac:dyDescent="0.25">
      <c r="A13142" s="2" t="s">
        <v>4800</v>
      </c>
      <c r="B13142" s="6">
        <v>218780.99999999997</v>
      </c>
      <c r="C13142" s="7">
        <f t="shared" si="205"/>
        <v>218.78099999999998</v>
      </c>
    </row>
    <row r="13143" spans="1:3" x14ac:dyDescent="0.25">
      <c r="A13143" s="2" t="s">
        <v>4801</v>
      </c>
      <c r="B13143" s="6">
        <v>218797.65</v>
      </c>
      <c r="C13143" s="7">
        <f t="shared" si="205"/>
        <v>218.79765</v>
      </c>
    </row>
    <row r="13144" spans="1:3" x14ac:dyDescent="0.25">
      <c r="A13144" s="2" t="s">
        <v>4802</v>
      </c>
      <c r="B13144" s="6">
        <v>218814.3</v>
      </c>
      <c r="C13144" s="7">
        <f t="shared" si="205"/>
        <v>218.81429999999997</v>
      </c>
    </row>
    <row r="13145" spans="1:3" x14ac:dyDescent="0.25">
      <c r="A13145" s="2" t="s">
        <v>4803</v>
      </c>
      <c r="B13145" s="6">
        <v>218830.94999999998</v>
      </c>
      <c r="C13145" s="7">
        <f t="shared" si="205"/>
        <v>218.83094999999997</v>
      </c>
    </row>
    <row r="13146" spans="1:3" x14ac:dyDescent="0.25">
      <c r="A13146" s="2" t="s">
        <v>4804</v>
      </c>
      <c r="B13146" s="6">
        <v>218847.59999999998</v>
      </c>
      <c r="C13146" s="7">
        <f t="shared" si="205"/>
        <v>218.84759999999997</v>
      </c>
    </row>
    <row r="13147" spans="1:3" x14ac:dyDescent="0.25">
      <c r="A13147" s="2" t="s">
        <v>4805</v>
      </c>
      <c r="B13147" s="6">
        <v>218864.24999999997</v>
      </c>
      <c r="C13147" s="7">
        <f t="shared" si="205"/>
        <v>218.86424999999997</v>
      </c>
    </row>
    <row r="13148" spans="1:3" x14ac:dyDescent="0.25">
      <c r="A13148" s="2" t="s">
        <v>4806</v>
      </c>
      <c r="B13148" s="6">
        <v>218880.9</v>
      </c>
      <c r="C13148" s="7">
        <f t="shared" si="205"/>
        <v>218.8809</v>
      </c>
    </row>
    <row r="13149" spans="1:3" x14ac:dyDescent="0.25">
      <c r="A13149" s="2" t="s">
        <v>4807</v>
      </c>
      <c r="B13149" s="6">
        <v>218897.55</v>
      </c>
      <c r="C13149" s="7">
        <f t="shared" si="205"/>
        <v>218.89755</v>
      </c>
    </row>
    <row r="13150" spans="1:3" x14ac:dyDescent="0.25">
      <c r="A13150" s="2" t="s">
        <v>4808</v>
      </c>
      <c r="B13150" s="6">
        <v>218914.19999999998</v>
      </c>
      <c r="C13150" s="7">
        <f t="shared" si="205"/>
        <v>218.91419999999999</v>
      </c>
    </row>
    <row r="13151" spans="1:3" x14ac:dyDescent="0.25">
      <c r="A13151" s="2" t="s">
        <v>4809</v>
      </c>
      <c r="B13151" s="6">
        <v>218930.84999999998</v>
      </c>
      <c r="C13151" s="7">
        <f t="shared" si="205"/>
        <v>218.93084999999996</v>
      </c>
    </row>
    <row r="13152" spans="1:3" x14ac:dyDescent="0.25">
      <c r="A13152" s="2" t="s">
        <v>4810</v>
      </c>
      <c r="B13152" s="6">
        <v>218947.49999999997</v>
      </c>
      <c r="C13152" s="7">
        <f t="shared" si="205"/>
        <v>218.94749999999996</v>
      </c>
    </row>
    <row r="13153" spans="1:3" x14ac:dyDescent="0.25">
      <c r="A13153" s="2" t="s">
        <v>4811</v>
      </c>
      <c r="B13153" s="6">
        <v>218964.15</v>
      </c>
      <c r="C13153" s="7">
        <f t="shared" si="205"/>
        <v>218.96414999999999</v>
      </c>
    </row>
    <row r="13154" spans="1:3" x14ac:dyDescent="0.25">
      <c r="A13154" s="2" t="s">
        <v>4812</v>
      </c>
      <c r="B13154" s="6">
        <v>218980.8</v>
      </c>
      <c r="C13154" s="7">
        <f t="shared" si="205"/>
        <v>218.98079999999999</v>
      </c>
    </row>
    <row r="13155" spans="1:3" x14ac:dyDescent="0.25">
      <c r="A13155" s="2" t="s">
        <v>4813</v>
      </c>
      <c r="B13155" s="6">
        <v>218997.44999999998</v>
      </c>
      <c r="C13155" s="7">
        <f t="shared" si="205"/>
        <v>218.99744999999999</v>
      </c>
    </row>
    <row r="13156" spans="1:3" x14ac:dyDescent="0.25">
      <c r="A13156" s="2" t="s">
        <v>4814</v>
      </c>
      <c r="B13156" s="6">
        <v>219014.09999999998</v>
      </c>
      <c r="C13156" s="7">
        <f t="shared" si="205"/>
        <v>219.01409999999998</v>
      </c>
    </row>
    <row r="13157" spans="1:3" x14ac:dyDescent="0.25">
      <c r="A13157" s="2" t="s">
        <v>4815</v>
      </c>
      <c r="B13157" s="6">
        <v>219030.74999999997</v>
      </c>
      <c r="C13157" s="7">
        <f t="shared" si="205"/>
        <v>219.03074999999998</v>
      </c>
    </row>
    <row r="13158" spans="1:3" x14ac:dyDescent="0.25">
      <c r="A13158" s="2" t="s">
        <v>4816</v>
      </c>
      <c r="B13158" s="6">
        <v>219047.4</v>
      </c>
      <c r="C13158" s="7">
        <f t="shared" si="205"/>
        <v>219.04739999999998</v>
      </c>
    </row>
    <row r="13159" spans="1:3" x14ac:dyDescent="0.25">
      <c r="A13159" s="2" t="s">
        <v>4817</v>
      </c>
      <c r="B13159" s="6">
        <v>219064.05</v>
      </c>
      <c r="C13159" s="7">
        <f t="shared" si="205"/>
        <v>219.06404999999998</v>
      </c>
    </row>
    <row r="13160" spans="1:3" x14ac:dyDescent="0.25">
      <c r="A13160" s="2" t="s">
        <v>4818</v>
      </c>
      <c r="B13160" s="6">
        <v>219080.69999999998</v>
      </c>
      <c r="C13160" s="7">
        <f t="shared" si="205"/>
        <v>219.08069999999998</v>
      </c>
    </row>
    <row r="13161" spans="1:3" x14ac:dyDescent="0.25">
      <c r="A13161" s="2" t="s">
        <v>4819</v>
      </c>
      <c r="B13161" s="6">
        <v>219097.34999999998</v>
      </c>
      <c r="C13161" s="7">
        <f t="shared" si="205"/>
        <v>219.09734999999998</v>
      </c>
    </row>
    <row r="13162" spans="1:3" x14ac:dyDescent="0.25">
      <c r="A13162" s="2" t="s">
        <v>4820</v>
      </c>
      <c r="B13162" s="6">
        <v>219113.99999999997</v>
      </c>
      <c r="C13162" s="7">
        <f t="shared" si="205"/>
        <v>219.11399999999998</v>
      </c>
    </row>
    <row r="13163" spans="1:3" x14ac:dyDescent="0.25">
      <c r="A13163" s="2" t="s">
        <v>4821</v>
      </c>
      <c r="B13163" s="6">
        <v>219130.65</v>
      </c>
      <c r="C13163" s="7">
        <f t="shared" si="205"/>
        <v>219.13065</v>
      </c>
    </row>
    <row r="13164" spans="1:3" x14ac:dyDescent="0.25">
      <c r="A13164" s="2" t="s">
        <v>4822</v>
      </c>
      <c r="B13164" s="6">
        <v>219147.3</v>
      </c>
      <c r="C13164" s="7">
        <f t="shared" si="205"/>
        <v>219.1473</v>
      </c>
    </row>
    <row r="13165" spans="1:3" x14ac:dyDescent="0.25">
      <c r="A13165" s="2" t="s">
        <v>4823</v>
      </c>
      <c r="B13165" s="6">
        <v>219163.94999999998</v>
      </c>
      <c r="C13165" s="7">
        <f t="shared" si="205"/>
        <v>219.16394999999997</v>
      </c>
    </row>
    <row r="13166" spans="1:3" x14ac:dyDescent="0.25">
      <c r="A13166" s="2" t="s">
        <v>4824</v>
      </c>
      <c r="B13166" s="6">
        <v>219180.59999999998</v>
      </c>
      <c r="C13166" s="7">
        <f t="shared" si="205"/>
        <v>219.18059999999997</v>
      </c>
    </row>
    <row r="13167" spans="1:3" x14ac:dyDescent="0.25">
      <c r="A13167" s="2" t="s">
        <v>4825</v>
      </c>
      <c r="B13167" s="6">
        <v>219197.24999999997</v>
      </c>
      <c r="C13167" s="7">
        <f t="shared" si="205"/>
        <v>219.19724999999997</v>
      </c>
    </row>
    <row r="13168" spans="1:3" x14ac:dyDescent="0.25">
      <c r="A13168" s="2" t="s">
        <v>4826</v>
      </c>
      <c r="B13168" s="6">
        <v>219213.9</v>
      </c>
      <c r="C13168" s="7">
        <f t="shared" si="205"/>
        <v>219.2139</v>
      </c>
    </row>
    <row r="13169" spans="1:3" x14ac:dyDescent="0.25">
      <c r="A13169" s="2" t="s">
        <v>4827</v>
      </c>
      <c r="B13169" s="6">
        <v>219230.55</v>
      </c>
      <c r="C13169" s="7">
        <f t="shared" si="205"/>
        <v>219.23054999999999</v>
      </c>
    </row>
    <row r="13170" spans="1:3" x14ac:dyDescent="0.25">
      <c r="A13170" s="2" t="s">
        <v>4828</v>
      </c>
      <c r="B13170" s="6">
        <v>219247.19999999998</v>
      </c>
      <c r="C13170" s="7">
        <f t="shared" si="205"/>
        <v>219.24719999999999</v>
      </c>
    </row>
    <row r="13171" spans="1:3" x14ac:dyDescent="0.25">
      <c r="A13171" s="2" t="s">
        <v>4829</v>
      </c>
      <c r="B13171" s="6">
        <v>219263.84999999998</v>
      </c>
      <c r="C13171" s="7">
        <f t="shared" si="205"/>
        <v>219.26384999999999</v>
      </c>
    </row>
    <row r="13172" spans="1:3" x14ac:dyDescent="0.25">
      <c r="A13172" s="2" t="s">
        <v>4830</v>
      </c>
      <c r="B13172" s="6">
        <v>219280.49999999997</v>
      </c>
      <c r="C13172" s="7">
        <f t="shared" si="205"/>
        <v>219.28049999999996</v>
      </c>
    </row>
    <row r="13173" spans="1:3" x14ac:dyDescent="0.25">
      <c r="A13173" s="2" t="s">
        <v>4831</v>
      </c>
      <c r="B13173" s="6">
        <v>219297.15</v>
      </c>
      <c r="C13173" s="7">
        <f t="shared" si="205"/>
        <v>219.29714999999999</v>
      </c>
    </row>
    <row r="13174" spans="1:3" x14ac:dyDescent="0.25">
      <c r="A13174" s="2" t="s">
        <v>4832</v>
      </c>
      <c r="B13174" s="6">
        <v>219313.8</v>
      </c>
      <c r="C13174" s="7">
        <f t="shared" si="205"/>
        <v>219.31379999999999</v>
      </c>
    </row>
    <row r="13175" spans="1:3" x14ac:dyDescent="0.25">
      <c r="A13175" s="2" t="s">
        <v>4833</v>
      </c>
      <c r="B13175" s="6">
        <v>219330.44999999998</v>
      </c>
      <c r="C13175" s="7">
        <f t="shared" si="205"/>
        <v>219.33044999999998</v>
      </c>
    </row>
    <row r="13176" spans="1:3" x14ac:dyDescent="0.25">
      <c r="A13176" s="2" t="s">
        <v>4834</v>
      </c>
      <c r="B13176" s="6">
        <v>219347.09999999998</v>
      </c>
      <c r="C13176" s="7">
        <f t="shared" si="205"/>
        <v>219.34709999999998</v>
      </c>
    </row>
    <row r="13177" spans="1:3" x14ac:dyDescent="0.25">
      <c r="A13177" s="2" t="s">
        <v>4835</v>
      </c>
      <c r="B13177" s="6">
        <v>219363.74999999997</v>
      </c>
      <c r="C13177" s="7">
        <f t="shared" si="205"/>
        <v>219.36374999999998</v>
      </c>
    </row>
    <row r="13178" spans="1:3" x14ac:dyDescent="0.25">
      <c r="A13178" s="2" t="s">
        <v>4836</v>
      </c>
      <c r="B13178" s="6">
        <v>219380.4</v>
      </c>
      <c r="C13178" s="7">
        <f t="shared" si="205"/>
        <v>219.38039999999998</v>
      </c>
    </row>
    <row r="13179" spans="1:3" x14ac:dyDescent="0.25">
      <c r="A13179" s="2" t="s">
        <v>4837</v>
      </c>
      <c r="B13179" s="6">
        <v>219397.05</v>
      </c>
      <c r="C13179" s="7">
        <f t="shared" si="205"/>
        <v>219.39704999999998</v>
      </c>
    </row>
    <row r="13180" spans="1:3" x14ac:dyDescent="0.25">
      <c r="A13180" s="2" t="s">
        <v>4838</v>
      </c>
      <c r="B13180" s="6">
        <v>219413.69999999998</v>
      </c>
      <c r="C13180" s="7">
        <f t="shared" si="205"/>
        <v>219.41369999999998</v>
      </c>
    </row>
    <row r="13181" spans="1:3" x14ac:dyDescent="0.25">
      <c r="A13181" s="2" t="s">
        <v>4839</v>
      </c>
      <c r="B13181" s="6">
        <v>219430.34999999998</v>
      </c>
      <c r="C13181" s="7">
        <f t="shared" si="205"/>
        <v>219.43034999999998</v>
      </c>
    </row>
    <row r="13182" spans="1:3" x14ac:dyDescent="0.25">
      <c r="A13182" s="2" t="s">
        <v>4840</v>
      </c>
      <c r="B13182" s="6">
        <v>219446.99999999997</v>
      </c>
      <c r="C13182" s="7">
        <f t="shared" si="205"/>
        <v>219.44699999999997</v>
      </c>
    </row>
    <row r="13183" spans="1:3" x14ac:dyDescent="0.25">
      <c r="A13183" s="2" t="s">
        <v>4841</v>
      </c>
      <c r="B13183" s="6">
        <v>219463.65</v>
      </c>
      <c r="C13183" s="7">
        <f t="shared" si="205"/>
        <v>219.46365</v>
      </c>
    </row>
    <row r="13184" spans="1:3" x14ac:dyDescent="0.25">
      <c r="A13184" s="2" t="s">
        <v>4842</v>
      </c>
      <c r="B13184" s="6">
        <v>219480.3</v>
      </c>
      <c r="C13184" s="7">
        <f t="shared" si="205"/>
        <v>219.4803</v>
      </c>
    </row>
    <row r="13185" spans="1:3" x14ac:dyDescent="0.25">
      <c r="A13185" s="2" t="s">
        <v>4843</v>
      </c>
      <c r="B13185" s="6">
        <v>219496.94999999998</v>
      </c>
      <c r="C13185" s="7">
        <f t="shared" si="205"/>
        <v>219.49694999999997</v>
      </c>
    </row>
    <row r="13186" spans="1:3" x14ac:dyDescent="0.25">
      <c r="A13186" s="2" t="s">
        <v>4844</v>
      </c>
      <c r="B13186" s="6">
        <v>219513.59999999998</v>
      </c>
      <c r="C13186" s="7">
        <f t="shared" si="205"/>
        <v>219.51359999999997</v>
      </c>
    </row>
    <row r="13187" spans="1:3" x14ac:dyDescent="0.25">
      <c r="A13187" s="2" t="s">
        <v>4845</v>
      </c>
      <c r="B13187" s="6">
        <v>219530.24999999997</v>
      </c>
      <c r="C13187" s="7">
        <f t="shared" ref="C13187:C13250" si="206">B13187/1000</f>
        <v>219.53024999999997</v>
      </c>
    </row>
    <row r="13188" spans="1:3" x14ac:dyDescent="0.25">
      <c r="A13188" s="2" t="s">
        <v>4846</v>
      </c>
      <c r="B13188" s="6">
        <v>219546.9</v>
      </c>
      <c r="C13188" s="7">
        <f t="shared" si="206"/>
        <v>219.54689999999999</v>
      </c>
    </row>
    <row r="13189" spans="1:3" x14ac:dyDescent="0.25">
      <c r="A13189" s="2" t="s">
        <v>4847</v>
      </c>
      <c r="B13189" s="6">
        <v>219563.55</v>
      </c>
      <c r="C13189" s="7">
        <f t="shared" si="206"/>
        <v>219.56354999999999</v>
      </c>
    </row>
    <row r="13190" spans="1:3" x14ac:dyDescent="0.25">
      <c r="A13190" s="2" t="s">
        <v>4848</v>
      </c>
      <c r="B13190" s="6">
        <v>219580.19999999998</v>
      </c>
      <c r="C13190" s="7">
        <f t="shared" si="206"/>
        <v>219.58019999999999</v>
      </c>
    </row>
    <row r="13191" spans="1:3" x14ac:dyDescent="0.25">
      <c r="A13191" s="2" t="s">
        <v>4849</v>
      </c>
      <c r="B13191" s="6">
        <v>219596.84999999998</v>
      </c>
      <c r="C13191" s="7">
        <f t="shared" si="206"/>
        <v>219.59684999999999</v>
      </c>
    </row>
    <row r="13192" spans="1:3" x14ac:dyDescent="0.25">
      <c r="A13192" s="2" t="s">
        <v>4850</v>
      </c>
      <c r="B13192" s="6">
        <v>219613.49999999997</v>
      </c>
      <c r="C13192" s="7">
        <f t="shared" si="206"/>
        <v>219.61349999999996</v>
      </c>
    </row>
    <row r="13193" spans="1:3" x14ac:dyDescent="0.25">
      <c r="A13193" s="2" t="s">
        <v>4851</v>
      </c>
      <c r="B13193" s="6">
        <v>219630.15</v>
      </c>
      <c r="C13193" s="7">
        <f t="shared" si="206"/>
        <v>219.63014999999999</v>
      </c>
    </row>
    <row r="13194" spans="1:3" x14ac:dyDescent="0.25">
      <c r="A13194" s="2" t="s">
        <v>4852</v>
      </c>
      <c r="B13194" s="6">
        <v>219646.8</v>
      </c>
      <c r="C13194" s="7">
        <f t="shared" si="206"/>
        <v>219.64679999999998</v>
      </c>
    </row>
    <row r="13195" spans="1:3" x14ac:dyDescent="0.25">
      <c r="A13195" s="2" t="s">
        <v>4853</v>
      </c>
      <c r="B13195" s="6">
        <v>219663.44999999998</v>
      </c>
      <c r="C13195" s="7">
        <f t="shared" si="206"/>
        <v>219.66344999999998</v>
      </c>
    </row>
    <row r="13196" spans="1:3" x14ac:dyDescent="0.25">
      <c r="A13196" s="2" t="s">
        <v>4854</v>
      </c>
      <c r="B13196" s="6">
        <v>219680.09999999998</v>
      </c>
      <c r="C13196" s="7">
        <f t="shared" si="206"/>
        <v>219.68009999999998</v>
      </c>
    </row>
    <row r="13197" spans="1:3" x14ac:dyDescent="0.25">
      <c r="A13197" s="2" t="s">
        <v>4855</v>
      </c>
      <c r="B13197" s="6">
        <v>219696.74999999997</v>
      </c>
      <c r="C13197" s="7">
        <f t="shared" si="206"/>
        <v>219.69674999999998</v>
      </c>
    </row>
    <row r="13198" spans="1:3" x14ac:dyDescent="0.25">
      <c r="A13198" s="2" t="s">
        <v>4856</v>
      </c>
      <c r="B13198" s="6">
        <v>219713.4</v>
      </c>
      <c r="C13198" s="7">
        <f t="shared" si="206"/>
        <v>219.71340000000001</v>
      </c>
    </row>
    <row r="13199" spans="1:3" x14ac:dyDescent="0.25">
      <c r="A13199" s="2" t="s">
        <v>4857</v>
      </c>
      <c r="B13199" s="6">
        <v>219730.05</v>
      </c>
      <c r="C13199" s="7">
        <f t="shared" si="206"/>
        <v>219.73004999999998</v>
      </c>
    </row>
    <row r="13200" spans="1:3" x14ac:dyDescent="0.25">
      <c r="A13200" s="2" t="s">
        <v>4858</v>
      </c>
      <c r="B13200" s="6">
        <v>219746.69999999998</v>
      </c>
      <c r="C13200" s="7">
        <f t="shared" si="206"/>
        <v>219.74669999999998</v>
      </c>
    </row>
    <row r="13201" spans="1:3" x14ac:dyDescent="0.25">
      <c r="A13201" s="2" t="s">
        <v>4859</v>
      </c>
      <c r="B13201" s="6">
        <v>219763.34999999998</v>
      </c>
      <c r="C13201" s="7">
        <f t="shared" si="206"/>
        <v>219.76334999999997</v>
      </c>
    </row>
    <row r="13202" spans="1:3" x14ac:dyDescent="0.25">
      <c r="A13202" s="2" t="s">
        <v>4860</v>
      </c>
      <c r="B13202" s="6">
        <v>219779.99999999997</v>
      </c>
      <c r="C13202" s="7">
        <f t="shared" si="206"/>
        <v>219.77999999999997</v>
      </c>
    </row>
    <row r="13203" spans="1:3" x14ac:dyDescent="0.25">
      <c r="A13203" s="2" t="s">
        <v>4861</v>
      </c>
      <c r="B13203" s="6">
        <v>219796.65</v>
      </c>
      <c r="C13203" s="7">
        <f t="shared" si="206"/>
        <v>219.79665</v>
      </c>
    </row>
    <row r="13204" spans="1:3" x14ac:dyDescent="0.25">
      <c r="A13204" s="2" t="s">
        <v>4862</v>
      </c>
      <c r="B13204" s="6">
        <v>219813.3</v>
      </c>
      <c r="C13204" s="7">
        <f t="shared" si="206"/>
        <v>219.8133</v>
      </c>
    </row>
    <row r="13205" spans="1:3" x14ac:dyDescent="0.25">
      <c r="A13205" s="2" t="s">
        <v>4863</v>
      </c>
      <c r="B13205" s="6">
        <v>219829.94999999998</v>
      </c>
      <c r="C13205" s="7">
        <f t="shared" si="206"/>
        <v>219.82995</v>
      </c>
    </row>
    <row r="13206" spans="1:3" x14ac:dyDescent="0.25">
      <c r="A13206" s="2" t="s">
        <v>4864</v>
      </c>
      <c r="B13206" s="6">
        <v>219846.59999999998</v>
      </c>
      <c r="C13206" s="7">
        <f t="shared" si="206"/>
        <v>219.84659999999997</v>
      </c>
    </row>
    <row r="13207" spans="1:3" x14ac:dyDescent="0.25">
      <c r="A13207" s="2" t="s">
        <v>4865</v>
      </c>
      <c r="B13207" s="6">
        <v>219863.24999999997</v>
      </c>
      <c r="C13207" s="7">
        <f t="shared" si="206"/>
        <v>219.86324999999997</v>
      </c>
    </row>
    <row r="13208" spans="1:3" x14ac:dyDescent="0.25">
      <c r="A13208" s="2" t="s">
        <v>4866</v>
      </c>
      <c r="B13208" s="6">
        <v>219879.9</v>
      </c>
      <c r="C13208" s="7">
        <f t="shared" si="206"/>
        <v>219.87989999999999</v>
      </c>
    </row>
    <row r="13209" spans="1:3" x14ac:dyDescent="0.25">
      <c r="A13209" s="2" t="s">
        <v>4867</v>
      </c>
      <c r="B13209" s="6">
        <v>219896.55</v>
      </c>
      <c r="C13209" s="7">
        <f t="shared" si="206"/>
        <v>219.89654999999999</v>
      </c>
    </row>
    <row r="13210" spans="1:3" x14ac:dyDescent="0.25">
      <c r="A13210" s="2" t="s">
        <v>4868</v>
      </c>
      <c r="B13210" s="6">
        <v>219913.19999999998</v>
      </c>
      <c r="C13210" s="7">
        <f t="shared" si="206"/>
        <v>219.91319999999999</v>
      </c>
    </row>
    <row r="13211" spans="1:3" x14ac:dyDescent="0.25">
      <c r="A13211" s="2" t="s">
        <v>4869</v>
      </c>
      <c r="B13211" s="6">
        <v>219929.84999999998</v>
      </c>
      <c r="C13211" s="7">
        <f t="shared" si="206"/>
        <v>219.92984999999999</v>
      </c>
    </row>
    <row r="13212" spans="1:3" x14ac:dyDescent="0.25">
      <c r="A13212" s="2" t="s">
        <v>4870</v>
      </c>
      <c r="B13212" s="6">
        <v>219946.49999999997</v>
      </c>
      <c r="C13212" s="7">
        <f t="shared" si="206"/>
        <v>219.94649999999996</v>
      </c>
    </row>
    <row r="13213" spans="1:3" x14ac:dyDescent="0.25">
      <c r="A13213" s="2" t="s">
        <v>4871</v>
      </c>
      <c r="B13213" s="6">
        <v>219963.15</v>
      </c>
      <c r="C13213" s="7">
        <f t="shared" si="206"/>
        <v>219.96314999999998</v>
      </c>
    </row>
    <row r="13214" spans="1:3" x14ac:dyDescent="0.25">
      <c r="A13214" s="2" t="s">
        <v>4872</v>
      </c>
      <c r="B13214" s="6">
        <v>219979.8</v>
      </c>
      <c r="C13214" s="7">
        <f t="shared" si="206"/>
        <v>219.97979999999998</v>
      </c>
    </row>
    <row r="13215" spans="1:3" x14ac:dyDescent="0.25">
      <c r="A13215" s="2" t="s">
        <v>4873</v>
      </c>
      <c r="B13215" s="6">
        <v>219996.44999999998</v>
      </c>
      <c r="C13215" s="7">
        <f t="shared" si="206"/>
        <v>219.99644999999998</v>
      </c>
    </row>
    <row r="13216" spans="1:3" x14ac:dyDescent="0.25">
      <c r="A13216" s="2" t="s">
        <v>4874</v>
      </c>
      <c r="B13216" s="6">
        <v>220013.09999999998</v>
      </c>
      <c r="C13216" s="7">
        <f t="shared" si="206"/>
        <v>220.01309999999998</v>
      </c>
    </row>
    <row r="13217" spans="1:3" x14ac:dyDescent="0.25">
      <c r="A13217" s="2" t="s">
        <v>4875</v>
      </c>
      <c r="B13217" s="6">
        <v>220029.74999999997</v>
      </c>
      <c r="C13217" s="7">
        <f t="shared" si="206"/>
        <v>220.02974999999998</v>
      </c>
    </row>
    <row r="13218" spans="1:3" x14ac:dyDescent="0.25">
      <c r="A13218" s="2" t="s">
        <v>4876</v>
      </c>
      <c r="B13218" s="6">
        <v>220046.4</v>
      </c>
      <c r="C13218" s="7">
        <f t="shared" si="206"/>
        <v>220.04640000000001</v>
      </c>
    </row>
    <row r="13219" spans="1:3" x14ac:dyDescent="0.25">
      <c r="A13219" s="2" t="s">
        <v>4877</v>
      </c>
      <c r="B13219" s="6">
        <v>220063.05</v>
      </c>
      <c r="C13219" s="7">
        <f t="shared" si="206"/>
        <v>220.06304999999998</v>
      </c>
    </row>
    <row r="13220" spans="1:3" x14ac:dyDescent="0.25">
      <c r="A13220" s="2" t="s">
        <v>4878</v>
      </c>
      <c r="B13220" s="6">
        <v>220079.69999999998</v>
      </c>
      <c r="C13220" s="7">
        <f t="shared" si="206"/>
        <v>220.07969999999997</v>
      </c>
    </row>
    <row r="13221" spans="1:3" x14ac:dyDescent="0.25">
      <c r="A13221" s="2" t="s">
        <v>4879</v>
      </c>
      <c r="B13221" s="6">
        <v>220096.34999999998</v>
      </c>
      <c r="C13221" s="7">
        <f t="shared" si="206"/>
        <v>220.09634999999997</v>
      </c>
    </row>
    <row r="13222" spans="1:3" x14ac:dyDescent="0.25">
      <c r="A13222" s="2" t="s">
        <v>4880</v>
      </c>
      <c r="B13222" s="6">
        <v>220112.99999999997</v>
      </c>
      <c r="C13222" s="7">
        <f t="shared" si="206"/>
        <v>220.11299999999997</v>
      </c>
    </row>
    <row r="13223" spans="1:3" x14ac:dyDescent="0.25">
      <c r="A13223" s="2" t="s">
        <v>4881</v>
      </c>
      <c r="B13223" s="6">
        <v>220129.65</v>
      </c>
      <c r="C13223" s="7">
        <f t="shared" si="206"/>
        <v>220.12965</v>
      </c>
    </row>
    <row r="13224" spans="1:3" x14ac:dyDescent="0.25">
      <c r="A13224" s="2" t="s">
        <v>4882</v>
      </c>
      <c r="B13224" s="6">
        <v>220146.3</v>
      </c>
      <c r="C13224" s="7">
        <f t="shared" si="206"/>
        <v>220.1463</v>
      </c>
    </row>
    <row r="13225" spans="1:3" x14ac:dyDescent="0.25">
      <c r="A13225" s="2" t="s">
        <v>4883</v>
      </c>
      <c r="B13225" s="6">
        <v>220162.94999999998</v>
      </c>
      <c r="C13225" s="7">
        <f t="shared" si="206"/>
        <v>220.16295</v>
      </c>
    </row>
    <row r="13226" spans="1:3" x14ac:dyDescent="0.25">
      <c r="A13226" s="2" t="s">
        <v>4884</v>
      </c>
      <c r="B13226" s="6">
        <v>220179.59999999998</v>
      </c>
      <c r="C13226" s="7">
        <f t="shared" si="206"/>
        <v>220.17959999999997</v>
      </c>
    </row>
    <row r="13227" spans="1:3" x14ac:dyDescent="0.25">
      <c r="A13227" s="2" t="s">
        <v>4885</v>
      </c>
      <c r="B13227" s="6">
        <v>220196.24999999997</v>
      </c>
      <c r="C13227" s="7">
        <f t="shared" si="206"/>
        <v>220.19624999999996</v>
      </c>
    </row>
    <row r="13228" spans="1:3" x14ac:dyDescent="0.25">
      <c r="A13228" s="2" t="s">
        <v>4886</v>
      </c>
      <c r="B13228" s="6">
        <v>220212.9</v>
      </c>
      <c r="C13228" s="7">
        <f t="shared" si="206"/>
        <v>220.21289999999999</v>
      </c>
    </row>
    <row r="13229" spans="1:3" x14ac:dyDescent="0.25">
      <c r="A13229" s="2" t="s">
        <v>4887</v>
      </c>
      <c r="B13229" s="6">
        <v>220229.55</v>
      </c>
      <c r="C13229" s="7">
        <f t="shared" si="206"/>
        <v>220.22954999999999</v>
      </c>
    </row>
    <row r="13230" spans="1:3" x14ac:dyDescent="0.25">
      <c r="A13230" s="2" t="s">
        <v>4888</v>
      </c>
      <c r="B13230" s="6">
        <v>220246.19999999998</v>
      </c>
      <c r="C13230" s="7">
        <f t="shared" si="206"/>
        <v>220.24619999999999</v>
      </c>
    </row>
    <row r="13231" spans="1:3" x14ac:dyDescent="0.25">
      <c r="A13231" s="2" t="s">
        <v>4889</v>
      </c>
      <c r="B13231" s="6">
        <v>220262.84999999998</v>
      </c>
      <c r="C13231" s="7">
        <f t="shared" si="206"/>
        <v>220.26284999999999</v>
      </c>
    </row>
    <row r="13232" spans="1:3" x14ac:dyDescent="0.25">
      <c r="A13232" s="2" t="s">
        <v>4890</v>
      </c>
      <c r="B13232" s="6">
        <v>220279.49999999997</v>
      </c>
      <c r="C13232" s="7">
        <f t="shared" si="206"/>
        <v>220.27949999999998</v>
      </c>
    </row>
    <row r="13233" spans="1:3" x14ac:dyDescent="0.25">
      <c r="A13233" s="2" t="s">
        <v>4891</v>
      </c>
      <c r="B13233" s="6">
        <v>220296.15</v>
      </c>
      <c r="C13233" s="7">
        <f t="shared" si="206"/>
        <v>220.29614999999998</v>
      </c>
    </row>
    <row r="13234" spans="1:3" x14ac:dyDescent="0.25">
      <c r="A13234" s="2" t="s">
        <v>4892</v>
      </c>
      <c r="B13234" s="6">
        <v>220312.8</v>
      </c>
      <c r="C13234" s="7">
        <f t="shared" si="206"/>
        <v>220.31279999999998</v>
      </c>
    </row>
    <row r="13235" spans="1:3" x14ac:dyDescent="0.25">
      <c r="A13235" s="2" t="s">
        <v>4893</v>
      </c>
      <c r="B13235" s="6">
        <v>220329.44999999998</v>
      </c>
      <c r="C13235" s="7">
        <f t="shared" si="206"/>
        <v>220.32944999999998</v>
      </c>
    </row>
    <row r="13236" spans="1:3" x14ac:dyDescent="0.25">
      <c r="A13236" s="2" t="s">
        <v>4894</v>
      </c>
      <c r="B13236" s="6">
        <v>220346.09999999998</v>
      </c>
      <c r="C13236" s="7">
        <f t="shared" si="206"/>
        <v>220.34609999999998</v>
      </c>
    </row>
    <row r="13237" spans="1:3" x14ac:dyDescent="0.25">
      <c r="A13237" s="2" t="s">
        <v>4895</v>
      </c>
      <c r="B13237" s="6">
        <v>220362.74999999997</v>
      </c>
      <c r="C13237" s="7">
        <f t="shared" si="206"/>
        <v>220.36274999999998</v>
      </c>
    </row>
    <row r="13238" spans="1:3" x14ac:dyDescent="0.25">
      <c r="A13238" s="2" t="s">
        <v>4896</v>
      </c>
      <c r="B13238" s="6">
        <v>220379.4</v>
      </c>
      <c r="C13238" s="7">
        <f t="shared" si="206"/>
        <v>220.3794</v>
      </c>
    </row>
    <row r="13239" spans="1:3" x14ac:dyDescent="0.25">
      <c r="A13239" s="2" t="s">
        <v>4897</v>
      </c>
      <c r="B13239" s="6">
        <v>220396.05</v>
      </c>
      <c r="C13239" s="7">
        <f t="shared" si="206"/>
        <v>220.39605</v>
      </c>
    </row>
    <row r="13240" spans="1:3" x14ac:dyDescent="0.25">
      <c r="A13240" s="2" t="s">
        <v>4898</v>
      </c>
      <c r="B13240" s="6">
        <v>220412.69999999998</v>
      </c>
      <c r="C13240" s="7">
        <f t="shared" si="206"/>
        <v>220.41269999999997</v>
      </c>
    </row>
    <row r="13241" spans="1:3" x14ac:dyDescent="0.25">
      <c r="A13241" s="2" t="s">
        <v>4899</v>
      </c>
      <c r="B13241" s="6">
        <v>220429.34999999998</v>
      </c>
      <c r="C13241" s="7">
        <f t="shared" si="206"/>
        <v>220.42934999999997</v>
      </c>
    </row>
    <row r="13242" spans="1:3" x14ac:dyDescent="0.25">
      <c r="A13242" s="2" t="s">
        <v>4900</v>
      </c>
      <c r="B13242" s="6">
        <v>220445.99999999997</v>
      </c>
      <c r="C13242" s="7">
        <f t="shared" si="206"/>
        <v>220.44599999999997</v>
      </c>
    </row>
    <row r="13243" spans="1:3" x14ac:dyDescent="0.25">
      <c r="A13243" s="2" t="s">
        <v>4901</v>
      </c>
      <c r="B13243" s="6">
        <v>220462.65</v>
      </c>
      <c r="C13243" s="7">
        <f t="shared" si="206"/>
        <v>220.46265</v>
      </c>
    </row>
    <row r="13244" spans="1:3" x14ac:dyDescent="0.25">
      <c r="A13244" s="2" t="s">
        <v>4902</v>
      </c>
      <c r="B13244" s="6">
        <v>220479.3</v>
      </c>
      <c r="C13244" s="7">
        <f t="shared" si="206"/>
        <v>220.47929999999999</v>
      </c>
    </row>
    <row r="13245" spans="1:3" x14ac:dyDescent="0.25">
      <c r="A13245" s="2" t="s">
        <v>4903</v>
      </c>
      <c r="B13245" s="6">
        <v>220495.94999999998</v>
      </c>
      <c r="C13245" s="7">
        <f t="shared" si="206"/>
        <v>220.49594999999999</v>
      </c>
    </row>
    <row r="13246" spans="1:3" x14ac:dyDescent="0.25">
      <c r="A13246" s="2" t="s">
        <v>4904</v>
      </c>
      <c r="B13246" s="6">
        <v>220512.59999999998</v>
      </c>
      <c r="C13246" s="7">
        <f t="shared" si="206"/>
        <v>220.51259999999996</v>
      </c>
    </row>
    <row r="13247" spans="1:3" x14ac:dyDescent="0.25">
      <c r="A13247" s="2" t="s">
        <v>4905</v>
      </c>
      <c r="B13247" s="6">
        <v>220529.24999999997</v>
      </c>
      <c r="C13247" s="7">
        <f t="shared" si="206"/>
        <v>220.52924999999996</v>
      </c>
    </row>
    <row r="13248" spans="1:3" x14ac:dyDescent="0.25">
      <c r="A13248" s="2" t="s">
        <v>4906</v>
      </c>
      <c r="B13248" s="6">
        <v>220545.9</v>
      </c>
      <c r="C13248" s="7">
        <f t="shared" si="206"/>
        <v>220.54589999999999</v>
      </c>
    </row>
    <row r="13249" spans="1:3" x14ac:dyDescent="0.25">
      <c r="A13249" s="2" t="s">
        <v>4907</v>
      </c>
      <c r="B13249" s="6">
        <v>220562.55</v>
      </c>
      <c r="C13249" s="7">
        <f t="shared" si="206"/>
        <v>220.56254999999999</v>
      </c>
    </row>
    <row r="13250" spans="1:3" x14ac:dyDescent="0.25">
      <c r="A13250" s="2" t="s">
        <v>4908</v>
      </c>
      <c r="B13250" s="6">
        <v>220579.19999999998</v>
      </c>
      <c r="C13250" s="7">
        <f t="shared" si="206"/>
        <v>220.57919999999999</v>
      </c>
    </row>
    <row r="13251" spans="1:3" x14ac:dyDescent="0.25">
      <c r="A13251" s="2" t="s">
        <v>4909</v>
      </c>
      <c r="B13251" s="6">
        <v>220595.84999999998</v>
      </c>
      <c r="C13251" s="7">
        <f t="shared" ref="C13251:C13314" si="207">B13251/1000</f>
        <v>220.59584999999998</v>
      </c>
    </row>
    <row r="13252" spans="1:3" x14ac:dyDescent="0.25">
      <c r="A13252" s="2" t="s">
        <v>4910</v>
      </c>
      <c r="B13252" s="6">
        <v>220612.49999999997</v>
      </c>
      <c r="C13252" s="7">
        <f t="shared" si="207"/>
        <v>220.61249999999998</v>
      </c>
    </row>
    <row r="13253" spans="1:3" x14ac:dyDescent="0.25">
      <c r="A13253" s="2" t="s">
        <v>4911</v>
      </c>
      <c r="B13253" s="6">
        <v>220629.15</v>
      </c>
      <c r="C13253" s="7">
        <f t="shared" si="207"/>
        <v>220.62914999999998</v>
      </c>
    </row>
    <row r="13254" spans="1:3" x14ac:dyDescent="0.25">
      <c r="A13254" s="2" t="s">
        <v>4912</v>
      </c>
      <c r="B13254" s="6">
        <v>220645.8</v>
      </c>
      <c r="C13254" s="7">
        <f t="shared" si="207"/>
        <v>220.64579999999998</v>
      </c>
    </row>
    <row r="13255" spans="1:3" x14ac:dyDescent="0.25">
      <c r="A13255" s="2" t="s">
        <v>4913</v>
      </c>
      <c r="B13255" s="6">
        <v>220662.44999999998</v>
      </c>
      <c r="C13255" s="7">
        <f t="shared" si="207"/>
        <v>220.66244999999998</v>
      </c>
    </row>
    <row r="13256" spans="1:3" x14ac:dyDescent="0.25">
      <c r="A13256" s="2" t="s">
        <v>4914</v>
      </c>
      <c r="B13256" s="6">
        <v>220679.09999999998</v>
      </c>
      <c r="C13256" s="7">
        <f t="shared" si="207"/>
        <v>220.67909999999998</v>
      </c>
    </row>
    <row r="13257" spans="1:3" x14ac:dyDescent="0.25">
      <c r="A13257" s="2" t="s">
        <v>4915</v>
      </c>
      <c r="B13257" s="6">
        <v>220695.74999999997</v>
      </c>
      <c r="C13257" s="7">
        <f t="shared" si="207"/>
        <v>220.69574999999998</v>
      </c>
    </row>
    <row r="13258" spans="1:3" x14ac:dyDescent="0.25">
      <c r="A13258" s="2" t="s">
        <v>4916</v>
      </c>
      <c r="B13258" s="6">
        <v>220712.4</v>
      </c>
      <c r="C13258" s="7">
        <f t="shared" si="207"/>
        <v>220.7124</v>
      </c>
    </row>
    <row r="13259" spans="1:3" x14ac:dyDescent="0.25">
      <c r="A13259" s="2" t="s">
        <v>4917</v>
      </c>
      <c r="B13259" s="6">
        <v>220729.05</v>
      </c>
      <c r="C13259" s="7">
        <f t="shared" si="207"/>
        <v>220.72905</v>
      </c>
    </row>
    <row r="13260" spans="1:3" x14ac:dyDescent="0.25">
      <c r="A13260" s="2" t="s">
        <v>4918</v>
      </c>
      <c r="B13260" s="6">
        <v>220745.69999999998</v>
      </c>
      <c r="C13260" s="7">
        <f t="shared" si="207"/>
        <v>220.74569999999997</v>
      </c>
    </row>
    <row r="13261" spans="1:3" x14ac:dyDescent="0.25">
      <c r="A13261" s="2" t="s">
        <v>4919</v>
      </c>
      <c r="B13261" s="6">
        <v>220762.34999999998</v>
      </c>
      <c r="C13261" s="7">
        <f t="shared" si="207"/>
        <v>220.76234999999997</v>
      </c>
    </row>
    <row r="13262" spans="1:3" x14ac:dyDescent="0.25">
      <c r="A13262" s="2" t="s">
        <v>4920</v>
      </c>
      <c r="B13262" s="6">
        <v>220778.99999999997</v>
      </c>
      <c r="C13262" s="7">
        <f t="shared" si="207"/>
        <v>220.77899999999997</v>
      </c>
    </row>
    <row r="13263" spans="1:3" x14ac:dyDescent="0.25">
      <c r="A13263" s="2" t="s">
        <v>4921</v>
      </c>
      <c r="B13263" s="6">
        <v>220795.65</v>
      </c>
      <c r="C13263" s="7">
        <f t="shared" si="207"/>
        <v>220.79564999999999</v>
      </c>
    </row>
    <row r="13264" spans="1:3" x14ac:dyDescent="0.25">
      <c r="A13264" s="2" t="s">
        <v>4922</v>
      </c>
      <c r="B13264" s="6">
        <v>220812.3</v>
      </c>
      <c r="C13264" s="7">
        <f t="shared" si="207"/>
        <v>220.81229999999999</v>
      </c>
    </row>
    <row r="13265" spans="1:3" x14ac:dyDescent="0.25">
      <c r="A13265" s="2" t="s">
        <v>4923</v>
      </c>
      <c r="B13265" s="6">
        <v>220828.94999999998</v>
      </c>
      <c r="C13265" s="7">
        <f t="shared" si="207"/>
        <v>220.82894999999999</v>
      </c>
    </row>
    <row r="13266" spans="1:3" x14ac:dyDescent="0.25">
      <c r="A13266" s="2" t="s">
        <v>4924</v>
      </c>
      <c r="B13266" s="6">
        <v>220845.59999999998</v>
      </c>
      <c r="C13266" s="7">
        <f t="shared" si="207"/>
        <v>220.84559999999999</v>
      </c>
    </row>
    <row r="13267" spans="1:3" x14ac:dyDescent="0.25">
      <c r="A13267" s="2" t="s">
        <v>4925</v>
      </c>
      <c r="B13267" s="6">
        <v>220862.24999999997</v>
      </c>
      <c r="C13267" s="7">
        <f t="shared" si="207"/>
        <v>220.86224999999996</v>
      </c>
    </row>
    <row r="13268" spans="1:3" x14ac:dyDescent="0.25">
      <c r="A13268" s="2" t="s">
        <v>4926</v>
      </c>
      <c r="B13268" s="6">
        <v>220878.9</v>
      </c>
      <c r="C13268" s="7">
        <f t="shared" si="207"/>
        <v>220.87889999999999</v>
      </c>
    </row>
    <row r="13269" spans="1:3" x14ac:dyDescent="0.25">
      <c r="A13269" s="2" t="s">
        <v>4927</v>
      </c>
      <c r="B13269" s="6">
        <v>220895.55</v>
      </c>
      <c r="C13269" s="7">
        <f t="shared" si="207"/>
        <v>220.89554999999999</v>
      </c>
    </row>
    <row r="13270" spans="1:3" x14ac:dyDescent="0.25">
      <c r="A13270" s="2" t="s">
        <v>4928</v>
      </c>
      <c r="B13270" s="6">
        <v>220912.19999999998</v>
      </c>
      <c r="C13270" s="7">
        <f t="shared" si="207"/>
        <v>220.91219999999998</v>
      </c>
    </row>
    <row r="13271" spans="1:3" x14ac:dyDescent="0.25">
      <c r="A13271" s="2" t="s">
        <v>4929</v>
      </c>
      <c r="B13271" s="6">
        <v>220928.84999999998</v>
      </c>
      <c r="C13271" s="7">
        <f t="shared" si="207"/>
        <v>220.92884999999998</v>
      </c>
    </row>
    <row r="13272" spans="1:3" x14ac:dyDescent="0.25">
      <c r="A13272" s="2" t="s">
        <v>4930</v>
      </c>
      <c r="B13272" s="6">
        <v>220945.49999999997</v>
      </c>
      <c r="C13272" s="7">
        <f t="shared" si="207"/>
        <v>220.94549999999998</v>
      </c>
    </row>
    <row r="13273" spans="1:3" x14ac:dyDescent="0.25">
      <c r="A13273" s="2" t="s">
        <v>4931</v>
      </c>
      <c r="B13273" s="6">
        <v>220962.15</v>
      </c>
      <c r="C13273" s="7">
        <f t="shared" si="207"/>
        <v>220.96215000000001</v>
      </c>
    </row>
    <row r="13274" spans="1:3" x14ac:dyDescent="0.25">
      <c r="A13274" s="2" t="s">
        <v>4932</v>
      </c>
      <c r="B13274" s="6">
        <v>220978.8</v>
      </c>
      <c r="C13274" s="7">
        <f t="shared" si="207"/>
        <v>220.97879999999998</v>
      </c>
    </row>
    <row r="13275" spans="1:3" x14ac:dyDescent="0.25">
      <c r="A13275" s="2" t="s">
        <v>4933</v>
      </c>
      <c r="B13275" s="6">
        <v>220995.44999999998</v>
      </c>
      <c r="C13275" s="7">
        <f t="shared" si="207"/>
        <v>220.99544999999998</v>
      </c>
    </row>
    <row r="13276" spans="1:3" x14ac:dyDescent="0.25">
      <c r="A13276" s="2" t="s">
        <v>4934</v>
      </c>
      <c r="B13276" s="6">
        <v>221012.09999999998</v>
      </c>
      <c r="C13276" s="7">
        <f t="shared" si="207"/>
        <v>221.01209999999998</v>
      </c>
    </row>
    <row r="13277" spans="1:3" x14ac:dyDescent="0.25">
      <c r="A13277" s="2" t="s">
        <v>4935</v>
      </c>
      <c r="B13277" s="6">
        <v>221028.74999999997</v>
      </c>
      <c r="C13277" s="7">
        <f t="shared" si="207"/>
        <v>221.02874999999997</v>
      </c>
    </row>
    <row r="13278" spans="1:3" x14ac:dyDescent="0.25">
      <c r="A13278" s="2" t="s">
        <v>4936</v>
      </c>
      <c r="B13278" s="6">
        <v>221045.4</v>
      </c>
      <c r="C13278" s="7">
        <f t="shared" si="207"/>
        <v>221.0454</v>
      </c>
    </row>
    <row r="13279" spans="1:3" x14ac:dyDescent="0.25">
      <c r="A13279" s="2" t="s">
        <v>4937</v>
      </c>
      <c r="B13279" s="6">
        <v>221062.05</v>
      </c>
      <c r="C13279" s="7">
        <f t="shared" si="207"/>
        <v>221.06205</v>
      </c>
    </row>
    <row r="13280" spans="1:3" x14ac:dyDescent="0.25">
      <c r="A13280" s="2" t="s">
        <v>4938</v>
      </c>
      <c r="B13280" s="6">
        <v>221078.69999999998</v>
      </c>
      <c r="C13280" s="7">
        <f t="shared" si="207"/>
        <v>221.07869999999997</v>
      </c>
    </row>
    <row r="13281" spans="1:3" x14ac:dyDescent="0.25">
      <c r="A13281" s="2" t="s">
        <v>4939</v>
      </c>
      <c r="B13281" s="6">
        <v>221095.34999999998</v>
      </c>
      <c r="C13281" s="7">
        <f t="shared" si="207"/>
        <v>221.09534999999997</v>
      </c>
    </row>
    <row r="13282" spans="1:3" x14ac:dyDescent="0.25">
      <c r="A13282" s="2" t="s">
        <v>4940</v>
      </c>
      <c r="B13282" s="6">
        <v>221111.99999999997</v>
      </c>
      <c r="C13282" s="7">
        <f t="shared" si="207"/>
        <v>221.11199999999997</v>
      </c>
    </row>
    <row r="13283" spans="1:3" x14ac:dyDescent="0.25">
      <c r="A13283" s="2" t="s">
        <v>4941</v>
      </c>
      <c r="B13283" s="6">
        <v>221128.65</v>
      </c>
      <c r="C13283" s="7">
        <f t="shared" si="207"/>
        <v>221.12864999999999</v>
      </c>
    </row>
    <row r="13284" spans="1:3" x14ac:dyDescent="0.25">
      <c r="A13284" s="2" t="s">
        <v>4942</v>
      </c>
      <c r="B13284" s="6">
        <v>221145.3</v>
      </c>
      <c r="C13284" s="7">
        <f t="shared" si="207"/>
        <v>221.14529999999999</v>
      </c>
    </row>
    <row r="13285" spans="1:3" x14ac:dyDescent="0.25">
      <c r="A13285" s="2" t="s">
        <v>4943</v>
      </c>
      <c r="B13285" s="6">
        <v>221161.94999999998</v>
      </c>
      <c r="C13285" s="7">
        <f t="shared" si="207"/>
        <v>221.16194999999999</v>
      </c>
    </row>
    <row r="13286" spans="1:3" x14ac:dyDescent="0.25">
      <c r="A13286" s="2" t="s">
        <v>4944</v>
      </c>
      <c r="B13286" s="6">
        <v>221178.59999999998</v>
      </c>
      <c r="C13286" s="7">
        <f t="shared" si="207"/>
        <v>221.17859999999999</v>
      </c>
    </row>
    <row r="13287" spans="1:3" x14ac:dyDescent="0.25">
      <c r="A13287" s="2" t="s">
        <v>4945</v>
      </c>
      <c r="B13287" s="6">
        <v>221195.24999999997</v>
      </c>
      <c r="C13287" s="7">
        <f t="shared" si="207"/>
        <v>221.19524999999996</v>
      </c>
    </row>
    <row r="13288" spans="1:3" x14ac:dyDescent="0.25">
      <c r="A13288" s="2" t="s">
        <v>4946</v>
      </c>
      <c r="B13288" s="6">
        <v>221211.9</v>
      </c>
      <c r="C13288" s="7">
        <f t="shared" si="207"/>
        <v>221.21189999999999</v>
      </c>
    </row>
    <row r="13289" spans="1:3" x14ac:dyDescent="0.25">
      <c r="A13289" s="2" t="s">
        <v>4947</v>
      </c>
      <c r="B13289" s="6">
        <v>221228.55</v>
      </c>
      <c r="C13289" s="7">
        <f t="shared" si="207"/>
        <v>221.22854999999998</v>
      </c>
    </row>
    <row r="13290" spans="1:3" x14ac:dyDescent="0.25">
      <c r="A13290" s="2" t="s">
        <v>4948</v>
      </c>
      <c r="B13290" s="6">
        <v>221245.19999999998</v>
      </c>
      <c r="C13290" s="7">
        <f t="shared" si="207"/>
        <v>221.24519999999998</v>
      </c>
    </row>
    <row r="13291" spans="1:3" x14ac:dyDescent="0.25">
      <c r="A13291" s="2" t="s">
        <v>4949</v>
      </c>
      <c r="B13291" s="6">
        <v>221261.84999999998</v>
      </c>
      <c r="C13291" s="7">
        <f t="shared" si="207"/>
        <v>221.26184999999998</v>
      </c>
    </row>
    <row r="13292" spans="1:3" x14ac:dyDescent="0.25">
      <c r="A13292" s="2" t="s">
        <v>4950</v>
      </c>
      <c r="B13292" s="6">
        <v>221278.49999999997</v>
      </c>
      <c r="C13292" s="7">
        <f t="shared" si="207"/>
        <v>221.27849999999998</v>
      </c>
    </row>
    <row r="13293" spans="1:3" x14ac:dyDescent="0.25">
      <c r="A13293" s="2" t="s">
        <v>4951</v>
      </c>
      <c r="B13293" s="6">
        <v>221295.15</v>
      </c>
      <c r="C13293" s="7">
        <f t="shared" si="207"/>
        <v>221.29515000000001</v>
      </c>
    </row>
    <row r="13294" spans="1:3" x14ac:dyDescent="0.25">
      <c r="A13294" s="2" t="s">
        <v>4952</v>
      </c>
      <c r="B13294" s="6">
        <v>221311.8</v>
      </c>
      <c r="C13294" s="7">
        <f t="shared" si="207"/>
        <v>221.31179999999998</v>
      </c>
    </row>
    <row r="13295" spans="1:3" x14ac:dyDescent="0.25">
      <c r="A13295" s="2" t="s">
        <v>4953</v>
      </c>
      <c r="B13295" s="6">
        <v>221328.44999999998</v>
      </c>
      <c r="C13295" s="7">
        <f t="shared" si="207"/>
        <v>221.32844999999998</v>
      </c>
    </row>
    <row r="13296" spans="1:3" x14ac:dyDescent="0.25">
      <c r="A13296" s="2" t="s">
        <v>4954</v>
      </c>
      <c r="B13296" s="6">
        <v>221345.09999999998</v>
      </c>
      <c r="C13296" s="7">
        <f t="shared" si="207"/>
        <v>221.34509999999997</v>
      </c>
    </row>
    <row r="13297" spans="1:3" x14ac:dyDescent="0.25">
      <c r="A13297" s="2" t="s">
        <v>4955</v>
      </c>
      <c r="B13297" s="6">
        <v>221361.74999999997</v>
      </c>
      <c r="C13297" s="7">
        <f t="shared" si="207"/>
        <v>221.36174999999997</v>
      </c>
    </row>
    <row r="13298" spans="1:3" x14ac:dyDescent="0.25">
      <c r="A13298" s="2" t="s">
        <v>4956</v>
      </c>
      <c r="B13298" s="6">
        <v>221378.4</v>
      </c>
      <c r="C13298" s="7">
        <f t="shared" si="207"/>
        <v>221.3784</v>
      </c>
    </row>
    <row r="13299" spans="1:3" x14ac:dyDescent="0.25">
      <c r="A13299" s="2" t="s">
        <v>4957</v>
      </c>
      <c r="B13299" s="6">
        <v>221395.05</v>
      </c>
      <c r="C13299" s="7">
        <f t="shared" si="207"/>
        <v>221.39505</v>
      </c>
    </row>
    <row r="13300" spans="1:3" x14ac:dyDescent="0.25">
      <c r="A13300" s="2" t="s">
        <v>4958</v>
      </c>
      <c r="B13300" s="6">
        <v>221411.69999999998</v>
      </c>
      <c r="C13300" s="7">
        <f t="shared" si="207"/>
        <v>221.4117</v>
      </c>
    </row>
    <row r="13301" spans="1:3" x14ac:dyDescent="0.25">
      <c r="A13301" s="2" t="s">
        <v>4959</v>
      </c>
      <c r="B13301" s="6">
        <v>221428.34999999998</v>
      </c>
      <c r="C13301" s="7">
        <f t="shared" si="207"/>
        <v>221.42834999999997</v>
      </c>
    </row>
    <row r="13302" spans="1:3" x14ac:dyDescent="0.25">
      <c r="A13302" s="2" t="s">
        <v>4960</v>
      </c>
      <c r="B13302" s="6">
        <v>221444.99999999997</v>
      </c>
      <c r="C13302" s="7">
        <f t="shared" si="207"/>
        <v>221.44499999999996</v>
      </c>
    </row>
    <row r="13303" spans="1:3" x14ac:dyDescent="0.25">
      <c r="A13303" s="2" t="s">
        <v>4961</v>
      </c>
      <c r="B13303" s="6">
        <v>221461.65</v>
      </c>
      <c r="C13303" s="7">
        <f t="shared" si="207"/>
        <v>221.46164999999999</v>
      </c>
    </row>
    <row r="13304" spans="1:3" x14ac:dyDescent="0.25">
      <c r="A13304" s="2" t="s">
        <v>4962</v>
      </c>
      <c r="B13304" s="6">
        <v>221478.3</v>
      </c>
      <c r="C13304" s="7">
        <f t="shared" si="207"/>
        <v>221.47829999999999</v>
      </c>
    </row>
    <row r="13305" spans="1:3" x14ac:dyDescent="0.25">
      <c r="A13305" s="2" t="s">
        <v>4963</v>
      </c>
      <c r="B13305" s="6">
        <v>221494.94999999998</v>
      </c>
      <c r="C13305" s="7">
        <f t="shared" si="207"/>
        <v>221.49494999999999</v>
      </c>
    </row>
    <row r="13306" spans="1:3" x14ac:dyDescent="0.25">
      <c r="A13306" s="2" t="s">
        <v>4964</v>
      </c>
      <c r="B13306" s="6">
        <v>221511.59999999998</v>
      </c>
      <c r="C13306" s="7">
        <f t="shared" si="207"/>
        <v>221.51159999999999</v>
      </c>
    </row>
    <row r="13307" spans="1:3" x14ac:dyDescent="0.25">
      <c r="A13307" s="2" t="s">
        <v>4965</v>
      </c>
      <c r="B13307" s="6">
        <v>221528.24999999997</v>
      </c>
      <c r="C13307" s="7">
        <f t="shared" si="207"/>
        <v>221.52824999999996</v>
      </c>
    </row>
    <row r="13308" spans="1:3" x14ac:dyDescent="0.25">
      <c r="A13308" s="2" t="s">
        <v>4966</v>
      </c>
      <c r="B13308" s="6">
        <v>221544.9</v>
      </c>
      <c r="C13308" s="7">
        <f t="shared" si="207"/>
        <v>221.54489999999998</v>
      </c>
    </row>
    <row r="13309" spans="1:3" x14ac:dyDescent="0.25">
      <c r="A13309" s="2" t="s">
        <v>4967</v>
      </c>
      <c r="B13309" s="6">
        <v>221561.55</v>
      </c>
      <c r="C13309" s="7">
        <f t="shared" si="207"/>
        <v>221.56154999999998</v>
      </c>
    </row>
    <row r="13310" spans="1:3" x14ac:dyDescent="0.25">
      <c r="A13310" s="2" t="s">
        <v>4968</v>
      </c>
      <c r="B13310" s="6">
        <v>221578.19999999998</v>
      </c>
      <c r="C13310" s="7">
        <f t="shared" si="207"/>
        <v>221.57819999999998</v>
      </c>
    </row>
    <row r="13311" spans="1:3" x14ac:dyDescent="0.25">
      <c r="A13311" s="2" t="s">
        <v>4969</v>
      </c>
      <c r="B13311" s="6">
        <v>221594.84999999998</v>
      </c>
      <c r="C13311" s="7">
        <f t="shared" si="207"/>
        <v>221.59484999999998</v>
      </c>
    </row>
    <row r="13312" spans="1:3" x14ac:dyDescent="0.25">
      <c r="A13312" s="2" t="s">
        <v>4970</v>
      </c>
      <c r="B13312" s="6">
        <v>221611.49999999997</v>
      </c>
      <c r="C13312" s="7">
        <f t="shared" si="207"/>
        <v>221.61149999999998</v>
      </c>
    </row>
    <row r="13313" spans="1:3" x14ac:dyDescent="0.25">
      <c r="A13313" s="2" t="s">
        <v>4971</v>
      </c>
      <c r="B13313" s="6">
        <v>221628.15</v>
      </c>
      <c r="C13313" s="7">
        <f t="shared" si="207"/>
        <v>221.62815000000001</v>
      </c>
    </row>
    <row r="13314" spans="1:3" x14ac:dyDescent="0.25">
      <c r="A13314" s="2" t="s">
        <v>4972</v>
      </c>
      <c r="B13314" s="6">
        <v>221644.79999999999</v>
      </c>
      <c r="C13314" s="7">
        <f t="shared" si="207"/>
        <v>221.64479999999998</v>
      </c>
    </row>
    <row r="13315" spans="1:3" x14ac:dyDescent="0.25">
      <c r="A13315" s="2" t="s">
        <v>4973</v>
      </c>
      <c r="B13315" s="6">
        <v>221661.44999999998</v>
      </c>
      <c r="C13315" s="7">
        <f t="shared" ref="C13315:C13378" si="208">B13315/1000</f>
        <v>221.66144999999997</v>
      </c>
    </row>
    <row r="13316" spans="1:3" x14ac:dyDescent="0.25">
      <c r="A13316" s="2" t="s">
        <v>4974</v>
      </c>
      <c r="B13316" s="6">
        <v>221678.09999999998</v>
      </c>
      <c r="C13316" s="7">
        <f t="shared" si="208"/>
        <v>221.67809999999997</v>
      </c>
    </row>
    <row r="13317" spans="1:3" x14ac:dyDescent="0.25">
      <c r="A13317" s="2" t="s">
        <v>4975</v>
      </c>
      <c r="B13317" s="6">
        <v>221694.74999999997</v>
      </c>
      <c r="C13317" s="7">
        <f t="shared" si="208"/>
        <v>221.69474999999997</v>
      </c>
    </row>
    <row r="13318" spans="1:3" x14ac:dyDescent="0.25">
      <c r="A13318" s="2" t="s">
        <v>4976</v>
      </c>
      <c r="B13318" s="6">
        <v>221711.4</v>
      </c>
      <c r="C13318" s="7">
        <f t="shared" si="208"/>
        <v>221.7114</v>
      </c>
    </row>
    <row r="13319" spans="1:3" x14ac:dyDescent="0.25">
      <c r="A13319" s="2" t="s">
        <v>4977</v>
      </c>
      <c r="B13319" s="6">
        <v>221728.05</v>
      </c>
      <c r="C13319" s="7">
        <f t="shared" si="208"/>
        <v>221.72805</v>
      </c>
    </row>
    <row r="13320" spans="1:3" x14ac:dyDescent="0.25">
      <c r="A13320" s="2" t="s">
        <v>4978</v>
      </c>
      <c r="B13320" s="6">
        <v>221744.69999999998</v>
      </c>
      <c r="C13320" s="7">
        <f t="shared" si="208"/>
        <v>221.74469999999999</v>
      </c>
    </row>
    <row r="13321" spans="1:3" x14ac:dyDescent="0.25">
      <c r="A13321" s="2" t="s">
        <v>4979</v>
      </c>
      <c r="B13321" s="6">
        <v>221761.34999999998</v>
      </c>
      <c r="C13321" s="7">
        <f t="shared" si="208"/>
        <v>221.76134999999996</v>
      </c>
    </row>
    <row r="13322" spans="1:3" x14ac:dyDescent="0.25">
      <c r="A13322" s="2" t="s">
        <v>4980</v>
      </c>
      <c r="B13322" s="6">
        <v>221777.99999999997</v>
      </c>
      <c r="C13322" s="7">
        <f t="shared" si="208"/>
        <v>221.77799999999996</v>
      </c>
    </row>
    <row r="13323" spans="1:3" x14ac:dyDescent="0.25">
      <c r="A13323" s="2" t="s">
        <v>4981</v>
      </c>
      <c r="B13323" s="6">
        <v>221794.65</v>
      </c>
      <c r="C13323" s="7">
        <f t="shared" si="208"/>
        <v>221.79464999999999</v>
      </c>
    </row>
    <row r="13324" spans="1:3" x14ac:dyDescent="0.25">
      <c r="A13324" s="2" t="s">
        <v>4982</v>
      </c>
      <c r="B13324" s="6">
        <v>221811.3</v>
      </c>
      <c r="C13324" s="7">
        <f t="shared" si="208"/>
        <v>221.81129999999999</v>
      </c>
    </row>
    <row r="13325" spans="1:3" x14ac:dyDescent="0.25">
      <c r="A13325" s="2" t="s">
        <v>4983</v>
      </c>
      <c r="B13325" s="6">
        <v>221827.94999999998</v>
      </c>
      <c r="C13325" s="7">
        <f t="shared" si="208"/>
        <v>221.82794999999999</v>
      </c>
    </row>
    <row r="13326" spans="1:3" x14ac:dyDescent="0.25">
      <c r="A13326" s="2" t="s">
        <v>4984</v>
      </c>
      <c r="B13326" s="6">
        <v>221844.59999999998</v>
      </c>
      <c r="C13326" s="7">
        <f t="shared" si="208"/>
        <v>221.84459999999999</v>
      </c>
    </row>
    <row r="13327" spans="1:3" x14ac:dyDescent="0.25">
      <c r="A13327" s="2" t="s">
        <v>4985</v>
      </c>
      <c r="B13327" s="6">
        <v>221861.24999999997</v>
      </c>
      <c r="C13327" s="7">
        <f t="shared" si="208"/>
        <v>221.86124999999998</v>
      </c>
    </row>
    <row r="13328" spans="1:3" x14ac:dyDescent="0.25">
      <c r="A13328" s="2" t="s">
        <v>4986</v>
      </c>
      <c r="B13328" s="6">
        <v>221877.9</v>
      </c>
      <c r="C13328" s="7">
        <f t="shared" si="208"/>
        <v>221.87789999999998</v>
      </c>
    </row>
    <row r="13329" spans="1:3" x14ac:dyDescent="0.25">
      <c r="A13329" s="2" t="s">
        <v>4987</v>
      </c>
      <c r="B13329" s="6">
        <v>221894.55</v>
      </c>
      <c r="C13329" s="7">
        <f t="shared" si="208"/>
        <v>221.89454999999998</v>
      </c>
    </row>
    <row r="13330" spans="1:3" x14ac:dyDescent="0.25">
      <c r="A13330" s="2" t="s">
        <v>4988</v>
      </c>
      <c r="B13330" s="6">
        <v>221911.19999999998</v>
      </c>
      <c r="C13330" s="7">
        <f t="shared" si="208"/>
        <v>221.91119999999998</v>
      </c>
    </row>
    <row r="13331" spans="1:3" x14ac:dyDescent="0.25">
      <c r="A13331" s="2" t="s">
        <v>4989</v>
      </c>
      <c r="B13331" s="6">
        <v>221927.84999999998</v>
      </c>
      <c r="C13331" s="7">
        <f t="shared" si="208"/>
        <v>221.92784999999998</v>
      </c>
    </row>
    <row r="13332" spans="1:3" x14ac:dyDescent="0.25">
      <c r="A13332" s="2" t="s">
        <v>4990</v>
      </c>
      <c r="B13332" s="6">
        <v>221944.49999999997</v>
      </c>
      <c r="C13332" s="7">
        <f t="shared" si="208"/>
        <v>221.94449999999998</v>
      </c>
    </row>
    <row r="13333" spans="1:3" x14ac:dyDescent="0.25">
      <c r="A13333" s="2" t="s">
        <v>4991</v>
      </c>
      <c r="B13333" s="6">
        <v>221961.15</v>
      </c>
      <c r="C13333" s="7">
        <f t="shared" si="208"/>
        <v>221.96115</v>
      </c>
    </row>
    <row r="13334" spans="1:3" x14ac:dyDescent="0.25">
      <c r="A13334" s="2" t="s">
        <v>4992</v>
      </c>
      <c r="B13334" s="6">
        <v>221977.8</v>
      </c>
      <c r="C13334" s="7">
        <f t="shared" si="208"/>
        <v>221.9778</v>
      </c>
    </row>
    <row r="13335" spans="1:3" x14ac:dyDescent="0.25">
      <c r="A13335" s="2" t="s">
        <v>4993</v>
      </c>
      <c r="B13335" s="6">
        <v>221994.44999999998</v>
      </c>
      <c r="C13335" s="7">
        <f t="shared" si="208"/>
        <v>221.99444999999997</v>
      </c>
    </row>
    <row r="13336" spans="1:3" x14ac:dyDescent="0.25">
      <c r="A13336" s="2" t="s">
        <v>4994</v>
      </c>
      <c r="B13336" s="6">
        <v>222011.09999999998</v>
      </c>
      <c r="C13336" s="7">
        <f t="shared" si="208"/>
        <v>222.01109999999997</v>
      </c>
    </row>
    <row r="13337" spans="1:3" x14ac:dyDescent="0.25">
      <c r="A13337" s="2" t="s">
        <v>4995</v>
      </c>
      <c r="B13337" s="6">
        <v>222027.74999999997</v>
      </c>
      <c r="C13337" s="7">
        <f t="shared" si="208"/>
        <v>222.02774999999997</v>
      </c>
    </row>
    <row r="13338" spans="1:3" x14ac:dyDescent="0.25">
      <c r="A13338" s="2" t="s">
        <v>4996</v>
      </c>
      <c r="B13338" s="6">
        <v>222044.4</v>
      </c>
      <c r="C13338" s="7">
        <f t="shared" si="208"/>
        <v>222.0444</v>
      </c>
    </row>
    <row r="13339" spans="1:3" x14ac:dyDescent="0.25">
      <c r="A13339" s="2" t="s">
        <v>4997</v>
      </c>
      <c r="B13339" s="6">
        <v>222061.05</v>
      </c>
      <c r="C13339" s="7">
        <f t="shared" si="208"/>
        <v>222.06104999999999</v>
      </c>
    </row>
    <row r="13340" spans="1:3" x14ac:dyDescent="0.25">
      <c r="A13340" s="2" t="s">
        <v>4998</v>
      </c>
      <c r="B13340" s="6">
        <v>222077.69999999998</v>
      </c>
      <c r="C13340" s="7">
        <f t="shared" si="208"/>
        <v>222.07769999999999</v>
      </c>
    </row>
    <row r="13341" spans="1:3" x14ac:dyDescent="0.25">
      <c r="A13341" s="2" t="s">
        <v>4999</v>
      </c>
      <c r="B13341" s="6">
        <v>222094.34999999998</v>
      </c>
      <c r="C13341" s="7">
        <f t="shared" si="208"/>
        <v>222.09434999999996</v>
      </c>
    </row>
    <row r="13342" spans="1:3" x14ac:dyDescent="0.25">
      <c r="A13342" s="2" t="s">
        <v>5000</v>
      </c>
      <c r="B13342" s="6">
        <v>222110.99999999997</v>
      </c>
      <c r="C13342" s="7">
        <f t="shared" si="208"/>
        <v>222.11099999999996</v>
      </c>
    </row>
    <row r="13343" spans="1:3" x14ac:dyDescent="0.25">
      <c r="A13343" s="2" t="s">
        <v>5001</v>
      </c>
      <c r="B13343" s="6">
        <v>222127.65</v>
      </c>
      <c r="C13343" s="7">
        <f t="shared" si="208"/>
        <v>222.12764999999999</v>
      </c>
    </row>
    <row r="13344" spans="1:3" x14ac:dyDescent="0.25">
      <c r="A13344" s="2" t="s">
        <v>5002</v>
      </c>
      <c r="B13344" s="6">
        <v>222144.3</v>
      </c>
      <c r="C13344" s="7">
        <f t="shared" si="208"/>
        <v>222.14429999999999</v>
      </c>
    </row>
    <row r="13345" spans="1:3" x14ac:dyDescent="0.25">
      <c r="A13345" s="2" t="s">
        <v>5003</v>
      </c>
      <c r="B13345" s="6">
        <v>222160.94999999998</v>
      </c>
      <c r="C13345" s="7">
        <f t="shared" si="208"/>
        <v>222.16094999999999</v>
      </c>
    </row>
    <row r="13346" spans="1:3" x14ac:dyDescent="0.25">
      <c r="A13346" s="2" t="s">
        <v>5004</v>
      </c>
      <c r="B13346" s="6">
        <v>222177.59999999998</v>
      </c>
      <c r="C13346" s="7">
        <f t="shared" si="208"/>
        <v>222.17759999999998</v>
      </c>
    </row>
    <row r="13347" spans="1:3" x14ac:dyDescent="0.25">
      <c r="A13347" s="2" t="s">
        <v>5005</v>
      </c>
      <c r="B13347" s="6">
        <v>222194.24999999997</v>
      </c>
      <c r="C13347" s="7">
        <f t="shared" si="208"/>
        <v>222.19424999999998</v>
      </c>
    </row>
    <row r="13348" spans="1:3" x14ac:dyDescent="0.25">
      <c r="A13348" s="2" t="s">
        <v>5006</v>
      </c>
      <c r="B13348" s="6">
        <v>222210.9</v>
      </c>
      <c r="C13348" s="7">
        <f t="shared" si="208"/>
        <v>222.21089999999998</v>
      </c>
    </row>
    <row r="13349" spans="1:3" x14ac:dyDescent="0.25">
      <c r="A13349" s="2" t="s">
        <v>5007</v>
      </c>
      <c r="B13349" s="6">
        <v>222227.55</v>
      </c>
      <c r="C13349" s="7">
        <f t="shared" si="208"/>
        <v>222.22754999999998</v>
      </c>
    </row>
    <row r="13350" spans="1:3" x14ac:dyDescent="0.25">
      <c r="A13350" s="2" t="s">
        <v>5008</v>
      </c>
      <c r="B13350" s="6">
        <v>222244.19999999998</v>
      </c>
      <c r="C13350" s="7">
        <f t="shared" si="208"/>
        <v>222.24419999999998</v>
      </c>
    </row>
    <row r="13351" spans="1:3" x14ac:dyDescent="0.25">
      <c r="A13351" s="2" t="s">
        <v>5009</v>
      </c>
      <c r="B13351" s="6">
        <v>222260.84999999998</v>
      </c>
      <c r="C13351" s="7">
        <f t="shared" si="208"/>
        <v>222.26084999999998</v>
      </c>
    </row>
    <row r="13352" spans="1:3" x14ac:dyDescent="0.25">
      <c r="A13352" s="2" t="s">
        <v>5010</v>
      </c>
      <c r="B13352" s="6">
        <v>222277.49999999997</v>
      </c>
      <c r="C13352" s="7">
        <f t="shared" si="208"/>
        <v>222.27749999999997</v>
      </c>
    </row>
    <row r="13353" spans="1:3" x14ac:dyDescent="0.25">
      <c r="A13353" s="2" t="s">
        <v>5011</v>
      </c>
      <c r="B13353" s="6">
        <v>222294.15</v>
      </c>
      <c r="C13353" s="7">
        <f t="shared" si="208"/>
        <v>222.29415</v>
      </c>
    </row>
    <row r="13354" spans="1:3" x14ac:dyDescent="0.25">
      <c r="A13354" s="2" t="s">
        <v>5012</v>
      </c>
      <c r="B13354" s="6">
        <v>222310.8</v>
      </c>
      <c r="C13354" s="7">
        <f t="shared" si="208"/>
        <v>222.3108</v>
      </c>
    </row>
    <row r="13355" spans="1:3" x14ac:dyDescent="0.25">
      <c r="A13355" s="2" t="s">
        <v>5013</v>
      </c>
      <c r="B13355" s="6">
        <v>222327.44999999998</v>
      </c>
      <c r="C13355" s="7">
        <f t="shared" si="208"/>
        <v>222.32744999999997</v>
      </c>
    </row>
    <row r="13356" spans="1:3" x14ac:dyDescent="0.25">
      <c r="A13356" s="2" t="s">
        <v>5014</v>
      </c>
      <c r="B13356" s="6">
        <v>222344.09999999998</v>
      </c>
      <c r="C13356" s="7">
        <f t="shared" si="208"/>
        <v>222.34409999999997</v>
      </c>
    </row>
    <row r="13357" spans="1:3" x14ac:dyDescent="0.25">
      <c r="A13357" s="2" t="s">
        <v>5015</v>
      </c>
      <c r="B13357" s="6">
        <v>222360.74999999997</v>
      </c>
      <c r="C13357" s="7">
        <f t="shared" si="208"/>
        <v>222.36074999999997</v>
      </c>
    </row>
    <row r="13358" spans="1:3" x14ac:dyDescent="0.25">
      <c r="A13358" s="2" t="s">
        <v>5016</v>
      </c>
      <c r="B13358" s="6">
        <v>222377.4</v>
      </c>
      <c r="C13358" s="7">
        <f t="shared" si="208"/>
        <v>222.37739999999999</v>
      </c>
    </row>
    <row r="13359" spans="1:3" x14ac:dyDescent="0.25">
      <c r="A13359" s="2" t="s">
        <v>5017</v>
      </c>
      <c r="B13359" s="6">
        <v>222394.05</v>
      </c>
      <c r="C13359" s="7">
        <f t="shared" si="208"/>
        <v>222.39404999999999</v>
      </c>
    </row>
    <row r="13360" spans="1:3" x14ac:dyDescent="0.25">
      <c r="A13360" s="2" t="s">
        <v>5018</v>
      </c>
      <c r="B13360" s="6">
        <v>222410.69999999998</v>
      </c>
      <c r="C13360" s="7">
        <f t="shared" si="208"/>
        <v>222.41069999999999</v>
      </c>
    </row>
    <row r="13361" spans="1:3" x14ac:dyDescent="0.25">
      <c r="A13361" s="2" t="s">
        <v>5019</v>
      </c>
      <c r="B13361" s="6">
        <v>222427.34999999998</v>
      </c>
      <c r="C13361" s="7">
        <f t="shared" si="208"/>
        <v>222.42734999999999</v>
      </c>
    </row>
    <row r="13362" spans="1:3" x14ac:dyDescent="0.25">
      <c r="A13362" s="2" t="s">
        <v>5020</v>
      </c>
      <c r="B13362" s="6">
        <v>222443.99999999997</v>
      </c>
      <c r="C13362" s="7">
        <f t="shared" si="208"/>
        <v>222.44399999999996</v>
      </c>
    </row>
    <row r="13363" spans="1:3" x14ac:dyDescent="0.25">
      <c r="A13363" s="2" t="s">
        <v>5021</v>
      </c>
      <c r="B13363" s="6">
        <v>222460.65</v>
      </c>
      <c r="C13363" s="7">
        <f t="shared" si="208"/>
        <v>222.46064999999999</v>
      </c>
    </row>
    <row r="13364" spans="1:3" x14ac:dyDescent="0.25">
      <c r="A13364" s="2" t="s">
        <v>5022</v>
      </c>
      <c r="B13364" s="6">
        <v>222477.3</v>
      </c>
      <c r="C13364" s="7">
        <f t="shared" si="208"/>
        <v>222.47729999999999</v>
      </c>
    </row>
    <row r="13365" spans="1:3" x14ac:dyDescent="0.25">
      <c r="A13365" s="2" t="s">
        <v>5023</v>
      </c>
      <c r="B13365" s="6">
        <v>222493.94999999998</v>
      </c>
      <c r="C13365" s="7">
        <f t="shared" si="208"/>
        <v>222.49394999999998</v>
      </c>
    </row>
    <row r="13366" spans="1:3" x14ac:dyDescent="0.25">
      <c r="A13366" s="2" t="s">
        <v>5024</v>
      </c>
      <c r="B13366" s="6">
        <v>222510.59999999998</v>
      </c>
      <c r="C13366" s="7">
        <f t="shared" si="208"/>
        <v>222.51059999999998</v>
      </c>
    </row>
    <row r="13367" spans="1:3" x14ac:dyDescent="0.25">
      <c r="A13367" s="2" t="s">
        <v>5025</v>
      </c>
      <c r="B13367" s="6">
        <v>222527.24999999997</v>
      </c>
      <c r="C13367" s="7">
        <f t="shared" si="208"/>
        <v>222.52724999999998</v>
      </c>
    </row>
    <row r="13368" spans="1:3" x14ac:dyDescent="0.25">
      <c r="A13368" s="2" t="s">
        <v>5026</v>
      </c>
      <c r="B13368" s="6">
        <v>222543.9</v>
      </c>
      <c r="C13368" s="7">
        <f t="shared" si="208"/>
        <v>222.54390000000001</v>
      </c>
    </row>
    <row r="13369" spans="1:3" x14ac:dyDescent="0.25">
      <c r="A13369" s="2" t="s">
        <v>5027</v>
      </c>
      <c r="B13369" s="6">
        <v>222560.55</v>
      </c>
      <c r="C13369" s="7">
        <f t="shared" si="208"/>
        <v>222.56054999999998</v>
      </c>
    </row>
    <row r="13370" spans="1:3" x14ac:dyDescent="0.25">
      <c r="A13370" s="2" t="s">
        <v>5028</v>
      </c>
      <c r="B13370" s="6">
        <v>222577.19999999998</v>
      </c>
      <c r="C13370" s="7">
        <f t="shared" si="208"/>
        <v>222.57719999999998</v>
      </c>
    </row>
    <row r="13371" spans="1:3" x14ac:dyDescent="0.25">
      <c r="A13371" s="2" t="s">
        <v>5029</v>
      </c>
      <c r="B13371" s="6">
        <v>222593.84999999998</v>
      </c>
      <c r="C13371" s="7">
        <f t="shared" si="208"/>
        <v>222.59384999999997</v>
      </c>
    </row>
    <row r="13372" spans="1:3" x14ac:dyDescent="0.25">
      <c r="A13372" s="2" t="s">
        <v>5030</v>
      </c>
      <c r="B13372" s="6">
        <v>222610.49999999997</v>
      </c>
      <c r="C13372" s="7">
        <f t="shared" si="208"/>
        <v>222.61049999999997</v>
      </c>
    </row>
    <row r="13373" spans="1:3" x14ac:dyDescent="0.25">
      <c r="A13373" s="2" t="s">
        <v>5031</v>
      </c>
      <c r="B13373" s="6">
        <v>222627.15</v>
      </c>
      <c r="C13373" s="7">
        <f t="shared" si="208"/>
        <v>222.62715</v>
      </c>
    </row>
    <row r="13374" spans="1:3" x14ac:dyDescent="0.25">
      <c r="A13374" s="2" t="s">
        <v>5032</v>
      </c>
      <c r="B13374" s="6">
        <v>222643.8</v>
      </c>
      <c r="C13374" s="7">
        <f t="shared" si="208"/>
        <v>222.6438</v>
      </c>
    </row>
    <row r="13375" spans="1:3" x14ac:dyDescent="0.25">
      <c r="A13375" s="2" t="s">
        <v>5033</v>
      </c>
      <c r="B13375" s="6">
        <v>222660.44999999998</v>
      </c>
      <c r="C13375" s="7">
        <f t="shared" si="208"/>
        <v>222.66044999999997</v>
      </c>
    </row>
    <row r="13376" spans="1:3" x14ac:dyDescent="0.25">
      <c r="A13376" s="2" t="s">
        <v>5034</v>
      </c>
      <c r="B13376" s="6">
        <v>222677.09999999998</v>
      </c>
      <c r="C13376" s="7">
        <f t="shared" si="208"/>
        <v>222.67709999999997</v>
      </c>
    </row>
    <row r="13377" spans="1:3" x14ac:dyDescent="0.25">
      <c r="A13377" s="2" t="s">
        <v>5035</v>
      </c>
      <c r="B13377" s="6">
        <v>222693.74999999997</v>
      </c>
      <c r="C13377" s="7">
        <f t="shared" si="208"/>
        <v>222.69374999999997</v>
      </c>
    </row>
    <row r="13378" spans="1:3" x14ac:dyDescent="0.25">
      <c r="A13378" s="2" t="s">
        <v>5036</v>
      </c>
      <c r="B13378" s="6">
        <v>222710.39999999999</v>
      </c>
      <c r="C13378" s="7">
        <f t="shared" si="208"/>
        <v>222.71039999999999</v>
      </c>
    </row>
    <row r="13379" spans="1:3" x14ac:dyDescent="0.25">
      <c r="A13379" s="2" t="s">
        <v>5037</v>
      </c>
      <c r="B13379" s="6">
        <v>222727.05</v>
      </c>
      <c r="C13379" s="7">
        <f t="shared" ref="C13379:C13442" si="209">B13379/1000</f>
        <v>222.72704999999999</v>
      </c>
    </row>
    <row r="13380" spans="1:3" x14ac:dyDescent="0.25">
      <c r="A13380" s="2" t="s">
        <v>5038</v>
      </c>
      <c r="B13380" s="6">
        <v>222743.69999999998</v>
      </c>
      <c r="C13380" s="7">
        <f t="shared" si="209"/>
        <v>222.74369999999999</v>
      </c>
    </row>
    <row r="13381" spans="1:3" x14ac:dyDescent="0.25">
      <c r="A13381" s="2" t="s">
        <v>5039</v>
      </c>
      <c r="B13381" s="6">
        <v>222760.34999999998</v>
      </c>
      <c r="C13381" s="7">
        <f t="shared" si="209"/>
        <v>222.76034999999999</v>
      </c>
    </row>
    <row r="13382" spans="1:3" x14ac:dyDescent="0.25">
      <c r="A13382" s="2" t="s">
        <v>5040</v>
      </c>
      <c r="B13382" s="6">
        <v>222776.99999999997</v>
      </c>
      <c r="C13382" s="7">
        <f t="shared" si="209"/>
        <v>222.77699999999996</v>
      </c>
    </row>
    <row r="13383" spans="1:3" x14ac:dyDescent="0.25">
      <c r="A13383" s="2" t="s">
        <v>5041</v>
      </c>
      <c r="B13383" s="6">
        <v>222793.65</v>
      </c>
      <c r="C13383" s="7">
        <f t="shared" si="209"/>
        <v>222.79364999999999</v>
      </c>
    </row>
    <row r="13384" spans="1:3" x14ac:dyDescent="0.25">
      <c r="A13384" s="2" t="s">
        <v>5042</v>
      </c>
      <c r="B13384" s="6">
        <v>222810.3</v>
      </c>
      <c r="C13384" s="7">
        <f t="shared" si="209"/>
        <v>222.81029999999998</v>
      </c>
    </row>
    <row r="13385" spans="1:3" x14ac:dyDescent="0.25">
      <c r="A13385" s="2" t="s">
        <v>5043</v>
      </c>
      <c r="B13385" s="6">
        <v>222826.94999999998</v>
      </c>
      <c r="C13385" s="7">
        <f t="shared" si="209"/>
        <v>222.82694999999998</v>
      </c>
    </row>
    <row r="13386" spans="1:3" x14ac:dyDescent="0.25">
      <c r="A13386" s="2" t="s">
        <v>5044</v>
      </c>
      <c r="B13386" s="6">
        <v>222843.59999999998</v>
      </c>
      <c r="C13386" s="7">
        <f t="shared" si="209"/>
        <v>222.84359999999998</v>
      </c>
    </row>
    <row r="13387" spans="1:3" x14ac:dyDescent="0.25">
      <c r="A13387" s="2" t="s">
        <v>5045</v>
      </c>
      <c r="B13387" s="6">
        <v>222860.24999999997</v>
      </c>
      <c r="C13387" s="7">
        <f t="shared" si="209"/>
        <v>222.86024999999998</v>
      </c>
    </row>
    <row r="13388" spans="1:3" x14ac:dyDescent="0.25">
      <c r="A13388" s="2" t="s">
        <v>5046</v>
      </c>
      <c r="B13388" s="6">
        <v>222876.9</v>
      </c>
      <c r="C13388" s="7">
        <f t="shared" si="209"/>
        <v>222.87690000000001</v>
      </c>
    </row>
    <row r="13389" spans="1:3" x14ac:dyDescent="0.25">
      <c r="A13389" s="2" t="s">
        <v>5047</v>
      </c>
      <c r="B13389" s="6">
        <v>222893.55</v>
      </c>
      <c r="C13389" s="7">
        <f t="shared" si="209"/>
        <v>222.89354999999998</v>
      </c>
    </row>
    <row r="13390" spans="1:3" x14ac:dyDescent="0.25">
      <c r="A13390" s="2" t="s">
        <v>5048</v>
      </c>
      <c r="B13390" s="6">
        <v>222910.19999999998</v>
      </c>
      <c r="C13390" s="7">
        <f t="shared" si="209"/>
        <v>222.91019999999997</v>
      </c>
    </row>
    <row r="13391" spans="1:3" x14ac:dyDescent="0.25">
      <c r="A13391" s="2" t="s">
        <v>5049</v>
      </c>
      <c r="B13391" s="6">
        <v>222926.84999999998</v>
      </c>
      <c r="C13391" s="7">
        <f t="shared" si="209"/>
        <v>222.92684999999997</v>
      </c>
    </row>
    <row r="13392" spans="1:3" x14ac:dyDescent="0.25">
      <c r="A13392" s="2" t="s">
        <v>5050</v>
      </c>
      <c r="B13392" s="6">
        <v>222943.49999999997</v>
      </c>
      <c r="C13392" s="7">
        <f t="shared" si="209"/>
        <v>222.94349999999997</v>
      </c>
    </row>
    <row r="13393" spans="1:3" x14ac:dyDescent="0.25">
      <c r="A13393" s="2" t="s">
        <v>5051</v>
      </c>
      <c r="B13393" s="6">
        <v>222960.15</v>
      </c>
      <c r="C13393" s="7">
        <f t="shared" si="209"/>
        <v>222.96015</v>
      </c>
    </row>
    <row r="13394" spans="1:3" x14ac:dyDescent="0.25">
      <c r="A13394" s="2" t="s">
        <v>5052</v>
      </c>
      <c r="B13394" s="6">
        <v>222976.8</v>
      </c>
      <c r="C13394" s="7">
        <f t="shared" si="209"/>
        <v>222.9768</v>
      </c>
    </row>
    <row r="13395" spans="1:3" x14ac:dyDescent="0.25">
      <c r="A13395" s="2" t="s">
        <v>5053</v>
      </c>
      <c r="B13395" s="6">
        <v>222993.44999999998</v>
      </c>
      <c r="C13395" s="7">
        <f t="shared" si="209"/>
        <v>222.99345</v>
      </c>
    </row>
    <row r="13396" spans="1:3" x14ac:dyDescent="0.25">
      <c r="A13396" s="2" t="s">
        <v>5054</v>
      </c>
      <c r="B13396" s="6">
        <v>223010.09999999998</v>
      </c>
      <c r="C13396" s="7">
        <f t="shared" si="209"/>
        <v>223.01009999999997</v>
      </c>
    </row>
    <row r="13397" spans="1:3" x14ac:dyDescent="0.25">
      <c r="A13397" s="2" t="s">
        <v>5055</v>
      </c>
      <c r="B13397" s="6">
        <v>223026.74999999997</v>
      </c>
      <c r="C13397" s="7">
        <f t="shared" si="209"/>
        <v>223.02674999999996</v>
      </c>
    </row>
    <row r="13398" spans="1:3" x14ac:dyDescent="0.25">
      <c r="A13398" s="2" t="s">
        <v>5056</v>
      </c>
      <c r="B13398" s="6">
        <v>223043.4</v>
      </c>
      <c r="C13398" s="7">
        <f t="shared" si="209"/>
        <v>223.04339999999999</v>
      </c>
    </row>
    <row r="13399" spans="1:3" x14ac:dyDescent="0.25">
      <c r="A13399" s="2" t="s">
        <v>5057</v>
      </c>
      <c r="B13399" s="6">
        <v>223060.05</v>
      </c>
      <c r="C13399" s="7">
        <f t="shared" si="209"/>
        <v>223.06004999999999</v>
      </c>
    </row>
    <row r="13400" spans="1:3" x14ac:dyDescent="0.25">
      <c r="A13400" s="2" t="s">
        <v>5058</v>
      </c>
      <c r="B13400" s="6">
        <v>223076.69999999998</v>
      </c>
      <c r="C13400" s="7">
        <f t="shared" si="209"/>
        <v>223.07669999999999</v>
      </c>
    </row>
    <row r="13401" spans="1:3" x14ac:dyDescent="0.25">
      <c r="A13401" s="2" t="s">
        <v>5059</v>
      </c>
      <c r="B13401" s="6">
        <v>223093.34999999998</v>
      </c>
      <c r="C13401" s="7">
        <f t="shared" si="209"/>
        <v>223.09334999999999</v>
      </c>
    </row>
    <row r="13402" spans="1:3" x14ac:dyDescent="0.25">
      <c r="A13402" s="2" t="s">
        <v>5060</v>
      </c>
      <c r="B13402" s="6">
        <v>223109.99999999997</v>
      </c>
      <c r="C13402" s="7">
        <f t="shared" si="209"/>
        <v>223.10999999999996</v>
      </c>
    </row>
    <row r="13403" spans="1:3" x14ac:dyDescent="0.25">
      <c r="A13403" s="2" t="s">
        <v>5061</v>
      </c>
      <c r="B13403" s="6">
        <v>223126.65</v>
      </c>
      <c r="C13403" s="7">
        <f t="shared" si="209"/>
        <v>223.12664999999998</v>
      </c>
    </row>
    <row r="13404" spans="1:3" x14ac:dyDescent="0.25">
      <c r="A13404" s="2" t="s">
        <v>5062</v>
      </c>
      <c r="B13404" s="6">
        <v>223143.3</v>
      </c>
      <c r="C13404" s="7">
        <f t="shared" si="209"/>
        <v>223.14329999999998</v>
      </c>
    </row>
    <row r="13405" spans="1:3" x14ac:dyDescent="0.25">
      <c r="A13405" s="2" t="s">
        <v>5063</v>
      </c>
      <c r="B13405" s="6">
        <v>223159.94999999998</v>
      </c>
      <c r="C13405" s="7">
        <f t="shared" si="209"/>
        <v>223.15994999999998</v>
      </c>
    </row>
    <row r="13406" spans="1:3" x14ac:dyDescent="0.25">
      <c r="A13406" s="2" t="s">
        <v>5064</v>
      </c>
      <c r="B13406" s="6">
        <v>223176.59999999998</v>
      </c>
      <c r="C13406" s="7">
        <f t="shared" si="209"/>
        <v>223.17659999999998</v>
      </c>
    </row>
    <row r="13407" spans="1:3" x14ac:dyDescent="0.25">
      <c r="A13407" s="2" t="s">
        <v>5065</v>
      </c>
      <c r="B13407" s="6">
        <v>223193.24999999997</v>
      </c>
      <c r="C13407" s="7">
        <f t="shared" si="209"/>
        <v>223.19324999999998</v>
      </c>
    </row>
    <row r="13408" spans="1:3" x14ac:dyDescent="0.25">
      <c r="A13408" s="2" t="s">
        <v>5066</v>
      </c>
      <c r="B13408" s="6">
        <v>223209.9</v>
      </c>
      <c r="C13408" s="7">
        <f t="shared" si="209"/>
        <v>223.2099</v>
      </c>
    </row>
    <row r="13409" spans="1:3" x14ac:dyDescent="0.25">
      <c r="A13409" s="2" t="s">
        <v>5067</v>
      </c>
      <c r="B13409" s="6">
        <v>223226.55</v>
      </c>
      <c r="C13409" s="7">
        <f t="shared" si="209"/>
        <v>223.22654999999997</v>
      </c>
    </row>
    <row r="13410" spans="1:3" x14ac:dyDescent="0.25">
      <c r="A13410" s="2" t="s">
        <v>5068</v>
      </c>
      <c r="B13410" s="6">
        <v>223243.19999999998</v>
      </c>
      <c r="C13410" s="7">
        <f t="shared" si="209"/>
        <v>223.24319999999997</v>
      </c>
    </row>
    <row r="13411" spans="1:3" x14ac:dyDescent="0.25">
      <c r="A13411" s="2" t="s">
        <v>5069</v>
      </c>
      <c r="B13411" s="6">
        <v>223259.84999999998</v>
      </c>
      <c r="C13411" s="7">
        <f t="shared" si="209"/>
        <v>223.25984999999997</v>
      </c>
    </row>
    <row r="13412" spans="1:3" x14ac:dyDescent="0.25">
      <c r="A13412" s="2" t="s">
        <v>5070</v>
      </c>
      <c r="B13412" s="6">
        <v>223276.49999999997</v>
      </c>
      <c r="C13412" s="7">
        <f t="shared" si="209"/>
        <v>223.27649999999997</v>
      </c>
    </row>
    <row r="13413" spans="1:3" x14ac:dyDescent="0.25">
      <c r="A13413" s="2" t="s">
        <v>5071</v>
      </c>
      <c r="B13413" s="6">
        <v>223293.15</v>
      </c>
      <c r="C13413" s="7">
        <f t="shared" si="209"/>
        <v>223.29315</v>
      </c>
    </row>
    <row r="13414" spans="1:3" x14ac:dyDescent="0.25">
      <c r="A13414" s="2" t="s">
        <v>5072</v>
      </c>
      <c r="B13414" s="6">
        <v>223309.8</v>
      </c>
      <c r="C13414" s="7">
        <f t="shared" si="209"/>
        <v>223.3098</v>
      </c>
    </row>
    <row r="13415" spans="1:3" x14ac:dyDescent="0.25">
      <c r="A13415" s="2" t="s">
        <v>5073</v>
      </c>
      <c r="B13415" s="6">
        <v>223326.44999999998</v>
      </c>
      <c r="C13415" s="7">
        <f t="shared" si="209"/>
        <v>223.32644999999999</v>
      </c>
    </row>
    <row r="13416" spans="1:3" x14ac:dyDescent="0.25">
      <c r="A13416" s="2" t="s">
        <v>5074</v>
      </c>
      <c r="B13416" s="6">
        <v>223343.09999999998</v>
      </c>
      <c r="C13416" s="7">
        <f t="shared" si="209"/>
        <v>223.34309999999996</v>
      </c>
    </row>
    <row r="13417" spans="1:3" x14ac:dyDescent="0.25">
      <c r="A13417" s="2" t="s">
        <v>5075</v>
      </c>
      <c r="B13417" s="6">
        <v>223359.74999999997</v>
      </c>
      <c r="C13417" s="7">
        <f t="shared" si="209"/>
        <v>223.35974999999996</v>
      </c>
    </row>
    <row r="13418" spans="1:3" x14ac:dyDescent="0.25">
      <c r="A13418" s="2" t="s">
        <v>5076</v>
      </c>
      <c r="B13418" s="6">
        <v>223376.4</v>
      </c>
      <c r="C13418" s="7">
        <f t="shared" si="209"/>
        <v>223.37639999999999</v>
      </c>
    </row>
    <row r="13419" spans="1:3" x14ac:dyDescent="0.25">
      <c r="A13419" s="2" t="s">
        <v>5077</v>
      </c>
      <c r="B13419" s="6">
        <v>223393.05</v>
      </c>
      <c r="C13419" s="7">
        <f t="shared" si="209"/>
        <v>223.39304999999999</v>
      </c>
    </row>
    <row r="13420" spans="1:3" x14ac:dyDescent="0.25">
      <c r="A13420" s="2" t="s">
        <v>5078</v>
      </c>
      <c r="B13420" s="6">
        <v>223409.69999999998</v>
      </c>
      <c r="C13420" s="7">
        <f t="shared" si="209"/>
        <v>223.40969999999999</v>
      </c>
    </row>
    <row r="13421" spans="1:3" x14ac:dyDescent="0.25">
      <c r="A13421" s="2" t="s">
        <v>5079</v>
      </c>
      <c r="B13421" s="6">
        <v>223426.34999999998</v>
      </c>
      <c r="C13421" s="7">
        <f t="shared" si="209"/>
        <v>223.42634999999999</v>
      </c>
    </row>
    <row r="13422" spans="1:3" x14ac:dyDescent="0.25">
      <c r="A13422" s="2" t="s">
        <v>5080</v>
      </c>
      <c r="B13422" s="6">
        <v>223442.99999999997</v>
      </c>
      <c r="C13422" s="7">
        <f t="shared" si="209"/>
        <v>223.44299999999998</v>
      </c>
    </row>
    <row r="13423" spans="1:3" x14ac:dyDescent="0.25">
      <c r="A13423" s="2" t="s">
        <v>5081</v>
      </c>
      <c r="B13423" s="6">
        <v>223459.65</v>
      </c>
      <c r="C13423" s="7">
        <f t="shared" si="209"/>
        <v>223.45964999999998</v>
      </c>
    </row>
    <row r="13424" spans="1:3" x14ac:dyDescent="0.25">
      <c r="A13424" s="2" t="s">
        <v>5082</v>
      </c>
      <c r="B13424" s="6">
        <v>223476.3</v>
      </c>
      <c r="C13424" s="7">
        <f t="shared" si="209"/>
        <v>223.47629999999998</v>
      </c>
    </row>
    <row r="13425" spans="1:3" x14ac:dyDescent="0.25">
      <c r="A13425" s="2" t="s">
        <v>5083</v>
      </c>
      <c r="B13425" s="6">
        <v>223492.94999999998</v>
      </c>
      <c r="C13425" s="7">
        <f t="shared" si="209"/>
        <v>223.49294999999998</v>
      </c>
    </row>
    <row r="13426" spans="1:3" x14ac:dyDescent="0.25">
      <c r="A13426" s="2" t="s">
        <v>5084</v>
      </c>
      <c r="B13426" s="6">
        <v>223509.59999999998</v>
      </c>
      <c r="C13426" s="7">
        <f t="shared" si="209"/>
        <v>223.50959999999998</v>
      </c>
    </row>
    <row r="13427" spans="1:3" x14ac:dyDescent="0.25">
      <c r="A13427" s="2" t="s">
        <v>5085</v>
      </c>
      <c r="B13427" s="6">
        <v>223526.24999999997</v>
      </c>
      <c r="C13427" s="7">
        <f t="shared" si="209"/>
        <v>223.52624999999998</v>
      </c>
    </row>
    <row r="13428" spans="1:3" x14ac:dyDescent="0.25">
      <c r="A13428" s="2" t="s">
        <v>5086</v>
      </c>
      <c r="B13428" s="6">
        <v>223542.9</v>
      </c>
      <c r="C13428" s="7">
        <f t="shared" si="209"/>
        <v>223.5429</v>
      </c>
    </row>
    <row r="13429" spans="1:3" x14ac:dyDescent="0.25">
      <c r="A13429" s="2" t="s">
        <v>5087</v>
      </c>
      <c r="B13429" s="6">
        <v>223559.55</v>
      </c>
      <c r="C13429" s="7">
        <f t="shared" si="209"/>
        <v>223.55955</v>
      </c>
    </row>
    <row r="13430" spans="1:3" x14ac:dyDescent="0.25">
      <c r="A13430" s="2" t="s">
        <v>5088</v>
      </c>
      <c r="B13430" s="6">
        <v>223576.19999999998</v>
      </c>
      <c r="C13430" s="7">
        <f t="shared" si="209"/>
        <v>223.57619999999997</v>
      </c>
    </row>
    <row r="13431" spans="1:3" x14ac:dyDescent="0.25">
      <c r="A13431" s="2" t="s">
        <v>5089</v>
      </c>
      <c r="B13431" s="6">
        <v>223592.84999999998</v>
      </c>
      <c r="C13431" s="7">
        <f t="shared" si="209"/>
        <v>223.59284999999997</v>
      </c>
    </row>
    <row r="13432" spans="1:3" x14ac:dyDescent="0.25">
      <c r="A13432" s="2" t="s">
        <v>5090</v>
      </c>
      <c r="B13432" s="6">
        <v>223609.49999999997</v>
      </c>
      <c r="C13432" s="7">
        <f t="shared" si="209"/>
        <v>223.60949999999997</v>
      </c>
    </row>
    <row r="13433" spans="1:3" x14ac:dyDescent="0.25">
      <c r="A13433" s="2" t="s">
        <v>5091</v>
      </c>
      <c r="B13433" s="6">
        <v>223626.15</v>
      </c>
      <c r="C13433" s="7">
        <f t="shared" si="209"/>
        <v>223.62615</v>
      </c>
    </row>
    <row r="13434" spans="1:3" x14ac:dyDescent="0.25">
      <c r="A13434" s="2" t="s">
        <v>5092</v>
      </c>
      <c r="B13434" s="6">
        <v>223642.8</v>
      </c>
      <c r="C13434" s="7">
        <f t="shared" si="209"/>
        <v>223.64279999999999</v>
      </c>
    </row>
    <row r="13435" spans="1:3" x14ac:dyDescent="0.25">
      <c r="A13435" s="2" t="s">
        <v>5093</v>
      </c>
      <c r="B13435" s="6">
        <v>223659.44999999998</v>
      </c>
      <c r="C13435" s="7">
        <f t="shared" si="209"/>
        <v>223.65944999999999</v>
      </c>
    </row>
    <row r="13436" spans="1:3" x14ac:dyDescent="0.25">
      <c r="A13436" s="2" t="s">
        <v>5094</v>
      </c>
      <c r="B13436" s="6">
        <v>223676.09999999998</v>
      </c>
      <c r="C13436" s="7">
        <f t="shared" si="209"/>
        <v>223.67609999999996</v>
      </c>
    </row>
    <row r="13437" spans="1:3" x14ac:dyDescent="0.25">
      <c r="A13437" s="2" t="s">
        <v>5095</v>
      </c>
      <c r="B13437" s="6">
        <v>223692.74999999997</v>
      </c>
      <c r="C13437" s="7">
        <f t="shared" si="209"/>
        <v>223.69274999999996</v>
      </c>
    </row>
    <row r="13438" spans="1:3" x14ac:dyDescent="0.25">
      <c r="A13438" s="2" t="s">
        <v>5096</v>
      </c>
      <c r="B13438" s="6">
        <v>223709.4</v>
      </c>
      <c r="C13438" s="7">
        <f t="shared" si="209"/>
        <v>223.70939999999999</v>
      </c>
    </row>
    <row r="13439" spans="1:3" x14ac:dyDescent="0.25">
      <c r="A13439" s="2" t="s">
        <v>5097</v>
      </c>
      <c r="B13439" s="6">
        <v>223726.05</v>
      </c>
      <c r="C13439" s="7">
        <f t="shared" si="209"/>
        <v>223.72604999999999</v>
      </c>
    </row>
    <row r="13440" spans="1:3" x14ac:dyDescent="0.25">
      <c r="A13440" s="2" t="s">
        <v>5098</v>
      </c>
      <c r="B13440" s="6">
        <v>223742.69999999998</v>
      </c>
      <c r="C13440" s="7">
        <f t="shared" si="209"/>
        <v>223.74269999999999</v>
      </c>
    </row>
    <row r="13441" spans="1:3" x14ac:dyDescent="0.25">
      <c r="A13441" s="2" t="s">
        <v>5099</v>
      </c>
      <c r="B13441" s="6">
        <v>223759.34999999998</v>
      </c>
      <c r="C13441" s="7">
        <f t="shared" si="209"/>
        <v>223.75934999999998</v>
      </c>
    </row>
    <row r="13442" spans="1:3" x14ac:dyDescent="0.25">
      <c r="A13442" s="2" t="s">
        <v>5100</v>
      </c>
      <c r="B13442" s="6">
        <v>223775.99999999997</v>
      </c>
      <c r="C13442" s="7">
        <f t="shared" si="209"/>
        <v>223.77599999999998</v>
      </c>
    </row>
    <row r="13443" spans="1:3" x14ac:dyDescent="0.25">
      <c r="A13443" s="2" t="s">
        <v>5101</v>
      </c>
      <c r="B13443" s="6">
        <v>223792.65</v>
      </c>
      <c r="C13443" s="7">
        <f t="shared" ref="C13443:C13506" si="210">B13443/1000</f>
        <v>223.79264999999998</v>
      </c>
    </row>
    <row r="13444" spans="1:3" x14ac:dyDescent="0.25">
      <c r="A13444" s="2" t="s">
        <v>5102</v>
      </c>
      <c r="B13444" s="6">
        <v>223809.3</v>
      </c>
      <c r="C13444" s="7">
        <f t="shared" si="210"/>
        <v>223.80929999999998</v>
      </c>
    </row>
    <row r="13445" spans="1:3" x14ac:dyDescent="0.25">
      <c r="A13445" s="2" t="s">
        <v>5103</v>
      </c>
      <c r="B13445" s="6">
        <v>223825.94999999998</v>
      </c>
      <c r="C13445" s="7">
        <f t="shared" si="210"/>
        <v>223.82594999999998</v>
      </c>
    </row>
    <row r="13446" spans="1:3" x14ac:dyDescent="0.25">
      <c r="A13446" s="2" t="s">
        <v>5104</v>
      </c>
      <c r="B13446" s="6">
        <v>223842.59999999998</v>
      </c>
      <c r="C13446" s="7">
        <f t="shared" si="210"/>
        <v>223.84259999999998</v>
      </c>
    </row>
    <row r="13447" spans="1:3" x14ac:dyDescent="0.25">
      <c r="A13447" s="2" t="s">
        <v>5105</v>
      </c>
      <c r="B13447" s="6">
        <v>223859.24999999997</v>
      </c>
      <c r="C13447" s="7">
        <f t="shared" si="210"/>
        <v>223.85924999999997</v>
      </c>
    </row>
    <row r="13448" spans="1:3" x14ac:dyDescent="0.25">
      <c r="A13448" s="2" t="s">
        <v>5106</v>
      </c>
      <c r="B13448" s="6">
        <v>223875.9</v>
      </c>
      <c r="C13448" s="7">
        <f t="shared" si="210"/>
        <v>223.8759</v>
      </c>
    </row>
    <row r="13449" spans="1:3" x14ac:dyDescent="0.25">
      <c r="A13449" s="2" t="s">
        <v>5107</v>
      </c>
      <c r="B13449" s="6">
        <v>223892.55</v>
      </c>
      <c r="C13449" s="7">
        <f t="shared" si="210"/>
        <v>223.89255</v>
      </c>
    </row>
    <row r="13450" spans="1:3" x14ac:dyDescent="0.25">
      <c r="A13450" s="2" t="s">
        <v>5108</v>
      </c>
      <c r="B13450" s="6">
        <v>223909.19999999998</v>
      </c>
      <c r="C13450" s="7">
        <f t="shared" si="210"/>
        <v>223.90919999999997</v>
      </c>
    </row>
    <row r="13451" spans="1:3" x14ac:dyDescent="0.25">
      <c r="A13451" s="2" t="s">
        <v>5109</v>
      </c>
      <c r="B13451" s="6">
        <v>223925.84999999998</v>
      </c>
      <c r="C13451" s="7">
        <f t="shared" si="210"/>
        <v>223.92584999999997</v>
      </c>
    </row>
    <row r="13452" spans="1:3" x14ac:dyDescent="0.25">
      <c r="A13452" s="2" t="s">
        <v>5110</v>
      </c>
      <c r="B13452" s="6">
        <v>223942.49999999997</v>
      </c>
      <c r="C13452" s="7">
        <f t="shared" si="210"/>
        <v>223.94249999999997</v>
      </c>
    </row>
    <row r="13453" spans="1:3" x14ac:dyDescent="0.25">
      <c r="A13453" s="2" t="s">
        <v>5111</v>
      </c>
      <c r="B13453" s="6">
        <v>223959.15</v>
      </c>
      <c r="C13453" s="7">
        <f t="shared" si="210"/>
        <v>223.95914999999999</v>
      </c>
    </row>
    <row r="13454" spans="1:3" x14ac:dyDescent="0.25">
      <c r="A13454" s="2" t="s">
        <v>5112</v>
      </c>
      <c r="B13454" s="6">
        <v>223975.8</v>
      </c>
      <c r="C13454" s="7">
        <f t="shared" si="210"/>
        <v>223.97579999999999</v>
      </c>
    </row>
    <row r="13455" spans="1:3" x14ac:dyDescent="0.25">
      <c r="A13455" s="2" t="s">
        <v>5113</v>
      </c>
      <c r="B13455" s="6">
        <v>223992.44999999998</v>
      </c>
      <c r="C13455" s="7">
        <f t="shared" si="210"/>
        <v>223.99244999999999</v>
      </c>
    </row>
    <row r="13456" spans="1:3" x14ac:dyDescent="0.25">
      <c r="A13456" s="2" t="s">
        <v>5114</v>
      </c>
      <c r="B13456" s="6">
        <v>224009.09999999998</v>
      </c>
      <c r="C13456" s="7">
        <f t="shared" si="210"/>
        <v>224.00909999999999</v>
      </c>
    </row>
    <row r="13457" spans="1:3" x14ac:dyDescent="0.25">
      <c r="A13457" s="2" t="s">
        <v>5115</v>
      </c>
      <c r="B13457" s="6">
        <v>224025.74999999997</v>
      </c>
      <c r="C13457" s="7">
        <f t="shared" si="210"/>
        <v>224.02574999999996</v>
      </c>
    </row>
    <row r="13458" spans="1:3" x14ac:dyDescent="0.25">
      <c r="A13458" s="2" t="s">
        <v>5116</v>
      </c>
      <c r="B13458" s="6">
        <v>224042.4</v>
      </c>
      <c r="C13458" s="7">
        <f t="shared" si="210"/>
        <v>224.04239999999999</v>
      </c>
    </row>
    <row r="13459" spans="1:3" x14ac:dyDescent="0.25">
      <c r="A13459" s="2" t="s">
        <v>5117</v>
      </c>
      <c r="B13459" s="6">
        <v>224059.05</v>
      </c>
      <c r="C13459" s="7">
        <f t="shared" si="210"/>
        <v>224.05904999999998</v>
      </c>
    </row>
    <row r="13460" spans="1:3" x14ac:dyDescent="0.25">
      <c r="A13460" s="2" t="s">
        <v>5118</v>
      </c>
      <c r="B13460" s="6">
        <v>224075.69999999998</v>
      </c>
      <c r="C13460" s="7">
        <f t="shared" si="210"/>
        <v>224.07569999999998</v>
      </c>
    </row>
    <row r="13461" spans="1:3" x14ac:dyDescent="0.25">
      <c r="A13461" s="2" t="s">
        <v>5119</v>
      </c>
      <c r="B13461" s="6">
        <v>224092.34999999998</v>
      </c>
      <c r="C13461" s="7">
        <f t="shared" si="210"/>
        <v>224.09234999999998</v>
      </c>
    </row>
    <row r="13462" spans="1:3" x14ac:dyDescent="0.25">
      <c r="A13462" s="2" t="s">
        <v>5120</v>
      </c>
      <c r="B13462" s="6">
        <v>224108.99999999997</v>
      </c>
      <c r="C13462" s="7">
        <f t="shared" si="210"/>
        <v>224.10899999999998</v>
      </c>
    </row>
    <row r="13463" spans="1:3" x14ac:dyDescent="0.25">
      <c r="A13463" s="2" t="s">
        <v>5121</v>
      </c>
      <c r="B13463" s="6">
        <v>224125.65</v>
      </c>
      <c r="C13463" s="7">
        <f t="shared" si="210"/>
        <v>224.12565000000001</v>
      </c>
    </row>
    <row r="13464" spans="1:3" x14ac:dyDescent="0.25">
      <c r="A13464" s="2" t="s">
        <v>5122</v>
      </c>
      <c r="B13464" s="6">
        <v>224142.3</v>
      </c>
      <c r="C13464" s="7">
        <f t="shared" si="210"/>
        <v>224.14229999999998</v>
      </c>
    </row>
    <row r="13465" spans="1:3" x14ac:dyDescent="0.25">
      <c r="A13465" s="2" t="s">
        <v>5123</v>
      </c>
      <c r="B13465" s="6">
        <v>224158.94999999998</v>
      </c>
      <c r="C13465" s="7">
        <f t="shared" si="210"/>
        <v>224.15894999999998</v>
      </c>
    </row>
    <row r="13466" spans="1:3" x14ac:dyDescent="0.25">
      <c r="A13466" s="2" t="s">
        <v>5124</v>
      </c>
      <c r="B13466" s="6">
        <v>224175.59999999998</v>
      </c>
      <c r="C13466" s="7">
        <f t="shared" si="210"/>
        <v>224.17559999999997</v>
      </c>
    </row>
    <row r="13467" spans="1:3" x14ac:dyDescent="0.25">
      <c r="A13467" s="2" t="s">
        <v>5125</v>
      </c>
      <c r="B13467" s="6">
        <v>224192.24999999997</v>
      </c>
      <c r="C13467" s="7">
        <f t="shared" si="210"/>
        <v>224.19224999999997</v>
      </c>
    </row>
    <row r="13468" spans="1:3" x14ac:dyDescent="0.25">
      <c r="A13468" s="2" t="s">
        <v>5126</v>
      </c>
      <c r="B13468" s="6">
        <v>224208.9</v>
      </c>
      <c r="C13468" s="7">
        <f t="shared" si="210"/>
        <v>224.2089</v>
      </c>
    </row>
    <row r="13469" spans="1:3" x14ac:dyDescent="0.25">
      <c r="A13469" s="2" t="s">
        <v>5127</v>
      </c>
      <c r="B13469" s="6">
        <v>224225.55</v>
      </c>
      <c r="C13469" s="7">
        <f t="shared" si="210"/>
        <v>224.22555</v>
      </c>
    </row>
    <row r="13470" spans="1:3" x14ac:dyDescent="0.25">
      <c r="A13470" s="2" t="s">
        <v>5128</v>
      </c>
      <c r="B13470" s="6">
        <v>224242.19999999998</v>
      </c>
      <c r="C13470" s="7">
        <f t="shared" si="210"/>
        <v>224.24219999999997</v>
      </c>
    </row>
    <row r="13471" spans="1:3" x14ac:dyDescent="0.25">
      <c r="A13471" s="2" t="s">
        <v>5129</v>
      </c>
      <c r="B13471" s="6">
        <v>224258.84999999998</v>
      </c>
      <c r="C13471" s="7">
        <f t="shared" si="210"/>
        <v>224.25884999999997</v>
      </c>
    </row>
    <row r="13472" spans="1:3" x14ac:dyDescent="0.25">
      <c r="A13472" s="2" t="s">
        <v>5130</v>
      </c>
      <c r="B13472" s="6">
        <v>224275.49999999997</v>
      </c>
      <c r="C13472" s="7">
        <f t="shared" si="210"/>
        <v>224.27549999999997</v>
      </c>
    </row>
    <row r="13473" spans="1:3" x14ac:dyDescent="0.25">
      <c r="A13473" s="2" t="s">
        <v>5131</v>
      </c>
      <c r="B13473" s="6">
        <v>224292.15</v>
      </c>
      <c r="C13473" s="7">
        <f t="shared" si="210"/>
        <v>224.29214999999999</v>
      </c>
    </row>
    <row r="13474" spans="1:3" x14ac:dyDescent="0.25">
      <c r="A13474" s="2" t="s">
        <v>5132</v>
      </c>
      <c r="B13474" s="6">
        <v>224308.8</v>
      </c>
      <c r="C13474" s="7">
        <f t="shared" si="210"/>
        <v>224.30879999999999</v>
      </c>
    </row>
    <row r="13475" spans="1:3" x14ac:dyDescent="0.25">
      <c r="A13475" s="2" t="s">
        <v>5133</v>
      </c>
      <c r="B13475" s="6">
        <v>224325.44999999998</v>
      </c>
      <c r="C13475" s="7">
        <f t="shared" si="210"/>
        <v>224.32544999999999</v>
      </c>
    </row>
    <row r="13476" spans="1:3" x14ac:dyDescent="0.25">
      <c r="A13476" s="2" t="s">
        <v>5134</v>
      </c>
      <c r="B13476" s="6">
        <v>224342.09999999998</v>
      </c>
      <c r="C13476" s="7">
        <f t="shared" si="210"/>
        <v>224.34209999999999</v>
      </c>
    </row>
    <row r="13477" spans="1:3" x14ac:dyDescent="0.25">
      <c r="A13477" s="2" t="s">
        <v>5135</v>
      </c>
      <c r="B13477" s="6">
        <v>224358.74999999997</v>
      </c>
      <c r="C13477" s="7">
        <f t="shared" si="210"/>
        <v>224.35874999999996</v>
      </c>
    </row>
    <row r="13478" spans="1:3" x14ac:dyDescent="0.25">
      <c r="A13478" s="2" t="s">
        <v>5136</v>
      </c>
      <c r="B13478" s="6">
        <v>224375.4</v>
      </c>
      <c r="C13478" s="7">
        <f t="shared" si="210"/>
        <v>224.37539999999998</v>
      </c>
    </row>
    <row r="13479" spans="1:3" x14ac:dyDescent="0.25">
      <c r="A13479" s="2" t="s">
        <v>5137</v>
      </c>
      <c r="B13479" s="6">
        <v>224392.05</v>
      </c>
      <c r="C13479" s="7">
        <f t="shared" si="210"/>
        <v>224.39204999999998</v>
      </c>
    </row>
    <row r="13480" spans="1:3" x14ac:dyDescent="0.25">
      <c r="A13480" s="2" t="s">
        <v>5138</v>
      </c>
      <c r="B13480" s="6">
        <v>224408.69999999998</v>
      </c>
      <c r="C13480" s="7">
        <f t="shared" si="210"/>
        <v>224.40869999999998</v>
      </c>
    </row>
    <row r="13481" spans="1:3" x14ac:dyDescent="0.25">
      <c r="A13481" s="2" t="s">
        <v>5139</v>
      </c>
      <c r="B13481" s="6">
        <v>224425.34999999998</v>
      </c>
      <c r="C13481" s="7">
        <f t="shared" si="210"/>
        <v>224.42534999999998</v>
      </c>
    </row>
    <row r="13482" spans="1:3" x14ac:dyDescent="0.25">
      <c r="A13482" s="2" t="s">
        <v>5140</v>
      </c>
      <c r="B13482" s="6">
        <v>224441.99999999997</v>
      </c>
      <c r="C13482" s="7">
        <f t="shared" si="210"/>
        <v>224.44199999999998</v>
      </c>
    </row>
    <row r="13483" spans="1:3" x14ac:dyDescent="0.25">
      <c r="A13483" s="2" t="s">
        <v>5141</v>
      </c>
      <c r="B13483" s="6">
        <v>224458.65</v>
      </c>
      <c r="C13483" s="7">
        <f t="shared" si="210"/>
        <v>224.45865000000001</v>
      </c>
    </row>
    <row r="13484" spans="1:3" x14ac:dyDescent="0.25">
      <c r="A13484" s="2" t="s">
        <v>5142</v>
      </c>
      <c r="B13484" s="6">
        <v>224475.3</v>
      </c>
      <c r="C13484" s="7">
        <f t="shared" si="210"/>
        <v>224.47529999999998</v>
      </c>
    </row>
    <row r="13485" spans="1:3" x14ac:dyDescent="0.25">
      <c r="A13485" s="2" t="s">
        <v>5143</v>
      </c>
      <c r="B13485" s="6">
        <v>224491.94999999998</v>
      </c>
      <c r="C13485" s="7">
        <f t="shared" si="210"/>
        <v>224.49194999999997</v>
      </c>
    </row>
    <row r="13486" spans="1:3" x14ac:dyDescent="0.25">
      <c r="A13486" s="2" t="s">
        <v>5144</v>
      </c>
      <c r="B13486" s="6">
        <v>224508.59999999998</v>
      </c>
      <c r="C13486" s="7">
        <f t="shared" si="210"/>
        <v>224.50859999999997</v>
      </c>
    </row>
    <row r="13487" spans="1:3" x14ac:dyDescent="0.25">
      <c r="A13487" s="2" t="s">
        <v>5145</v>
      </c>
      <c r="B13487" s="6">
        <v>224525.24999999997</v>
      </c>
      <c r="C13487" s="7">
        <f t="shared" si="210"/>
        <v>224.52524999999997</v>
      </c>
    </row>
    <row r="13488" spans="1:3" x14ac:dyDescent="0.25">
      <c r="A13488" s="2" t="s">
        <v>5146</v>
      </c>
      <c r="B13488" s="6">
        <v>224541.9</v>
      </c>
      <c r="C13488" s="7">
        <f t="shared" si="210"/>
        <v>224.5419</v>
      </c>
    </row>
    <row r="13489" spans="1:3" x14ac:dyDescent="0.25">
      <c r="A13489" s="2" t="s">
        <v>5147</v>
      </c>
      <c r="B13489" s="6">
        <v>224558.55</v>
      </c>
      <c r="C13489" s="7">
        <f t="shared" si="210"/>
        <v>224.55855</v>
      </c>
    </row>
    <row r="13490" spans="1:3" x14ac:dyDescent="0.25">
      <c r="A13490" s="2" t="s">
        <v>5148</v>
      </c>
      <c r="B13490" s="6">
        <v>224575.19999999998</v>
      </c>
      <c r="C13490" s="7">
        <f t="shared" si="210"/>
        <v>224.5752</v>
      </c>
    </row>
    <row r="13491" spans="1:3" x14ac:dyDescent="0.25">
      <c r="A13491" s="2" t="s">
        <v>5149</v>
      </c>
      <c r="B13491" s="6">
        <v>224591.84999999998</v>
      </c>
      <c r="C13491" s="7">
        <f t="shared" si="210"/>
        <v>224.59184999999997</v>
      </c>
    </row>
    <row r="13492" spans="1:3" x14ac:dyDescent="0.25">
      <c r="A13492" s="2" t="s">
        <v>5150</v>
      </c>
      <c r="B13492" s="6">
        <v>224608.49999999997</v>
      </c>
      <c r="C13492" s="7">
        <f t="shared" si="210"/>
        <v>224.60849999999996</v>
      </c>
    </row>
    <row r="13493" spans="1:3" x14ac:dyDescent="0.25">
      <c r="A13493" s="2" t="s">
        <v>5151</v>
      </c>
      <c r="B13493" s="6">
        <v>224625.15</v>
      </c>
      <c r="C13493" s="7">
        <f t="shared" si="210"/>
        <v>224.62514999999999</v>
      </c>
    </row>
    <row r="13494" spans="1:3" x14ac:dyDescent="0.25">
      <c r="A13494" s="2" t="s">
        <v>5152</v>
      </c>
      <c r="B13494" s="6">
        <v>224641.8</v>
      </c>
      <c r="C13494" s="7">
        <f t="shared" si="210"/>
        <v>224.64179999999999</v>
      </c>
    </row>
    <row r="13495" spans="1:3" x14ac:dyDescent="0.25">
      <c r="A13495" s="2" t="s">
        <v>5153</v>
      </c>
      <c r="B13495" s="6">
        <v>224658.44999999998</v>
      </c>
      <c r="C13495" s="7">
        <f t="shared" si="210"/>
        <v>224.65844999999999</v>
      </c>
    </row>
    <row r="13496" spans="1:3" x14ac:dyDescent="0.25">
      <c r="A13496" s="2" t="s">
        <v>5154</v>
      </c>
      <c r="B13496" s="6">
        <v>224675.09999999998</v>
      </c>
      <c r="C13496" s="7">
        <f t="shared" si="210"/>
        <v>224.67509999999999</v>
      </c>
    </row>
    <row r="13497" spans="1:3" x14ac:dyDescent="0.25">
      <c r="A13497" s="2" t="s">
        <v>5155</v>
      </c>
      <c r="B13497" s="6">
        <v>224691.74999999997</v>
      </c>
      <c r="C13497" s="7">
        <f t="shared" si="210"/>
        <v>224.69174999999998</v>
      </c>
    </row>
    <row r="13498" spans="1:3" x14ac:dyDescent="0.25">
      <c r="A13498" s="2" t="s">
        <v>5156</v>
      </c>
      <c r="B13498" s="6">
        <v>224708.4</v>
      </c>
      <c r="C13498" s="7">
        <f t="shared" si="210"/>
        <v>224.70839999999998</v>
      </c>
    </row>
    <row r="13499" spans="1:3" x14ac:dyDescent="0.25">
      <c r="A13499" s="2" t="s">
        <v>5157</v>
      </c>
      <c r="B13499" s="6">
        <v>224725.05</v>
      </c>
      <c r="C13499" s="7">
        <f t="shared" si="210"/>
        <v>224.72504999999998</v>
      </c>
    </row>
    <row r="13500" spans="1:3" x14ac:dyDescent="0.25">
      <c r="A13500" s="2" t="s">
        <v>5158</v>
      </c>
      <c r="B13500" s="6">
        <v>224741.69999999998</v>
      </c>
      <c r="C13500" s="7">
        <f t="shared" si="210"/>
        <v>224.74169999999998</v>
      </c>
    </row>
    <row r="13501" spans="1:3" x14ac:dyDescent="0.25">
      <c r="A13501" s="2" t="s">
        <v>5159</v>
      </c>
      <c r="B13501" s="6">
        <v>224758.34999999998</v>
      </c>
      <c r="C13501" s="7">
        <f t="shared" si="210"/>
        <v>224.75834999999998</v>
      </c>
    </row>
    <row r="13502" spans="1:3" x14ac:dyDescent="0.25">
      <c r="A13502" s="2" t="s">
        <v>5160</v>
      </c>
      <c r="B13502" s="6">
        <v>224774.99999999997</v>
      </c>
      <c r="C13502" s="7">
        <f t="shared" si="210"/>
        <v>224.77499999999998</v>
      </c>
    </row>
    <row r="13503" spans="1:3" x14ac:dyDescent="0.25">
      <c r="A13503" s="2" t="s">
        <v>5161</v>
      </c>
      <c r="B13503" s="6">
        <v>224791.65</v>
      </c>
      <c r="C13503" s="7">
        <f t="shared" si="210"/>
        <v>224.79165</v>
      </c>
    </row>
    <row r="13504" spans="1:3" x14ac:dyDescent="0.25">
      <c r="A13504" s="2" t="s">
        <v>5162</v>
      </c>
      <c r="B13504" s="6">
        <v>224808.3</v>
      </c>
      <c r="C13504" s="7">
        <f t="shared" si="210"/>
        <v>224.80829999999997</v>
      </c>
    </row>
    <row r="13505" spans="1:3" x14ac:dyDescent="0.25">
      <c r="A13505" s="2" t="s">
        <v>5163</v>
      </c>
      <c r="B13505" s="6">
        <v>224824.94999999998</v>
      </c>
      <c r="C13505" s="7">
        <f t="shared" si="210"/>
        <v>224.82494999999997</v>
      </c>
    </row>
    <row r="13506" spans="1:3" x14ac:dyDescent="0.25">
      <c r="A13506" s="2" t="s">
        <v>5164</v>
      </c>
      <c r="B13506" s="6">
        <v>224841.59999999998</v>
      </c>
      <c r="C13506" s="7">
        <f t="shared" si="210"/>
        <v>224.84159999999997</v>
      </c>
    </row>
    <row r="13507" spans="1:3" x14ac:dyDescent="0.25">
      <c r="A13507" s="2" t="s">
        <v>5165</v>
      </c>
      <c r="B13507" s="6">
        <v>224858.24999999997</v>
      </c>
      <c r="C13507" s="7">
        <f t="shared" ref="C13507:C13570" si="211">B13507/1000</f>
        <v>224.85824999999997</v>
      </c>
    </row>
    <row r="13508" spans="1:3" x14ac:dyDescent="0.25">
      <c r="A13508" s="2" t="s">
        <v>5166</v>
      </c>
      <c r="B13508" s="6">
        <v>224874.9</v>
      </c>
      <c r="C13508" s="7">
        <f t="shared" si="211"/>
        <v>224.8749</v>
      </c>
    </row>
    <row r="13509" spans="1:3" x14ac:dyDescent="0.25">
      <c r="A13509" s="2" t="s">
        <v>5167</v>
      </c>
      <c r="B13509" s="6">
        <v>224891.55</v>
      </c>
      <c r="C13509" s="7">
        <f t="shared" si="211"/>
        <v>224.89155</v>
      </c>
    </row>
    <row r="13510" spans="1:3" x14ac:dyDescent="0.25">
      <c r="A13510" s="2" t="s">
        <v>5168</v>
      </c>
      <c r="B13510" s="6">
        <v>224908.19999999998</v>
      </c>
      <c r="C13510" s="7">
        <f t="shared" si="211"/>
        <v>224.90819999999999</v>
      </c>
    </row>
    <row r="13511" spans="1:3" x14ac:dyDescent="0.25">
      <c r="A13511" s="2" t="s">
        <v>5169</v>
      </c>
      <c r="B13511" s="6">
        <v>224924.84999999998</v>
      </c>
      <c r="C13511" s="7">
        <f t="shared" si="211"/>
        <v>224.92484999999996</v>
      </c>
    </row>
    <row r="13512" spans="1:3" x14ac:dyDescent="0.25">
      <c r="A13512" s="2" t="s">
        <v>5170</v>
      </c>
      <c r="B13512" s="6">
        <v>224941.49999999997</v>
      </c>
      <c r="C13512" s="7">
        <f t="shared" si="211"/>
        <v>224.94149999999996</v>
      </c>
    </row>
    <row r="13513" spans="1:3" x14ac:dyDescent="0.25">
      <c r="A13513" s="2" t="s">
        <v>5171</v>
      </c>
      <c r="B13513" s="6">
        <v>224958.15</v>
      </c>
      <c r="C13513" s="7">
        <f t="shared" si="211"/>
        <v>224.95814999999999</v>
      </c>
    </row>
    <row r="13514" spans="1:3" x14ac:dyDescent="0.25">
      <c r="A13514" s="2" t="s">
        <v>5172</v>
      </c>
      <c r="B13514" s="6">
        <v>224974.8</v>
      </c>
      <c r="C13514" s="7">
        <f t="shared" si="211"/>
        <v>224.97479999999999</v>
      </c>
    </row>
    <row r="13515" spans="1:3" x14ac:dyDescent="0.25">
      <c r="A13515" s="2" t="s">
        <v>5173</v>
      </c>
      <c r="B13515" s="6">
        <v>224991.44999999998</v>
      </c>
      <c r="C13515" s="7">
        <f t="shared" si="211"/>
        <v>224.99144999999999</v>
      </c>
    </row>
    <row r="13516" spans="1:3" x14ac:dyDescent="0.25">
      <c r="A13516" s="2" t="s">
        <v>5174</v>
      </c>
      <c r="B13516" s="6">
        <v>225008.09999999998</v>
      </c>
      <c r="C13516" s="7">
        <f t="shared" si="211"/>
        <v>225.00809999999998</v>
      </c>
    </row>
    <row r="13517" spans="1:3" x14ac:dyDescent="0.25">
      <c r="A13517" s="2" t="s">
        <v>5175</v>
      </c>
      <c r="B13517" s="6">
        <v>225024.74999999997</v>
      </c>
      <c r="C13517" s="7">
        <f t="shared" si="211"/>
        <v>225.02474999999998</v>
      </c>
    </row>
    <row r="13518" spans="1:3" x14ac:dyDescent="0.25">
      <c r="A13518" s="2" t="s">
        <v>5176</v>
      </c>
      <c r="B13518" s="6">
        <v>225041.4</v>
      </c>
      <c r="C13518" s="7">
        <f t="shared" si="211"/>
        <v>225.04139999999998</v>
      </c>
    </row>
    <row r="13519" spans="1:3" x14ac:dyDescent="0.25">
      <c r="A13519" s="2" t="s">
        <v>5177</v>
      </c>
      <c r="B13519" s="6">
        <v>225058.05</v>
      </c>
      <c r="C13519" s="7">
        <f t="shared" si="211"/>
        <v>225.05804999999998</v>
      </c>
    </row>
    <row r="13520" spans="1:3" x14ac:dyDescent="0.25">
      <c r="A13520" s="2" t="s">
        <v>5178</v>
      </c>
      <c r="B13520" s="6">
        <v>225074.69999999998</v>
      </c>
      <c r="C13520" s="7">
        <f t="shared" si="211"/>
        <v>225.07469999999998</v>
      </c>
    </row>
    <row r="13521" spans="1:3" x14ac:dyDescent="0.25">
      <c r="A13521" s="2" t="s">
        <v>5179</v>
      </c>
      <c r="B13521" s="6">
        <v>225091.34999999998</v>
      </c>
      <c r="C13521" s="7">
        <f t="shared" si="211"/>
        <v>225.09134999999998</v>
      </c>
    </row>
    <row r="13522" spans="1:3" x14ac:dyDescent="0.25">
      <c r="A13522" s="2" t="s">
        <v>5180</v>
      </c>
      <c r="B13522" s="6">
        <v>225107.99999999997</v>
      </c>
      <c r="C13522" s="7">
        <f t="shared" si="211"/>
        <v>225.10799999999998</v>
      </c>
    </row>
    <row r="13523" spans="1:3" x14ac:dyDescent="0.25">
      <c r="A13523" s="2" t="s">
        <v>5181</v>
      </c>
      <c r="B13523" s="6">
        <v>225124.65</v>
      </c>
      <c r="C13523" s="7">
        <f t="shared" si="211"/>
        <v>225.12465</v>
      </c>
    </row>
    <row r="13524" spans="1:3" x14ac:dyDescent="0.25">
      <c r="A13524" s="2" t="s">
        <v>5182</v>
      </c>
      <c r="B13524" s="6">
        <v>225141.3</v>
      </c>
      <c r="C13524" s="7">
        <f t="shared" si="211"/>
        <v>225.1413</v>
      </c>
    </row>
    <row r="13525" spans="1:3" x14ac:dyDescent="0.25">
      <c r="A13525" s="2" t="s">
        <v>5183</v>
      </c>
      <c r="B13525" s="6">
        <v>225157.94999999998</v>
      </c>
      <c r="C13525" s="7">
        <f t="shared" si="211"/>
        <v>225.15794999999997</v>
      </c>
    </row>
    <row r="13526" spans="1:3" x14ac:dyDescent="0.25">
      <c r="A13526" s="2" t="s">
        <v>5184</v>
      </c>
      <c r="B13526" s="6">
        <v>225174.59999999998</v>
      </c>
      <c r="C13526" s="7">
        <f t="shared" si="211"/>
        <v>225.17459999999997</v>
      </c>
    </row>
    <row r="13527" spans="1:3" x14ac:dyDescent="0.25">
      <c r="A13527" s="2" t="s">
        <v>5185</v>
      </c>
      <c r="B13527" s="6">
        <v>225191.24999999997</v>
      </c>
      <c r="C13527" s="7">
        <f t="shared" si="211"/>
        <v>225.19124999999997</v>
      </c>
    </row>
    <row r="13528" spans="1:3" x14ac:dyDescent="0.25">
      <c r="A13528" s="2" t="s">
        <v>5186</v>
      </c>
      <c r="B13528" s="6">
        <v>225207.9</v>
      </c>
      <c r="C13528" s="7">
        <f t="shared" si="211"/>
        <v>225.2079</v>
      </c>
    </row>
    <row r="13529" spans="1:3" x14ac:dyDescent="0.25">
      <c r="A13529" s="2" t="s">
        <v>5187</v>
      </c>
      <c r="B13529" s="6">
        <v>225224.55</v>
      </c>
      <c r="C13529" s="7">
        <f t="shared" si="211"/>
        <v>225.22454999999999</v>
      </c>
    </row>
    <row r="13530" spans="1:3" x14ac:dyDescent="0.25">
      <c r="A13530" s="2" t="s">
        <v>5188</v>
      </c>
      <c r="B13530" s="6">
        <v>225241.19999999998</v>
      </c>
      <c r="C13530" s="7">
        <f t="shared" si="211"/>
        <v>225.24119999999999</v>
      </c>
    </row>
    <row r="13531" spans="1:3" x14ac:dyDescent="0.25">
      <c r="A13531" s="2" t="s">
        <v>5189</v>
      </c>
      <c r="B13531" s="6">
        <v>225257.84999999998</v>
      </c>
      <c r="C13531" s="7">
        <f t="shared" si="211"/>
        <v>225.25784999999999</v>
      </c>
    </row>
    <row r="13532" spans="1:3" x14ac:dyDescent="0.25">
      <c r="A13532" s="2" t="s">
        <v>5190</v>
      </c>
      <c r="B13532" s="6">
        <v>225274.49999999997</v>
      </c>
      <c r="C13532" s="7">
        <f t="shared" si="211"/>
        <v>225.27449999999996</v>
      </c>
    </row>
    <row r="13533" spans="1:3" x14ac:dyDescent="0.25">
      <c r="A13533" s="2" t="s">
        <v>5191</v>
      </c>
      <c r="B13533" s="6">
        <v>225291.15</v>
      </c>
      <c r="C13533" s="7">
        <f t="shared" si="211"/>
        <v>225.29114999999999</v>
      </c>
    </row>
    <row r="13534" spans="1:3" x14ac:dyDescent="0.25">
      <c r="A13534" s="2" t="s">
        <v>5192</v>
      </c>
      <c r="B13534" s="6">
        <v>225307.8</v>
      </c>
      <c r="C13534" s="7">
        <f t="shared" si="211"/>
        <v>225.30779999999999</v>
      </c>
    </row>
    <row r="13535" spans="1:3" x14ac:dyDescent="0.25">
      <c r="A13535" s="2" t="s">
        <v>5193</v>
      </c>
      <c r="B13535" s="6">
        <v>225324.44999999998</v>
      </c>
      <c r="C13535" s="7">
        <f t="shared" si="211"/>
        <v>225.32444999999998</v>
      </c>
    </row>
    <row r="13536" spans="1:3" x14ac:dyDescent="0.25">
      <c r="A13536" s="2" t="s">
        <v>5194</v>
      </c>
      <c r="B13536" s="6">
        <v>225341.09999999998</v>
      </c>
      <c r="C13536" s="7">
        <f t="shared" si="211"/>
        <v>225.34109999999998</v>
      </c>
    </row>
    <row r="13537" spans="1:3" x14ac:dyDescent="0.25">
      <c r="A13537" s="2" t="s">
        <v>5195</v>
      </c>
      <c r="B13537" s="6">
        <v>225357.74999999997</v>
      </c>
      <c r="C13537" s="7">
        <f t="shared" si="211"/>
        <v>225.35774999999998</v>
      </c>
    </row>
    <row r="13538" spans="1:3" x14ac:dyDescent="0.25">
      <c r="A13538" s="2" t="s">
        <v>5196</v>
      </c>
      <c r="B13538" s="6">
        <v>225374.4</v>
      </c>
      <c r="C13538" s="7">
        <f t="shared" si="211"/>
        <v>225.37439999999998</v>
      </c>
    </row>
    <row r="13539" spans="1:3" x14ac:dyDescent="0.25">
      <c r="A13539" s="2" t="s">
        <v>5197</v>
      </c>
      <c r="B13539" s="6">
        <v>225391.05</v>
      </c>
      <c r="C13539" s="7">
        <f t="shared" si="211"/>
        <v>225.39104999999998</v>
      </c>
    </row>
    <row r="13540" spans="1:3" x14ac:dyDescent="0.25">
      <c r="A13540" s="2" t="s">
        <v>5198</v>
      </c>
      <c r="B13540" s="6">
        <v>225407.69999999998</v>
      </c>
      <c r="C13540" s="7">
        <f t="shared" si="211"/>
        <v>225.40769999999998</v>
      </c>
    </row>
    <row r="13541" spans="1:3" x14ac:dyDescent="0.25">
      <c r="A13541" s="2" t="s">
        <v>5199</v>
      </c>
      <c r="B13541" s="6">
        <v>225424.34999999998</v>
      </c>
      <c r="C13541" s="7">
        <f t="shared" si="211"/>
        <v>225.42434999999998</v>
      </c>
    </row>
    <row r="13542" spans="1:3" x14ac:dyDescent="0.25">
      <c r="A13542" s="2" t="s">
        <v>5200</v>
      </c>
      <c r="B13542" s="6">
        <v>225440.99999999997</v>
      </c>
      <c r="C13542" s="7">
        <f t="shared" si="211"/>
        <v>225.44099999999997</v>
      </c>
    </row>
    <row r="13543" spans="1:3" x14ac:dyDescent="0.25">
      <c r="A13543" s="2" t="s">
        <v>5201</v>
      </c>
      <c r="B13543" s="6">
        <v>225457.65</v>
      </c>
      <c r="C13543" s="7">
        <f t="shared" si="211"/>
        <v>225.45765</v>
      </c>
    </row>
    <row r="13544" spans="1:3" x14ac:dyDescent="0.25">
      <c r="A13544" s="2" t="s">
        <v>5202</v>
      </c>
      <c r="B13544" s="6">
        <v>225474.3</v>
      </c>
      <c r="C13544" s="7">
        <f t="shared" si="211"/>
        <v>225.4743</v>
      </c>
    </row>
    <row r="13545" spans="1:3" x14ac:dyDescent="0.25">
      <c r="A13545" s="2" t="s">
        <v>5203</v>
      </c>
      <c r="B13545" s="6">
        <v>225490.94999999998</v>
      </c>
      <c r="C13545" s="7">
        <f t="shared" si="211"/>
        <v>225.49094999999997</v>
      </c>
    </row>
    <row r="13546" spans="1:3" x14ac:dyDescent="0.25">
      <c r="A13546" s="2" t="s">
        <v>5204</v>
      </c>
      <c r="B13546" s="6">
        <v>225507.59999999998</v>
      </c>
      <c r="C13546" s="7">
        <f t="shared" si="211"/>
        <v>225.50759999999997</v>
      </c>
    </row>
    <row r="13547" spans="1:3" x14ac:dyDescent="0.25">
      <c r="A13547" s="2" t="s">
        <v>5205</v>
      </c>
      <c r="B13547" s="6">
        <v>225524.24999999997</v>
      </c>
      <c r="C13547" s="7">
        <f t="shared" si="211"/>
        <v>225.52424999999997</v>
      </c>
    </row>
    <row r="13548" spans="1:3" x14ac:dyDescent="0.25">
      <c r="A13548" s="2" t="s">
        <v>5206</v>
      </c>
      <c r="B13548" s="6">
        <v>225540.9</v>
      </c>
      <c r="C13548" s="7">
        <f t="shared" si="211"/>
        <v>225.54089999999999</v>
      </c>
    </row>
    <row r="13549" spans="1:3" x14ac:dyDescent="0.25">
      <c r="A13549" s="2" t="s">
        <v>5207</v>
      </c>
      <c r="B13549" s="6">
        <v>225557.55</v>
      </c>
      <c r="C13549" s="7">
        <f t="shared" si="211"/>
        <v>225.55754999999999</v>
      </c>
    </row>
    <row r="13550" spans="1:3" x14ac:dyDescent="0.25">
      <c r="A13550" s="2" t="s">
        <v>5208</v>
      </c>
      <c r="B13550" s="6">
        <v>225574.19999999998</v>
      </c>
      <c r="C13550" s="7">
        <f t="shared" si="211"/>
        <v>225.57419999999999</v>
      </c>
    </row>
    <row r="13551" spans="1:3" x14ac:dyDescent="0.25">
      <c r="A13551" s="2" t="s">
        <v>5209</v>
      </c>
      <c r="B13551" s="6">
        <v>225590.84999999998</v>
      </c>
      <c r="C13551" s="7">
        <f t="shared" si="211"/>
        <v>225.59084999999999</v>
      </c>
    </row>
    <row r="13552" spans="1:3" x14ac:dyDescent="0.25">
      <c r="A13552" s="2" t="s">
        <v>5210</v>
      </c>
      <c r="B13552" s="6">
        <v>225607.49999999997</v>
      </c>
      <c r="C13552" s="7">
        <f t="shared" si="211"/>
        <v>225.60749999999996</v>
      </c>
    </row>
    <row r="13553" spans="1:3" x14ac:dyDescent="0.25">
      <c r="A13553" s="2" t="s">
        <v>5211</v>
      </c>
      <c r="B13553" s="6">
        <v>225624.15</v>
      </c>
      <c r="C13553" s="7">
        <f t="shared" si="211"/>
        <v>225.62414999999999</v>
      </c>
    </row>
    <row r="13554" spans="1:3" x14ac:dyDescent="0.25">
      <c r="A13554" s="2" t="s">
        <v>5212</v>
      </c>
      <c r="B13554" s="6">
        <v>225640.8</v>
      </c>
      <c r="C13554" s="7">
        <f t="shared" si="211"/>
        <v>225.64079999999998</v>
      </c>
    </row>
    <row r="13555" spans="1:3" x14ac:dyDescent="0.25">
      <c r="A13555" s="2" t="s">
        <v>5213</v>
      </c>
      <c r="B13555" s="6">
        <v>225657.44999999998</v>
      </c>
      <c r="C13555" s="7">
        <f t="shared" si="211"/>
        <v>225.65744999999998</v>
      </c>
    </row>
    <row r="13556" spans="1:3" x14ac:dyDescent="0.25">
      <c r="A13556" s="2" t="s">
        <v>5214</v>
      </c>
      <c r="B13556" s="6">
        <v>225674.09999999998</v>
      </c>
      <c r="C13556" s="7">
        <f t="shared" si="211"/>
        <v>225.67409999999998</v>
      </c>
    </row>
    <row r="13557" spans="1:3" x14ac:dyDescent="0.25">
      <c r="A13557" s="2" t="s">
        <v>5215</v>
      </c>
      <c r="B13557" s="6">
        <v>225690.74999999997</v>
      </c>
      <c r="C13557" s="7">
        <f t="shared" si="211"/>
        <v>225.69074999999998</v>
      </c>
    </row>
    <row r="13558" spans="1:3" x14ac:dyDescent="0.25">
      <c r="A13558" s="2" t="s">
        <v>5216</v>
      </c>
      <c r="B13558" s="6">
        <v>225707.4</v>
      </c>
      <c r="C13558" s="7">
        <f t="shared" si="211"/>
        <v>225.70740000000001</v>
      </c>
    </row>
    <row r="13559" spans="1:3" x14ac:dyDescent="0.25">
      <c r="A13559" s="2" t="s">
        <v>5217</v>
      </c>
      <c r="B13559" s="6">
        <v>225724.05</v>
      </c>
      <c r="C13559" s="7">
        <f t="shared" si="211"/>
        <v>225.72404999999998</v>
      </c>
    </row>
    <row r="13560" spans="1:3" x14ac:dyDescent="0.25">
      <c r="A13560" s="2" t="s">
        <v>5218</v>
      </c>
      <c r="B13560" s="6">
        <v>225740.69999999998</v>
      </c>
      <c r="C13560" s="7">
        <f t="shared" si="211"/>
        <v>225.74069999999998</v>
      </c>
    </row>
    <row r="13561" spans="1:3" x14ac:dyDescent="0.25">
      <c r="A13561" s="2" t="s">
        <v>5219</v>
      </c>
      <c r="B13561" s="6">
        <v>225757.34999999998</v>
      </c>
      <c r="C13561" s="7">
        <f t="shared" si="211"/>
        <v>225.75734999999997</v>
      </c>
    </row>
    <row r="13562" spans="1:3" x14ac:dyDescent="0.25">
      <c r="A13562" s="2" t="s">
        <v>5220</v>
      </c>
      <c r="B13562" s="6">
        <v>225773.99999999997</v>
      </c>
      <c r="C13562" s="7">
        <f t="shared" si="211"/>
        <v>225.77399999999997</v>
      </c>
    </row>
    <row r="13563" spans="1:3" x14ac:dyDescent="0.25">
      <c r="A13563" s="2" t="s">
        <v>5221</v>
      </c>
      <c r="B13563" s="6">
        <v>225790.65</v>
      </c>
      <c r="C13563" s="7">
        <f t="shared" si="211"/>
        <v>225.79065</v>
      </c>
    </row>
    <row r="13564" spans="1:3" x14ac:dyDescent="0.25">
      <c r="A13564" s="2" t="s">
        <v>5222</v>
      </c>
      <c r="B13564" s="6">
        <v>225807.3</v>
      </c>
      <c r="C13564" s="7">
        <f t="shared" si="211"/>
        <v>225.8073</v>
      </c>
    </row>
    <row r="13565" spans="1:3" x14ac:dyDescent="0.25">
      <c r="A13565" s="2" t="s">
        <v>5223</v>
      </c>
      <c r="B13565" s="6">
        <v>225823.94999999998</v>
      </c>
      <c r="C13565" s="7">
        <f t="shared" si="211"/>
        <v>225.82395</v>
      </c>
    </row>
    <row r="13566" spans="1:3" x14ac:dyDescent="0.25">
      <c r="A13566" s="2" t="s">
        <v>5224</v>
      </c>
      <c r="B13566" s="6">
        <v>225840.59999999998</v>
      </c>
      <c r="C13566" s="7">
        <f t="shared" si="211"/>
        <v>225.84059999999997</v>
      </c>
    </row>
    <row r="13567" spans="1:3" x14ac:dyDescent="0.25">
      <c r="A13567" s="2" t="s">
        <v>5225</v>
      </c>
      <c r="B13567" s="6">
        <v>225857.24999999997</v>
      </c>
      <c r="C13567" s="7">
        <f t="shared" si="211"/>
        <v>225.85724999999996</v>
      </c>
    </row>
    <row r="13568" spans="1:3" x14ac:dyDescent="0.25">
      <c r="A13568" s="2" t="s">
        <v>5226</v>
      </c>
      <c r="B13568" s="6">
        <v>225873.9</v>
      </c>
      <c r="C13568" s="7">
        <f t="shared" si="211"/>
        <v>225.87389999999999</v>
      </c>
    </row>
    <row r="13569" spans="1:3" x14ac:dyDescent="0.25">
      <c r="A13569" s="2" t="s">
        <v>5227</v>
      </c>
      <c r="B13569" s="6">
        <v>225890.55</v>
      </c>
      <c r="C13569" s="7">
        <f t="shared" si="211"/>
        <v>225.89054999999999</v>
      </c>
    </row>
    <row r="13570" spans="1:3" x14ac:dyDescent="0.25">
      <c r="A13570" s="2" t="s">
        <v>5228</v>
      </c>
      <c r="B13570" s="6">
        <v>225907.19999999998</v>
      </c>
      <c r="C13570" s="7">
        <f t="shared" si="211"/>
        <v>225.90719999999999</v>
      </c>
    </row>
    <row r="13571" spans="1:3" x14ac:dyDescent="0.25">
      <c r="A13571" s="2" t="s">
        <v>5229</v>
      </c>
      <c r="B13571" s="6">
        <v>225923.84999999998</v>
      </c>
      <c r="C13571" s="7">
        <f t="shared" ref="C13571:C13634" si="212">B13571/1000</f>
        <v>225.92384999999999</v>
      </c>
    </row>
    <row r="13572" spans="1:3" x14ac:dyDescent="0.25">
      <c r="A13572" s="2" t="s">
        <v>5230</v>
      </c>
      <c r="B13572" s="6">
        <v>225940.49999999997</v>
      </c>
      <c r="C13572" s="7">
        <f t="shared" si="212"/>
        <v>225.94049999999996</v>
      </c>
    </row>
    <row r="13573" spans="1:3" x14ac:dyDescent="0.25">
      <c r="A13573" s="2" t="s">
        <v>5231</v>
      </c>
      <c r="B13573" s="6">
        <v>225957.15</v>
      </c>
      <c r="C13573" s="7">
        <f t="shared" si="212"/>
        <v>225.95714999999998</v>
      </c>
    </row>
    <row r="13574" spans="1:3" x14ac:dyDescent="0.25">
      <c r="A13574" s="2" t="s">
        <v>5232</v>
      </c>
      <c r="B13574" s="6">
        <v>225973.8</v>
      </c>
      <c r="C13574" s="7">
        <f t="shared" si="212"/>
        <v>225.97379999999998</v>
      </c>
    </row>
    <row r="13575" spans="1:3" x14ac:dyDescent="0.25">
      <c r="A13575" s="2" t="s">
        <v>5233</v>
      </c>
      <c r="B13575" s="6">
        <v>225990.44999999998</v>
      </c>
      <c r="C13575" s="7">
        <f t="shared" si="212"/>
        <v>225.99044999999998</v>
      </c>
    </row>
    <row r="13576" spans="1:3" x14ac:dyDescent="0.25">
      <c r="A13576" s="2" t="s">
        <v>5234</v>
      </c>
      <c r="B13576" s="6">
        <v>226007.09999999998</v>
      </c>
      <c r="C13576" s="7">
        <f t="shared" si="212"/>
        <v>226.00709999999998</v>
      </c>
    </row>
    <row r="13577" spans="1:3" x14ac:dyDescent="0.25">
      <c r="A13577" s="2" t="s">
        <v>5235</v>
      </c>
      <c r="B13577" s="6">
        <v>226023.74999999997</v>
      </c>
      <c r="C13577" s="7">
        <f t="shared" si="212"/>
        <v>226.02374999999998</v>
      </c>
    </row>
    <row r="13578" spans="1:3" x14ac:dyDescent="0.25">
      <c r="A13578" s="2" t="s">
        <v>5236</v>
      </c>
      <c r="B13578" s="6">
        <v>226040.4</v>
      </c>
      <c r="C13578" s="7">
        <f t="shared" si="212"/>
        <v>226.04040000000001</v>
      </c>
    </row>
    <row r="13579" spans="1:3" x14ac:dyDescent="0.25">
      <c r="A13579" s="2" t="s">
        <v>5237</v>
      </c>
      <c r="B13579" s="6">
        <v>226057.05</v>
      </c>
      <c r="C13579" s="7">
        <f t="shared" si="212"/>
        <v>226.05704999999998</v>
      </c>
    </row>
    <row r="13580" spans="1:3" x14ac:dyDescent="0.25">
      <c r="A13580" s="2" t="s">
        <v>5238</v>
      </c>
      <c r="B13580" s="6">
        <v>226073.69999999998</v>
      </c>
      <c r="C13580" s="7">
        <f t="shared" si="212"/>
        <v>226.07369999999997</v>
      </c>
    </row>
    <row r="13581" spans="1:3" x14ac:dyDescent="0.25">
      <c r="A13581" s="2" t="s">
        <v>5239</v>
      </c>
      <c r="B13581" s="6">
        <v>226090.34999999998</v>
      </c>
      <c r="C13581" s="7">
        <f t="shared" si="212"/>
        <v>226.09034999999997</v>
      </c>
    </row>
    <row r="13582" spans="1:3" x14ac:dyDescent="0.25">
      <c r="A13582" s="2" t="s">
        <v>5240</v>
      </c>
      <c r="B13582" s="6">
        <v>226106.99999999997</v>
      </c>
      <c r="C13582" s="7">
        <f t="shared" si="212"/>
        <v>226.10699999999997</v>
      </c>
    </row>
    <row r="13583" spans="1:3" x14ac:dyDescent="0.25">
      <c r="A13583" s="2" t="s">
        <v>5241</v>
      </c>
      <c r="B13583" s="6">
        <v>226123.65</v>
      </c>
      <c r="C13583" s="7">
        <f t="shared" si="212"/>
        <v>226.12365</v>
      </c>
    </row>
    <row r="13584" spans="1:3" x14ac:dyDescent="0.25">
      <c r="A13584" s="2" t="s">
        <v>5242</v>
      </c>
      <c r="B13584" s="6">
        <v>226140.3</v>
      </c>
      <c r="C13584" s="7">
        <f t="shared" si="212"/>
        <v>226.1403</v>
      </c>
    </row>
    <row r="13585" spans="1:3" x14ac:dyDescent="0.25">
      <c r="A13585" s="2" t="s">
        <v>5243</v>
      </c>
      <c r="B13585" s="6">
        <v>226156.94999999998</v>
      </c>
      <c r="C13585" s="7">
        <f t="shared" si="212"/>
        <v>226.15694999999999</v>
      </c>
    </row>
    <row r="13586" spans="1:3" x14ac:dyDescent="0.25">
      <c r="A13586" s="2" t="s">
        <v>5244</v>
      </c>
      <c r="B13586" s="6">
        <v>226173.59999999998</v>
      </c>
      <c r="C13586" s="7">
        <f t="shared" si="212"/>
        <v>226.17359999999996</v>
      </c>
    </row>
    <row r="13587" spans="1:3" x14ac:dyDescent="0.25">
      <c r="A13587" s="2" t="s">
        <v>5245</v>
      </c>
      <c r="B13587" s="6">
        <v>226190.24999999997</v>
      </c>
      <c r="C13587" s="7">
        <f t="shared" si="212"/>
        <v>226.19024999999996</v>
      </c>
    </row>
    <row r="13588" spans="1:3" x14ac:dyDescent="0.25">
      <c r="A13588" s="2" t="s">
        <v>5246</v>
      </c>
      <c r="B13588" s="6">
        <v>226206.9</v>
      </c>
      <c r="C13588" s="7">
        <f t="shared" si="212"/>
        <v>226.20689999999999</v>
      </c>
    </row>
    <row r="13589" spans="1:3" x14ac:dyDescent="0.25">
      <c r="A13589" s="2" t="s">
        <v>5247</v>
      </c>
      <c r="B13589" s="6">
        <v>226223.55</v>
      </c>
      <c r="C13589" s="7">
        <f t="shared" si="212"/>
        <v>226.22354999999999</v>
      </c>
    </row>
    <row r="13590" spans="1:3" x14ac:dyDescent="0.25">
      <c r="A13590" s="2" t="s">
        <v>5248</v>
      </c>
      <c r="B13590" s="6">
        <v>226240.19999999998</v>
      </c>
      <c r="C13590" s="7">
        <f t="shared" si="212"/>
        <v>226.24019999999999</v>
      </c>
    </row>
    <row r="13591" spans="1:3" x14ac:dyDescent="0.25">
      <c r="A13591" s="2" t="s">
        <v>5249</v>
      </c>
      <c r="B13591" s="6">
        <v>226256.84999999998</v>
      </c>
      <c r="C13591" s="7">
        <f t="shared" si="212"/>
        <v>226.25684999999999</v>
      </c>
    </row>
    <row r="13592" spans="1:3" x14ac:dyDescent="0.25">
      <c r="A13592" s="2" t="s">
        <v>5250</v>
      </c>
      <c r="B13592" s="6">
        <v>226273.49999999997</v>
      </c>
      <c r="C13592" s="7">
        <f t="shared" si="212"/>
        <v>226.27349999999998</v>
      </c>
    </row>
    <row r="13593" spans="1:3" x14ac:dyDescent="0.25">
      <c r="A13593" s="2" t="s">
        <v>5251</v>
      </c>
      <c r="B13593" s="6">
        <v>226290.15</v>
      </c>
      <c r="C13593" s="7">
        <f t="shared" si="212"/>
        <v>226.29014999999998</v>
      </c>
    </row>
    <row r="13594" spans="1:3" x14ac:dyDescent="0.25">
      <c r="A13594" s="2" t="s">
        <v>5252</v>
      </c>
      <c r="B13594" s="6">
        <v>226306.8</v>
      </c>
      <c r="C13594" s="7">
        <f t="shared" si="212"/>
        <v>226.30679999999998</v>
      </c>
    </row>
    <row r="13595" spans="1:3" x14ac:dyDescent="0.25">
      <c r="A13595" s="2" t="s">
        <v>5253</v>
      </c>
      <c r="B13595" s="6">
        <v>226323.44999999998</v>
      </c>
      <c r="C13595" s="7">
        <f t="shared" si="212"/>
        <v>226.32344999999998</v>
      </c>
    </row>
    <row r="13596" spans="1:3" x14ac:dyDescent="0.25">
      <c r="A13596" s="2" t="s">
        <v>5254</v>
      </c>
      <c r="B13596" s="6">
        <v>226340.09999999998</v>
      </c>
      <c r="C13596" s="7">
        <f t="shared" si="212"/>
        <v>226.34009999999998</v>
      </c>
    </row>
    <row r="13597" spans="1:3" x14ac:dyDescent="0.25">
      <c r="A13597" s="2" t="s">
        <v>5255</v>
      </c>
      <c r="B13597" s="6">
        <v>226356.74999999997</v>
      </c>
      <c r="C13597" s="7">
        <f t="shared" si="212"/>
        <v>226.35674999999998</v>
      </c>
    </row>
    <row r="13598" spans="1:3" x14ac:dyDescent="0.25">
      <c r="A13598" s="2" t="s">
        <v>5256</v>
      </c>
      <c r="B13598" s="6">
        <v>226373.4</v>
      </c>
      <c r="C13598" s="7">
        <f t="shared" si="212"/>
        <v>226.3734</v>
      </c>
    </row>
    <row r="13599" spans="1:3" x14ac:dyDescent="0.25">
      <c r="A13599" s="2" t="s">
        <v>5257</v>
      </c>
      <c r="B13599" s="6">
        <v>226390.05</v>
      </c>
      <c r="C13599" s="7">
        <f t="shared" si="212"/>
        <v>226.39005</v>
      </c>
    </row>
    <row r="13600" spans="1:3" x14ac:dyDescent="0.25">
      <c r="A13600" s="2" t="s">
        <v>5258</v>
      </c>
      <c r="B13600" s="6">
        <v>226406.69999999998</v>
      </c>
      <c r="C13600" s="7">
        <f t="shared" si="212"/>
        <v>226.40669999999997</v>
      </c>
    </row>
    <row r="13601" spans="1:3" x14ac:dyDescent="0.25">
      <c r="A13601" s="2" t="s">
        <v>5259</v>
      </c>
      <c r="B13601" s="6">
        <v>226423.34999999998</v>
      </c>
      <c r="C13601" s="7">
        <f t="shared" si="212"/>
        <v>226.42334999999997</v>
      </c>
    </row>
    <row r="13602" spans="1:3" x14ac:dyDescent="0.25">
      <c r="A13602" s="2" t="s">
        <v>5260</v>
      </c>
      <c r="B13602" s="6">
        <v>226439.99999999997</v>
      </c>
      <c r="C13602" s="7">
        <f t="shared" si="212"/>
        <v>226.43999999999997</v>
      </c>
    </row>
    <row r="13603" spans="1:3" x14ac:dyDescent="0.25">
      <c r="A13603" s="2" t="s">
        <v>5261</v>
      </c>
      <c r="B13603" s="6">
        <v>226456.65</v>
      </c>
      <c r="C13603" s="7">
        <f t="shared" si="212"/>
        <v>226.45665</v>
      </c>
    </row>
    <row r="13604" spans="1:3" x14ac:dyDescent="0.25">
      <c r="A13604" s="2" t="s">
        <v>5262</v>
      </c>
      <c r="B13604" s="6">
        <v>226473.3</v>
      </c>
      <c r="C13604" s="7">
        <f t="shared" si="212"/>
        <v>226.47329999999999</v>
      </c>
    </row>
    <row r="13605" spans="1:3" x14ac:dyDescent="0.25">
      <c r="A13605" s="2" t="s">
        <v>5263</v>
      </c>
      <c r="B13605" s="6">
        <v>226489.94999999998</v>
      </c>
      <c r="C13605" s="7">
        <f t="shared" si="212"/>
        <v>226.48994999999999</v>
      </c>
    </row>
    <row r="13606" spans="1:3" x14ac:dyDescent="0.25">
      <c r="A13606" s="2" t="s">
        <v>5264</v>
      </c>
      <c r="B13606" s="6">
        <v>226506.59999999998</v>
      </c>
      <c r="C13606" s="7">
        <f t="shared" si="212"/>
        <v>226.50659999999996</v>
      </c>
    </row>
    <row r="13607" spans="1:3" x14ac:dyDescent="0.25">
      <c r="A13607" s="2" t="s">
        <v>5265</v>
      </c>
      <c r="B13607" s="6">
        <v>226523.24999999997</v>
      </c>
      <c r="C13607" s="7">
        <f t="shared" si="212"/>
        <v>226.52324999999996</v>
      </c>
    </row>
    <row r="13608" spans="1:3" x14ac:dyDescent="0.25">
      <c r="A13608" s="2" t="s">
        <v>5266</v>
      </c>
      <c r="B13608" s="6">
        <v>226539.9</v>
      </c>
      <c r="C13608" s="7">
        <f t="shared" si="212"/>
        <v>226.53989999999999</v>
      </c>
    </row>
    <row r="13609" spans="1:3" x14ac:dyDescent="0.25">
      <c r="A13609" s="2" t="s">
        <v>5267</v>
      </c>
      <c r="B13609" s="6">
        <v>226556.55</v>
      </c>
      <c r="C13609" s="7">
        <f t="shared" si="212"/>
        <v>226.55654999999999</v>
      </c>
    </row>
    <row r="13610" spans="1:3" x14ac:dyDescent="0.25">
      <c r="A13610" s="2" t="s">
        <v>5268</v>
      </c>
      <c r="B13610" s="6">
        <v>226573.19999999998</v>
      </c>
      <c r="C13610" s="7">
        <f t="shared" si="212"/>
        <v>226.57319999999999</v>
      </c>
    </row>
    <row r="13611" spans="1:3" x14ac:dyDescent="0.25">
      <c r="A13611" s="2" t="s">
        <v>5269</v>
      </c>
      <c r="B13611" s="6">
        <v>226589.84999999998</v>
      </c>
      <c r="C13611" s="7">
        <f t="shared" si="212"/>
        <v>226.58984999999998</v>
      </c>
    </row>
    <row r="13612" spans="1:3" x14ac:dyDescent="0.25">
      <c r="A13612" s="2" t="s">
        <v>5270</v>
      </c>
      <c r="B13612" s="6">
        <v>226606.49999999997</v>
      </c>
      <c r="C13612" s="7">
        <f t="shared" si="212"/>
        <v>226.60649999999998</v>
      </c>
    </row>
    <row r="13613" spans="1:3" x14ac:dyDescent="0.25">
      <c r="A13613" s="2" t="s">
        <v>5271</v>
      </c>
      <c r="B13613" s="6">
        <v>226623.15</v>
      </c>
      <c r="C13613" s="7">
        <f t="shared" si="212"/>
        <v>226.62314999999998</v>
      </c>
    </row>
    <row r="13614" spans="1:3" x14ac:dyDescent="0.25">
      <c r="A13614" s="2" t="s">
        <v>5272</v>
      </c>
      <c r="B13614" s="6">
        <v>226639.8</v>
      </c>
      <c r="C13614" s="7">
        <f t="shared" si="212"/>
        <v>226.63979999999998</v>
      </c>
    </row>
    <row r="13615" spans="1:3" x14ac:dyDescent="0.25">
      <c r="A13615" s="2" t="s">
        <v>5273</v>
      </c>
      <c r="B13615" s="6">
        <v>226656.44999999998</v>
      </c>
      <c r="C13615" s="7">
        <f t="shared" si="212"/>
        <v>226.65644999999998</v>
      </c>
    </row>
    <row r="13616" spans="1:3" x14ac:dyDescent="0.25">
      <c r="A13616" s="2" t="s">
        <v>5274</v>
      </c>
      <c r="B13616" s="6">
        <v>226673.09999999998</v>
      </c>
      <c r="C13616" s="7">
        <f t="shared" si="212"/>
        <v>226.67309999999998</v>
      </c>
    </row>
    <row r="13617" spans="1:3" x14ac:dyDescent="0.25">
      <c r="A13617" s="2" t="s">
        <v>5275</v>
      </c>
      <c r="B13617" s="6">
        <v>226689.74999999997</v>
      </c>
      <c r="C13617" s="7">
        <f t="shared" si="212"/>
        <v>226.68974999999998</v>
      </c>
    </row>
    <row r="13618" spans="1:3" x14ac:dyDescent="0.25">
      <c r="A13618" s="2" t="s">
        <v>5276</v>
      </c>
      <c r="B13618" s="6">
        <v>226706.4</v>
      </c>
      <c r="C13618" s="7">
        <f t="shared" si="212"/>
        <v>226.7064</v>
      </c>
    </row>
    <row r="13619" spans="1:3" x14ac:dyDescent="0.25">
      <c r="A13619" s="2" t="s">
        <v>5277</v>
      </c>
      <c r="B13619" s="6">
        <v>226723.05</v>
      </c>
      <c r="C13619" s="7">
        <f t="shared" si="212"/>
        <v>226.72305</v>
      </c>
    </row>
    <row r="13620" spans="1:3" x14ac:dyDescent="0.25">
      <c r="A13620" s="2" t="s">
        <v>5278</v>
      </c>
      <c r="B13620" s="6">
        <v>226739.69999999998</v>
      </c>
      <c r="C13620" s="7">
        <f t="shared" si="212"/>
        <v>226.73969999999997</v>
      </c>
    </row>
    <row r="13621" spans="1:3" x14ac:dyDescent="0.25">
      <c r="A13621" s="2" t="s">
        <v>5279</v>
      </c>
      <c r="B13621" s="6">
        <v>226756.34999999998</v>
      </c>
      <c r="C13621" s="7">
        <f t="shared" si="212"/>
        <v>226.75634999999997</v>
      </c>
    </row>
    <row r="13622" spans="1:3" x14ac:dyDescent="0.25">
      <c r="A13622" s="2" t="s">
        <v>5280</v>
      </c>
      <c r="B13622" s="6">
        <v>226772.99999999997</v>
      </c>
      <c r="C13622" s="7">
        <f t="shared" si="212"/>
        <v>226.77299999999997</v>
      </c>
    </row>
    <row r="13623" spans="1:3" x14ac:dyDescent="0.25">
      <c r="A13623" s="2" t="s">
        <v>5281</v>
      </c>
      <c r="B13623" s="6">
        <v>226789.65</v>
      </c>
      <c r="C13623" s="7">
        <f t="shared" si="212"/>
        <v>226.78964999999999</v>
      </c>
    </row>
    <row r="13624" spans="1:3" x14ac:dyDescent="0.25">
      <c r="A13624" s="2" t="s">
        <v>5282</v>
      </c>
      <c r="B13624" s="6">
        <v>226806.3</v>
      </c>
      <c r="C13624" s="7">
        <f t="shared" si="212"/>
        <v>226.80629999999999</v>
      </c>
    </row>
    <row r="13625" spans="1:3" x14ac:dyDescent="0.25">
      <c r="A13625" s="2" t="s">
        <v>5283</v>
      </c>
      <c r="B13625" s="6">
        <v>226822.94999999998</v>
      </c>
      <c r="C13625" s="7">
        <f t="shared" si="212"/>
        <v>226.82294999999999</v>
      </c>
    </row>
    <row r="13626" spans="1:3" x14ac:dyDescent="0.25">
      <c r="A13626" s="2" t="s">
        <v>5284</v>
      </c>
      <c r="B13626" s="6">
        <v>226839.59999999998</v>
      </c>
      <c r="C13626" s="7">
        <f t="shared" si="212"/>
        <v>226.83959999999999</v>
      </c>
    </row>
    <row r="13627" spans="1:3" x14ac:dyDescent="0.25">
      <c r="A13627" s="2" t="s">
        <v>5285</v>
      </c>
      <c r="B13627" s="6">
        <v>226856.24999999997</v>
      </c>
      <c r="C13627" s="7">
        <f t="shared" si="212"/>
        <v>226.85624999999996</v>
      </c>
    </row>
    <row r="13628" spans="1:3" x14ac:dyDescent="0.25">
      <c r="A13628" s="2" t="s">
        <v>5286</v>
      </c>
      <c r="B13628" s="6">
        <v>226872.9</v>
      </c>
      <c r="C13628" s="7">
        <f t="shared" si="212"/>
        <v>226.87289999999999</v>
      </c>
    </row>
    <row r="13629" spans="1:3" x14ac:dyDescent="0.25">
      <c r="A13629" s="2" t="s">
        <v>5287</v>
      </c>
      <c r="B13629" s="6">
        <v>226889.55</v>
      </c>
      <c r="C13629" s="7">
        <f t="shared" si="212"/>
        <v>226.88954999999999</v>
      </c>
    </row>
    <row r="13630" spans="1:3" x14ac:dyDescent="0.25">
      <c r="A13630" s="2" t="s">
        <v>5288</v>
      </c>
      <c r="B13630" s="6">
        <v>226906.19999999998</v>
      </c>
      <c r="C13630" s="7">
        <f t="shared" si="212"/>
        <v>226.90619999999998</v>
      </c>
    </row>
    <row r="13631" spans="1:3" x14ac:dyDescent="0.25">
      <c r="A13631" s="2" t="s">
        <v>5289</v>
      </c>
      <c r="B13631" s="6">
        <v>226922.84999999998</v>
      </c>
      <c r="C13631" s="7">
        <f t="shared" si="212"/>
        <v>226.92284999999998</v>
      </c>
    </row>
    <row r="13632" spans="1:3" x14ac:dyDescent="0.25">
      <c r="A13632" s="2" t="s">
        <v>5290</v>
      </c>
      <c r="B13632" s="6">
        <v>226939.49999999997</v>
      </c>
      <c r="C13632" s="7">
        <f t="shared" si="212"/>
        <v>226.93949999999998</v>
      </c>
    </row>
    <row r="13633" spans="1:3" x14ac:dyDescent="0.25">
      <c r="A13633" s="2" t="s">
        <v>5291</v>
      </c>
      <c r="B13633" s="6">
        <v>226956.15</v>
      </c>
      <c r="C13633" s="7">
        <f t="shared" si="212"/>
        <v>226.95615000000001</v>
      </c>
    </row>
    <row r="13634" spans="1:3" x14ac:dyDescent="0.25">
      <c r="A13634" s="2" t="s">
        <v>5292</v>
      </c>
      <c r="B13634" s="6">
        <v>226972.79999999999</v>
      </c>
      <c r="C13634" s="7">
        <f t="shared" si="212"/>
        <v>226.97279999999998</v>
      </c>
    </row>
    <row r="13635" spans="1:3" x14ac:dyDescent="0.25">
      <c r="A13635" s="2" t="s">
        <v>5293</v>
      </c>
      <c r="B13635" s="6">
        <v>226989.44999999998</v>
      </c>
      <c r="C13635" s="7">
        <f t="shared" ref="C13635:C13698" si="213">B13635/1000</f>
        <v>226.98944999999998</v>
      </c>
    </row>
    <row r="13636" spans="1:3" x14ac:dyDescent="0.25">
      <c r="A13636" s="2" t="s">
        <v>5294</v>
      </c>
      <c r="B13636" s="6">
        <v>227006.09999999998</v>
      </c>
      <c r="C13636" s="7">
        <f t="shared" si="213"/>
        <v>227.00609999999998</v>
      </c>
    </row>
    <row r="13637" spans="1:3" x14ac:dyDescent="0.25">
      <c r="A13637" s="2" t="s">
        <v>5295</v>
      </c>
      <c r="B13637" s="6">
        <v>227022.74999999997</v>
      </c>
      <c r="C13637" s="7">
        <f t="shared" si="213"/>
        <v>227.02274999999997</v>
      </c>
    </row>
    <row r="13638" spans="1:3" x14ac:dyDescent="0.25">
      <c r="A13638" s="2" t="s">
        <v>5296</v>
      </c>
      <c r="B13638" s="6">
        <v>227039.4</v>
      </c>
      <c r="C13638" s="7">
        <f t="shared" si="213"/>
        <v>227.0394</v>
      </c>
    </row>
    <row r="13639" spans="1:3" x14ac:dyDescent="0.25">
      <c r="A13639" s="2" t="s">
        <v>5297</v>
      </c>
      <c r="B13639" s="6">
        <v>227056.05</v>
      </c>
      <c r="C13639" s="7">
        <f t="shared" si="213"/>
        <v>227.05605</v>
      </c>
    </row>
    <row r="13640" spans="1:3" x14ac:dyDescent="0.25">
      <c r="A13640" s="2" t="s">
        <v>5298</v>
      </c>
      <c r="B13640" s="6">
        <v>227072.69999999998</v>
      </c>
      <c r="C13640" s="7">
        <f t="shared" si="213"/>
        <v>227.07269999999997</v>
      </c>
    </row>
    <row r="13641" spans="1:3" x14ac:dyDescent="0.25">
      <c r="A13641" s="2" t="s">
        <v>5299</v>
      </c>
      <c r="B13641" s="6">
        <v>227089.34999999998</v>
      </c>
      <c r="C13641" s="7">
        <f t="shared" si="213"/>
        <v>227.08934999999997</v>
      </c>
    </row>
    <row r="13642" spans="1:3" x14ac:dyDescent="0.25">
      <c r="A13642" s="2" t="s">
        <v>5300</v>
      </c>
      <c r="B13642" s="6">
        <v>227105.99999999997</v>
      </c>
      <c r="C13642" s="7">
        <f t="shared" si="213"/>
        <v>227.10599999999997</v>
      </c>
    </row>
    <row r="13643" spans="1:3" x14ac:dyDescent="0.25">
      <c r="A13643" s="2" t="s">
        <v>5301</v>
      </c>
      <c r="B13643" s="6">
        <v>227122.65</v>
      </c>
      <c r="C13643" s="7">
        <f t="shared" si="213"/>
        <v>227.12264999999999</v>
      </c>
    </row>
    <row r="13644" spans="1:3" x14ac:dyDescent="0.25">
      <c r="A13644" s="2" t="s">
        <v>5302</v>
      </c>
      <c r="B13644" s="6">
        <v>227139.3</v>
      </c>
      <c r="C13644" s="7">
        <f t="shared" si="213"/>
        <v>227.13929999999999</v>
      </c>
    </row>
    <row r="13645" spans="1:3" x14ac:dyDescent="0.25">
      <c r="A13645" s="2" t="s">
        <v>5303</v>
      </c>
      <c r="B13645" s="6">
        <v>227155.94999999998</v>
      </c>
      <c r="C13645" s="7">
        <f t="shared" si="213"/>
        <v>227.15594999999999</v>
      </c>
    </row>
    <row r="13646" spans="1:3" x14ac:dyDescent="0.25">
      <c r="A13646" s="2" t="s">
        <v>5304</v>
      </c>
      <c r="B13646" s="6">
        <v>227172.59999999998</v>
      </c>
      <c r="C13646" s="7">
        <f t="shared" si="213"/>
        <v>227.17259999999999</v>
      </c>
    </row>
    <row r="13647" spans="1:3" x14ac:dyDescent="0.25">
      <c r="A13647" s="2" t="s">
        <v>5305</v>
      </c>
      <c r="B13647" s="6">
        <v>227189.24999999997</v>
      </c>
      <c r="C13647" s="7">
        <f t="shared" si="213"/>
        <v>227.18924999999996</v>
      </c>
    </row>
    <row r="13648" spans="1:3" x14ac:dyDescent="0.25">
      <c r="A13648" s="2" t="s">
        <v>5306</v>
      </c>
      <c r="B13648" s="6">
        <v>227205.9</v>
      </c>
      <c r="C13648" s="7">
        <f t="shared" si="213"/>
        <v>227.20589999999999</v>
      </c>
    </row>
    <row r="13649" spans="1:3" x14ac:dyDescent="0.25">
      <c r="A13649" s="2" t="s">
        <v>5307</v>
      </c>
      <c r="B13649" s="6">
        <v>227222.55</v>
      </c>
      <c r="C13649" s="7">
        <f t="shared" si="213"/>
        <v>227.22254999999998</v>
      </c>
    </row>
    <row r="13650" spans="1:3" x14ac:dyDescent="0.25">
      <c r="A13650" s="2" t="s">
        <v>5308</v>
      </c>
      <c r="B13650" s="6">
        <v>227239.19999999998</v>
      </c>
      <c r="C13650" s="7">
        <f t="shared" si="213"/>
        <v>227.23919999999998</v>
      </c>
    </row>
    <row r="13651" spans="1:3" x14ac:dyDescent="0.25">
      <c r="A13651" s="2" t="s">
        <v>5309</v>
      </c>
      <c r="B13651" s="6">
        <v>227255.84999999998</v>
      </c>
      <c r="C13651" s="7">
        <f t="shared" si="213"/>
        <v>227.25584999999998</v>
      </c>
    </row>
    <row r="13652" spans="1:3" x14ac:dyDescent="0.25">
      <c r="A13652" s="2" t="s">
        <v>5310</v>
      </c>
      <c r="B13652" s="6">
        <v>227272.49999999997</v>
      </c>
      <c r="C13652" s="7">
        <f t="shared" si="213"/>
        <v>227.27249999999998</v>
      </c>
    </row>
    <row r="13653" spans="1:3" x14ac:dyDescent="0.25">
      <c r="A13653" s="2" t="s">
        <v>5311</v>
      </c>
      <c r="B13653" s="6">
        <v>227289.15</v>
      </c>
      <c r="C13653" s="7">
        <f t="shared" si="213"/>
        <v>227.28915000000001</v>
      </c>
    </row>
    <row r="13654" spans="1:3" x14ac:dyDescent="0.25">
      <c r="A13654" s="2" t="s">
        <v>5312</v>
      </c>
      <c r="B13654" s="6">
        <v>227305.8</v>
      </c>
      <c r="C13654" s="7">
        <f t="shared" si="213"/>
        <v>227.30579999999998</v>
      </c>
    </row>
    <row r="13655" spans="1:3" x14ac:dyDescent="0.25">
      <c r="A13655" s="2" t="s">
        <v>5313</v>
      </c>
      <c r="B13655" s="6">
        <v>227322.44999999998</v>
      </c>
      <c r="C13655" s="7">
        <f t="shared" si="213"/>
        <v>227.32244999999998</v>
      </c>
    </row>
    <row r="13656" spans="1:3" x14ac:dyDescent="0.25">
      <c r="A13656" s="2" t="s">
        <v>5314</v>
      </c>
      <c r="B13656" s="6">
        <v>227339.09999999998</v>
      </c>
      <c r="C13656" s="7">
        <f t="shared" si="213"/>
        <v>227.33909999999997</v>
      </c>
    </row>
    <row r="13657" spans="1:3" x14ac:dyDescent="0.25">
      <c r="A13657" s="2" t="s">
        <v>5315</v>
      </c>
      <c r="B13657" s="6">
        <v>227355.74999999997</v>
      </c>
      <c r="C13657" s="7">
        <f t="shared" si="213"/>
        <v>227.35574999999997</v>
      </c>
    </row>
    <row r="13658" spans="1:3" x14ac:dyDescent="0.25">
      <c r="A13658" s="2" t="s">
        <v>5316</v>
      </c>
      <c r="B13658" s="6">
        <v>227372.4</v>
      </c>
      <c r="C13658" s="7">
        <f t="shared" si="213"/>
        <v>227.3724</v>
      </c>
    </row>
    <row r="13659" spans="1:3" x14ac:dyDescent="0.25">
      <c r="A13659" s="2" t="s">
        <v>5317</v>
      </c>
      <c r="B13659" s="6">
        <v>227389.05</v>
      </c>
      <c r="C13659" s="7">
        <f t="shared" si="213"/>
        <v>227.38905</v>
      </c>
    </row>
    <row r="13660" spans="1:3" x14ac:dyDescent="0.25">
      <c r="A13660" s="2" t="s">
        <v>5318</v>
      </c>
      <c r="B13660" s="6">
        <v>227405.69999999998</v>
      </c>
      <c r="C13660" s="7">
        <f t="shared" si="213"/>
        <v>227.4057</v>
      </c>
    </row>
    <row r="13661" spans="1:3" x14ac:dyDescent="0.25">
      <c r="A13661" s="2" t="s">
        <v>5319</v>
      </c>
      <c r="B13661" s="6">
        <v>227422.34999999998</v>
      </c>
      <c r="C13661" s="7">
        <f t="shared" si="213"/>
        <v>227.42234999999997</v>
      </c>
    </row>
    <row r="13662" spans="1:3" x14ac:dyDescent="0.25">
      <c r="A13662" s="2" t="s">
        <v>5320</v>
      </c>
      <c r="B13662" s="6">
        <v>227438.99999999997</v>
      </c>
      <c r="C13662" s="7">
        <f t="shared" si="213"/>
        <v>227.43899999999996</v>
      </c>
    </row>
    <row r="13663" spans="1:3" x14ac:dyDescent="0.25">
      <c r="A13663" s="2" t="s">
        <v>5321</v>
      </c>
      <c r="B13663" s="6">
        <v>227455.65</v>
      </c>
      <c r="C13663" s="7">
        <f t="shared" si="213"/>
        <v>227.45564999999999</v>
      </c>
    </row>
    <row r="13664" spans="1:3" x14ac:dyDescent="0.25">
      <c r="A13664" s="2" t="s">
        <v>5322</v>
      </c>
      <c r="B13664" s="6">
        <v>227472.3</v>
      </c>
      <c r="C13664" s="7">
        <f t="shared" si="213"/>
        <v>227.47229999999999</v>
      </c>
    </row>
    <row r="13665" spans="1:3" x14ac:dyDescent="0.25">
      <c r="A13665" s="2" t="s">
        <v>5323</v>
      </c>
      <c r="B13665" s="6">
        <v>227488.94999999998</v>
      </c>
      <c r="C13665" s="7">
        <f t="shared" si="213"/>
        <v>227.48894999999999</v>
      </c>
    </row>
    <row r="13666" spans="1:3" x14ac:dyDescent="0.25">
      <c r="A13666" s="2" t="s">
        <v>5324</v>
      </c>
      <c r="B13666" s="6">
        <v>227505.59999999998</v>
      </c>
      <c r="C13666" s="7">
        <f t="shared" si="213"/>
        <v>227.50559999999999</v>
      </c>
    </row>
    <row r="13667" spans="1:3" x14ac:dyDescent="0.25">
      <c r="A13667" s="2" t="s">
        <v>5325</v>
      </c>
      <c r="B13667" s="6">
        <v>227522.24999999997</v>
      </c>
      <c r="C13667" s="7">
        <f t="shared" si="213"/>
        <v>227.52224999999996</v>
      </c>
    </row>
    <row r="13668" spans="1:3" x14ac:dyDescent="0.25">
      <c r="A13668" s="2" t="s">
        <v>5326</v>
      </c>
      <c r="B13668" s="6">
        <v>227538.9</v>
      </c>
      <c r="C13668" s="7">
        <f t="shared" si="213"/>
        <v>227.53889999999998</v>
      </c>
    </row>
    <row r="13669" spans="1:3" x14ac:dyDescent="0.25">
      <c r="A13669" s="2" t="s">
        <v>5327</v>
      </c>
      <c r="B13669" s="6">
        <v>227555.55</v>
      </c>
      <c r="C13669" s="7">
        <f t="shared" si="213"/>
        <v>227.55554999999998</v>
      </c>
    </row>
    <row r="13670" spans="1:3" x14ac:dyDescent="0.25">
      <c r="A13670" s="2" t="s">
        <v>5328</v>
      </c>
      <c r="B13670" s="6">
        <v>227572.19999999998</v>
      </c>
      <c r="C13670" s="7">
        <f t="shared" si="213"/>
        <v>227.57219999999998</v>
      </c>
    </row>
    <row r="13671" spans="1:3" x14ac:dyDescent="0.25">
      <c r="A13671" s="2" t="s">
        <v>5329</v>
      </c>
      <c r="B13671" s="6">
        <v>227588.84999999998</v>
      </c>
      <c r="C13671" s="7">
        <f t="shared" si="213"/>
        <v>227.58884999999998</v>
      </c>
    </row>
    <row r="13672" spans="1:3" x14ac:dyDescent="0.25">
      <c r="A13672" s="2" t="s">
        <v>5330</v>
      </c>
      <c r="B13672" s="6">
        <v>227605.49999999997</v>
      </c>
      <c r="C13672" s="7">
        <f t="shared" si="213"/>
        <v>227.60549999999998</v>
      </c>
    </row>
    <row r="13673" spans="1:3" x14ac:dyDescent="0.25">
      <c r="A13673" s="2" t="s">
        <v>5331</v>
      </c>
      <c r="B13673" s="6">
        <v>227622.15</v>
      </c>
      <c r="C13673" s="7">
        <f t="shared" si="213"/>
        <v>227.62215</v>
      </c>
    </row>
    <row r="13674" spans="1:3" x14ac:dyDescent="0.25">
      <c r="A13674" s="2" t="s">
        <v>5332</v>
      </c>
      <c r="B13674" s="6">
        <v>227638.8</v>
      </c>
      <c r="C13674" s="7">
        <f t="shared" si="213"/>
        <v>227.63879999999997</v>
      </c>
    </row>
    <row r="13675" spans="1:3" x14ac:dyDescent="0.25">
      <c r="A13675" s="2" t="s">
        <v>5333</v>
      </c>
      <c r="B13675" s="6">
        <v>227655.44999999998</v>
      </c>
      <c r="C13675" s="7">
        <f t="shared" si="213"/>
        <v>227.65544999999997</v>
      </c>
    </row>
    <row r="13676" spans="1:3" x14ac:dyDescent="0.25">
      <c r="A13676" s="2" t="s">
        <v>5334</v>
      </c>
      <c r="B13676" s="6">
        <v>227672.09999999998</v>
      </c>
      <c r="C13676" s="7">
        <f t="shared" si="213"/>
        <v>227.67209999999997</v>
      </c>
    </row>
    <row r="13677" spans="1:3" x14ac:dyDescent="0.25">
      <c r="A13677" s="2" t="s">
        <v>5335</v>
      </c>
      <c r="B13677" s="6">
        <v>227688.74999999997</v>
      </c>
      <c r="C13677" s="7">
        <f t="shared" si="213"/>
        <v>227.68874999999997</v>
      </c>
    </row>
    <row r="13678" spans="1:3" x14ac:dyDescent="0.25">
      <c r="A13678" s="2" t="s">
        <v>5336</v>
      </c>
      <c r="B13678" s="6">
        <v>227705.4</v>
      </c>
      <c r="C13678" s="7">
        <f t="shared" si="213"/>
        <v>227.7054</v>
      </c>
    </row>
    <row r="13679" spans="1:3" x14ac:dyDescent="0.25">
      <c r="A13679" s="2" t="s">
        <v>5337</v>
      </c>
      <c r="B13679" s="6">
        <v>227722.05</v>
      </c>
      <c r="C13679" s="7">
        <f t="shared" si="213"/>
        <v>227.72205</v>
      </c>
    </row>
    <row r="13680" spans="1:3" x14ac:dyDescent="0.25">
      <c r="A13680" s="2" t="s">
        <v>5338</v>
      </c>
      <c r="B13680" s="6">
        <v>227738.69999999998</v>
      </c>
      <c r="C13680" s="7">
        <f t="shared" si="213"/>
        <v>227.73869999999999</v>
      </c>
    </row>
    <row r="13681" spans="1:3" x14ac:dyDescent="0.25">
      <c r="A13681" s="2" t="s">
        <v>5339</v>
      </c>
      <c r="B13681" s="6">
        <v>227755.34999999998</v>
      </c>
      <c r="C13681" s="7">
        <f t="shared" si="213"/>
        <v>227.75534999999996</v>
      </c>
    </row>
    <row r="13682" spans="1:3" x14ac:dyDescent="0.25">
      <c r="A13682" s="2" t="s">
        <v>5340</v>
      </c>
      <c r="B13682" s="6">
        <v>227771.99999999997</v>
      </c>
      <c r="C13682" s="7">
        <f t="shared" si="213"/>
        <v>227.77199999999996</v>
      </c>
    </row>
    <row r="13683" spans="1:3" x14ac:dyDescent="0.25">
      <c r="A13683" s="2" t="s">
        <v>5341</v>
      </c>
      <c r="B13683" s="6">
        <v>227788.65</v>
      </c>
      <c r="C13683" s="7">
        <f t="shared" si="213"/>
        <v>227.78864999999999</v>
      </c>
    </row>
    <row r="13684" spans="1:3" x14ac:dyDescent="0.25">
      <c r="A13684" s="2" t="s">
        <v>5342</v>
      </c>
      <c r="B13684" s="6">
        <v>227805.3</v>
      </c>
      <c r="C13684" s="7">
        <f t="shared" si="213"/>
        <v>227.80529999999999</v>
      </c>
    </row>
    <row r="13685" spans="1:3" x14ac:dyDescent="0.25">
      <c r="A13685" s="2" t="s">
        <v>5343</v>
      </c>
      <c r="B13685" s="6">
        <v>227821.94999999998</v>
      </c>
      <c r="C13685" s="7">
        <f t="shared" si="213"/>
        <v>227.82194999999999</v>
      </c>
    </row>
    <row r="13686" spans="1:3" x14ac:dyDescent="0.25">
      <c r="A13686" s="2" t="s">
        <v>5344</v>
      </c>
      <c r="B13686" s="6">
        <v>227838.59999999998</v>
      </c>
      <c r="C13686" s="7">
        <f t="shared" si="213"/>
        <v>227.83859999999999</v>
      </c>
    </row>
    <row r="13687" spans="1:3" x14ac:dyDescent="0.25">
      <c r="A13687" s="2" t="s">
        <v>5345</v>
      </c>
      <c r="B13687" s="6">
        <v>227855.24999999997</v>
      </c>
      <c r="C13687" s="7">
        <f t="shared" si="213"/>
        <v>227.85524999999998</v>
      </c>
    </row>
    <row r="13688" spans="1:3" x14ac:dyDescent="0.25">
      <c r="A13688" s="2" t="s">
        <v>5346</v>
      </c>
      <c r="B13688" s="6">
        <v>227871.9</v>
      </c>
      <c r="C13688" s="7">
        <f t="shared" si="213"/>
        <v>227.87189999999998</v>
      </c>
    </row>
    <row r="13689" spans="1:3" x14ac:dyDescent="0.25">
      <c r="A13689" s="2" t="s">
        <v>5347</v>
      </c>
      <c r="B13689" s="6">
        <v>227888.55</v>
      </c>
      <c r="C13689" s="7">
        <f t="shared" si="213"/>
        <v>227.88854999999998</v>
      </c>
    </row>
    <row r="13690" spans="1:3" x14ac:dyDescent="0.25">
      <c r="A13690" s="2" t="s">
        <v>5348</v>
      </c>
      <c r="B13690" s="6">
        <v>227905.19999999998</v>
      </c>
      <c r="C13690" s="7">
        <f t="shared" si="213"/>
        <v>227.90519999999998</v>
      </c>
    </row>
    <row r="13691" spans="1:3" x14ac:dyDescent="0.25">
      <c r="A13691" s="2" t="s">
        <v>5349</v>
      </c>
      <c r="B13691" s="6">
        <v>227921.84999999998</v>
      </c>
      <c r="C13691" s="7">
        <f t="shared" si="213"/>
        <v>227.92184999999998</v>
      </c>
    </row>
    <row r="13692" spans="1:3" x14ac:dyDescent="0.25">
      <c r="A13692" s="2" t="s">
        <v>5350</v>
      </c>
      <c r="B13692" s="6">
        <v>227938.49999999997</v>
      </c>
      <c r="C13692" s="7">
        <f t="shared" si="213"/>
        <v>227.93849999999998</v>
      </c>
    </row>
    <row r="13693" spans="1:3" x14ac:dyDescent="0.25">
      <c r="A13693" s="2" t="s">
        <v>5351</v>
      </c>
      <c r="B13693" s="6">
        <v>227955.15</v>
      </c>
      <c r="C13693" s="7">
        <f t="shared" si="213"/>
        <v>227.95515</v>
      </c>
    </row>
    <row r="13694" spans="1:3" x14ac:dyDescent="0.25">
      <c r="A13694" s="2" t="s">
        <v>5352</v>
      </c>
      <c r="B13694" s="6">
        <v>227971.8</v>
      </c>
      <c r="C13694" s="7">
        <f t="shared" si="213"/>
        <v>227.9718</v>
      </c>
    </row>
    <row r="13695" spans="1:3" x14ac:dyDescent="0.25">
      <c r="A13695" s="2" t="s">
        <v>5353</v>
      </c>
      <c r="B13695" s="6">
        <v>227988.44999999998</v>
      </c>
      <c r="C13695" s="7">
        <f t="shared" si="213"/>
        <v>227.98844999999997</v>
      </c>
    </row>
    <row r="13696" spans="1:3" x14ac:dyDescent="0.25">
      <c r="A13696" s="2" t="s">
        <v>5354</v>
      </c>
      <c r="B13696" s="6">
        <v>228005.09999999998</v>
      </c>
      <c r="C13696" s="7">
        <f t="shared" si="213"/>
        <v>228.00509999999997</v>
      </c>
    </row>
    <row r="13697" spans="1:3" x14ac:dyDescent="0.25">
      <c r="A13697" s="2" t="s">
        <v>5355</v>
      </c>
      <c r="B13697" s="6">
        <v>228021.74999999997</v>
      </c>
      <c r="C13697" s="7">
        <f t="shared" si="213"/>
        <v>228.02174999999997</v>
      </c>
    </row>
    <row r="13698" spans="1:3" x14ac:dyDescent="0.25">
      <c r="A13698" s="2" t="s">
        <v>5356</v>
      </c>
      <c r="B13698" s="6">
        <v>228038.39999999999</v>
      </c>
      <c r="C13698" s="7">
        <f t="shared" si="213"/>
        <v>228.0384</v>
      </c>
    </row>
    <row r="13699" spans="1:3" x14ac:dyDescent="0.25">
      <c r="A13699" s="2" t="s">
        <v>5357</v>
      </c>
      <c r="B13699" s="6">
        <v>228055.05</v>
      </c>
      <c r="C13699" s="7">
        <f t="shared" ref="C13699:C13762" si="214">B13699/1000</f>
        <v>228.05504999999999</v>
      </c>
    </row>
    <row r="13700" spans="1:3" x14ac:dyDescent="0.25">
      <c r="A13700" s="2" t="s">
        <v>5358</v>
      </c>
      <c r="B13700" s="6">
        <v>228071.69999999998</v>
      </c>
      <c r="C13700" s="7">
        <f t="shared" si="214"/>
        <v>228.07169999999999</v>
      </c>
    </row>
    <row r="13701" spans="1:3" x14ac:dyDescent="0.25">
      <c r="A13701" s="2" t="s">
        <v>5359</v>
      </c>
      <c r="B13701" s="6">
        <v>228088.34999999998</v>
      </c>
      <c r="C13701" s="7">
        <f t="shared" si="214"/>
        <v>228.08834999999996</v>
      </c>
    </row>
    <row r="13702" spans="1:3" x14ac:dyDescent="0.25">
      <c r="A13702" s="2" t="s">
        <v>5360</v>
      </c>
      <c r="B13702" s="6">
        <v>228104.99999999997</v>
      </c>
      <c r="C13702" s="7">
        <f t="shared" si="214"/>
        <v>228.10499999999996</v>
      </c>
    </row>
    <row r="13703" spans="1:3" x14ac:dyDescent="0.25">
      <c r="A13703" s="2" t="s">
        <v>5361</v>
      </c>
      <c r="B13703" s="6">
        <v>228121.65</v>
      </c>
      <c r="C13703" s="7">
        <f t="shared" si="214"/>
        <v>228.12164999999999</v>
      </c>
    </row>
    <row r="13704" spans="1:3" x14ac:dyDescent="0.25">
      <c r="A13704" s="2" t="s">
        <v>5362</v>
      </c>
      <c r="B13704" s="6">
        <v>228138.3</v>
      </c>
      <c r="C13704" s="7">
        <f t="shared" si="214"/>
        <v>228.13829999999999</v>
      </c>
    </row>
    <row r="13705" spans="1:3" x14ac:dyDescent="0.25">
      <c r="A13705" s="2" t="s">
        <v>5363</v>
      </c>
      <c r="B13705" s="6">
        <v>228154.94999999998</v>
      </c>
      <c r="C13705" s="7">
        <f t="shared" si="214"/>
        <v>228.15494999999999</v>
      </c>
    </row>
    <row r="13706" spans="1:3" x14ac:dyDescent="0.25">
      <c r="A13706" s="2" t="s">
        <v>5364</v>
      </c>
      <c r="B13706" s="6">
        <v>228171.59999999998</v>
      </c>
      <c r="C13706" s="7">
        <f t="shared" si="214"/>
        <v>228.17159999999998</v>
      </c>
    </row>
    <row r="13707" spans="1:3" x14ac:dyDescent="0.25">
      <c r="A13707" s="2" t="s">
        <v>5365</v>
      </c>
      <c r="B13707" s="6">
        <v>228188.24999999997</v>
      </c>
      <c r="C13707" s="7">
        <f t="shared" si="214"/>
        <v>228.18824999999998</v>
      </c>
    </row>
    <row r="13708" spans="1:3" x14ac:dyDescent="0.25">
      <c r="A13708" s="2" t="s">
        <v>5366</v>
      </c>
      <c r="B13708" s="6">
        <v>228204.9</v>
      </c>
      <c r="C13708" s="7">
        <f t="shared" si="214"/>
        <v>228.20489999999998</v>
      </c>
    </row>
    <row r="13709" spans="1:3" x14ac:dyDescent="0.25">
      <c r="A13709" s="2" t="s">
        <v>5367</v>
      </c>
      <c r="B13709" s="6">
        <v>228221.55</v>
      </c>
      <c r="C13709" s="7">
        <f t="shared" si="214"/>
        <v>228.22154999999998</v>
      </c>
    </row>
    <row r="13710" spans="1:3" x14ac:dyDescent="0.25">
      <c r="A13710" s="2" t="s">
        <v>5368</v>
      </c>
      <c r="B13710" s="6">
        <v>228238.19999999998</v>
      </c>
      <c r="C13710" s="7">
        <f t="shared" si="214"/>
        <v>228.23819999999998</v>
      </c>
    </row>
    <row r="13711" spans="1:3" x14ac:dyDescent="0.25">
      <c r="A13711" s="2" t="s">
        <v>5369</v>
      </c>
      <c r="B13711" s="6">
        <v>228254.84999999998</v>
      </c>
      <c r="C13711" s="7">
        <f t="shared" si="214"/>
        <v>228.25484999999998</v>
      </c>
    </row>
    <row r="13712" spans="1:3" x14ac:dyDescent="0.25">
      <c r="A13712" s="2" t="s">
        <v>5370</v>
      </c>
      <c r="B13712" s="6">
        <v>228271.49999999997</v>
      </c>
      <c r="C13712" s="7">
        <f t="shared" si="214"/>
        <v>228.27149999999997</v>
      </c>
    </row>
    <row r="13713" spans="1:3" x14ac:dyDescent="0.25">
      <c r="A13713" s="2" t="s">
        <v>5371</v>
      </c>
      <c r="B13713" s="6">
        <v>228288.15</v>
      </c>
      <c r="C13713" s="7">
        <f t="shared" si="214"/>
        <v>228.28815</v>
      </c>
    </row>
    <row r="13714" spans="1:3" x14ac:dyDescent="0.25">
      <c r="A13714" s="2" t="s">
        <v>5372</v>
      </c>
      <c r="B13714" s="6">
        <v>228304.8</v>
      </c>
      <c r="C13714" s="7">
        <f t="shared" si="214"/>
        <v>228.3048</v>
      </c>
    </row>
    <row r="13715" spans="1:3" x14ac:dyDescent="0.25">
      <c r="A13715" s="2" t="s">
        <v>5373</v>
      </c>
      <c r="B13715" s="6">
        <v>228321.44999999998</v>
      </c>
      <c r="C13715" s="7">
        <f t="shared" si="214"/>
        <v>228.32144999999997</v>
      </c>
    </row>
    <row r="13716" spans="1:3" x14ac:dyDescent="0.25">
      <c r="A13716" s="2" t="s">
        <v>5374</v>
      </c>
      <c r="B13716" s="6">
        <v>228338.09999999998</v>
      </c>
      <c r="C13716" s="7">
        <f t="shared" si="214"/>
        <v>228.33809999999997</v>
      </c>
    </row>
    <row r="13717" spans="1:3" x14ac:dyDescent="0.25">
      <c r="A13717" s="2" t="s">
        <v>5375</v>
      </c>
      <c r="B13717" s="6">
        <v>228354.74999999997</v>
      </c>
      <c r="C13717" s="7">
        <f t="shared" si="214"/>
        <v>228.35474999999997</v>
      </c>
    </row>
    <row r="13718" spans="1:3" x14ac:dyDescent="0.25">
      <c r="A13718" s="2" t="s">
        <v>5376</v>
      </c>
      <c r="B13718" s="6">
        <v>228371.4</v>
      </c>
      <c r="C13718" s="7">
        <f t="shared" si="214"/>
        <v>228.37139999999999</v>
      </c>
    </row>
    <row r="13719" spans="1:3" x14ac:dyDescent="0.25">
      <c r="A13719" s="2" t="s">
        <v>5377</v>
      </c>
      <c r="B13719" s="6">
        <v>228388.05</v>
      </c>
      <c r="C13719" s="7">
        <f t="shared" si="214"/>
        <v>228.38804999999999</v>
      </c>
    </row>
    <row r="13720" spans="1:3" x14ac:dyDescent="0.25">
      <c r="A13720" s="2" t="s">
        <v>5378</v>
      </c>
      <c r="B13720" s="6">
        <v>228404.69999999998</v>
      </c>
      <c r="C13720" s="7">
        <f t="shared" si="214"/>
        <v>228.40469999999999</v>
      </c>
    </row>
    <row r="13721" spans="1:3" x14ac:dyDescent="0.25">
      <c r="A13721" s="2" t="s">
        <v>5379</v>
      </c>
      <c r="B13721" s="6">
        <v>228421.34999999998</v>
      </c>
      <c r="C13721" s="7">
        <f t="shared" si="214"/>
        <v>228.42134999999999</v>
      </c>
    </row>
    <row r="13722" spans="1:3" x14ac:dyDescent="0.25">
      <c r="A13722" s="2" t="s">
        <v>5380</v>
      </c>
      <c r="B13722" s="6">
        <v>228437.99999999997</v>
      </c>
      <c r="C13722" s="7">
        <f t="shared" si="214"/>
        <v>228.43799999999996</v>
      </c>
    </row>
    <row r="13723" spans="1:3" x14ac:dyDescent="0.25">
      <c r="A13723" s="2" t="s">
        <v>5381</v>
      </c>
      <c r="B13723" s="6">
        <v>228454.65</v>
      </c>
      <c r="C13723" s="7">
        <f t="shared" si="214"/>
        <v>228.45464999999999</v>
      </c>
    </row>
    <row r="13724" spans="1:3" x14ac:dyDescent="0.25">
      <c r="A13724" s="2" t="s">
        <v>5382</v>
      </c>
      <c r="B13724" s="6">
        <v>228471.3</v>
      </c>
      <c r="C13724" s="7">
        <f t="shared" si="214"/>
        <v>228.47129999999999</v>
      </c>
    </row>
    <row r="13725" spans="1:3" x14ac:dyDescent="0.25">
      <c r="A13725" s="2" t="s">
        <v>5383</v>
      </c>
      <c r="B13725" s="6">
        <v>228487.94999999998</v>
      </c>
      <c r="C13725" s="7">
        <f t="shared" si="214"/>
        <v>228.48794999999998</v>
      </c>
    </row>
    <row r="13726" spans="1:3" x14ac:dyDescent="0.25">
      <c r="A13726" s="2" t="s">
        <v>5384</v>
      </c>
      <c r="B13726" s="6">
        <v>228504.59999999998</v>
      </c>
      <c r="C13726" s="7">
        <f t="shared" si="214"/>
        <v>228.50459999999998</v>
      </c>
    </row>
    <row r="13727" spans="1:3" x14ac:dyDescent="0.25">
      <c r="A13727" s="2" t="s">
        <v>5385</v>
      </c>
      <c r="B13727" s="6">
        <v>228521.24999999997</v>
      </c>
      <c r="C13727" s="7">
        <f t="shared" si="214"/>
        <v>228.52124999999998</v>
      </c>
    </row>
    <row r="13728" spans="1:3" x14ac:dyDescent="0.25">
      <c r="A13728" s="2" t="s">
        <v>5386</v>
      </c>
      <c r="B13728" s="6">
        <v>228537.9</v>
      </c>
      <c r="C13728" s="7">
        <f t="shared" si="214"/>
        <v>228.53790000000001</v>
      </c>
    </row>
    <row r="13729" spans="1:3" x14ac:dyDescent="0.25">
      <c r="A13729" s="2" t="s">
        <v>5387</v>
      </c>
      <c r="B13729" s="6">
        <v>228554.55</v>
      </c>
      <c r="C13729" s="7">
        <f t="shared" si="214"/>
        <v>228.55454999999998</v>
      </c>
    </row>
    <row r="13730" spans="1:3" x14ac:dyDescent="0.25">
      <c r="A13730" s="2" t="s">
        <v>5388</v>
      </c>
      <c r="B13730" s="6">
        <v>228571.19999999998</v>
      </c>
      <c r="C13730" s="7">
        <f t="shared" si="214"/>
        <v>228.57119999999998</v>
      </c>
    </row>
    <row r="13731" spans="1:3" x14ac:dyDescent="0.25">
      <c r="A13731" s="2" t="s">
        <v>5389</v>
      </c>
      <c r="B13731" s="6">
        <v>228587.84999999998</v>
      </c>
      <c r="C13731" s="7">
        <f t="shared" si="214"/>
        <v>228.58784999999997</v>
      </c>
    </row>
    <row r="13732" spans="1:3" x14ac:dyDescent="0.25">
      <c r="A13732" s="2" t="s">
        <v>5390</v>
      </c>
      <c r="B13732" s="6">
        <v>228604.49999999997</v>
      </c>
      <c r="C13732" s="7">
        <f t="shared" si="214"/>
        <v>228.60449999999997</v>
      </c>
    </row>
    <row r="13733" spans="1:3" x14ac:dyDescent="0.25">
      <c r="A13733" s="2" t="s">
        <v>5391</v>
      </c>
      <c r="B13733" s="6">
        <v>228621.15</v>
      </c>
      <c r="C13733" s="7">
        <f t="shared" si="214"/>
        <v>228.62115</v>
      </c>
    </row>
    <row r="13734" spans="1:3" x14ac:dyDescent="0.25">
      <c r="A13734" s="2" t="s">
        <v>5392</v>
      </c>
      <c r="B13734" s="6">
        <v>228637.8</v>
      </c>
      <c r="C13734" s="7">
        <f t="shared" si="214"/>
        <v>228.6378</v>
      </c>
    </row>
    <row r="13735" spans="1:3" x14ac:dyDescent="0.25">
      <c r="A13735" s="2" t="s">
        <v>5393</v>
      </c>
      <c r="B13735" s="6">
        <v>228654.44999999998</v>
      </c>
      <c r="C13735" s="7">
        <f t="shared" si="214"/>
        <v>228.65444999999997</v>
      </c>
    </row>
    <row r="13736" spans="1:3" x14ac:dyDescent="0.25">
      <c r="A13736" s="2" t="s">
        <v>5394</v>
      </c>
      <c r="B13736" s="6">
        <v>228671.09999999998</v>
      </c>
      <c r="C13736" s="7">
        <f t="shared" si="214"/>
        <v>228.67109999999997</v>
      </c>
    </row>
    <row r="13737" spans="1:3" x14ac:dyDescent="0.25">
      <c r="A13737" s="2" t="s">
        <v>5395</v>
      </c>
      <c r="B13737" s="6">
        <v>228687.74999999997</v>
      </c>
      <c r="C13737" s="7">
        <f t="shared" si="214"/>
        <v>228.68774999999997</v>
      </c>
    </row>
    <row r="13738" spans="1:3" x14ac:dyDescent="0.25">
      <c r="A13738" s="2" t="s">
        <v>5396</v>
      </c>
      <c r="B13738" s="6">
        <v>228704.4</v>
      </c>
      <c r="C13738" s="7">
        <f t="shared" si="214"/>
        <v>228.70439999999999</v>
      </c>
    </row>
    <row r="13739" spans="1:3" x14ac:dyDescent="0.25">
      <c r="A13739" s="2" t="s">
        <v>5397</v>
      </c>
      <c r="B13739" s="6">
        <v>228721.05</v>
      </c>
      <c r="C13739" s="7">
        <f t="shared" si="214"/>
        <v>228.72104999999999</v>
      </c>
    </row>
    <row r="13740" spans="1:3" x14ac:dyDescent="0.25">
      <c r="A13740" s="2" t="s">
        <v>5398</v>
      </c>
      <c r="B13740" s="6">
        <v>228737.69999999998</v>
      </c>
      <c r="C13740" s="7">
        <f t="shared" si="214"/>
        <v>228.73769999999999</v>
      </c>
    </row>
    <row r="13741" spans="1:3" x14ac:dyDescent="0.25">
      <c r="A13741" s="2" t="s">
        <v>5399</v>
      </c>
      <c r="B13741" s="6">
        <v>228754.34999999998</v>
      </c>
      <c r="C13741" s="7">
        <f t="shared" si="214"/>
        <v>228.75434999999999</v>
      </c>
    </row>
    <row r="13742" spans="1:3" x14ac:dyDescent="0.25">
      <c r="A13742" s="2" t="s">
        <v>5400</v>
      </c>
      <c r="B13742" s="6">
        <v>228770.99999999997</v>
      </c>
      <c r="C13742" s="7">
        <f t="shared" si="214"/>
        <v>228.77099999999996</v>
      </c>
    </row>
    <row r="13743" spans="1:3" x14ac:dyDescent="0.25">
      <c r="A13743" s="2" t="s">
        <v>5401</v>
      </c>
      <c r="B13743" s="6">
        <v>228787.65</v>
      </c>
      <c r="C13743" s="7">
        <f t="shared" si="214"/>
        <v>228.78764999999999</v>
      </c>
    </row>
    <row r="13744" spans="1:3" x14ac:dyDescent="0.25">
      <c r="A13744" s="2" t="s">
        <v>5402</v>
      </c>
      <c r="B13744" s="6">
        <v>228804.3</v>
      </c>
      <c r="C13744" s="7">
        <f t="shared" si="214"/>
        <v>228.80429999999998</v>
      </c>
    </row>
    <row r="13745" spans="1:3" x14ac:dyDescent="0.25">
      <c r="A13745" s="2" t="s">
        <v>5403</v>
      </c>
      <c r="B13745" s="6">
        <v>228820.94999999998</v>
      </c>
      <c r="C13745" s="7">
        <f t="shared" si="214"/>
        <v>228.82094999999998</v>
      </c>
    </row>
    <row r="13746" spans="1:3" x14ac:dyDescent="0.25">
      <c r="A13746" s="2" t="s">
        <v>5404</v>
      </c>
      <c r="B13746" s="6">
        <v>228837.59999999998</v>
      </c>
      <c r="C13746" s="7">
        <f t="shared" si="214"/>
        <v>228.83759999999998</v>
      </c>
    </row>
    <row r="13747" spans="1:3" x14ac:dyDescent="0.25">
      <c r="A13747" s="2" t="s">
        <v>5405</v>
      </c>
      <c r="B13747" s="6">
        <v>228854.24999999997</v>
      </c>
      <c r="C13747" s="7">
        <f t="shared" si="214"/>
        <v>228.85424999999998</v>
      </c>
    </row>
    <row r="13748" spans="1:3" x14ac:dyDescent="0.25">
      <c r="A13748" s="2" t="s">
        <v>5406</v>
      </c>
      <c r="B13748" s="6">
        <v>228870.9</v>
      </c>
      <c r="C13748" s="7">
        <f t="shared" si="214"/>
        <v>228.87090000000001</v>
      </c>
    </row>
    <row r="13749" spans="1:3" x14ac:dyDescent="0.25">
      <c r="A13749" s="2" t="s">
        <v>5407</v>
      </c>
      <c r="B13749" s="6">
        <v>228887.55</v>
      </c>
      <c r="C13749" s="7">
        <f t="shared" si="214"/>
        <v>228.88754999999998</v>
      </c>
    </row>
    <row r="13750" spans="1:3" x14ac:dyDescent="0.25">
      <c r="A13750" s="2" t="s">
        <v>5408</v>
      </c>
      <c r="B13750" s="6">
        <v>228904.19999999998</v>
      </c>
      <c r="C13750" s="7">
        <f t="shared" si="214"/>
        <v>228.90419999999997</v>
      </c>
    </row>
    <row r="13751" spans="1:3" x14ac:dyDescent="0.25">
      <c r="A13751" s="2" t="s">
        <v>5409</v>
      </c>
      <c r="B13751" s="6">
        <v>228920.84999999998</v>
      </c>
      <c r="C13751" s="7">
        <f t="shared" si="214"/>
        <v>228.92084999999997</v>
      </c>
    </row>
    <row r="13752" spans="1:3" x14ac:dyDescent="0.25">
      <c r="A13752" s="2" t="s">
        <v>5410</v>
      </c>
      <c r="B13752" s="6">
        <v>228937.49999999997</v>
      </c>
      <c r="C13752" s="7">
        <f t="shared" si="214"/>
        <v>228.93749999999997</v>
      </c>
    </row>
    <row r="13753" spans="1:3" x14ac:dyDescent="0.25">
      <c r="A13753" s="2" t="s">
        <v>5411</v>
      </c>
      <c r="B13753" s="6">
        <v>228954.15</v>
      </c>
      <c r="C13753" s="7">
        <f t="shared" si="214"/>
        <v>228.95415</v>
      </c>
    </row>
    <row r="13754" spans="1:3" x14ac:dyDescent="0.25">
      <c r="A13754" s="2" t="s">
        <v>5412</v>
      </c>
      <c r="B13754" s="6">
        <v>228970.8</v>
      </c>
      <c r="C13754" s="7">
        <f t="shared" si="214"/>
        <v>228.9708</v>
      </c>
    </row>
    <row r="13755" spans="1:3" x14ac:dyDescent="0.25">
      <c r="A13755" s="2" t="s">
        <v>5413</v>
      </c>
      <c r="B13755" s="6">
        <v>228987.44999999998</v>
      </c>
      <c r="C13755" s="7">
        <f t="shared" si="214"/>
        <v>228.98745</v>
      </c>
    </row>
    <row r="13756" spans="1:3" x14ac:dyDescent="0.25">
      <c r="A13756" s="2" t="s">
        <v>5414</v>
      </c>
      <c r="B13756" s="6">
        <v>229004.09999999998</v>
      </c>
      <c r="C13756" s="7">
        <f t="shared" si="214"/>
        <v>229.00409999999997</v>
      </c>
    </row>
    <row r="13757" spans="1:3" x14ac:dyDescent="0.25">
      <c r="A13757" s="2" t="s">
        <v>5415</v>
      </c>
      <c r="B13757" s="6">
        <v>229020.74999999997</v>
      </c>
      <c r="C13757" s="7">
        <f t="shared" si="214"/>
        <v>229.02074999999996</v>
      </c>
    </row>
    <row r="13758" spans="1:3" x14ac:dyDescent="0.25">
      <c r="A13758" s="2" t="s">
        <v>5416</v>
      </c>
      <c r="B13758" s="6">
        <v>229037.4</v>
      </c>
      <c r="C13758" s="7">
        <f t="shared" si="214"/>
        <v>229.03739999999999</v>
      </c>
    </row>
    <row r="13759" spans="1:3" x14ac:dyDescent="0.25">
      <c r="A13759" s="2" t="s">
        <v>5417</v>
      </c>
      <c r="B13759" s="6">
        <v>229054.05</v>
      </c>
      <c r="C13759" s="7">
        <f t="shared" si="214"/>
        <v>229.05404999999999</v>
      </c>
    </row>
    <row r="13760" spans="1:3" x14ac:dyDescent="0.25">
      <c r="A13760" s="2" t="s">
        <v>5418</v>
      </c>
      <c r="B13760" s="6">
        <v>229070.69999999998</v>
      </c>
      <c r="C13760" s="7">
        <f t="shared" si="214"/>
        <v>229.07069999999999</v>
      </c>
    </row>
    <row r="13761" spans="1:3" x14ac:dyDescent="0.25">
      <c r="A13761" s="2" t="s">
        <v>5419</v>
      </c>
      <c r="B13761" s="6">
        <v>229087.34999999998</v>
      </c>
      <c r="C13761" s="7">
        <f t="shared" si="214"/>
        <v>229.08734999999999</v>
      </c>
    </row>
    <row r="13762" spans="1:3" x14ac:dyDescent="0.25">
      <c r="A13762" s="2" t="s">
        <v>5420</v>
      </c>
      <c r="B13762" s="6">
        <v>229103.99999999997</v>
      </c>
      <c r="C13762" s="7">
        <f t="shared" si="214"/>
        <v>229.10399999999998</v>
      </c>
    </row>
    <row r="13763" spans="1:3" x14ac:dyDescent="0.25">
      <c r="A13763" s="2" t="s">
        <v>5421</v>
      </c>
      <c r="B13763" s="6">
        <v>229120.65</v>
      </c>
      <c r="C13763" s="7">
        <f t="shared" ref="C13763:C13826" si="215">B13763/1000</f>
        <v>229.12064999999998</v>
      </c>
    </row>
    <row r="13764" spans="1:3" x14ac:dyDescent="0.25">
      <c r="A13764" s="2" t="s">
        <v>5422</v>
      </c>
      <c r="B13764" s="6">
        <v>229137.3</v>
      </c>
      <c r="C13764" s="7">
        <f t="shared" si="215"/>
        <v>229.13729999999998</v>
      </c>
    </row>
    <row r="13765" spans="1:3" x14ac:dyDescent="0.25">
      <c r="A13765" s="2" t="s">
        <v>5423</v>
      </c>
      <c r="B13765" s="6">
        <v>229153.94999999998</v>
      </c>
      <c r="C13765" s="7">
        <f t="shared" si="215"/>
        <v>229.15394999999998</v>
      </c>
    </row>
    <row r="13766" spans="1:3" x14ac:dyDescent="0.25">
      <c r="A13766" s="2" t="s">
        <v>5424</v>
      </c>
      <c r="B13766" s="6">
        <v>229170.59999999998</v>
      </c>
      <c r="C13766" s="7">
        <f t="shared" si="215"/>
        <v>229.17059999999998</v>
      </c>
    </row>
    <row r="13767" spans="1:3" x14ac:dyDescent="0.25">
      <c r="A13767" s="2" t="s">
        <v>5425</v>
      </c>
      <c r="B13767" s="6">
        <v>229187.24999999997</v>
      </c>
      <c r="C13767" s="7">
        <f t="shared" si="215"/>
        <v>229.18724999999998</v>
      </c>
    </row>
    <row r="13768" spans="1:3" x14ac:dyDescent="0.25">
      <c r="A13768" s="2" t="s">
        <v>5426</v>
      </c>
      <c r="B13768" s="6">
        <v>229203.9</v>
      </c>
      <c r="C13768" s="7">
        <f t="shared" si="215"/>
        <v>229.2039</v>
      </c>
    </row>
    <row r="13769" spans="1:3" x14ac:dyDescent="0.25">
      <c r="A13769" s="2" t="s">
        <v>5427</v>
      </c>
      <c r="B13769" s="6">
        <v>229220.55</v>
      </c>
      <c r="C13769" s="7">
        <f t="shared" si="215"/>
        <v>229.22054999999997</v>
      </c>
    </row>
    <row r="13770" spans="1:3" x14ac:dyDescent="0.25">
      <c r="A13770" s="2" t="s">
        <v>5428</v>
      </c>
      <c r="B13770" s="6">
        <v>229237.19999999998</v>
      </c>
      <c r="C13770" s="7">
        <f t="shared" si="215"/>
        <v>229.23719999999997</v>
      </c>
    </row>
    <row r="13771" spans="1:3" x14ac:dyDescent="0.25">
      <c r="A13771" s="2" t="s">
        <v>5429</v>
      </c>
      <c r="B13771" s="6">
        <v>229253.84999999998</v>
      </c>
      <c r="C13771" s="7">
        <f t="shared" si="215"/>
        <v>229.25384999999997</v>
      </c>
    </row>
    <row r="13772" spans="1:3" x14ac:dyDescent="0.25">
      <c r="A13772" s="2" t="s">
        <v>5430</v>
      </c>
      <c r="B13772" s="6">
        <v>229270.49999999997</v>
      </c>
      <c r="C13772" s="7">
        <f t="shared" si="215"/>
        <v>229.27049999999997</v>
      </c>
    </row>
    <row r="13773" spans="1:3" x14ac:dyDescent="0.25">
      <c r="A13773" s="2" t="s">
        <v>5431</v>
      </c>
      <c r="B13773" s="6">
        <v>229287.15</v>
      </c>
      <c r="C13773" s="7">
        <f t="shared" si="215"/>
        <v>229.28715</v>
      </c>
    </row>
    <row r="13774" spans="1:3" x14ac:dyDescent="0.25">
      <c r="A13774" s="2" t="s">
        <v>5432</v>
      </c>
      <c r="B13774" s="6">
        <v>229303.8</v>
      </c>
      <c r="C13774" s="7">
        <f t="shared" si="215"/>
        <v>229.3038</v>
      </c>
    </row>
    <row r="13775" spans="1:3" x14ac:dyDescent="0.25">
      <c r="A13775" s="2" t="s">
        <v>5433</v>
      </c>
      <c r="B13775" s="6">
        <v>229320.44999999998</v>
      </c>
      <c r="C13775" s="7">
        <f t="shared" si="215"/>
        <v>229.32044999999999</v>
      </c>
    </row>
    <row r="13776" spans="1:3" x14ac:dyDescent="0.25">
      <c r="A13776" s="2" t="s">
        <v>5434</v>
      </c>
      <c r="B13776" s="6">
        <v>229337.09999999998</v>
      </c>
      <c r="C13776" s="7">
        <f t="shared" si="215"/>
        <v>229.33709999999996</v>
      </c>
    </row>
    <row r="13777" spans="1:3" x14ac:dyDescent="0.25">
      <c r="A13777" s="2" t="s">
        <v>5435</v>
      </c>
      <c r="B13777" s="6">
        <v>229353.74999999997</v>
      </c>
      <c r="C13777" s="7">
        <f t="shared" si="215"/>
        <v>229.35374999999996</v>
      </c>
    </row>
    <row r="13778" spans="1:3" x14ac:dyDescent="0.25">
      <c r="A13778" s="2" t="s">
        <v>5436</v>
      </c>
      <c r="B13778" s="6">
        <v>229370.4</v>
      </c>
      <c r="C13778" s="7">
        <f t="shared" si="215"/>
        <v>229.37039999999999</v>
      </c>
    </row>
    <row r="13779" spans="1:3" x14ac:dyDescent="0.25">
      <c r="A13779" s="2" t="s">
        <v>5437</v>
      </c>
      <c r="B13779" s="6">
        <v>229387.05</v>
      </c>
      <c r="C13779" s="7">
        <f t="shared" si="215"/>
        <v>229.38704999999999</v>
      </c>
    </row>
    <row r="13780" spans="1:3" x14ac:dyDescent="0.25">
      <c r="A13780" s="2" t="s">
        <v>5438</v>
      </c>
      <c r="B13780" s="6">
        <v>229403.69999999998</v>
      </c>
      <c r="C13780" s="7">
        <f t="shared" si="215"/>
        <v>229.40369999999999</v>
      </c>
    </row>
    <row r="13781" spans="1:3" x14ac:dyDescent="0.25">
      <c r="A13781" s="2" t="s">
        <v>5439</v>
      </c>
      <c r="B13781" s="6">
        <v>229420.34999999998</v>
      </c>
      <c r="C13781" s="7">
        <f t="shared" si="215"/>
        <v>229.42034999999998</v>
      </c>
    </row>
    <row r="13782" spans="1:3" x14ac:dyDescent="0.25">
      <c r="A13782" s="2" t="s">
        <v>5440</v>
      </c>
      <c r="B13782" s="6">
        <v>229436.99999999997</v>
      </c>
      <c r="C13782" s="7">
        <f t="shared" si="215"/>
        <v>229.43699999999998</v>
      </c>
    </row>
    <row r="13783" spans="1:3" x14ac:dyDescent="0.25">
      <c r="A13783" s="2" t="s">
        <v>5441</v>
      </c>
      <c r="B13783" s="6">
        <v>229453.65</v>
      </c>
      <c r="C13783" s="7">
        <f t="shared" si="215"/>
        <v>229.45364999999998</v>
      </c>
    </row>
    <row r="13784" spans="1:3" x14ac:dyDescent="0.25">
      <c r="A13784" s="2" t="s">
        <v>5442</v>
      </c>
      <c r="B13784" s="6">
        <v>229470.3</v>
      </c>
      <c r="C13784" s="7">
        <f t="shared" si="215"/>
        <v>229.47029999999998</v>
      </c>
    </row>
    <row r="13785" spans="1:3" x14ac:dyDescent="0.25">
      <c r="A13785" s="2" t="s">
        <v>5443</v>
      </c>
      <c r="B13785" s="6">
        <v>229486.94999999998</v>
      </c>
      <c r="C13785" s="7">
        <f t="shared" si="215"/>
        <v>229.48694999999998</v>
      </c>
    </row>
    <row r="13786" spans="1:3" x14ac:dyDescent="0.25">
      <c r="A13786" s="2" t="s">
        <v>5444</v>
      </c>
      <c r="B13786" s="6">
        <v>229503.59999999998</v>
      </c>
      <c r="C13786" s="7">
        <f t="shared" si="215"/>
        <v>229.50359999999998</v>
      </c>
    </row>
    <row r="13787" spans="1:3" x14ac:dyDescent="0.25">
      <c r="A13787" s="2" t="s">
        <v>5445</v>
      </c>
      <c r="B13787" s="6">
        <v>229520.24999999997</v>
      </c>
      <c r="C13787" s="7">
        <f t="shared" si="215"/>
        <v>229.52024999999998</v>
      </c>
    </row>
    <row r="13788" spans="1:3" x14ac:dyDescent="0.25">
      <c r="A13788" s="2" t="s">
        <v>5446</v>
      </c>
      <c r="B13788" s="6">
        <v>229536.9</v>
      </c>
      <c r="C13788" s="7">
        <f t="shared" si="215"/>
        <v>229.5369</v>
      </c>
    </row>
    <row r="13789" spans="1:3" x14ac:dyDescent="0.25">
      <c r="A13789" s="2" t="s">
        <v>5447</v>
      </c>
      <c r="B13789" s="6">
        <v>229553.55</v>
      </c>
      <c r="C13789" s="7">
        <f t="shared" si="215"/>
        <v>229.55355</v>
      </c>
    </row>
    <row r="13790" spans="1:3" x14ac:dyDescent="0.25">
      <c r="A13790" s="2" t="s">
        <v>5448</v>
      </c>
      <c r="B13790" s="6">
        <v>229570.19999999998</v>
      </c>
      <c r="C13790" s="7">
        <f t="shared" si="215"/>
        <v>229.57019999999997</v>
      </c>
    </row>
    <row r="13791" spans="1:3" x14ac:dyDescent="0.25">
      <c r="A13791" s="2" t="s">
        <v>5449</v>
      </c>
      <c r="B13791" s="6">
        <v>229586.84999999998</v>
      </c>
      <c r="C13791" s="7">
        <f t="shared" si="215"/>
        <v>229.58684999999997</v>
      </c>
    </row>
    <row r="13792" spans="1:3" x14ac:dyDescent="0.25">
      <c r="A13792" s="2" t="s">
        <v>5450</v>
      </c>
      <c r="B13792" s="6">
        <v>229603.49999999997</v>
      </c>
      <c r="C13792" s="7">
        <f t="shared" si="215"/>
        <v>229.60349999999997</v>
      </c>
    </row>
    <row r="13793" spans="1:3" x14ac:dyDescent="0.25">
      <c r="A13793" s="2" t="s">
        <v>5451</v>
      </c>
      <c r="B13793" s="6">
        <v>229620.15</v>
      </c>
      <c r="C13793" s="7">
        <f t="shared" si="215"/>
        <v>229.62015</v>
      </c>
    </row>
    <row r="13794" spans="1:3" x14ac:dyDescent="0.25">
      <c r="A13794" s="2" t="s">
        <v>5452</v>
      </c>
      <c r="B13794" s="6">
        <v>229636.8</v>
      </c>
      <c r="C13794" s="7">
        <f t="shared" si="215"/>
        <v>229.63679999999999</v>
      </c>
    </row>
    <row r="13795" spans="1:3" x14ac:dyDescent="0.25">
      <c r="A13795" s="2" t="s">
        <v>5453</v>
      </c>
      <c r="B13795" s="6">
        <v>229653.44999999998</v>
      </c>
      <c r="C13795" s="7">
        <f t="shared" si="215"/>
        <v>229.65344999999999</v>
      </c>
    </row>
    <row r="13796" spans="1:3" x14ac:dyDescent="0.25">
      <c r="A13796" s="2" t="s">
        <v>5454</v>
      </c>
      <c r="B13796" s="6">
        <v>229670.09999999998</v>
      </c>
      <c r="C13796" s="7">
        <f t="shared" si="215"/>
        <v>229.67009999999999</v>
      </c>
    </row>
    <row r="13797" spans="1:3" x14ac:dyDescent="0.25">
      <c r="A13797" s="2" t="s">
        <v>5455</v>
      </c>
      <c r="B13797" s="6">
        <v>229686.74999999997</v>
      </c>
      <c r="C13797" s="7">
        <f t="shared" si="215"/>
        <v>229.68674999999996</v>
      </c>
    </row>
    <row r="13798" spans="1:3" x14ac:dyDescent="0.25">
      <c r="A13798" s="2" t="s">
        <v>5456</v>
      </c>
      <c r="B13798" s="6">
        <v>229703.4</v>
      </c>
      <c r="C13798" s="7">
        <f t="shared" si="215"/>
        <v>229.70339999999999</v>
      </c>
    </row>
    <row r="13799" spans="1:3" x14ac:dyDescent="0.25">
      <c r="A13799" s="2" t="s">
        <v>5457</v>
      </c>
      <c r="B13799" s="6">
        <v>229720.05</v>
      </c>
      <c r="C13799" s="7">
        <f t="shared" si="215"/>
        <v>229.72004999999999</v>
      </c>
    </row>
    <row r="13800" spans="1:3" x14ac:dyDescent="0.25">
      <c r="A13800" s="2" t="s">
        <v>5458</v>
      </c>
      <c r="B13800" s="6">
        <v>229736.69999999998</v>
      </c>
      <c r="C13800" s="7">
        <f t="shared" si="215"/>
        <v>229.73669999999998</v>
      </c>
    </row>
    <row r="13801" spans="1:3" x14ac:dyDescent="0.25">
      <c r="A13801" s="2" t="s">
        <v>5459</v>
      </c>
      <c r="B13801" s="6">
        <v>229753.34999999998</v>
      </c>
      <c r="C13801" s="7">
        <f t="shared" si="215"/>
        <v>229.75334999999998</v>
      </c>
    </row>
    <row r="13802" spans="1:3" x14ac:dyDescent="0.25">
      <c r="A13802" s="2" t="s">
        <v>5460</v>
      </c>
      <c r="B13802" s="6">
        <v>229769.99999999997</v>
      </c>
      <c r="C13802" s="7">
        <f t="shared" si="215"/>
        <v>229.76999999999998</v>
      </c>
    </row>
    <row r="13803" spans="1:3" x14ac:dyDescent="0.25">
      <c r="A13803" s="2" t="s">
        <v>5461</v>
      </c>
      <c r="B13803" s="6">
        <v>229786.65</v>
      </c>
      <c r="C13803" s="7">
        <f t="shared" si="215"/>
        <v>229.78664999999998</v>
      </c>
    </row>
    <row r="13804" spans="1:3" x14ac:dyDescent="0.25">
      <c r="A13804" s="2" t="s">
        <v>5462</v>
      </c>
      <c r="B13804" s="6">
        <v>229803.3</v>
      </c>
      <c r="C13804" s="7">
        <f t="shared" si="215"/>
        <v>229.80329999999998</v>
      </c>
    </row>
    <row r="13805" spans="1:3" x14ac:dyDescent="0.25">
      <c r="A13805" s="2" t="s">
        <v>5463</v>
      </c>
      <c r="B13805" s="6">
        <v>229819.94999999998</v>
      </c>
      <c r="C13805" s="7">
        <f t="shared" si="215"/>
        <v>229.81994999999998</v>
      </c>
    </row>
    <row r="13806" spans="1:3" x14ac:dyDescent="0.25">
      <c r="A13806" s="2" t="s">
        <v>5464</v>
      </c>
      <c r="B13806" s="6">
        <v>229836.59999999998</v>
      </c>
      <c r="C13806" s="7">
        <f t="shared" si="215"/>
        <v>229.83659999999998</v>
      </c>
    </row>
    <row r="13807" spans="1:3" x14ac:dyDescent="0.25">
      <c r="A13807" s="2" t="s">
        <v>5465</v>
      </c>
      <c r="B13807" s="6">
        <v>229853.24999999997</v>
      </c>
      <c r="C13807" s="7">
        <f t="shared" si="215"/>
        <v>229.85324999999997</v>
      </c>
    </row>
    <row r="13808" spans="1:3" x14ac:dyDescent="0.25">
      <c r="A13808" s="2" t="s">
        <v>5466</v>
      </c>
      <c r="B13808" s="6">
        <v>229869.9</v>
      </c>
      <c r="C13808" s="7">
        <f t="shared" si="215"/>
        <v>229.8699</v>
      </c>
    </row>
    <row r="13809" spans="1:3" x14ac:dyDescent="0.25">
      <c r="A13809" s="2" t="s">
        <v>5467</v>
      </c>
      <c r="B13809" s="6">
        <v>229886.55</v>
      </c>
      <c r="C13809" s="7">
        <f t="shared" si="215"/>
        <v>229.88655</v>
      </c>
    </row>
    <row r="13810" spans="1:3" x14ac:dyDescent="0.25">
      <c r="A13810" s="2" t="s">
        <v>5468</v>
      </c>
      <c r="B13810" s="6">
        <v>229903.19999999998</v>
      </c>
      <c r="C13810" s="7">
        <f t="shared" si="215"/>
        <v>229.90319999999997</v>
      </c>
    </row>
    <row r="13811" spans="1:3" x14ac:dyDescent="0.25">
      <c r="A13811" s="2" t="s">
        <v>5469</v>
      </c>
      <c r="B13811" s="6">
        <v>229919.84999999998</v>
      </c>
      <c r="C13811" s="7">
        <f t="shared" si="215"/>
        <v>229.91984999999997</v>
      </c>
    </row>
    <row r="13812" spans="1:3" x14ac:dyDescent="0.25">
      <c r="A13812" s="2" t="s">
        <v>5470</v>
      </c>
      <c r="B13812" s="6">
        <v>229936.49999999997</v>
      </c>
      <c r="C13812" s="7">
        <f t="shared" si="215"/>
        <v>229.93649999999997</v>
      </c>
    </row>
    <row r="13813" spans="1:3" x14ac:dyDescent="0.25">
      <c r="A13813" s="2" t="s">
        <v>5471</v>
      </c>
      <c r="B13813" s="6">
        <v>229953.15</v>
      </c>
      <c r="C13813" s="7">
        <f t="shared" si="215"/>
        <v>229.95314999999999</v>
      </c>
    </row>
    <row r="13814" spans="1:3" x14ac:dyDescent="0.25">
      <c r="A13814" s="2" t="s">
        <v>5472</v>
      </c>
      <c r="B13814" s="6">
        <v>229969.8</v>
      </c>
      <c r="C13814" s="7">
        <f t="shared" si="215"/>
        <v>229.96979999999999</v>
      </c>
    </row>
    <row r="13815" spans="1:3" x14ac:dyDescent="0.25">
      <c r="A13815" s="2" t="s">
        <v>5473</v>
      </c>
      <c r="B13815" s="6">
        <v>229986.44999999998</v>
      </c>
      <c r="C13815" s="7">
        <f t="shared" si="215"/>
        <v>229.98644999999999</v>
      </c>
    </row>
    <row r="13816" spans="1:3" x14ac:dyDescent="0.25">
      <c r="A13816" s="2" t="s">
        <v>5474</v>
      </c>
      <c r="B13816" s="6">
        <v>230003.09999999998</v>
      </c>
      <c r="C13816" s="7">
        <f t="shared" si="215"/>
        <v>230.00309999999999</v>
      </c>
    </row>
    <row r="13817" spans="1:3" x14ac:dyDescent="0.25">
      <c r="A13817" s="2" t="s">
        <v>5475</v>
      </c>
      <c r="B13817" s="6">
        <v>230019.74999999997</v>
      </c>
      <c r="C13817" s="7">
        <f t="shared" si="215"/>
        <v>230.01974999999996</v>
      </c>
    </row>
    <row r="13818" spans="1:3" x14ac:dyDescent="0.25">
      <c r="A13818" s="2" t="s">
        <v>5476</v>
      </c>
      <c r="B13818" s="6">
        <v>230036.4</v>
      </c>
      <c r="C13818" s="7">
        <f t="shared" si="215"/>
        <v>230.03639999999999</v>
      </c>
    </row>
    <row r="13819" spans="1:3" x14ac:dyDescent="0.25">
      <c r="A13819" s="2" t="s">
        <v>5477</v>
      </c>
      <c r="B13819" s="6">
        <v>230053.05</v>
      </c>
      <c r="C13819" s="7">
        <f t="shared" si="215"/>
        <v>230.05304999999998</v>
      </c>
    </row>
    <row r="13820" spans="1:3" x14ac:dyDescent="0.25">
      <c r="A13820" s="2" t="s">
        <v>5478</v>
      </c>
      <c r="B13820" s="6">
        <v>230069.69999999998</v>
      </c>
      <c r="C13820" s="7">
        <f t="shared" si="215"/>
        <v>230.06969999999998</v>
      </c>
    </row>
    <row r="13821" spans="1:3" x14ac:dyDescent="0.25">
      <c r="A13821" s="2" t="s">
        <v>5479</v>
      </c>
      <c r="B13821" s="6">
        <v>230086.34999999998</v>
      </c>
      <c r="C13821" s="7">
        <f t="shared" si="215"/>
        <v>230.08634999999998</v>
      </c>
    </row>
    <row r="13822" spans="1:3" x14ac:dyDescent="0.25">
      <c r="A13822" s="2" t="s">
        <v>5480</v>
      </c>
      <c r="B13822" s="6">
        <v>230102.99999999997</v>
      </c>
      <c r="C13822" s="7">
        <f t="shared" si="215"/>
        <v>230.10299999999998</v>
      </c>
    </row>
    <row r="13823" spans="1:3" x14ac:dyDescent="0.25">
      <c r="A13823" s="2" t="s">
        <v>5481</v>
      </c>
      <c r="B13823" s="6">
        <v>230119.65</v>
      </c>
      <c r="C13823" s="7">
        <f t="shared" si="215"/>
        <v>230.11965000000001</v>
      </c>
    </row>
    <row r="13824" spans="1:3" x14ac:dyDescent="0.25">
      <c r="A13824" s="2" t="s">
        <v>5482</v>
      </c>
      <c r="B13824" s="6">
        <v>230136.3</v>
      </c>
      <c r="C13824" s="7">
        <f t="shared" si="215"/>
        <v>230.13629999999998</v>
      </c>
    </row>
    <row r="13825" spans="1:3" x14ac:dyDescent="0.25">
      <c r="A13825" s="2" t="s">
        <v>5483</v>
      </c>
      <c r="B13825" s="6">
        <v>230152.94999999998</v>
      </c>
      <c r="C13825" s="7">
        <f t="shared" si="215"/>
        <v>230.15294999999998</v>
      </c>
    </row>
    <row r="13826" spans="1:3" x14ac:dyDescent="0.25">
      <c r="A13826" s="2" t="s">
        <v>5484</v>
      </c>
      <c r="B13826" s="6">
        <v>230169.59999999998</v>
      </c>
      <c r="C13826" s="7">
        <f t="shared" si="215"/>
        <v>230.16959999999997</v>
      </c>
    </row>
    <row r="13827" spans="1:3" x14ac:dyDescent="0.25">
      <c r="A13827" s="2" t="s">
        <v>5485</v>
      </c>
      <c r="B13827" s="6">
        <v>230186.24999999997</v>
      </c>
      <c r="C13827" s="7">
        <f t="shared" ref="C13827:C13890" si="216">B13827/1000</f>
        <v>230.18624999999997</v>
      </c>
    </row>
    <row r="13828" spans="1:3" x14ac:dyDescent="0.25">
      <c r="A13828" s="2" t="s">
        <v>5486</v>
      </c>
      <c r="B13828" s="6">
        <v>230202.9</v>
      </c>
      <c r="C13828" s="7">
        <f t="shared" si="216"/>
        <v>230.2029</v>
      </c>
    </row>
    <row r="13829" spans="1:3" x14ac:dyDescent="0.25">
      <c r="A13829" s="2" t="s">
        <v>5487</v>
      </c>
      <c r="B13829" s="6">
        <v>230219.55</v>
      </c>
      <c r="C13829" s="7">
        <f t="shared" si="216"/>
        <v>230.21955</v>
      </c>
    </row>
    <row r="13830" spans="1:3" x14ac:dyDescent="0.25">
      <c r="A13830" s="2" t="s">
        <v>5488</v>
      </c>
      <c r="B13830" s="6">
        <v>230236.19999999998</v>
      </c>
      <c r="C13830" s="7">
        <f t="shared" si="216"/>
        <v>230.2362</v>
      </c>
    </row>
    <row r="13831" spans="1:3" x14ac:dyDescent="0.25">
      <c r="A13831" s="2" t="s">
        <v>5489</v>
      </c>
      <c r="B13831" s="6">
        <v>230252.84999999998</v>
      </c>
      <c r="C13831" s="7">
        <f t="shared" si="216"/>
        <v>230.25284999999997</v>
      </c>
    </row>
    <row r="13832" spans="1:3" x14ac:dyDescent="0.25">
      <c r="A13832" s="2" t="s">
        <v>5490</v>
      </c>
      <c r="B13832" s="6">
        <v>230269.49999999997</v>
      </c>
      <c r="C13832" s="7">
        <f t="shared" si="216"/>
        <v>230.26949999999997</v>
      </c>
    </row>
    <row r="13833" spans="1:3" x14ac:dyDescent="0.25">
      <c r="A13833" s="2" t="s">
        <v>5491</v>
      </c>
      <c r="B13833" s="6">
        <v>230286.15</v>
      </c>
      <c r="C13833" s="7">
        <f t="shared" si="216"/>
        <v>230.28614999999999</v>
      </c>
    </row>
    <row r="13834" spans="1:3" x14ac:dyDescent="0.25">
      <c r="A13834" s="2" t="s">
        <v>5492</v>
      </c>
      <c r="B13834" s="6">
        <v>230302.8</v>
      </c>
      <c r="C13834" s="7">
        <f t="shared" si="216"/>
        <v>230.30279999999999</v>
      </c>
    </row>
    <row r="13835" spans="1:3" x14ac:dyDescent="0.25">
      <c r="A13835" s="2" t="s">
        <v>5493</v>
      </c>
      <c r="B13835" s="6">
        <v>230319.44999999998</v>
      </c>
      <c r="C13835" s="7">
        <f t="shared" si="216"/>
        <v>230.31944999999999</v>
      </c>
    </row>
    <row r="13836" spans="1:3" x14ac:dyDescent="0.25">
      <c r="A13836" s="2" t="s">
        <v>5494</v>
      </c>
      <c r="B13836" s="6">
        <v>230336.09999999998</v>
      </c>
      <c r="C13836" s="7">
        <f t="shared" si="216"/>
        <v>230.33609999999999</v>
      </c>
    </row>
    <row r="13837" spans="1:3" x14ac:dyDescent="0.25">
      <c r="A13837" s="2" t="s">
        <v>5495</v>
      </c>
      <c r="B13837" s="6">
        <v>230352.74999999997</v>
      </c>
      <c r="C13837" s="7">
        <f t="shared" si="216"/>
        <v>230.35274999999996</v>
      </c>
    </row>
    <row r="13838" spans="1:3" x14ac:dyDescent="0.25">
      <c r="A13838" s="2" t="s">
        <v>5496</v>
      </c>
      <c r="B13838" s="6">
        <v>230369.4</v>
      </c>
      <c r="C13838" s="7">
        <f t="shared" si="216"/>
        <v>230.36939999999998</v>
      </c>
    </row>
    <row r="13839" spans="1:3" x14ac:dyDescent="0.25">
      <c r="A13839" s="2" t="s">
        <v>5497</v>
      </c>
      <c r="B13839" s="6">
        <v>230386.05</v>
      </c>
      <c r="C13839" s="7">
        <f t="shared" si="216"/>
        <v>230.38604999999998</v>
      </c>
    </row>
    <row r="13840" spans="1:3" x14ac:dyDescent="0.25">
      <c r="A13840" s="2" t="s">
        <v>5498</v>
      </c>
      <c r="B13840" s="6">
        <v>230402.69999999998</v>
      </c>
      <c r="C13840" s="7">
        <f t="shared" si="216"/>
        <v>230.40269999999998</v>
      </c>
    </row>
    <row r="13841" spans="1:3" x14ac:dyDescent="0.25">
      <c r="A13841" s="2" t="s">
        <v>5499</v>
      </c>
      <c r="B13841" s="6">
        <v>230419.34999999998</v>
      </c>
      <c r="C13841" s="7">
        <f t="shared" si="216"/>
        <v>230.41934999999998</v>
      </c>
    </row>
    <row r="13842" spans="1:3" x14ac:dyDescent="0.25">
      <c r="A13842" s="2" t="s">
        <v>5500</v>
      </c>
      <c r="B13842" s="6">
        <v>230435.99999999997</v>
      </c>
      <c r="C13842" s="7">
        <f t="shared" si="216"/>
        <v>230.43599999999998</v>
      </c>
    </row>
    <row r="13843" spans="1:3" x14ac:dyDescent="0.25">
      <c r="A13843" s="2" t="s">
        <v>5501</v>
      </c>
      <c r="B13843" s="6">
        <v>230452.65</v>
      </c>
      <c r="C13843" s="7">
        <f t="shared" si="216"/>
        <v>230.45265000000001</v>
      </c>
    </row>
    <row r="13844" spans="1:3" x14ac:dyDescent="0.25">
      <c r="A13844" s="2" t="s">
        <v>5502</v>
      </c>
      <c r="B13844" s="6">
        <v>230469.3</v>
      </c>
      <c r="C13844" s="7">
        <f t="shared" si="216"/>
        <v>230.46929999999998</v>
      </c>
    </row>
    <row r="13845" spans="1:3" x14ac:dyDescent="0.25">
      <c r="A13845" s="2" t="s">
        <v>5503</v>
      </c>
      <c r="B13845" s="6">
        <v>230485.94999999998</v>
      </c>
      <c r="C13845" s="7">
        <f t="shared" si="216"/>
        <v>230.48594999999997</v>
      </c>
    </row>
    <row r="13846" spans="1:3" x14ac:dyDescent="0.25">
      <c r="A13846" s="2" t="s">
        <v>5504</v>
      </c>
      <c r="B13846" s="6">
        <v>230502.59999999998</v>
      </c>
      <c r="C13846" s="7">
        <f t="shared" si="216"/>
        <v>230.50259999999997</v>
      </c>
    </row>
    <row r="13847" spans="1:3" x14ac:dyDescent="0.25">
      <c r="A13847" s="2" t="s">
        <v>5505</v>
      </c>
      <c r="B13847" s="6">
        <v>230519.24999999997</v>
      </c>
      <c r="C13847" s="7">
        <f t="shared" si="216"/>
        <v>230.51924999999997</v>
      </c>
    </row>
    <row r="13848" spans="1:3" x14ac:dyDescent="0.25">
      <c r="A13848" s="2" t="s">
        <v>5506</v>
      </c>
      <c r="B13848" s="6">
        <v>230535.9</v>
      </c>
      <c r="C13848" s="7">
        <f t="shared" si="216"/>
        <v>230.5359</v>
      </c>
    </row>
    <row r="13849" spans="1:3" x14ac:dyDescent="0.25">
      <c r="A13849" s="2" t="s">
        <v>5507</v>
      </c>
      <c r="B13849" s="6">
        <v>230552.55</v>
      </c>
      <c r="C13849" s="7">
        <f t="shared" si="216"/>
        <v>230.55255</v>
      </c>
    </row>
    <row r="13850" spans="1:3" x14ac:dyDescent="0.25">
      <c r="A13850" s="2" t="s">
        <v>5508</v>
      </c>
      <c r="B13850" s="6">
        <v>230569.19999999998</v>
      </c>
      <c r="C13850" s="7">
        <f t="shared" si="216"/>
        <v>230.5692</v>
      </c>
    </row>
    <row r="13851" spans="1:3" x14ac:dyDescent="0.25">
      <c r="A13851" s="2" t="s">
        <v>5509</v>
      </c>
      <c r="B13851" s="6">
        <v>230585.84999999998</v>
      </c>
      <c r="C13851" s="7">
        <f t="shared" si="216"/>
        <v>230.58584999999997</v>
      </c>
    </row>
    <row r="13852" spans="1:3" x14ac:dyDescent="0.25">
      <c r="A13852" s="2" t="s">
        <v>5510</v>
      </c>
      <c r="B13852" s="6">
        <v>230602.49999999997</v>
      </c>
      <c r="C13852" s="7">
        <f t="shared" si="216"/>
        <v>230.60249999999996</v>
      </c>
    </row>
    <row r="13853" spans="1:3" x14ac:dyDescent="0.25">
      <c r="A13853" s="2" t="s">
        <v>5511</v>
      </c>
      <c r="B13853" s="6">
        <v>230619.15</v>
      </c>
      <c r="C13853" s="7">
        <f t="shared" si="216"/>
        <v>230.61914999999999</v>
      </c>
    </row>
    <row r="13854" spans="1:3" x14ac:dyDescent="0.25">
      <c r="A13854" s="2" t="s">
        <v>5512</v>
      </c>
      <c r="B13854" s="6">
        <v>230635.8</v>
      </c>
      <c r="C13854" s="7">
        <f t="shared" si="216"/>
        <v>230.63579999999999</v>
      </c>
    </row>
    <row r="13855" spans="1:3" x14ac:dyDescent="0.25">
      <c r="A13855" s="2" t="s">
        <v>5513</v>
      </c>
      <c r="B13855" s="6">
        <v>230652.44999999998</v>
      </c>
      <c r="C13855" s="7">
        <f t="shared" si="216"/>
        <v>230.65244999999999</v>
      </c>
    </row>
    <row r="13856" spans="1:3" x14ac:dyDescent="0.25">
      <c r="A13856" s="2" t="s">
        <v>5514</v>
      </c>
      <c r="B13856" s="6">
        <v>230669.09999999998</v>
      </c>
      <c r="C13856" s="7">
        <f t="shared" si="216"/>
        <v>230.66909999999999</v>
      </c>
    </row>
    <row r="13857" spans="1:3" x14ac:dyDescent="0.25">
      <c r="A13857" s="2" t="s">
        <v>5515</v>
      </c>
      <c r="B13857" s="6">
        <v>230685.74999999997</v>
      </c>
      <c r="C13857" s="7">
        <f t="shared" si="216"/>
        <v>230.68574999999998</v>
      </c>
    </row>
    <row r="13858" spans="1:3" x14ac:dyDescent="0.25">
      <c r="A13858" s="2" t="s">
        <v>5516</v>
      </c>
      <c r="B13858" s="6">
        <v>230702.4</v>
      </c>
      <c r="C13858" s="7">
        <f t="shared" si="216"/>
        <v>230.70239999999998</v>
      </c>
    </row>
    <row r="13859" spans="1:3" x14ac:dyDescent="0.25">
      <c r="A13859" s="2" t="s">
        <v>5517</v>
      </c>
      <c r="B13859" s="6">
        <v>230719.05</v>
      </c>
      <c r="C13859" s="7">
        <f t="shared" si="216"/>
        <v>230.71904999999998</v>
      </c>
    </row>
    <row r="13860" spans="1:3" x14ac:dyDescent="0.25">
      <c r="A13860" s="2" t="s">
        <v>5518</v>
      </c>
      <c r="B13860" s="6">
        <v>230735.69999999998</v>
      </c>
      <c r="C13860" s="7">
        <f t="shared" si="216"/>
        <v>230.73569999999998</v>
      </c>
    </row>
    <row r="13861" spans="1:3" x14ac:dyDescent="0.25">
      <c r="A13861" s="2" t="s">
        <v>5519</v>
      </c>
      <c r="B13861" s="6">
        <v>230752.34999999998</v>
      </c>
      <c r="C13861" s="7">
        <f t="shared" si="216"/>
        <v>230.75234999999998</v>
      </c>
    </row>
    <row r="13862" spans="1:3" x14ac:dyDescent="0.25">
      <c r="A13862" s="2" t="s">
        <v>5520</v>
      </c>
      <c r="B13862" s="6">
        <v>230768.99999999997</v>
      </c>
      <c r="C13862" s="7">
        <f t="shared" si="216"/>
        <v>230.76899999999998</v>
      </c>
    </row>
    <row r="13863" spans="1:3" x14ac:dyDescent="0.25">
      <c r="A13863" s="2" t="s">
        <v>5521</v>
      </c>
      <c r="B13863" s="6">
        <v>230785.65</v>
      </c>
      <c r="C13863" s="7">
        <f t="shared" si="216"/>
        <v>230.78565</v>
      </c>
    </row>
    <row r="13864" spans="1:3" x14ac:dyDescent="0.25">
      <c r="A13864" s="2" t="s">
        <v>5522</v>
      </c>
      <c r="B13864" s="6">
        <v>230802.3</v>
      </c>
      <c r="C13864" s="7">
        <f t="shared" si="216"/>
        <v>230.8023</v>
      </c>
    </row>
    <row r="13865" spans="1:3" x14ac:dyDescent="0.25">
      <c r="A13865" s="2" t="s">
        <v>5523</v>
      </c>
      <c r="B13865" s="6">
        <v>230818.94999999998</v>
      </c>
      <c r="C13865" s="7">
        <f t="shared" si="216"/>
        <v>230.81894999999997</v>
      </c>
    </row>
    <row r="13866" spans="1:3" x14ac:dyDescent="0.25">
      <c r="A13866" s="2" t="s">
        <v>5524</v>
      </c>
      <c r="B13866" s="6">
        <v>230835.59999999998</v>
      </c>
      <c r="C13866" s="7">
        <f t="shared" si="216"/>
        <v>230.83559999999997</v>
      </c>
    </row>
    <row r="13867" spans="1:3" x14ac:dyDescent="0.25">
      <c r="A13867" s="2" t="s">
        <v>5525</v>
      </c>
      <c r="B13867" s="6">
        <v>230852.24999999997</v>
      </c>
      <c r="C13867" s="7">
        <f t="shared" si="216"/>
        <v>230.85224999999997</v>
      </c>
    </row>
    <row r="13868" spans="1:3" x14ac:dyDescent="0.25">
      <c r="A13868" s="2" t="s">
        <v>5526</v>
      </c>
      <c r="B13868" s="6">
        <v>230868.9</v>
      </c>
      <c r="C13868" s="7">
        <f t="shared" si="216"/>
        <v>230.8689</v>
      </c>
    </row>
    <row r="13869" spans="1:3" x14ac:dyDescent="0.25">
      <c r="A13869" s="2" t="s">
        <v>5527</v>
      </c>
      <c r="B13869" s="6">
        <v>230885.55</v>
      </c>
      <c r="C13869" s="7">
        <f t="shared" si="216"/>
        <v>230.88554999999999</v>
      </c>
    </row>
    <row r="13870" spans="1:3" x14ac:dyDescent="0.25">
      <c r="A13870" s="2" t="s">
        <v>5528</v>
      </c>
      <c r="B13870" s="6">
        <v>230902.19999999998</v>
      </c>
      <c r="C13870" s="7">
        <f t="shared" si="216"/>
        <v>230.90219999999999</v>
      </c>
    </row>
    <row r="13871" spans="1:3" x14ac:dyDescent="0.25">
      <c r="A13871" s="2" t="s">
        <v>5529</v>
      </c>
      <c r="B13871" s="6">
        <v>230918.84999999998</v>
      </c>
      <c r="C13871" s="7">
        <f t="shared" si="216"/>
        <v>230.91884999999996</v>
      </c>
    </row>
    <row r="13872" spans="1:3" x14ac:dyDescent="0.25">
      <c r="A13872" s="2" t="s">
        <v>5530</v>
      </c>
      <c r="B13872" s="6">
        <v>230935.49999999997</v>
      </c>
      <c r="C13872" s="7">
        <f t="shared" si="216"/>
        <v>230.93549999999996</v>
      </c>
    </row>
    <row r="13873" spans="1:3" x14ac:dyDescent="0.25">
      <c r="A13873" s="2" t="s">
        <v>5531</v>
      </c>
      <c r="B13873" s="6">
        <v>230952.15</v>
      </c>
      <c r="C13873" s="7">
        <f t="shared" si="216"/>
        <v>230.95214999999999</v>
      </c>
    </row>
    <row r="13874" spans="1:3" x14ac:dyDescent="0.25">
      <c r="A13874" s="2" t="s">
        <v>5532</v>
      </c>
      <c r="B13874" s="6">
        <v>230968.8</v>
      </c>
      <c r="C13874" s="7">
        <f t="shared" si="216"/>
        <v>230.96879999999999</v>
      </c>
    </row>
    <row r="13875" spans="1:3" x14ac:dyDescent="0.25">
      <c r="A13875" s="2" t="s">
        <v>5533</v>
      </c>
      <c r="B13875" s="6">
        <v>230985.44999999998</v>
      </c>
      <c r="C13875" s="7">
        <f t="shared" si="216"/>
        <v>230.98544999999999</v>
      </c>
    </row>
    <row r="13876" spans="1:3" x14ac:dyDescent="0.25">
      <c r="A13876" s="2" t="s">
        <v>5534</v>
      </c>
      <c r="B13876" s="6">
        <v>231002.09999999998</v>
      </c>
      <c r="C13876" s="7">
        <f t="shared" si="216"/>
        <v>231.00209999999998</v>
      </c>
    </row>
    <row r="13877" spans="1:3" x14ac:dyDescent="0.25">
      <c r="A13877" s="2" t="s">
        <v>5535</v>
      </c>
      <c r="B13877" s="6">
        <v>231018.74999999997</v>
      </c>
      <c r="C13877" s="7">
        <f t="shared" si="216"/>
        <v>231.01874999999998</v>
      </c>
    </row>
    <row r="13878" spans="1:3" x14ac:dyDescent="0.25">
      <c r="A13878" s="2" t="s">
        <v>5536</v>
      </c>
      <c r="B13878" s="6">
        <v>231035.4</v>
      </c>
      <c r="C13878" s="7">
        <f t="shared" si="216"/>
        <v>231.03539999999998</v>
      </c>
    </row>
    <row r="13879" spans="1:3" x14ac:dyDescent="0.25">
      <c r="A13879" s="2" t="s">
        <v>5537</v>
      </c>
      <c r="B13879" s="6">
        <v>231052.05</v>
      </c>
      <c r="C13879" s="7">
        <f t="shared" si="216"/>
        <v>231.05204999999998</v>
      </c>
    </row>
    <row r="13880" spans="1:3" x14ac:dyDescent="0.25">
      <c r="A13880" s="2" t="s">
        <v>5538</v>
      </c>
      <c r="B13880" s="6">
        <v>231068.69999999998</v>
      </c>
      <c r="C13880" s="7">
        <f t="shared" si="216"/>
        <v>231.06869999999998</v>
      </c>
    </row>
    <row r="13881" spans="1:3" x14ac:dyDescent="0.25">
      <c r="A13881" s="2" t="s">
        <v>5539</v>
      </c>
      <c r="B13881" s="6">
        <v>231085.34999999998</v>
      </c>
      <c r="C13881" s="7">
        <f t="shared" si="216"/>
        <v>231.08534999999998</v>
      </c>
    </row>
    <row r="13882" spans="1:3" x14ac:dyDescent="0.25">
      <c r="A13882" s="2" t="s">
        <v>5540</v>
      </c>
      <c r="B13882" s="6">
        <v>231101.99999999997</v>
      </c>
      <c r="C13882" s="7">
        <f t="shared" si="216"/>
        <v>231.10199999999998</v>
      </c>
    </row>
    <row r="13883" spans="1:3" x14ac:dyDescent="0.25">
      <c r="A13883" s="2" t="s">
        <v>5541</v>
      </c>
      <c r="B13883" s="6">
        <v>231118.65</v>
      </c>
      <c r="C13883" s="7">
        <f t="shared" si="216"/>
        <v>231.11865</v>
      </c>
    </row>
    <row r="13884" spans="1:3" x14ac:dyDescent="0.25">
      <c r="A13884" s="2" t="s">
        <v>5542</v>
      </c>
      <c r="B13884" s="6">
        <v>231135.3</v>
      </c>
      <c r="C13884" s="7">
        <f t="shared" si="216"/>
        <v>231.1353</v>
      </c>
    </row>
    <row r="13885" spans="1:3" x14ac:dyDescent="0.25">
      <c r="A13885" s="2" t="s">
        <v>5543</v>
      </c>
      <c r="B13885" s="6">
        <v>231151.94999999998</v>
      </c>
      <c r="C13885" s="7">
        <f t="shared" si="216"/>
        <v>231.15194999999997</v>
      </c>
    </row>
    <row r="13886" spans="1:3" x14ac:dyDescent="0.25">
      <c r="A13886" s="2" t="s">
        <v>5544</v>
      </c>
      <c r="B13886" s="6">
        <v>231168.59999999998</v>
      </c>
      <c r="C13886" s="7">
        <f t="shared" si="216"/>
        <v>231.16859999999997</v>
      </c>
    </row>
    <row r="13887" spans="1:3" x14ac:dyDescent="0.25">
      <c r="A13887" s="2" t="s">
        <v>5545</v>
      </c>
      <c r="B13887" s="6">
        <v>231185.24999999997</v>
      </c>
      <c r="C13887" s="7">
        <f t="shared" si="216"/>
        <v>231.18524999999997</v>
      </c>
    </row>
    <row r="13888" spans="1:3" x14ac:dyDescent="0.25">
      <c r="A13888" s="2" t="s">
        <v>5546</v>
      </c>
      <c r="B13888" s="6">
        <v>231201.9</v>
      </c>
      <c r="C13888" s="7">
        <f t="shared" si="216"/>
        <v>231.20189999999999</v>
      </c>
    </row>
    <row r="13889" spans="1:3" x14ac:dyDescent="0.25">
      <c r="A13889" s="2" t="s">
        <v>5547</v>
      </c>
      <c r="B13889" s="6">
        <v>231218.55</v>
      </c>
      <c r="C13889" s="7">
        <f t="shared" si="216"/>
        <v>231.21854999999999</v>
      </c>
    </row>
    <row r="13890" spans="1:3" x14ac:dyDescent="0.25">
      <c r="A13890" s="2" t="s">
        <v>5548</v>
      </c>
      <c r="B13890" s="6">
        <v>231235.19999999998</v>
      </c>
      <c r="C13890" s="7">
        <f t="shared" si="216"/>
        <v>231.23519999999999</v>
      </c>
    </row>
    <row r="13891" spans="1:3" x14ac:dyDescent="0.25">
      <c r="A13891" s="2" t="s">
        <v>5549</v>
      </c>
      <c r="B13891" s="6">
        <v>231251.84999999998</v>
      </c>
      <c r="C13891" s="7">
        <f t="shared" ref="C13891:C13954" si="217">B13891/1000</f>
        <v>231.25184999999999</v>
      </c>
    </row>
    <row r="13892" spans="1:3" x14ac:dyDescent="0.25">
      <c r="A13892" s="2" t="s">
        <v>5550</v>
      </c>
      <c r="B13892" s="6">
        <v>231268.49999999997</v>
      </c>
      <c r="C13892" s="7">
        <f t="shared" si="217"/>
        <v>231.26849999999996</v>
      </c>
    </row>
    <row r="13893" spans="1:3" x14ac:dyDescent="0.25">
      <c r="A13893" s="2" t="s">
        <v>5551</v>
      </c>
      <c r="B13893" s="6">
        <v>231285.15</v>
      </c>
      <c r="C13893" s="7">
        <f t="shared" si="217"/>
        <v>231.28514999999999</v>
      </c>
    </row>
    <row r="13894" spans="1:3" x14ac:dyDescent="0.25">
      <c r="A13894" s="2" t="s">
        <v>5552</v>
      </c>
      <c r="B13894" s="6">
        <v>231301.8</v>
      </c>
      <c r="C13894" s="7">
        <f t="shared" si="217"/>
        <v>231.30179999999999</v>
      </c>
    </row>
    <row r="13895" spans="1:3" x14ac:dyDescent="0.25">
      <c r="A13895" s="2" t="s">
        <v>5553</v>
      </c>
      <c r="B13895" s="6">
        <v>231318.44999999998</v>
      </c>
      <c r="C13895" s="7">
        <f t="shared" si="217"/>
        <v>231.31844999999998</v>
      </c>
    </row>
    <row r="13896" spans="1:3" x14ac:dyDescent="0.25">
      <c r="A13896" s="2" t="s">
        <v>5554</v>
      </c>
      <c r="B13896" s="6">
        <v>231335.09999999998</v>
      </c>
      <c r="C13896" s="7">
        <f t="shared" si="217"/>
        <v>231.33509999999998</v>
      </c>
    </row>
    <row r="13897" spans="1:3" x14ac:dyDescent="0.25">
      <c r="A13897" s="2" t="s">
        <v>5555</v>
      </c>
      <c r="B13897" s="6">
        <v>231351.74999999997</v>
      </c>
      <c r="C13897" s="7">
        <f t="shared" si="217"/>
        <v>231.35174999999998</v>
      </c>
    </row>
    <row r="13898" spans="1:3" x14ac:dyDescent="0.25">
      <c r="A13898" s="2" t="s">
        <v>5556</v>
      </c>
      <c r="B13898" s="6">
        <v>231368.4</v>
      </c>
      <c r="C13898" s="7">
        <f t="shared" si="217"/>
        <v>231.36840000000001</v>
      </c>
    </row>
    <row r="13899" spans="1:3" x14ac:dyDescent="0.25">
      <c r="A13899" s="2" t="s">
        <v>5557</v>
      </c>
      <c r="B13899" s="6">
        <v>231385.05</v>
      </c>
      <c r="C13899" s="7">
        <f t="shared" si="217"/>
        <v>231.38504999999998</v>
      </c>
    </row>
    <row r="13900" spans="1:3" x14ac:dyDescent="0.25">
      <c r="A13900" s="2" t="s">
        <v>5558</v>
      </c>
      <c r="B13900" s="6">
        <v>231401.69999999998</v>
      </c>
      <c r="C13900" s="7">
        <f t="shared" si="217"/>
        <v>231.40169999999998</v>
      </c>
    </row>
    <row r="13901" spans="1:3" x14ac:dyDescent="0.25">
      <c r="A13901" s="2" t="s">
        <v>5559</v>
      </c>
      <c r="B13901" s="6">
        <v>231418.34999999998</v>
      </c>
      <c r="C13901" s="7">
        <f t="shared" si="217"/>
        <v>231.41834999999998</v>
      </c>
    </row>
    <row r="13902" spans="1:3" x14ac:dyDescent="0.25">
      <c r="A13902" s="2" t="s">
        <v>5560</v>
      </c>
      <c r="B13902" s="6">
        <v>231434.99999999997</v>
      </c>
      <c r="C13902" s="7">
        <f t="shared" si="217"/>
        <v>231.43499999999997</v>
      </c>
    </row>
    <row r="13903" spans="1:3" x14ac:dyDescent="0.25">
      <c r="A13903" s="2" t="s">
        <v>5561</v>
      </c>
      <c r="B13903" s="6">
        <v>231451.65</v>
      </c>
      <c r="C13903" s="7">
        <f t="shared" si="217"/>
        <v>231.45165</v>
      </c>
    </row>
    <row r="13904" spans="1:3" x14ac:dyDescent="0.25">
      <c r="A13904" s="2" t="s">
        <v>5562</v>
      </c>
      <c r="B13904" s="6">
        <v>231468.3</v>
      </c>
      <c r="C13904" s="7">
        <f t="shared" si="217"/>
        <v>231.4683</v>
      </c>
    </row>
    <row r="13905" spans="1:3" x14ac:dyDescent="0.25">
      <c r="A13905" s="2" t="s">
        <v>5563</v>
      </c>
      <c r="B13905" s="6">
        <v>231484.94999999998</v>
      </c>
      <c r="C13905" s="7">
        <f t="shared" si="217"/>
        <v>231.48494999999997</v>
      </c>
    </row>
    <row r="13906" spans="1:3" x14ac:dyDescent="0.25">
      <c r="A13906" s="2" t="s">
        <v>5564</v>
      </c>
      <c r="B13906" s="6">
        <v>231501.59999999998</v>
      </c>
      <c r="C13906" s="7">
        <f t="shared" si="217"/>
        <v>231.50159999999997</v>
      </c>
    </row>
    <row r="13907" spans="1:3" x14ac:dyDescent="0.25">
      <c r="A13907" s="2" t="s">
        <v>5565</v>
      </c>
      <c r="B13907" s="6">
        <v>231518.24999999997</v>
      </c>
      <c r="C13907" s="7">
        <f t="shared" si="217"/>
        <v>231.51824999999997</v>
      </c>
    </row>
    <row r="13908" spans="1:3" x14ac:dyDescent="0.25">
      <c r="A13908" s="2" t="s">
        <v>5566</v>
      </c>
      <c r="B13908" s="6">
        <v>231534.9</v>
      </c>
      <c r="C13908" s="7">
        <f t="shared" si="217"/>
        <v>231.53489999999999</v>
      </c>
    </row>
    <row r="13909" spans="1:3" x14ac:dyDescent="0.25">
      <c r="A13909" s="2" t="s">
        <v>5567</v>
      </c>
      <c r="B13909" s="6">
        <v>231551.55</v>
      </c>
      <c r="C13909" s="7">
        <f t="shared" si="217"/>
        <v>231.55154999999999</v>
      </c>
    </row>
    <row r="13910" spans="1:3" x14ac:dyDescent="0.25">
      <c r="A13910" s="2" t="s">
        <v>5568</v>
      </c>
      <c r="B13910" s="6">
        <v>231568.19999999998</v>
      </c>
      <c r="C13910" s="7">
        <f t="shared" si="217"/>
        <v>231.56819999999999</v>
      </c>
    </row>
    <row r="13911" spans="1:3" x14ac:dyDescent="0.25">
      <c r="A13911" s="2" t="s">
        <v>5569</v>
      </c>
      <c r="B13911" s="6">
        <v>231584.84999999998</v>
      </c>
      <c r="C13911" s="7">
        <f t="shared" si="217"/>
        <v>231.58484999999999</v>
      </c>
    </row>
    <row r="13912" spans="1:3" x14ac:dyDescent="0.25">
      <c r="A13912" s="2" t="s">
        <v>5570</v>
      </c>
      <c r="B13912" s="6">
        <v>231601.49999999997</v>
      </c>
      <c r="C13912" s="7">
        <f t="shared" si="217"/>
        <v>231.60149999999996</v>
      </c>
    </row>
    <row r="13913" spans="1:3" x14ac:dyDescent="0.25">
      <c r="A13913" s="2" t="s">
        <v>5571</v>
      </c>
      <c r="B13913" s="6">
        <v>231618.15</v>
      </c>
      <c r="C13913" s="7">
        <f t="shared" si="217"/>
        <v>231.61814999999999</v>
      </c>
    </row>
    <row r="13914" spans="1:3" x14ac:dyDescent="0.25">
      <c r="A13914" s="2" t="s">
        <v>5572</v>
      </c>
      <c r="B13914" s="6">
        <v>231634.8</v>
      </c>
      <c r="C13914" s="7">
        <f t="shared" si="217"/>
        <v>231.63479999999998</v>
      </c>
    </row>
    <row r="13915" spans="1:3" x14ac:dyDescent="0.25">
      <c r="A13915" s="2" t="s">
        <v>5573</v>
      </c>
      <c r="B13915" s="6">
        <v>231651.44999999998</v>
      </c>
      <c r="C13915" s="7">
        <f t="shared" si="217"/>
        <v>231.65144999999998</v>
      </c>
    </row>
    <row r="13916" spans="1:3" x14ac:dyDescent="0.25">
      <c r="A13916" s="2" t="s">
        <v>5574</v>
      </c>
      <c r="B13916" s="6">
        <v>231668.09999999998</v>
      </c>
      <c r="C13916" s="7">
        <f t="shared" si="217"/>
        <v>231.66809999999998</v>
      </c>
    </row>
    <row r="13917" spans="1:3" x14ac:dyDescent="0.25">
      <c r="A13917" s="2" t="s">
        <v>5575</v>
      </c>
      <c r="B13917" s="6">
        <v>231684.74999999997</v>
      </c>
      <c r="C13917" s="7">
        <f t="shared" si="217"/>
        <v>231.68474999999998</v>
      </c>
    </row>
    <row r="13918" spans="1:3" x14ac:dyDescent="0.25">
      <c r="A13918" s="2" t="s">
        <v>5576</v>
      </c>
      <c r="B13918" s="6">
        <v>231701.4</v>
      </c>
      <c r="C13918" s="7">
        <f t="shared" si="217"/>
        <v>231.70140000000001</v>
      </c>
    </row>
    <row r="13919" spans="1:3" x14ac:dyDescent="0.25">
      <c r="A13919" s="2" t="s">
        <v>5577</v>
      </c>
      <c r="B13919" s="6">
        <v>231718.05</v>
      </c>
      <c r="C13919" s="7">
        <f t="shared" si="217"/>
        <v>231.71804999999998</v>
      </c>
    </row>
    <row r="13920" spans="1:3" x14ac:dyDescent="0.25">
      <c r="A13920" s="2" t="s">
        <v>5578</v>
      </c>
      <c r="B13920" s="6">
        <v>231734.69999999998</v>
      </c>
      <c r="C13920" s="7">
        <f t="shared" si="217"/>
        <v>231.73469999999998</v>
      </c>
    </row>
    <row r="13921" spans="1:3" x14ac:dyDescent="0.25">
      <c r="A13921" s="2" t="s">
        <v>5579</v>
      </c>
      <c r="B13921" s="6">
        <v>231751.34999999998</v>
      </c>
      <c r="C13921" s="7">
        <f t="shared" si="217"/>
        <v>231.75134999999997</v>
      </c>
    </row>
    <row r="13922" spans="1:3" x14ac:dyDescent="0.25">
      <c r="A13922" s="2" t="s">
        <v>5580</v>
      </c>
      <c r="B13922" s="6">
        <v>231767.99999999997</v>
      </c>
      <c r="C13922" s="7">
        <f t="shared" si="217"/>
        <v>231.76799999999997</v>
      </c>
    </row>
    <row r="13923" spans="1:3" x14ac:dyDescent="0.25">
      <c r="A13923" s="2" t="s">
        <v>5581</v>
      </c>
      <c r="B13923" s="6">
        <v>231784.65</v>
      </c>
      <c r="C13923" s="7">
        <f t="shared" si="217"/>
        <v>231.78465</v>
      </c>
    </row>
    <row r="13924" spans="1:3" x14ac:dyDescent="0.25">
      <c r="A13924" s="2" t="s">
        <v>5582</v>
      </c>
      <c r="B13924" s="6">
        <v>231801.3</v>
      </c>
      <c r="C13924" s="7">
        <f t="shared" si="217"/>
        <v>231.8013</v>
      </c>
    </row>
    <row r="13925" spans="1:3" x14ac:dyDescent="0.25">
      <c r="A13925" s="2" t="s">
        <v>5583</v>
      </c>
      <c r="B13925" s="6">
        <v>231817.94999999998</v>
      </c>
      <c r="C13925" s="7">
        <f t="shared" si="217"/>
        <v>231.81795</v>
      </c>
    </row>
    <row r="13926" spans="1:3" x14ac:dyDescent="0.25">
      <c r="A13926" s="2" t="s">
        <v>5584</v>
      </c>
      <c r="B13926" s="6">
        <v>231834.59999999998</v>
      </c>
      <c r="C13926" s="7">
        <f t="shared" si="217"/>
        <v>231.83459999999997</v>
      </c>
    </row>
    <row r="13927" spans="1:3" x14ac:dyDescent="0.25">
      <c r="A13927" s="2" t="s">
        <v>5585</v>
      </c>
      <c r="B13927" s="6">
        <v>231851.24999999997</v>
      </c>
      <c r="C13927" s="7">
        <f t="shared" si="217"/>
        <v>231.85124999999996</v>
      </c>
    </row>
    <row r="13928" spans="1:3" x14ac:dyDescent="0.25">
      <c r="A13928" s="2" t="s">
        <v>5586</v>
      </c>
      <c r="B13928" s="6">
        <v>231867.9</v>
      </c>
      <c r="C13928" s="7">
        <f t="shared" si="217"/>
        <v>231.86789999999999</v>
      </c>
    </row>
    <row r="13929" spans="1:3" x14ac:dyDescent="0.25">
      <c r="A13929" s="2" t="s">
        <v>5587</v>
      </c>
      <c r="B13929" s="6">
        <v>231884.55</v>
      </c>
      <c r="C13929" s="7">
        <f t="shared" si="217"/>
        <v>231.88454999999999</v>
      </c>
    </row>
    <row r="13930" spans="1:3" x14ac:dyDescent="0.25">
      <c r="A13930" s="2" t="s">
        <v>5588</v>
      </c>
      <c r="B13930" s="6">
        <v>231901.19999999998</v>
      </c>
      <c r="C13930" s="7">
        <f t="shared" si="217"/>
        <v>231.90119999999999</v>
      </c>
    </row>
    <row r="13931" spans="1:3" x14ac:dyDescent="0.25">
      <c r="A13931" s="2" t="s">
        <v>5589</v>
      </c>
      <c r="B13931" s="6">
        <v>231917.84999999998</v>
      </c>
      <c r="C13931" s="7">
        <f t="shared" si="217"/>
        <v>231.91784999999999</v>
      </c>
    </row>
    <row r="13932" spans="1:3" x14ac:dyDescent="0.25">
      <c r="A13932" s="2" t="s">
        <v>5590</v>
      </c>
      <c r="B13932" s="6">
        <v>231934.49999999997</v>
      </c>
      <c r="C13932" s="7">
        <f t="shared" si="217"/>
        <v>231.93449999999996</v>
      </c>
    </row>
    <row r="13933" spans="1:3" x14ac:dyDescent="0.25">
      <c r="A13933" s="2" t="s">
        <v>5591</v>
      </c>
      <c r="B13933" s="6">
        <v>231951.15</v>
      </c>
      <c r="C13933" s="7">
        <f t="shared" si="217"/>
        <v>231.95114999999998</v>
      </c>
    </row>
    <row r="13934" spans="1:3" x14ac:dyDescent="0.25">
      <c r="A13934" s="2" t="s">
        <v>5592</v>
      </c>
      <c r="B13934" s="6">
        <v>231967.8</v>
      </c>
      <c r="C13934" s="7">
        <f t="shared" si="217"/>
        <v>231.96779999999998</v>
      </c>
    </row>
    <row r="13935" spans="1:3" x14ac:dyDescent="0.25">
      <c r="A13935" s="2" t="s">
        <v>5593</v>
      </c>
      <c r="B13935" s="6">
        <v>231984.44999999998</v>
      </c>
      <c r="C13935" s="7">
        <f t="shared" si="217"/>
        <v>231.98444999999998</v>
      </c>
    </row>
    <row r="13936" spans="1:3" x14ac:dyDescent="0.25">
      <c r="A13936" s="2" t="s">
        <v>5594</v>
      </c>
      <c r="B13936" s="6">
        <v>232001.09999999998</v>
      </c>
      <c r="C13936" s="7">
        <f t="shared" si="217"/>
        <v>232.00109999999998</v>
      </c>
    </row>
    <row r="13937" spans="1:3" x14ac:dyDescent="0.25">
      <c r="A13937" s="2" t="s">
        <v>5595</v>
      </c>
      <c r="B13937" s="6">
        <v>232017.74999999997</v>
      </c>
      <c r="C13937" s="7">
        <f t="shared" si="217"/>
        <v>232.01774999999998</v>
      </c>
    </row>
    <row r="13938" spans="1:3" x14ac:dyDescent="0.25">
      <c r="A13938" s="2" t="s">
        <v>5596</v>
      </c>
      <c r="B13938" s="6">
        <v>232034.4</v>
      </c>
      <c r="C13938" s="7">
        <f t="shared" si="217"/>
        <v>232.03440000000001</v>
      </c>
    </row>
    <row r="13939" spans="1:3" x14ac:dyDescent="0.25">
      <c r="A13939" s="2" t="s">
        <v>5597</v>
      </c>
      <c r="B13939" s="6">
        <v>232051.05</v>
      </c>
      <c r="C13939" s="7">
        <f t="shared" si="217"/>
        <v>232.05104999999998</v>
      </c>
    </row>
    <row r="13940" spans="1:3" x14ac:dyDescent="0.25">
      <c r="A13940" s="2" t="s">
        <v>5598</v>
      </c>
      <c r="B13940" s="6">
        <v>232067.69999999998</v>
      </c>
      <c r="C13940" s="7">
        <f t="shared" si="217"/>
        <v>232.06769999999997</v>
      </c>
    </row>
    <row r="13941" spans="1:3" x14ac:dyDescent="0.25">
      <c r="A13941" s="2" t="s">
        <v>5599</v>
      </c>
      <c r="B13941" s="6">
        <v>232084.34999999998</v>
      </c>
      <c r="C13941" s="7">
        <f t="shared" si="217"/>
        <v>232.08434999999997</v>
      </c>
    </row>
    <row r="13942" spans="1:3" x14ac:dyDescent="0.25">
      <c r="A13942" s="2" t="s">
        <v>5600</v>
      </c>
      <c r="B13942" s="6">
        <v>232100.99999999997</v>
      </c>
      <c r="C13942" s="7">
        <f t="shared" si="217"/>
        <v>232.10099999999997</v>
      </c>
    </row>
    <row r="13943" spans="1:3" x14ac:dyDescent="0.25">
      <c r="A13943" s="2" t="s">
        <v>5601</v>
      </c>
      <c r="B13943" s="6">
        <v>232117.65</v>
      </c>
      <c r="C13943" s="7">
        <f t="shared" si="217"/>
        <v>232.11765</v>
      </c>
    </row>
    <row r="13944" spans="1:3" x14ac:dyDescent="0.25">
      <c r="A13944" s="2" t="s">
        <v>5602</v>
      </c>
      <c r="B13944" s="6">
        <v>232134.3</v>
      </c>
      <c r="C13944" s="7">
        <f t="shared" si="217"/>
        <v>232.1343</v>
      </c>
    </row>
    <row r="13945" spans="1:3" x14ac:dyDescent="0.25">
      <c r="A13945" s="2" t="s">
        <v>5603</v>
      </c>
      <c r="B13945" s="6">
        <v>232150.94999999998</v>
      </c>
      <c r="C13945" s="7">
        <f t="shared" si="217"/>
        <v>232.15094999999999</v>
      </c>
    </row>
    <row r="13946" spans="1:3" x14ac:dyDescent="0.25">
      <c r="A13946" s="2" t="s">
        <v>5604</v>
      </c>
      <c r="B13946" s="6">
        <v>232167.59999999998</v>
      </c>
      <c r="C13946" s="7">
        <f t="shared" si="217"/>
        <v>232.16759999999996</v>
      </c>
    </row>
    <row r="13947" spans="1:3" x14ac:dyDescent="0.25">
      <c r="A13947" s="2" t="s">
        <v>5605</v>
      </c>
      <c r="B13947" s="6">
        <v>232184.24999999997</v>
      </c>
      <c r="C13947" s="7">
        <f t="shared" si="217"/>
        <v>232.18424999999996</v>
      </c>
    </row>
    <row r="13948" spans="1:3" x14ac:dyDescent="0.25">
      <c r="A13948" s="2" t="s">
        <v>5606</v>
      </c>
      <c r="B13948" s="6">
        <v>232200.9</v>
      </c>
      <c r="C13948" s="7">
        <f t="shared" si="217"/>
        <v>232.20089999999999</v>
      </c>
    </row>
    <row r="13949" spans="1:3" x14ac:dyDescent="0.25">
      <c r="A13949" s="2" t="s">
        <v>5607</v>
      </c>
      <c r="B13949" s="6">
        <v>232217.55</v>
      </c>
      <c r="C13949" s="7">
        <f t="shared" si="217"/>
        <v>232.21754999999999</v>
      </c>
    </row>
    <row r="13950" spans="1:3" x14ac:dyDescent="0.25">
      <c r="A13950" s="2" t="s">
        <v>5608</v>
      </c>
      <c r="B13950" s="6">
        <v>232234.19999999998</v>
      </c>
      <c r="C13950" s="7">
        <f t="shared" si="217"/>
        <v>232.23419999999999</v>
      </c>
    </row>
    <row r="13951" spans="1:3" x14ac:dyDescent="0.25">
      <c r="A13951" s="2" t="s">
        <v>5609</v>
      </c>
      <c r="B13951" s="6">
        <v>232250.84999999998</v>
      </c>
      <c r="C13951" s="7">
        <f t="shared" si="217"/>
        <v>232.25084999999999</v>
      </c>
    </row>
    <row r="13952" spans="1:3" x14ac:dyDescent="0.25">
      <c r="A13952" s="2" t="s">
        <v>5610</v>
      </c>
      <c r="B13952" s="6">
        <v>232267.49999999997</v>
      </c>
      <c r="C13952" s="7">
        <f t="shared" si="217"/>
        <v>232.26749999999998</v>
      </c>
    </row>
    <row r="13953" spans="1:3" x14ac:dyDescent="0.25">
      <c r="A13953" s="2" t="s">
        <v>5611</v>
      </c>
      <c r="B13953" s="6">
        <v>232284.15</v>
      </c>
      <c r="C13953" s="7">
        <f t="shared" si="217"/>
        <v>232.28414999999998</v>
      </c>
    </row>
    <row r="13954" spans="1:3" x14ac:dyDescent="0.25">
      <c r="A13954" s="2" t="s">
        <v>5612</v>
      </c>
      <c r="B13954" s="6">
        <v>232300.79999999999</v>
      </c>
      <c r="C13954" s="7">
        <f t="shared" si="217"/>
        <v>232.30079999999998</v>
      </c>
    </row>
    <row r="13955" spans="1:3" x14ac:dyDescent="0.25">
      <c r="A13955" s="2" t="s">
        <v>5613</v>
      </c>
      <c r="B13955" s="6">
        <v>232317.44999999998</v>
      </c>
      <c r="C13955" s="7">
        <f t="shared" ref="C13955:C14018" si="218">B13955/1000</f>
        <v>232.31744999999998</v>
      </c>
    </row>
    <row r="13956" spans="1:3" x14ac:dyDescent="0.25">
      <c r="A13956" s="2" t="s">
        <v>5614</v>
      </c>
      <c r="B13956" s="6">
        <v>232334.09999999998</v>
      </c>
      <c r="C13956" s="7">
        <f t="shared" si="218"/>
        <v>232.33409999999998</v>
      </c>
    </row>
    <row r="13957" spans="1:3" x14ac:dyDescent="0.25">
      <c r="A13957" s="2" t="s">
        <v>5615</v>
      </c>
      <c r="B13957" s="6">
        <v>232350.74999999997</v>
      </c>
      <c r="C13957" s="7">
        <f t="shared" si="218"/>
        <v>232.35074999999998</v>
      </c>
    </row>
    <row r="13958" spans="1:3" x14ac:dyDescent="0.25">
      <c r="A13958" s="2" t="s">
        <v>5616</v>
      </c>
      <c r="B13958" s="6">
        <v>232367.4</v>
      </c>
      <c r="C13958" s="7">
        <f t="shared" si="218"/>
        <v>232.3674</v>
      </c>
    </row>
    <row r="13959" spans="1:3" x14ac:dyDescent="0.25">
      <c r="A13959" s="2" t="s">
        <v>5617</v>
      </c>
      <c r="B13959" s="6">
        <v>232384.05</v>
      </c>
      <c r="C13959" s="7">
        <f t="shared" si="218"/>
        <v>232.38405</v>
      </c>
    </row>
    <row r="13960" spans="1:3" x14ac:dyDescent="0.25">
      <c r="A13960" s="2" t="s">
        <v>5618</v>
      </c>
      <c r="B13960" s="6">
        <v>232400.69999999998</v>
      </c>
      <c r="C13960" s="7">
        <f t="shared" si="218"/>
        <v>232.40069999999997</v>
      </c>
    </row>
    <row r="13961" spans="1:3" x14ac:dyDescent="0.25">
      <c r="A13961" s="2" t="s">
        <v>5619</v>
      </c>
      <c r="B13961" s="6">
        <v>232417.34999999998</v>
      </c>
      <c r="C13961" s="7">
        <f t="shared" si="218"/>
        <v>232.41734999999997</v>
      </c>
    </row>
    <row r="13962" spans="1:3" x14ac:dyDescent="0.25">
      <c r="A13962" s="2" t="s">
        <v>5620</v>
      </c>
      <c r="B13962" s="6">
        <v>232433.99999999997</v>
      </c>
      <c r="C13962" s="7">
        <f t="shared" si="218"/>
        <v>232.43399999999997</v>
      </c>
    </row>
    <row r="13963" spans="1:3" x14ac:dyDescent="0.25">
      <c r="A13963" s="2" t="s">
        <v>5621</v>
      </c>
      <c r="B13963" s="6">
        <v>232450.65</v>
      </c>
      <c r="C13963" s="7">
        <f t="shared" si="218"/>
        <v>232.45065</v>
      </c>
    </row>
    <row r="13964" spans="1:3" x14ac:dyDescent="0.25">
      <c r="A13964" s="2" t="s">
        <v>5622</v>
      </c>
      <c r="B13964" s="6">
        <v>232467.3</v>
      </c>
      <c r="C13964" s="7">
        <f t="shared" si="218"/>
        <v>232.46729999999999</v>
      </c>
    </row>
    <row r="13965" spans="1:3" x14ac:dyDescent="0.25">
      <c r="A13965" s="2" t="s">
        <v>5623</v>
      </c>
      <c r="B13965" s="6">
        <v>232483.94999999998</v>
      </c>
      <c r="C13965" s="7">
        <f t="shared" si="218"/>
        <v>232.48394999999999</v>
      </c>
    </row>
    <row r="13966" spans="1:3" x14ac:dyDescent="0.25">
      <c r="A13966" s="2" t="s">
        <v>5624</v>
      </c>
      <c r="B13966" s="6">
        <v>232500.59999999998</v>
      </c>
      <c r="C13966" s="7">
        <f t="shared" si="218"/>
        <v>232.50059999999996</v>
      </c>
    </row>
    <row r="13967" spans="1:3" x14ac:dyDescent="0.25">
      <c r="A13967" s="2" t="s">
        <v>5625</v>
      </c>
      <c r="B13967" s="6">
        <v>232517.24999999997</v>
      </c>
      <c r="C13967" s="7">
        <f t="shared" si="218"/>
        <v>232.51724999999996</v>
      </c>
    </row>
    <row r="13968" spans="1:3" x14ac:dyDescent="0.25">
      <c r="A13968" s="2" t="s">
        <v>5626</v>
      </c>
      <c r="B13968" s="6">
        <v>232533.9</v>
      </c>
      <c r="C13968" s="7">
        <f t="shared" si="218"/>
        <v>232.53389999999999</v>
      </c>
    </row>
    <row r="13969" spans="1:3" x14ac:dyDescent="0.25">
      <c r="A13969" s="2" t="s">
        <v>5627</v>
      </c>
      <c r="B13969" s="6">
        <v>232550.55</v>
      </c>
      <c r="C13969" s="7">
        <f t="shared" si="218"/>
        <v>232.55054999999999</v>
      </c>
    </row>
    <row r="13970" spans="1:3" x14ac:dyDescent="0.25">
      <c r="A13970" s="2" t="s">
        <v>5628</v>
      </c>
      <c r="B13970" s="6">
        <v>232567.19999999998</v>
      </c>
      <c r="C13970" s="7">
        <f t="shared" si="218"/>
        <v>232.56719999999999</v>
      </c>
    </row>
    <row r="13971" spans="1:3" x14ac:dyDescent="0.25">
      <c r="A13971" s="2" t="s">
        <v>5629</v>
      </c>
      <c r="B13971" s="6">
        <v>232583.84999999998</v>
      </c>
      <c r="C13971" s="7">
        <f t="shared" si="218"/>
        <v>232.58384999999998</v>
      </c>
    </row>
    <row r="13972" spans="1:3" x14ac:dyDescent="0.25">
      <c r="A13972" s="2" t="s">
        <v>5630</v>
      </c>
      <c r="B13972" s="6">
        <v>232600.49999999997</v>
      </c>
      <c r="C13972" s="7">
        <f t="shared" si="218"/>
        <v>232.60049999999998</v>
      </c>
    </row>
    <row r="13973" spans="1:3" x14ac:dyDescent="0.25">
      <c r="A13973" s="2" t="s">
        <v>5631</v>
      </c>
      <c r="B13973" s="6">
        <v>232617.15</v>
      </c>
      <c r="C13973" s="7">
        <f t="shared" si="218"/>
        <v>232.61714999999998</v>
      </c>
    </row>
    <row r="13974" spans="1:3" x14ac:dyDescent="0.25">
      <c r="A13974" s="2" t="s">
        <v>5632</v>
      </c>
      <c r="B13974" s="6">
        <v>232633.8</v>
      </c>
      <c r="C13974" s="7">
        <f t="shared" si="218"/>
        <v>232.63379999999998</v>
      </c>
    </row>
    <row r="13975" spans="1:3" x14ac:dyDescent="0.25">
      <c r="A13975" s="2" t="s">
        <v>5633</v>
      </c>
      <c r="B13975" s="6">
        <v>232650.44999999998</v>
      </c>
      <c r="C13975" s="7">
        <f t="shared" si="218"/>
        <v>232.65044999999998</v>
      </c>
    </row>
    <row r="13976" spans="1:3" x14ac:dyDescent="0.25">
      <c r="A13976" s="2" t="s">
        <v>5634</v>
      </c>
      <c r="B13976" s="6">
        <v>232667.09999999998</v>
      </c>
      <c r="C13976" s="7">
        <f t="shared" si="218"/>
        <v>232.66709999999998</v>
      </c>
    </row>
    <row r="13977" spans="1:3" x14ac:dyDescent="0.25">
      <c r="A13977" s="2" t="s">
        <v>5635</v>
      </c>
      <c r="B13977" s="6">
        <v>232683.74999999997</v>
      </c>
      <c r="C13977" s="7">
        <f t="shared" si="218"/>
        <v>232.68374999999997</v>
      </c>
    </row>
    <row r="13978" spans="1:3" x14ac:dyDescent="0.25">
      <c r="A13978" s="2" t="s">
        <v>5636</v>
      </c>
      <c r="B13978" s="6">
        <v>232700.4</v>
      </c>
      <c r="C13978" s="7">
        <f t="shared" si="218"/>
        <v>232.7004</v>
      </c>
    </row>
    <row r="13979" spans="1:3" x14ac:dyDescent="0.25">
      <c r="A13979" s="2" t="s">
        <v>5637</v>
      </c>
      <c r="B13979" s="6">
        <v>232717.05</v>
      </c>
      <c r="C13979" s="7">
        <f t="shared" si="218"/>
        <v>232.71705</v>
      </c>
    </row>
    <row r="13980" spans="1:3" x14ac:dyDescent="0.25">
      <c r="A13980" s="2" t="s">
        <v>5638</v>
      </c>
      <c r="B13980" s="6">
        <v>232733.69999999998</v>
      </c>
      <c r="C13980" s="7">
        <f t="shared" si="218"/>
        <v>232.73369999999997</v>
      </c>
    </row>
    <row r="13981" spans="1:3" x14ac:dyDescent="0.25">
      <c r="A13981" s="2" t="s">
        <v>5639</v>
      </c>
      <c r="B13981" s="6">
        <v>232750.34999999998</v>
      </c>
      <c r="C13981" s="7">
        <f t="shared" si="218"/>
        <v>232.75034999999997</v>
      </c>
    </row>
    <row r="13982" spans="1:3" x14ac:dyDescent="0.25">
      <c r="A13982" s="2" t="s">
        <v>5640</v>
      </c>
      <c r="B13982" s="6">
        <v>232766.99999999997</v>
      </c>
      <c r="C13982" s="7">
        <f t="shared" si="218"/>
        <v>232.76699999999997</v>
      </c>
    </row>
    <row r="13983" spans="1:3" x14ac:dyDescent="0.25">
      <c r="A13983" s="2" t="s">
        <v>5641</v>
      </c>
      <c r="B13983" s="6">
        <v>232783.65</v>
      </c>
      <c r="C13983" s="7">
        <f t="shared" si="218"/>
        <v>232.78364999999999</v>
      </c>
    </row>
    <row r="13984" spans="1:3" x14ac:dyDescent="0.25">
      <c r="A13984" s="2" t="s">
        <v>5642</v>
      </c>
      <c r="B13984" s="6">
        <v>232800.3</v>
      </c>
      <c r="C13984" s="7">
        <f t="shared" si="218"/>
        <v>232.80029999999999</v>
      </c>
    </row>
    <row r="13985" spans="1:3" x14ac:dyDescent="0.25">
      <c r="A13985" s="2" t="s">
        <v>5643</v>
      </c>
      <c r="B13985" s="6">
        <v>232816.94999999998</v>
      </c>
      <c r="C13985" s="7">
        <f t="shared" si="218"/>
        <v>232.81694999999999</v>
      </c>
    </row>
    <row r="13986" spans="1:3" x14ac:dyDescent="0.25">
      <c r="A13986" s="2" t="s">
        <v>5644</v>
      </c>
      <c r="B13986" s="6">
        <v>232833.59999999998</v>
      </c>
      <c r="C13986" s="7">
        <f t="shared" si="218"/>
        <v>232.83359999999999</v>
      </c>
    </row>
    <row r="13987" spans="1:3" x14ac:dyDescent="0.25">
      <c r="A13987" s="2" t="s">
        <v>5645</v>
      </c>
      <c r="B13987" s="6">
        <v>232850.24999999997</v>
      </c>
      <c r="C13987" s="7">
        <f t="shared" si="218"/>
        <v>232.85024999999996</v>
      </c>
    </row>
    <row r="13988" spans="1:3" x14ac:dyDescent="0.25">
      <c r="A13988" s="2" t="s">
        <v>5646</v>
      </c>
      <c r="B13988" s="6">
        <v>232866.9</v>
      </c>
      <c r="C13988" s="7">
        <f t="shared" si="218"/>
        <v>232.86689999999999</v>
      </c>
    </row>
    <row r="13989" spans="1:3" x14ac:dyDescent="0.25">
      <c r="A13989" s="2" t="s">
        <v>5647</v>
      </c>
      <c r="B13989" s="6">
        <v>232883.55</v>
      </c>
      <c r="C13989" s="7">
        <f t="shared" si="218"/>
        <v>232.88354999999999</v>
      </c>
    </row>
    <row r="13990" spans="1:3" x14ac:dyDescent="0.25">
      <c r="A13990" s="2" t="s">
        <v>5648</v>
      </c>
      <c r="B13990" s="6">
        <v>232900.19999999998</v>
      </c>
      <c r="C13990" s="7">
        <f t="shared" si="218"/>
        <v>232.90019999999998</v>
      </c>
    </row>
    <row r="13991" spans="1:3" x14ac:dyDescent="0.25">
      <c r="A13991" s="2" t="s">
        <v>5649</v>
      </c>
      <c r="B13991" s="6">
        <v>232916.84999999998</v>
      </c>
      <c r="C13991" s="7">
        <f t="shared" si="218"/>
        <v>232.91684999999998</v>
      </c>
    </row>
    <row r="13992" spans="1:3" x14ac:dyDescent="0.25">
      <c r="A13992" s="2" t="s">
        <v>5650</v>
      </c>
      <c r="B13992" s="6">
        <v>232933.49999999997</v>
      </c>
      <c r="C13992" s="7">
        <f t="shared" si="218"/>
        <v>232.93349999999998</v>
      </c>
    </row>
    <row r="13993" spans="1:3" x14ac:dyDescent="0.25">
      <c r="A13993" s="2" t="s">
        <v>5651</v>
      </c>
      <c r="B13993" s="6">
        <v>232950.15</v>
      </c>
      <c r="C13993" s="7">
        <f t="shared" si="218"/>
        <v>232.95015000000001</v>
      </c>
    </row>
    <row r="13994" spans="1:3" x14ac:dyDescent="0.25">
      <c r="A13994" s="2" t="s">
        <v>5652</v>
      </c>
      <c r="B13994" s="6">
        <v>232966.8</v>
      </c>
      <c r="C13994" s="7">
        <f t="shared" si="218"/>
        <v>232.96679999999998</v>
      </c>
    </row>
    <row r="13995" spans="1:3" x14ac:dyDescent="0.25">
      <c r="A13995" s="2" t="s">
        <v>5653</v>
      </c>
      <c r="B13995" s="6">
        <v>232983.44999999998</v>
      </c>
      <c r="C13995" s="7">
        <f t="shared" si="218"/>
        <v>232.98344999999998</v>
      </c>
    </row>
    <row r="13996" spans="1:3" x14ac:dyDescent="0.25">
      <c r="A13996" s="2" t="s">
        <v>5654</v>
      </c>
      <c r="B13996" s="6">
        <v>233000.09999999998</v>
      </c>
      <c r="C13996" s="7">
        <f t="shared" si="218"/>
        <v>233.00009999999997</v>
      </c>
    </row>
    <row r="13997" spans="1:3" x14ac:dyDescent="0.25">
      <c r="A13997" s="2" t="s">
        <v>5655</v>
      </c>
      <c r="B13997" s="6">
        <v>233016.74999999997</v>
      </c>
      <c r="C13997" s="7">
        <f t="shared" si="218"/>
        <v>233.01674999999997</v>
      </c>
    </row>
    <row r="13998" spans="1:3" x14ac:dyDescent="0.25">
      <c r="A13998" s="2" t="s">
        <v>5656</v>
      </c>
      <c r="B13998" s="6">
        <v>233033.4</v>
      </c>
      <c r="C13998" s="7">
        <f t="shared" si="218"/>
        <v>233.0334</v>
      </c>
    </row>
    <row r="13999" spans="1:3" x14ac:dyDescent="0.25">
      <c r="A13999" s="2" t="s">
        <v>5657</v>
      </c>
      <c r="B13999" s="6">
        <v>233050.05</v>
      </c>
      <c r="C13999" s="7">
        <f t="shared" si="218"/>
        <v>233.05005</v>
      </c>
    </row>
    <row r="14000" spans="1:3" x14ac:dyDescent="0.25">
      <c r="A14000" s="2" t="s">
        <v>5658</v>
      </c>
      <c r="B14000" s="6">
        <v>233066.69999999998</v>
      </c>
      <c r="C14000" s="7">
        <f t="shared" si="218"/>
        <v>233.06669999999997</v>
      </c>
    </row>
    <row r="14001" spans="1:3" x14ac:dyDescent="0.25">
      <c r="A14001" s="2" t="s">
        <v>5659</v>
      </c>
      <c r="B14001" s="6">
        <v>233083.34999999998</v>
      </c>
      <c r="C14001" s="7">
        <f t="shared" si="218"/>
        <v>233.08334999999997</v>
      </c>
    </row>
    <row r="14002" spans="1:3" x14ac:dyDescent="0.25">
      <c r="A14002" s="2" t="s">
        <v>5660</v>
      </c>
      <c r="B14002" s="6">
        <v>233099.99999999997</v>
      </c>
      <c r="C14002" s="7">
        <f t="shared" si="218"/>
        <v>233.09999999999997</v>
      </c>
    </row>
    <row r="14003" spans="1:3" x14ac:dyDescent="0.25">
      <c r="A14003" s="2" t="s">
        <v>5661</v>
      </c>
      <c r="B14003" s="6">
        <v>233116.65</v>
      </c>
      <c r="C14003" s="7">
        <f t="shared" si="218"/>
        <v>233.11664999999999</v>
      </c>
    </row>
    <row r="14004" spans="1:3" x14ac:dyDescent="0.25">
      <c r="A14004" s="2" t="s">
        <v>5662</v>
      </c>
      <c r="B14004" s="6">
        <v>233133.3</v>
      </c>
      <c r="C14004" s="7">
        <f t="shared" si="218"/>
        <v>233.13329999999999</v>
      </c>
    </row>
    <row r="14005" spans="1:3" x14ac:dyDescent="0.25">
      <c r="A14005" s="2" t="s">
        <v>5663</v>
      </c>
      <c r="B14005" s="6">
        <v>233149.94999999998</v>
      </c>
      <c r="C14005" s="7">
        <f t="shared" si="218"/>
        <v>233.14994999999999</v>
      </c>
    </row>
    <row r="14006" spans="1:3" x14ac:dyDescent="0.25">
      <c r="A14006" s="2" t="s">
        <v>5664</v>
      </c>
      <c r="B14006" s="6">
        <v>233166.59999999998</v>
      </c>
      <c r="C14006" s="7">
        <f t="shared" si="218"/>
        <v>233.16659999999999</v>
      </c>
    </row>
    <row r="14007" spans="1:3" x14ac:dyDescent="0.25">
      <c r="A14007" s="2" t="s">
        <v>5665</v>
      </c>
      <c r="B14007" s="6">
        <v>233183.24999999997</v>
      </c>
      <c r="C14007" s="7">
        <f t="shared" si="218"/>
        <v>233.18324999999996</v>
      </c>
    </row>
    <row r="14008" spans="1:3" x14ac:dyDescent="0.25">
      <c r="A14008" s="2" t="s">
        <v>5666</v>
      </c>
      <c r="B14008" s="6">
        <v>233199.9</v>
      </c>
      <c r="C14008" s="7">
        <f t="shared" si="218"/>
        <v>233.19989999999999</v>
      </c>
    </row>
    <row r="14009" spans="1:3" x14ac:dyDescent="0.25">
      <c r="A14009" s="2" t="s">
        <v>5667</v>
      </c>
      <c r="B14009" s="6">
        <v>233216.55</v>
      </c>
      <c r="C14009" s="7">
        <f t="shared" si="218"/>
        <v>233.21654999999998</v>
      </c>
    </row>
    <row r="14010" spans="1:3" x14ac:dyDescent="0.25">
      <c r="A14010" s="2" t="s">
        <v>5668</v>
      </c>
      <c r="B14010" s="6">
        <v>233233.19999999998</v>
      </c>
      <c r="C14010" s="7">
        <f t="shared" si="218"/>
        <v>233.23319999999998</v>
      </c>
    </row>
    <row r="14011" spans="1:3" x14ac:dyDescent="0.25">
      <c r="A14011" s="2" t="s">
        <v>5669</v>
      </c>
      <c r="B14011" s="6">
        <v>233249.84999999998</v>
      </c>
      <c r="C14011" s="7">
        <f t="shared" si="218"/>
        <v>233.24984999999998</v>
      </c>
    </row>
    <row r="14012" spans="1:3" x14ac:dyDescent="0.25">
      <c r="A14012" s="2" t="s">
        <v>5670</v>
      </c>
      <c r="B14012" s="6">
        <v>233266.49999999997</v>
      </c>
      <c r="C14012" s="7">
        <f t="shared" si="218"/>
        <v>233.26649999999998</v>
      </c>
    </row>
    <row r="14013" spans="1:3" x14ac:dyDescent="0.25">
      <c r="A14013" s="2" t="s">
        <v>5671</v>
      </c>
      <c r="B14013" s="6">
        <v>233283.15</v>
      </c>
      <c r="C14013" s="7">
        <f t="shared" si="218"/>
        <v>233.28315000000001</v>
      </c>
    </row>
    <row r="14014" spans="1:3" x14ac:dyDescent="0.25">
      <c r="A14014" s="2" t="s">
        <v>5672</v>
      </c>
      <c r="B14014" s="6">
        <v>233299.8</v>
      </c>
      <c r="C14014" s="7">
        <f t="shared" si="218"/>
        <v>233.29979999999998</v>
      </c>
    </row>
    <row r="14015" spans="1:3" x14ac:dyDescent="0.25">
      <c r="A14015" s="2" t="s">
        <v>5673</v>
      </c>
      <c r="B14015" s="6">
        <v>233316.44999999998</v>
      </c>
      <c r="C14015" s="7">
        <f t="shared" si="218"/>
        <v>233.31644999999997</v>
      </c>
    </row>
    <row r="14016" spans="1:3" x14ac:dyDescent="0.25">
      <c r="A14016" s="2" t="s">
        <v>5674</v>
      </c>
      <c r="B14016" s="6">
        <v>233333.09999999998</v>
      </c>
      <c r="C14016" s="7">
        <f t="shared" si="218"/>
        <v>233.33309999999997</v>
      </c>
    </row>
    <row r="14017" spans="1:3" x14ac:dyDescent="0.25">
      <c r="A14017" s="2" t="s">
        <v>5675</v>
      </c>
      <c r="B14017" s="6">
        <v>233349.74999999997</v>
      </c>
      <c r="C14017" s="7">
        <f t="shared" si="218"/>
        <v>233.34974999999997</v>
      </c>
    </row>
    <row r="14018" spans="1:3" x14ac:dyDescent="0.25">
      <c r="A14018" s="2" t="s">
        <v>5676</v>
      </c>
      <c r="B14018" s="6">
        <v>233366.39999999999</v>
      </c>
      <c r="C14018" s="7">
        <f t="shared" si="218"/>
        <v>233.3664</v>
      </c>
    </row>
    <row r="14019" spans="1:3" x14ac:dyDescent="0.25">
      <c r="A14019" s="2" t="s">
        <v>5677</v>
      </c>
      <c r="B14019" s="6">
        <v>233383.05</v>
      </c>
      <c r="C14019" s="7">
        <f t="shared" ref="C14019:C14082" si="219">B14019/1000</f>
        <v>233.38305</v>
      </c>
    </row>
    <row r="14020" spans="1:3" x14ac:dyDescent="0.25">
      <c r="A14020" s="2" t="s">
        <v>5678</v>
      </c>
      <c r="B14020" s="6">
        <v>233399.69999999998</v>
      </c>
      <c r="C14020" s="7">
        <f t="shared" si="219"/>
        <v>233.3997</v>
      </c>
    </row>
    <row r="14021" spans="1:3" x14ac:dyDescent="0.25">
      <c r="A14021" s="2" t="s">
        <v>5679</v>
      </c>
      <c r="B14021" s="6">
        <v>233416.34999999998</v>
      </c>
      <c r="C14021" s="7">
        <f t="shared" si="219"/>
        <v>233.41634999999997</v>
      </c>
    </row>
    <row r="14022" spans="1:3" x14ac:dyDescent="0.25">
      <c r="A14022" s="2" t="s">
        <v>5680</v>
      </c>
      <c r="B14022" s="6">
        <v>233432.99999999997</v>
      </c>
      <c r="C14022" s="7">
        <f t="shared" si="219"/>
        <v>233.43299999999996</v>
      </c>
    </row>
    <row r="14023" spans="1:3" x14ac:dyDescent="0.25">
      <c r="A14023" s="2" t="s">
        <v>5681</v>
      </c>
      <c r="B14023" s="6">
        <v>233449.65</v>
      </c>
      <c r="C14023" s="7">
        <f t="shared" si="219"/>
        <v>233.44964999999999</v>
      </c>
    </row>
    <row r="14024" spans="1:3" x14ac:dyDescent="0.25">
      <c r="A14024" s="2" t="s">
        <v>5682</v>
      </c>
      <c r="B14024" s="6">
        <v>233466.3</v>
      </c>
      <c r="C14024" s="7">
        <f t="shared" si="219"/>
        <v>233.46629999999999</v>
      </c>
    </row>
    <row r="14025" spans="1:3" x14ac:dyDescent="0.25">
      <c r="A14025" s="2" t="s">
        <v>5683</v>
      </c>
      <c r="B14025" s="6">
        <v>233482.94999999998</v>
      </c>
      <c r="C14025" s="7">
        <f t="shared" si="219"/>
        <v>233.48294999999999</v>
      </c>
    </row>
    <row r="14026" spans="1:3" x14ac:dyDescent="0.25">
      <c r="A14026" s="2" t="s">
        <v>5684</v>
      </c>
      <c r="B14026" s="6">
        <v>233499.59999999998</v>
      </c>
      <c r="C14026" s="7">
        <f t="shared" si="219"/>
        <v>233.49959999999999</v>
      </c>
    </row>
    <row r="14027" spans="1:3" x14ac:dyDescent="0.25">
      <c r="A14027" s="2" t="s">
        <v>5685</v>
      </c>
      <c r="B14027" s="6">
        <v>233516.24999999997</v>
      </c>
      <c r="C14027" s="7">
        <f t="shared" si="219"/>
        <v>233.51624999999996</v>
      </c>
    </row>
    <row r="14028" spans="1:3" x14ac:dyDescent="0.25">
      <c r="A14028" s="2" t="s">
        <v>5686</v>
      </c>
      <c r="B14028" s="6">
        <v>233532.9</v>
      </c>
      <c r="C14028" s="7">
        <f t="shared" si="219"/>
        <v>233.53289999999998</v>
      </c>
    </row>
    <row r="14029" spans="1:3" x14ac:dyDescent="0.25">
      <c r="A14029" s="2" t="s">
        <v>5687</v>
      </c>
      <c r="B14029" s="6">
        <v>233549.55</v>
      </c>
      <c r="C14029" s="7">
        <f t="shared" si="219"/>
        <v>233.54954999999998</v>
      </c>
    </row>
    <row r="14030" spans="1:3" x14ac:dyDescent="0.25">
      <c r="A14030" s="2" t="s">
        <v>5688</v>
      </c>
      <c r="B14030" s="6">
        <v>233566.19999999998</v>
      </c>
      <c r="C14030" s="7">
        <f t="shared" si="219"/>
        <v>233.56619999999998</v>
      </c>
    </row>
    <row r="14031" spans="1:3" x14ac:dyDescent="0.25">
      <c r="A14031" s="2" t="s">
        <v>5689</v>
      </c>
      <c r="B14031" s="6">
        <v>233582.84999999998</v>
      </c>
      <c r="C14031" s="7">
        <f t="shared" si="219"/>
        <v>233.58284999999998</v>
      </c>
    </row>
    <row r="14032" spans="1:3" x14ac:dyDescent="0.25">
      <c r="A14032" s="2" t="s">
        <v>5690</v>
      </c>
      <c r="B14032" s="6">
        <v>233599.49999999997</v>
      </c>
      <c r="C14032" s="7">
        <f t="shared" si="219"/>
        <v>233.59949999999998</v>
      </c>
    </row>
    <row r="14033" spans="1:3" x14ac:dyDescent="0.25">
      <c r="A14033" s="2" t="s">
        <v>5691</v>
      </c>
      <c r="B14033" s="6">
        <v>233616.15</v>
      </c>
      <c r="C14033" s="7">
        <f t="shared" si="219"/>
        <v>233.61615</v>
      </c>
    </row>
    <row r="14034" spans="1:3" x14ac:dyDescent="0.25">
      <c r="A14034" s="2" t="s">
        <v>5692</v>
      </c>
      <c r="B14034" s="6">
        <v>233632.8</v>
      </c>
      <c r="C14034" s="7">
        <f t="shared" si="219"/>
        <v>233.63279999999997</v>
      </c>
    </row>
    <row r="14035" spans="1:3" x14ac:dyDescent="0.25">
      <c r="A14035" s="2" t="s">
        <v>5693</v>
      </c>
      <c r="B14035" s="6">
        <v>233649.44999999998</v>
      </c>
      <c r="C14035" s="7">
        <f t="shared" si="219"/>
        <v>233.64944999999997</v>
      </c>
    </row>
    <row r="14036" spans="1:3" x14ac:dyDescent="0.25">
      <c r="A14036" s="2" t="s">
        <v>5694</v>
      </c>
      <c r="B14036" s="6">
        <v>233666.09999999998</v>
      </c>
      <c r="C14036" s="7">
        <f t="shared" si="219"/>
        <v>233.66609999999997</v>
      </c>
    </row>
    <row r="14037" spans="1:3" x14ac:dyDescent="0.25">
      <c r="A14037" s="2" t="s">
        <v>5695</v>
      </c>
      <c r="B14037" s="6">
        <v>233682.74999999997</v>
      </c>
      <c r="C14037" s="7">
        <f t="shared" si="219"/>
        <v>233.68274999999997</v>
      </c>
    </row>
    <row r="14038" spans="1:3" x14ac:dyDescent="0.25">
      <c r="A14038" s="2" t="s">
        <v>5696</v>
      </c>
      <c r="B14038" s="6">
        <v>233699.4</v>
      </c>
      <c r="C14038" s="7">
        <f t="shared" si="219"/>
        <v>233.6994</v>
      </c>
    </row>
    <row r="14039" spans="1:3" x14ac:dyDescent="0.25">
      <c r="A14039" s="2" t="s">
        <v>5697</v>
      </c>
      <c r="B14039" s="6">
        <v>233716.05</v>
      </c>
      <c r="C14039" s="7">
        <f t="shared" si="219"/>
        <v>233.71605</v>
      </c>
    </row>
    <row r="14040" spans="1:3" x14ac:dyDescent="0.25">
      <c r="A14040" s="2" t="s">
        <v>5698</v>
      </c>
      <c r="B14040" s="6">
        <v>233732.69999999998</v>
      </c>
      <c r="C14040" s="7">
        <f t="shared" si="219"/>
        <v>233.73269999999999</v>
      </c>
    </row>
    <row r="14041" spans="1:3" x14ac:dyDescent="0.25">
      <c r="A14041" s="2" t="s">
        <v>5699</v>
      </c>
      <c r="B14041" s="6">
        <v>233749.34999999998</v>
      </c>
      <c r="C14041" s="7">
        <f t="shared" si="219"/>
        <v>233.74934999999996</v>
      </c>
    </row>
    <row r="14042" spans="1:3" x14ac:dyDescent="0.25">
      <c r="A14042" s="2" t="s">
        <v>5700</v>
      </c>
      <c r="B14042" s="6">
        <v>233765.99999999997</v>
      </c>
      <c r="C14042" s="7">
        <f t="shared" si="219"/>
        <v>233.76599999999996</v>
      </c>
    </row>
    <row r="14043" spans="1:3" x14ac:dyDescent="0.25">
      <c r="A14043" s="2" t="s">
        <v>5701</v>
      </c>
      <c r="B14043" s="6">
        <v>233782.65</v>
      </c>
      <c r="C14043" s="7">
        <f t="shared" si="219"/>
        <v>233.78264999999999</v>
      </c>
    </row>
    <row r="14044" spans="1:3" x14ac:dyDescent="0.25">
      <c r="A14044" s="2" t="s">
        <v>5702</v>
      </c>
      <c r="B14044" s="6">
        <v>233799.3</v>
      </c>
      <c r="C14044" s="7">
        <f t="shared" si="219"/>
        <v>233.79929999999999</v>
      </c>
    </row>
    <row r="14045" spans="1:3" x14ac:dyDescent="0.25">
      <c r="A14045" s="2" t="s">
        <v>5703</v>
      </c>
      <c r="B14045" s="6">
        <v>233815.94999999998</v>
      </c>
      <c r="C14045" s="7">
        <f t="shared" si="219"/>
        <v>233.81594999999999</v>
      </c>
    </row>
    <row r="14046" spans="1:3" x14ac:dyDescent="0.25">
      <c r="A14046" s="2" t="s">
        <v>5704</v>
      </c>
      <c r="B14046" s="6">
        <v>233832.59999999998</v>
      </c>
      <c r="C14046" s="7">
        <f t="shared" si="219"/>
        <v>233.83259999999999</v>
      </c>
    </row>
    <row r="14047" spans="1:3" x14ac:dyDescent="0.25">
      <c r="A14047" s="2" t="s">
        <v>5705</v>
      </c>
      <c r="B14047" s="6">
        <v>233849.24999999997</v>
      </c>
      <c r="C14047" s="7">
        <f t="shared" si="219"/>
        <v>233.84924999999998</v>
      </c>
    </row>
    <row r="14048" spans="1:3" x14ac:dyDescent="0.25">
      <c r="A14048" s="2" t="s">
        <v>5706</v>
      </c>
      <c r="B14048" s="6">
        <v>233865.9</v>
      </c>
      <c r="C14048" s="7">
        <f t="shared" si="219"/>
        <v>233.86589999999998</v>
      </c>
    </row>
    <row r="14049" spans="1:3" x14ac:dyDescent="0.25">
      <c r="A14049" s="2" t="s">
        <v>5707</v>
      </c>
      <c r="B14049" s="6">
        <v>233882.55</v>
      </c>
      <c r="C14049" s="7">
        <f t="shared" si="219"/>
        <v>233.88254999999998</v>
      </c>
    </row>
    <row r="14050" spans="1:3" x14ac:dyDescent="0.25">
      <c r="A14050" s="2" t="s">
        <v>5708</v>
      </c>
      <c r="B14050" s="6">
        <v>233899.19999999998</v>
      </c>
      <c r="C14050" s="7">
        <f t="shared" si="219"/>
        <v>233.89919999999998</v>
      </c>
    </row>
    <row r="14051" spans="1:3" x14ac:dyDescent="0.25">
      <c r="A14051" s="2" t="s">
        <v>5709</v>
      </c>
      <c r="B14051" s="6">
        <v>233915.84999999998</v>
      </c>
      <c r="C14051" s="7">
        <f t="shared" si="219"/>
        <v>233.91584999999998</v>
      </c>
    </row>
    <row r="14052" spans="1:3" x14ac:dyDescent="0.25">
      <c r="A14052" s="2" t="s">
        <v>5710</v>
      </c>
      <c r="B14052" s="6">
        <v>233932.49999999997</v>
      </c>
      <c r="C14052" s="7">
        <f t="shared" si="219"/>
        <v>233.93249999999998</v>
      </c>
    </row>
    <row r="14053" spans="1:3" x14ac:dyDescent="0.25">
      <c r="A14053" s="2" t="s">
        <v>5711</v>
      </c>
      <c r="B14053" s="6">
        <v>233949.15</v>
      </c>
      <c r="C14053" s="7">
        <f t="shared" si="219"/>
        <v>233.94915</v>
      </c>
    </row>
    <row r="14054" spans="1:3" x14ac:dyDescent="0.25">
      <c r="A14054" s="2" t="s">
        <v>5712</v>
      </c>
      <c r="B14054" s="6">
        <v>233965.8</v>
      </c>
      <c r="C14054" s="7">
        <f t="shared" si="219"/>
        <v>233.9658</v>
      </c>
    </row>
    <row r="14055" spans="1:3" x14ac:dyDescent="0.25">
      <c r="A14055" s="2" t="s">
        <v>5713</v>
      </c>
      <c r="B14055" s="6">
        <v>233982.44999999998</v>
      </c>
      <c r="C14055" s="7">
        <f t="shared" si="219"/>
        <v>233.98244999999997</v>
      </c>
    </row>
    <row r="14056" spans="1:3" x14ac:dyDescent="0.25">
      <c r="A14056" s="2" t="s">
        <v>5714</v>
      </c>
      <c r="B14056" s="6">
        <v>233999.09999999998</v>
      </c>
      <c r="C14056" s="7">
        <f t="shared" si="219"/>
        <v>233.99909999999997</v>
      </c>
    </row>
    <row r="14057" spans="1:3" x14ac:dyDescent="0.25">
      <c r="A14057" s="2" t="s">
        <v>5715</v>
      </c>
      <c r="B14057" s="6">
        <v>234015.74999999997</v>
      </c>
      <c r="C14057" s="7">
        <f t="shared" si="219"/>
        <v>234.01574999999997</v>
      </c>
    </row>
    <row r="14058" spans="1:3" x14ac:dyDescent="0.25">
      <c r="A14058" s="2" t="s">
        <v>5716</v>
      </c>
      <c r="B14058" s="6">
        <v>234032.4</v>
      </c>
      <c r="C14058" s="7">
        <f t="shared" si="219"/>
        <v>234.0324</v>
      </c>
    </row>
    <row r="14059" spans="1:3" x14ac:dyDescent="0.25">
      <c r="A14059" s="2" t="s">
        <v>5717</v>
      </c>
      <c r="B14059" s="6">
        <v>234049.05</v>
      </c>
      <c r="C14059" s="7">
        <f t="shared" si="219"/>
        <v>234.04904999999999</v>
      </c>
    </row>
    <row r="14060" spans="1:3" x14ac:dyDescent="0.25">
      <c r="A14060" s="2" t="s">
        <v>5718</v>
      </c>
      <c r="B14060" s="6">
        <v>234065.69999999998</v>
      </c>
      <c r="C14060" s="7">
        <f t="shared" si="219"/>
        <v>234.06569999999999</v>
      </c>
    </row>
    <row r="14061" spans="1:3" x14ac:dyDescent="0.25">
      <c r="A14061" s="2" t="s">
        <v>5719</v>
      </c>
      <c r="B14061" s="6">
        <v>234082.34999999998</v>
      </c>
      <c r="C14061" s="7">
        <f t="shared" si="219"/>
        <v>234.08234999999996</v>
      </c>
    </row>
    <row r="14062" spans="1:3" x14ac:dyDescent="0.25">
      <c r="A14062" s="2" t="s">
        <v>5720</v>
      </c>
      <c r="B14062" s="6">
        <v>234098.99999999997</v>
      </c>
      <c r="C14062" s="7">
        <f t="shared" si="219"/>
        <v>234.09899999999996</v>
      </c>
    </row>
    <row r="14063" spans="1:3" x14ac:dyDescent="0.25">
      <c r="A14063" s="2" t="s">
        <v>5721</v>
      </c>
      <c r="B14063" s="6">
        <v>234115.65</v>
      </c>
      <c r="C14063" s="7">
        <f t="shared" si="219"/>
        <v>234.11564999999999</v>
      </c>
    </row>
    <row r="14064" spans="1:3" x14ac:dyDescent="0.25">
      <c r="A14064" s="2" t="s">
        <v>5722</v>
      </c>
      <c r="B14064" s="6">
        <v>234132.3</v>
      </c>
      <c r="C14064" s="7">
        <f t="shared" si="219"/>
        <v>234.13229999999999</v>
      </c>
    </row>
    <row r="14065" spans="1:3" x14ac:dyDescent="0.25">
      <c r="A14065" s="2" t="s">
        <v>5723</v>
      </c>
      <c r="B14065" s="6">
        <v>234148.94999999998</v>
      </c>
      <c r="C14065" s="7">
        <f t="shared" si="219"/>
        <v>234.14894999999999</v>
      </c>
    </row>
    <row r="14066" spans="1:3" x14ac:dyDescent="0.25">
      <c r="A14066" s="2" t="s">
        <v>5724</v>
      </c>
      <c r="B14066" s="6">
        <v>234165.59999999998</v>
      </c>
      <c r="C14066" s="7">
        <f t="shared" si="219"/>
        <v>234.16559999999998</v>
      </c>
    </row>
    <row r="14067" spans="1:3" x14ac:dyDescent="0.25">
      <c r="A14067" s="2" t="s">
        <v>5725</v>
      </c>
      <c r="B14067" s="6">
        <v>234182.24999999997</v>
      </c>
      <c r="C14067" s="7">
        <f t="shared" si="219"/>
        <v>234.18224999999998</v>
      </c>
    </row>
    <row r="14068" spans="1:3" x14ac:dyDescent="0.25">
      <c r="A14068" s="2" t="s">
        <v>5726</v>
      </c>
      <c r="B14068" s="6">
        <v>234198.9</v>
      </c>
      <c r="C14068" s="7">
        <f t="shared" si="219"/>
        <v>234.19889999999998</v>
      </c>
    </row>
    <row r="14069" spans="1:3" x14ac:dyDescent="0.25">
      <c r="A14069" s="2" t="s">
        <v>5727</v>
      </c>
      <c r="B14069" s="6">
        <v>234215.55</v>
      </c>
      <c r="C14069" s="7">
        <f t="shared" si="219"/>
        <v>234.21554999999998</v>
      </c>
    </row>
    <row r="14070" spans="1:3" x14ac:dyDescent="0.25">
      <c r="A14070" s="2" t="s">
        <v>5728</v>
      </c>
      <c r="B14070" s="6">
        <v>234232.19999999998</v>
      </c>
      <c r="C14070" s="7">
        <f t="shared" si="219"/>
        <v>234.23219999999998</v>
      </c>
    </row>
    <row r="14071" spans="1:3" x14ac:dyDescent="0.25">
      <c r="A14071" s="2" t="s">
        <v>5729</v>
      </c>
      <c r="B14071" s="6">
        <v>234248.84999999998</v>
      </c>
      <c r="C14071" s="7">
        <f t="shared" si="219"/>
        <v>234.24884999999998</v>
      </c>
    </row>
    <row r="14072" spans="1:3" x14ac:dyDescent="0.25">
      <c r="A14072" s="2" t="s">
        <v>5730</v>
      </c>
      <c r="B14072" s="6">
        <v>234265.49999999997</v>
      </c>
      <c r="C14072" s="7">
        <f t="shared" si="219"/>
        <v>234.26549999999997</v>
      </c>
    </row>
    <row r="14073" spans="1:3" x14ac:dyDescent="0.25">
      <c r="A14073" s="2" t="s">
        <v>5731</v>
      </c>
      <c r="B14073" s="6">
        <v>234282.15</v>
      </c>
      <c r="C14073" s="7">
        <f t="shared" si="219"/>
        <v>234.28215</v>
      </c>
    </row>
    <row r="14074" spans="1:3" x14ac:dyDescent="0.25">
      <c r="A14074" s="2" t="s">
        <v>5732</v>
      </c>
      <c r="B14074" s="6">
        <v>234298.8</v>
      </c>
      <c r="C14074" s="7">
        <f t="shared" si="219"/>
        <v>234.2988</v>
      </c>
    </row>
    <row r="14075" spans="1:3" x14ac:dyDescent="0.25">
      <c r="A14075" s="2" t="s">
        <v>5733</v>
      </c>
      <c r="B14075" s="6">
        <v>234315.44999999998</v>
      </c>
      <c r="C14075" s="7">
        <f t="shared" si="219"/>
        <v>234.31544999999997</v>
      </c>
    </row>
    <row r="14076" spans="1:3" x14ac:dyDescent="0.25">
      <c r="A14076" s="2" t="s">
        <v>5734</v>
      </c>
      <c r="B14076" s="6">
        <v>234332.09999999998</v>
      </c>
      <c r="C14076" s="7">
        <f t="shared" si="219"/>
        <v>234.33209999999997</v>
      </c>
    </row>
    <row r="14077" spans="1:3" x14ac:dyDescent="0.25">
      <c r="A14077" s="2" t="s">
        <v>5735</v>
      </c>
      <c r="B14077" s="6">
        <v>234348.74999999997</v>
      </c>
      <c r="C14077" s="7">
        <f t="shared" si="219"/>
        <v>234.34874999999997</v>
      </c>
    </row>
    <row r="14078" spans="1:3" x14ac:dyDescent="0.25">
      <c r="A14078" s="2" t="s">
        <v>5736</v>
      </c>
      <c r="B14078" s="6">
        <v>234365.4</v>
      </c>
      <c r="C14078" s="7">
        <f t="shared" si="219"/>
        <v>234.36539999999999</v>
      </c>
    </row>
    <row r="14079" spans="1:3" x14ac:dyDescent="0.25">
      <c r="A14079" s="2" t="s">
        <v>5737</v>
      </c>
      <c r="B14079" s="6">
        <v>234382.05</v>
      </c>
      <c r="C14079" s="7">
        <f t="shared" si="219"/>
        <v>234.38204999999999</v>
      </c>
    </row>
    <row r="14080" spans="1:3" x14ac:dyDescent="0.25">
      <c r="A14080" s="2" t="s">
        <v>5738</v>
      </c>
      <c r="B14080" s="6">
        <v>234398.69999999998</v>
      </c>
      <c r="C14080" s="7">
        <f t="shared" si="219"/>
        <v>234.39869999999999</v>
      </c>
    </row>
    <row r="14081" spans="1:3" x14ac:dyDescent="0.25">
      <c r="A14081" s="2" t="s">
        <v>5739</v>
      </c>
      <c r="B14081" s="6">
        <v>234415.34999999998</v>
      </c>
      <c r="C14081" s="7">
        <f t="shared" si="219"/>
        <v>234.41534999999999</v>
      </c>
    </row>
    <row r="14082" spans="1:3" x14ac:dyDescent="0.25">
      <c r="A14082" s="2" t="s">
        <v>5740</v>
      </c>
      <c r="B14082" s="6">
        <v>234431.99999999997</v>
      </c>
      <c r="C14082" s="7">
        <f t="shared" si="219"/>
        <v>234.43199999999996</v>
      </c>
    </row>
    <row r="14083" spans="1:3" x14ac:dyDescent="0.25">
      <c r="A14083" s="2" t="s">
        <v>5741</v>
      </c>
      <c r="B14083" s="6">
        <v>234448.65</v>
      </c>
      <c r="C14083" s="7">
        <f t="shared" ref="C14083:C14146" si="220">B14083/1000</f>
        <v>234.44864999999999</v>
      </c>
    </row>
    <row r="14084" spans="1:3" x14ac:dyDescent="0.25">
      <c r="A14084" s="2" t="s">
        <v>5742</v>
      </c>
      <c r="B14084" s="6">
        <v>234465.3</v>
      </c>
      <c r="C14084" s="7">
        <f t="shared" si="220"/>
        <v>234.46529999999998</v>
      </c>
    </row>
    <row r="14085" spans="1:3" x14ac:dyDescent="0.25">
      <c r="A14085" s="2" t="s">
        <v>5743</v>
      </c>
      <c r="B14085" s="6">
        <v>234481.94999999998</v>
      </c>
      <c r="C14085" s="7">
        <f t="shared" si="220"/>
        <v>234.48194999999998</v>
      </c>
    </row>
    <row r="14086" spans="1:3" x14ac:dyDescent="0.25">
      <c r="A14086" s="2" t="s">
        <v>5744</v>
      </c>
      <c r="B14086" s="6">
        <v>234498.59999999998</v>
      </c>
      <c r="C14086" s="7">
        <f t="shared" si="220"/>
        <v>234.49859999999998</v>
      </c>
    </row>
    <row r="14087" spans="1:3" x14ac:dyDescent="0.25">
      <c r="A14087" s="2" t="s">
        <v>5745</v>
      </c>
      <c r="B14087" s="6">
        <v>234515.24999999997</v>
      </c>
      <c r="C14087" s="7">
        <f t="shared" si="220"/>
        <v>234.51524999999998</v>
      </c>
    </row>
    <row r="14088" spans="1:3" x14ac:dyDescent="0.25">
      <c r="A14088" s="2" t="s">
        <v>5746</v>
      </c>
      <c r="B14088" s="6">
        <v>234531.9</v>
      </c>
      <c r="C14088" s="7">
        <f t="shared" si="220"/>
        <v>234.53190000000001</v>
      </c>
    </row>
    <row r="14089" spans="1:3" x14ac:dyDescent="0.25">
      <c r="A14089" s="2" t="s">
        <v>5747</v>
      </c>
      <c r="B14089" s="6">
        <v>234548.55</v>
      </c>
      <c r="C14089" s="7">
        <f t="shared" si="220"/>
        <v>234.54854999999998</v>
      </c>
    </row>
    <row r="14090" spans="1:3" x14ac:dyDescent="0.25">
      <c r="A14090" s="2" t="s">
        <v>5748</v>
      </c>
      <c r="B14090" s="6">
        <v>234565.19999999998</v>
      </c>
      <c r="C14090" s="7">
        <f t="shared" si="220"/>
        <v>234.56519999999998</v>
      </c>
    </row>
    <row r="14091" spans="1:3" x14ac:dyDescent="0.25">
      <c r="A14091" s="2" t="s">
        <v>5749</v>
      </c>
      <c r="B14091" s="6">
        <v>234581.84999999998</v>
      </c>
      <c r="C14091" s="7">
        <f t="shared" si="220"/>
        <v>234.58184999999997</v>
      </c>
    </row>
    <row r="14092" spans="1:3" x14ac:dyDescent="0.25">
      <c r="A14092" s="2" t="s">
        <v>5750</v>
      </c>
      <c r="B14092" s="6">
        <v>234598.49999999997</v>
      </c>
      <c r="C14092" s="7">
        <f t="shared" si="220"/>
        <v>234.59849999999997</v>
      </c>
    </row>
    <row r="14093" spans="1:3" x14ac:dyDescent="0.25">
      <c r="A14093" s="2" t="s">
        <v>5751</v>
      </c>
      <c r="B14093" s="6">
        <v>234615.15</v>
      </c>
      <c r="C14093" s="7">
        <f t="shared" si="220"/>
        <v>234.61515</v>
      </c>
    </row>
    <row r="14094" spans="1:3" x14ac:dyDescent="0.25">
      <c r="A14094" s="2" t="s">
        <v>5752</v>
      </c>
      <c r="B14094" s="6">
        <v>234631.8</v>
      </c>
      <c r="C14094" s="7">
        <f t="shared" si="220"/>
        <v>234.6318</v>
      </c>
    </row>
    <row r="14095" spans="1:3" x14ac:dyDescent="0.25">
      <c r="A14095" s="2" t="s">
        <v>5753</v>
      </c>
      <c r="B14095" s="6">
        <v>234648.44999999998</v>
      </c>
      <c r="C14095" s="7">
        <f t="shared" si="220"/>
        <v>234.64844999999997</v>
      </c>
    </row>
    <row r="14096" spans="1:3" x14ac:dyDescent="0.25">
      <c r="A14096" s="2" t="s">
        <v>5754</v>
      </c>
      <c r="B14096" s="6">
        <v>234665.09999999998</v>
      </c>
      <c r="C14096" s="7">
        <f t="shared" si="220"/>
        <v>234.66509999999997</v>
      </c>
    </row>
    <row r="14097" spans="1:3" x14ac:dyDescent="0.25">
      <c r="A14097" s="2" t="s">
        <v>5755</v>
      </c>
      <c r="B14097" s="6">
        <v>234681.74999999997</v>
      </c>
      <c r="C14097" s="7">
        <f t="shared" si="220"/>
        <v>234.68174999999997</v>
      </c>
    </row>
    <row r="14098" spans="1:3" x14ac:dyDescent="0.25">
      <c r="A14098" s="2" t="s">
        <v>5756</v>
      </c>
      <c r="B14098" s="6">
        <v>234698.4</v>
      </c>
      <c r="C14098" s="7">
        <f t="shared" si="220"/>
        <v>234.69839999999999</v>
      </c>
    </row>
    <row r="14099" spans="1:3" x14ac:dyDescent="0.25">
      <c r="A14099" s="2" t="s">
        <v>5757</v>
      </c>
      <c r="B14099" s="6">
        <v>234715.05</v>
      </c>
      <c r="C14099" s="7">
        <f t="shared" si="220"/>
        <v>234.71504999999999</v>
      </c>
    </row>
    <row r="14100" spans="1:3" x14ac:dyDescent="0.25">
      <c r="A14100" s="2" t="s">
        <v>5758</v>
      </c>
      <c r="B14100" s="6">
        <v>234731.69999999998</v>
      </c>
      <c r="C14100" s="7">
        <f t="shared" si="220"/>
        <v>234.73169999999999</v>
      </c>
    </row>
    <row r="14101" spans="1:3" x14ac:dyDescent="0.25">
      <c r="A14101" s="2" t="s">
        <v>5759</v>
      </c>
      <c r="B14101" s="6">
        <v>234748.34999999998</v>
      </c>
      <c r="C14101" s="7">
        <f t="shared" si="220"/>
        <v>234.74834999999999</v>
      </c>
    </row>
    <row r="14102" spans="1:3" x14ac:dyDescent="0.25">
      <c r="A14102" s="2" t="s">
        <v>5760</v>
      </c>
      <c r="B14102" s="6">
        <v>234764.99999999997</v>
      </c>
      <c r="C14102" s="7">
        <f t="shared" si="220"/>
        <v>234.76499999999996</v>
      </c>
    </row>
    <row r="14103" spans="1:3" x14ac:dyDescent="0.25">
      <c r="A14103" s="2" t="s">
        <v>5761</v>
      </c>
      <c r="B14103" s="6">
        <v>234781.65</v>
      </c>
      <c r="C14103" s="7">
        <f t="shared" si="220"/>
        <v>234.78164999999998</v>
      </c>
    </row>
    <row r="14104" spans="1:3" x14ac:dyDescent="0.25">
      <c r="A14104" s="2" t="s">
        <v>5762</v>
      </c>
      <c r="B14104" s="6">
        <v>234798.3</v>
      </c>
      <c r="C14104" s="7">
        <f t="shared" si="220"/>
        <v>234.79829999999998</v>
      </c>
    </row>
    <row r="14105" spans="1:3" x14ac:dyDescent="0.25">
      <c r="A14105" s="2" t="s">
        <v>5763</v>
      </c>
      <c r="B14105" s="6">
        <v>234814.94999999998</v>
      </c>
      <c r="C14105" s="7">
        <f t="shared" si="220"/>
        <v>234.81494999999998</v>
      </c>
    </row>
    <row r="14106" spans="1:3" x14ac:dyDescent="0.25">
      <c r="A14106" s="2" t="s">
        <v>5764</v>
      </c>
      <c r="B14106" s="6">
        <v>234831.59999999998</v>
      </c>
      <c r="C14106" s="7">
        <f t="shared" si="220"/>
        <v>234.83159999999998</v>
      </c>
    </row>
    <row r="14107" spans="1:3" x14ac:dyDescent="0.25">
      <c r="A14107" s="2" t="s">
        <v>5765</v>
      </c>
      <c r="B14107" s="6">
        <v>234848.24999999997</v>
      </c>
      <c r="C14107" s="7">
        <f t="shared" si="220"/>
        <v>234.84824999999998</v>
      </c>
    </row>
    <row r="14108" spans="1:3" x14ac:dyDescent="0.25">
      <c r="A14108" s="2" t="s">
        <v>5766</v>
      </c>
      <c r="B14108" s="6">
        <v>234864.9</v>
      </c>
      <c r="C14108" s="7">
        <f t="shared" si="220"/>
        <v>234.86490000000001</v>
      </c>
    </row>
    <row r="14109" spans="1:3" x14ac:dyDescent="0.25">
      <c r="A14109" s="2" t="s">
        <v>5767</v>
      </c>
      <c r="B14109" s="6">
        <v>234881.55</v>
      </c>
      <c r="C14109" s="7">
        <f t="shared" si="220"/>
        <v>234.88154999999998</v>
      </c>
    </row>
    <row r="14110" spans="1:3" x14ac:dyDescent="0.25">
      <c r="A14110" s="2" t="s">
        <v>5768</v>
      </c>
      <c r="B14110" s="6">
        <v>234898.19999999998</v>
      </c>
      <c r="C14110" s="7">
        <f t="shared" si="220"/>
        <v>234.89819999999997</v>
      </c>
    </row>
    <row r="14111" spans="1:3" x14ac:dyDescent="0.25">
      <c r="A14111" s="2" t="s">
        <v>5769</v>
      </c>
      <c r="B14111" s="6">
        <v>234914.84999999998</v>
      </c>
      <c r="C14111" s="7">
        <f t="shared" si="220"/>
        <v>234.91484999999997</v>
      </c>
    </row>
    <row r="14112" spans="1:3" x14ac:dyDescent="0.25">
      <c r="A14112" s="2" t="s">
        <v>5770</v>
      </c>
      <c r="B14112" s="6">
        <v>234931.49999999997</v>
      </c>
      <c r="C14112" s="7">
        <f t="shared" si="220"/>
        <v>234.93149999999997</v>
      </c>
    </row>
    <row r="14113" spans="1:3" x14ac:dyDescent="0.25">
      <c r="A14113" s="2" t="s">
        <v>5771</v>
      </c>
      <c r="B14113" s="6">
        <v>234948.15</v>
      </c>
      <c r="C14113" s="7">
        <f t="shared" si="220"/>
        <v>234.94815</v>
      </c>
    </row>
    <row r="14114" spans="1:3" x14ac:dyDescent="0.25">
      <c r="A14114" s="2" t="s">
        <v>5772</v>
      </c>
      <c r="B14114" s="6">
        <v>234964.8</v>
      </c>
      <c r="C14114" s="7">
        <f t="shared" si="220"/>
        <v>234.9648</v>
      </c>
    </row>
    <row r="14115" spans="1:3" x14ac:dyDescent="0.25">
      <c r="A14115" s="2" t="s">
        <v>5773</v>
      </c>
      <c r="B14115" s="6">
        <v>234981.44999999998</v>
      </c>
      <c r="C14115" s="7">
        <f t="shared" si="220"/>
        <v>234.98145</v>
      </c>
    </row>
    <row r="14116" spans="1:3" x14ac:dyDescent="0.25">
      <c r="A14116" s="2" t="s">
        <v>5774</v>
      </c>
      <c r="B14116" s="6">
        <v>234998.09999999998</v>
      </c>
      <c r="C14116" s="7">
        <f t="shared" si="220"/>
        <v>234.99809999999997</v>
      </c>
    </row>
    <row r="14117" spans="1:3" x14ac:dyDescent="0.25">
      <c r="A14117" s="2" t="s">
        <v>5775</v>
      </c>
      <c r="B14117" s="6">
        <v>235014.74999999997</v>
      </c>
      <c r="C14117" s="7">
        <f t="shared" si="220"/>
        <v>235.01474999999996</v>
      </c>
    </row>
    <row r="14118" spans="1:3" x14ac:dyDescent="0.25">
      <c r="A14118" s="2" t="s">
        <v>5776</v>
      </c>
      <c r="B14118" s="6">
        <v>235031.4</v>
      </c>
      <c r="C14118" s="7">
        <f t="shared" si="220"/>
        <v>235.03139999999999</v>
      </c>
    </row>
    <row r="14119" spans="1:3" x14ac:dyDescent="0.25">
      <c r="A14119" s="2" t="s">
        <v>5777</v>
      </c>
      <c r="B14119" s="6">
        <v>235048.05</v>
      </c>
      <c r="C14119" s="7">
        <f t="shared" si="220"/>
        <v>235.04804999999999</v>
      </c>
    </row>
    <row r="14120" spans="1:3" x14ac:dyDescent="0.25">
      <c r="A14120" s="2" t="s">
        <v>5778</v>
      </c>
      <c r="B14120" s="6">
        <v>235064.69999999998</v>
      </c>
      <c r="C14120" s="7">
        <f t="shared" si="220"/>
        <v>235.06469999999999</v>
      </c>
    </row>
    <row r="14121" spans="1:3" x14ac:dyDescent="0.25">
      <c r="A14121" s="2" t="s">
        <v>5779</v>
      </c>
      <c r="B14121" s="6">
        <v>235081.34999999998</v>
      </c>
      <c r="C14121" s="7">
        <f t="shared" si="220"/>
        <v>235.08134999999999</v>
      </c>
    </row>
    <row r="14122" spans="1:3" x14ac:dyDescent="0.25">
      <c r="A14122" s="2" t="s">
        <v>5780</v>
      </c>
      <c r="B14122" s="6">
        <v>235097.99999999997</v>
      </c>
      <c r="C14122" s="7">
        <f t="shared" si="220"/>
        <v>235.09799999999998</v>
      </c>
    </row>
    <row r="14123" spans="1:3" x14ac:dyDescent="0.25">
      <c r="A14123" s="2" t="s">
        <v>5781</v>
      </c>
      <c r="B14123" s="6">
        <v>235114.65</v>
      </c>
      <c r="C14123" s="7">
        <f t="shared" si="220"/>
        <v>235.11464999999998</v>
      </c>
    </row>
    <row r="14124" spans="1:3" x14ac:dyDescent="0.25">
      <c r="A14124" s="2" t="s">
        <v>5782</v>
      </c>
      <c r="B14124" s="6">
        <v>235131.3</v>
      </c>
      <c r="C14124" s="7">
        <f t="shared" si="220"/>
        <v>235.13129999999998</v>
      </c>
    </row>
    <row r="14125" spans="1:3" x14ac:dyDescent="0.25">
      <c r="A14125" s="2" t="s">
        <v>5783</v>
      </c>
      <c r="B14125" s="6">
        <v>235147.94999999998</v>
      </c>
      <c r="C14125" s="7">
        <f t="shared" si="220"/>
        <v>235.14794999999998</v>
      </c>
    </row>
    <row r="14126" spans="1:3" x14ac:dyDescent="0.25">
      <c r="A14126" s="2" t="s">
        <v>5784</v>
      </c>
      <c r="B14126" s="6">
        <v>235164.59999999998</v>
      </c>
      <c r="C14126" s="7">
        <f t="shared" si="220"/>
        <v>235.16459999999998</v>
      </c>
    </row>
    <row r="14127" spans="1:3" x14ac:dyDescent="0.25">
      <c r="A14127" s="2" t="s">
        <v>5785</v>
      </c>
      <c r="B14127" s="6">
        <v>235181.24999999997</v>
      </c>
      <c r="C14127" s="7">
        <f t="shared" si="220"/>
        <v>235.18124999999998</v>
      </c>
    </row>
    <row r="14128" spans="1:3" x14ac:dyDescent="0.25">
      <c r="A14128" s="2" t="s">
        <v>5786</v>
      </c>
      <c r="B14128" s="6">
        <v>235197.9</v>
      </c>
      <c r="C14128" s="7">
        <f t="shared" si="220"/>
        <v>235.1979</v>
      </c>
    </row>
    <row r="14129" spans="1:3" x14ac:dyDescent="0.25">
      <c r="A14129" s="2" t="s">
        <v>5787</v>
      </c>
      <c r="B14129" s="6">
        <v>235214.55</v>
      </c>
      <c r="C14129" s="7">
        <f t="shared" si="220"/>
        <v>235.21454999999997</v>
      </c>
    </row>
    <row r="14130" spans="1:3" x14ac:dyDescent="0.25">
      <c r="A14130" s="2" t="s">
        <v>5788</v>
      </c>
      <c r="B14130" s="6">
        <v>235231.19999999998</v>
      </c>
      <c r="C14130" s="7">
        <f t="shared" si="220"/>
        <v>235.23119999999997</v>
      </c>
    </row>
    <row r="14131" spans="1:3" x14ac:dyDescent="0.25">
      <c r="A14131" s="2" t="s">
        <v>5789</v>
      </c>
      <c r="B14131" s="6">
        <v>235247.84999999998</v>
      </c>
      <c r="C14131" s="7">
        <f t="shared" si="220"/>
        <v>235.24784999999997</v>
      </c>
    </row>
    <row r="14132" spans="1:3" x14ac:dyDescent="0.25">
      <c r="A14132" s="2" t="s">
        <v>5790</v>
      </c>
      <c r="B14132" s="6">
        <v>235264.49999999997</v>
      </c>
      <c r="C14132" s="7">
        <f t="shared" si="220"/>
        <v>235.26449999999997</v>
      </c>
    </row>
    <row r="14133" spans="1:3" x14ac:dyDescent="0.25">
      <c r="A14133" s="2" t="s">
        <v>5791</v>
      </c>
      <c r="B14133" s="6">
        <v>235281.15</v>
      </c>
      <c r="C14133" s="7">
        <f t="shared" si="220"/>
        <v>235.28115</v>
      </c>
    </row>
    <row r="14134" spans="1:3" x14ac:dyDescent="0.25">
      <c r="A14134" s="2" t="s">
        <v>5792</v>
      </c>
      <c r="B14134" s="6">
        <v>235297.8</v>
      </c>
      <c r="C14134" s="7">
        <f t="shared" si="220"/>
        <v>235.2978</v>
      </c>
    </row>
    <row r="14135" spans="1:3" x14ac:dyDescent="0.25">
      <c r="A14135" s="2" t="s">
        <v>5793</v>
      </c>
      <c r="B14135" s="6">
        <v>235314.44999999998</v>
      </c>
      <c r="C14135" s="7">
        <f t="shared" si="220"/>
        <v>235.31444999999999</v>
      </c>
    </row>
    <row r="14136" spans="1:3" x14ac:dyDescent="0.25">
      <c r="A14136" s="2" t="s">
        <v>5794</v>
      </c>
      <c r="B14136" s="6">
        <v>235331.09999999998</v>
      </c>
      <c r="C14136" s="7">
        <f t="shared" si="220"/>
        <v>235.33109999999996</v>
      </c>
    </row>
    <row r="14137" spans="1:3" x14ac:dyDescent="0.25">
      <c r="A14137" s="2" t="s">
        <v>5795</v>
      </c>
      <c r="B14137" s="6">
        <v>235347.74999999997</v>
      </c>
      <c r="C14137" s="7">
        <f t="shared" si="220"/>
        <v>235.34774999999996</v>
      </c>
    </row>
    <row r="14138" spans="1:3" x14ac:dyDescent="0.25">
      <c r="A14138" s="2" t="s">
        <v>5796</v>
      </c>
      <c r="B14138" s="6">
        <v>235364.4</v>
      </c>
      <c r="C14138" s="7">
        <f t="shared" si="220"/>
        <v>235.36439999999999</v>
      </c>
    </row>
    <row r="14139" spans="1:3" x14ac:dyDescent="0.25">
      <c r="A14139" s="2" t="s">
        <v>5797</v>
      </c>
      <c r="B14139" s="6">
        <v>235381.05</v>
      </c>
      <c r="C14139" s="7">
        <f t="shared" si="220"/>
        <v>235.38104999999999</v>
      </c>
    </row>
    <row r="14140" spans="1:3" x14ac:dyDescent="0.25">
      <c r="A14140" s="2" t="s">
        <v>5798</v>
      </c>
      <c r="B14140" s="6">
        <v>235397.69999999998</v>
      </c>
      <c r="C14140" s="7">
        <f t="shared" si="220"/>
        <v>235.39769999999999</v>
      </c>
    </row>
    <row r="14141" spans="1:3" x14ac:dyDescent="0.25">
      <c r="A14141" s="2" t="s">
        <v>5799</v>
      </c>
      <c r="B14141" s="6">
        <v>235414.34999999998</v>
      </c>
      <c r="C14141" s="7">
        <f t="shared" si="220"/>
        <v>235.41434999999998</v>
      </c>
    </row>
    <row r="14142" spans="1:3" x14ac:dyDescent="0.25">
      <c r="A14142" s="2" t="s">
        <v>5800</v>
      </c>
      <c r="B14142" s="6">
        <v>235430.99999999997</v>
      </c>
      <c r="C14142" s="7">
        <f t="shared" si="220"/>
        <v>235.43099999999998</v>
      </c>
    </row>
    <row r="14143" spans="1:3" x14ac:dyDescent="0.25">
      <c r="A14143" s="2" t="s">
        <v>5801</v>
      </c>
      <c r="B14143" s="6">
        <v>235447.65</v>
      </c>
      <c r="C14143" s="7">
        <f t="shared" si="220"/>
        <v>235.44764999999998</v>
      </c>
    </row>
    <row r="14144" spans="1:3" x14ac:dyDescent="0.25">
      <c r="A14144" s="2" t="s">
        <v>5802</v>
      </c>
      <c r="B14144" s="6">
        <v>235464.3</v>
      </c>
      <c r="C14144" s="7">
        <f t="shared" si="220"/>
        <v>235.46429999999998</v>
      </c>
    </row>
    <row r="14145" spans="1:3" x14ac:dyDescent="0.25">
      <c r="A14145" s="2" t="s">
        <v>5803</v>
      </c>
      <c r="B14145" s="6">
        <v>235480.94999999998</v>
      </c>
      <c r="C14145" s="7">
        <f t="shared" si="220"/>
        <v>235.48094999999998</v>
      </c>
    </row>
    <row r="14146" spans="1:3" x14ac:dyDescent="0.25">
      <c r="A14146" s="2" t="s">
        <v>5804</v>
      </c>
      <c r="B14146" s="6">
        <v>235497.59999999998</v>
      </c>
      <c r="C14146" s="7">
        <f t="shared" si="220"/>
        <v>235.49759999999998</v>
      </c>
    </row>
    <row r="14147" spans="1:3" x14ac:dyDescent="0.25">
      <c r="A14147" s="2" t="s">
        <v>5805</v>
      </c>
      <c r="B14147" s="6">
        <v>235514.24999999997</v>
      </c>
      <c r="C14147" s="7">
        <f t="shared" ref="C14147:C14210" si="221">B14147/1000</f>
        <v>235.51424999999998</v>
      </c>
    </row>
    <row r="14148" spans="1:3" x14ac:dyDescent="0.25">
      <c r="A14148" s="2" t="s">
        <v>5806</v>
      </c>
      <c r="B14148" s="6">
        <v>235530.9</v>
      </c>
      <c r="C14148" s="7">
        <f t="shared" si="221"/>
        <v>235.5309</v>
      </c>
    </row>
    <row r="14149" spans="1:3" x14ac:dyDescent="0.25">
      <c r="A14149" s="2" t="s">
        <v>5807</v>
      </c>
      <c r="B14149" s="6">
        <v>235547.55</v>
      </c>
      <c r="C14149" s="7">
        <f t="shared" si="221"/>
        <v>235.54755</v>
      </c>
    </row>
    <row r="14150" spans="1:3" x14ac:dyDescent="0.25">
      <c r="A14150" s="2" t="s">
        <v>5808</v>
      </c>
      <c r="B14150" s="6">
        <v>235564.19999999998</v>
      </c>
      <c r="C14150" s="7">
        <f t="shared" si="221"/>
        <v>235.56419999999997</v>
      </c>
    </row>
    <row r="14151" spans="1:3" x14ac:dyDescent="0.25">
      <c r="A14151" s="2" t="s">
        <v>5809</v>
      </c>
      <c r="B14151" s="6">
        <v>235580.84999999998</v>
      </c>
      <c r="C14151" s="7">
        <f t="shared" si="221"/>
        <v>235.58084999999997</v>
      </c>
    </row>
    <row r="14152" spans="1:3" x14ac:dyDescent="0.25">
      <c r="A14152" s="2" t="s">
        <v>5810</v>
      </c>
      <c r="B14152" s="6">
        <v>235597.49999999997</v>
      </c>
      <c r="C14152" s="7">
        <f t="shared" si="221"/>
        <v>235.59749999999997</v>
      </c>
    </row>
    <row r="14153" spans="1:3" x14ac:dyDescent="0.25">
      <c r="A14153" s="2" t="s">
        <v>5811</v>
      </c>
      <c r="B14153" s="6">
        <v>235614.15</v>
      </c>
      <c r="C14153" s="7">
        <f t="shared" si="221"/>
        <v>235.61415</v>
      </c>
    </row>
    <row r="14154" spans="1:3" x14ac:dyDescent="0.25">
      <c r="A14154" s="2" t="s">
        <v>5812</v>
      </c>
      <c r="B14154" s="6">
        <v>235630.8</v>
      </c>
      <c r="C14154" s="7">
        <f t="shared" si="221"/>
        <v>235.63079999999999</v>
      </c>
    </row>
    <row r="14155" spans="1:3" x14ac:dyDescent="0.25">
      <c r="A14155" s="2" t="s">
        <v>5813</v>
      </c>
      <c r="B14155" s="6">
        <v>235647.44999999998</v>
      </c>
      <c r="C14155" s="7">
        <f t="shared" si="221"/>
        <v>235.64744999999999</v>
      </c>
    </row>
    <row r="14156" spans="1:3" x14ac:dyDescent="0.25">
      <c r="A14156" s="2" t="s">
        <v>5814</v>
      </c>
      <c r="B14156" s="6">
        <v>235664.09999999998</v>
      </c>
      <c r="C14156" s="7">
        <f t="shared" si="221"/>
        <v>235.66409999999999</v>
      </c>
    </row>
    <row r="14157" spans="1:3" x14ac:dyDescent="0.25">
      <c r="A14157" s="2" t="s">
        <v>5815</v>
      </c>
      <c r="B14157" s="6">
        <v>235680.74999999997</v>
      </c>
      <c r="C14157" s="7">
        <f t="shared" si="221"/>
        <v>235.68074999999996</v>
      </c>
    </row>
    <row r="14158" spans="1:3" x14ac:dyDescent="0.25">
      <c r="A14158" s="2" t="s">
        <v>5816</v>
      </c>
      <c r="B14158" s="6">
        <v>235697.4</v>
      </c>
      <c r="C14158" s="7">
        <f t="shared" si="221"/>
        <v>235.69739999999999</v>
      </c>
    </row>
    <row r="14159" spans="1:3" x14ac:dyDescent="0.25">
      <c r="A14159" s="2" t="s">
        <v>5817</v>
      </c>
      <c r="B14159" s="6">
        <v>235714.05</v>
      </c>
      <c r="C14159" s="7">
        <f t="shared" si="221"/>
        <v>235.71404999999999</v>
      </c>
    </row>
    <row r="14160" spans="1:3" x14ac:dyDescent="0.25">
      <c r="A14160" s="2" t="s">
        <v>5818</v>
      </c>
      <c r="B14160" s="6">
        <v>235730.69999999998</v>
      </c>
      <c r="C14160" s="7">
        <f t="shared" si="221"/>
        <v>235.73069999999998</v>
      </c>
    </row>
    <row r="14161" spans="1:3" x14ac:dyDescent="0.25">
      <c r="A14161" s="2" t="s">
        <v>5819</v>
      </c>
      <c r="B14161" s="6">
        <v>235747.34999999998</v>
      </c>
      <c r="C14161" s="7">
        <f t="shared" si="221"/>
        <v>235.74734999999998</v>
      </c>
    </row>
    <row r="14162" spans="1:3" x14ac:dyDescent="0.25">
      <c r="A14162" s="2" t="s">
        <v>5820</v>
      </c>
      <c r="B14162" s="6">
        <v>235763.99999999997</v>
      </c>
      <c r="C14162" s="7">
        <f t="shared" si="221"/>
        <v>235.76399999999998</v>
      </c>
    </row>
    <row r="14163" spans="1:3" x14ac:dyDescent="0.25">
      <c r="A14163" s="2" t="s">
        <v>5821</v>
      </c>
      <c r="B14163" s="6">
        <v>235780.65</v>
      </c>
      <c r="C14163" s="7">
        <f t="shared" si="221"/>
        <v>235.78064999999998</v>
      </c>
    </row>
    <row r="14164" spans="1:3" x14ac:dyDescent="0.25">
      <c r="A14164" s="2" t="s">
        <v>5822</v>
      </c>
      <c r="B14164" s="6">
        <v>235797.3</v>
      </c>
      <c r="C14164" s="7">
        <f t="shared" si="221"/>
        <v>235.79729999999998</v>
      </c>
    </row>
    <row r="14165" spans="1:3" x14ac:dyDescent="0.25">
      <c r="A14165" s="2" t="s">
        <v>5823</v>
      </c>
      <c r="B14165" s="6">
        <v>235813.94999999998</v>
      </c>
      <c r="C14165" s="7">
        <f t="shared" si="221"/>
        <v>235.81394999999998</v>
      </c>
    </row>
    <row r="14166" spans="1:3" x14ac:dyDescent="0.25">
      <c r="A14166" s="2" t="s">
        <v>5824</v>
      </c>
      <c r="B14166" s="6">
        <v>235830.59999999998</v>
      </c>
      <c r="C14166" s="7">
        <f t="shared" si="221"/>
        <v>235.83059999999998</v>
      </c>
    </row>
    <row r="14167" spans="1:3" x14ac:dyDescent="0.25">
      <c r="A14167" s="2" t="s">
        <v>5825</v>
      </c>
      <c r="B14167" s="6">
        <v>235847.24999999997</v>
      </c>
      <c r="C14167" s="7">
        <f t="shared" si="221"/>
        <v>235.84724999999997</v>
      </c>
    </row>
    <row r="14168" spans="1:3" x14ac:dyDescent="0.25">
      <c r="A14168" s="2" t="s">
        <v>5826</v>
      </c>
      <c r="B14168" s="6">
        <v>235863.9</v>
      </c>
      <c r="C14168" s="7">
        <f t="shared" si="221"/>
        <v>235.8639</v>
      </c>
    </row>
    <row r="14169" spans="1:3" x14ac:dyDescent="0.25">
      <c r="A14169" s="2" t="s">
        <v>5827</v>
      </c>
      <c r="B14169" s="6">
        <v>235880.55</v>
      </c>
      <c r="C14169" s="7">
        <f t="shared" si="221"/>
        <v>235.88055</v>
      </c>
    </row>
    <row r="14170" spans="1:3" x14ac:dyDescent="0.25">
      <c r="A14170" s="2" t="s">
        <v>5828</v>
      </c>
      <c r="B14170" s="6">
        <v>235897.19999999998</v>
      </c>
      <c r="C14170" s="7">
        <f t="shared" si="221"/>
        <v>235.89719999999997</v>
      </c>
    </row>
    <row r="14171" spans="1:3" x14ac:dyDescent="0.25">
      <c r="A14171" s="2" t="s">
        <v>5829</v>
      </c>
      <c r="B14171" s="6">
        <v>235913.84999999998</v>
      </c>
      <c r="C14171" s="7">
        <f t="shared" si="221"/>
        <v>235.91384999999997</v>
      </c>
    </row>
    <row r="14172" spans="1:3" x14ac:dyDescent="0.25">
      <c r="A14172" s="2" t="s">
        <v>5830</v>
      </c>
      <c r="B14172" s="6">
        <v>235930.49999999997</v>
      </c>
      <c r="C14172" s="7">
        <f t="shared" si="221"/>
        <v>235.93049999999997</v>
      </c>
    </row>
    <row r="14173" spans="1:3" x14ac:dyDescent="0.25">
      <c r="A14173" s="2" t="s">
        <v>5831</v>
      </c>
      <c r="B14173" s="6">
        <v>235947.15</v>
      </c>
      <c r="C14173" s="7">
        <f t="shared" si="221"/>
        <v>235.94714999999999</v>
      </c>
    </row>
    <row r="14174" spans="1:3" x14ac:dyDescent="0.25">
      <c r="A14174" s="2" t="s">
        <v>5832</v>
      </c>
      <c r="B14174" s="6">
        <v>235963.8</v>
      </c>
      <c r="C14174" s="7">
        <f t="shared" si="221"/>
        <v>235.96379999999999</v>
      </c>
    </row>
    <row r="14175" spans="1:3" x14ac:dyDescent="0.25">
      <c r="A14175" s="2" t="s">
        <v>5833</v>
      </c>
      <c r="B14175" s="6">
        <v>235980.44999999998</v>
      </c>
      <c r="C14175" s="7">
        <f t="shared" si="221"/>
        <v>235.98044999999999</v>
      </c>
    </row>
    <row r="14176" spans="1:3" x14ac:dyDescent="0.25">
      <c r="A14176" s="2" t="s">
        <v>5834</v>
      </c>
      <c r="B14176" s="6">
        <v>235997.09999999998</v>
      </c>
      <c r="C14176" s="7">
        <f t="shared" si="221"/>
        <v>235.99709999999999</v>
      </c>
    </row>
    <row r="14177" spans="1:3" x14ac:dyDescent="0.25">
      <c r="A14177" s="2" t="s">
        <v>5835</v>
      </c>
      <c r="B14177" s="6">
        <v>236013.74999999997</v>
      </c>
      <c r="C14177" s="7">
        <f t="shared" si="221"/>
        <v>236.01374999999996</v>
      </c>
    </row>
    <row r="14178" spans="1:3" x14ac:dyDescent="0.25">
      <c r="A14178" s="2" t="s">
        <v>5836</v>
      </c>
      <c r="B14178" s="6">
        <v>236030.4</v>
      </c>
      <c r="C14178" s="7">
        <f t="shared" si="221"/>
        <v>236.03039999999999</v>
      </c>
    </row>
    <row r="14179" spans="1:3" x14ac:dyDescent="0.25">
      <c r="A14179" s="2" t="s">
        <v>5837</v>
      </c>
      <c r="B14179" s="6">
        <v>236047.05</v>
      </c>
      <c r="C14179" s="7">
        <f t="shared" si="221"/>
        <v>236.04704999999998</v>
      </c>
    </row>
    <row r="14180" spans="1:3" x14ac:dyDescent="0.25">
      <c r="A14180" s="2" t="s">
        <v>5838</v>
      </c>
      <c r="B14180" s="6">
        <v>236063.69999999998</v>
      </c>
      <c r="C14180" s="7">
        <f t="shared" si="221"/>
        <v>236.06369999999998</v>
      </c>
    </row>
    <row r="14181" spans="1:3" x14ac:dyDescent="0.25">
      <c r="A14181" s="2" t="s">
        <v>5839</v>
      </c>
      <c r="B14181" s="6">
        <v>236080.34999999998</v>
      </c>
      <c r="C14181" s="7">
        <f t="shared" si="221"/>
        <v>236.08034999999998</v>
      </c>
    </row>
    <row r="14182" spans="1:3" x14ac:dyDescent="0.25">
      <c r="A14182" s="2" t="s">
        <v>5840</v>
      </c>
      <c r="B14182" s="6">
        <v>236096.99999999997</v>
      </c>
      <c r="C14182" s="7">
        <f t="shared" si="221"/>
        <v>236.09699999999998</v>
      </c>
    </row>
    <row r="14183" spans="1:3" x14ac:dyDescent="0.25">
      <c r="A14183" s="2" t="s">
        <v>5841</v>
      </c>
      <c r="B14183" s="6">
        <v>236113.65</v>
      </c>
      <c r="C14183" s="7">
        <f t="shared" si="221"/>
        <v>236.11365000000001</v>
      </c>
    </row>
    <row r="14184" spans="1:3" x14ac:dyDescent="0.25">
      <c r="A14184" s="2" t="s">
        <v>5842</v>
      </c>
      <c r="B14184" s="6">
        <v>236130.3</v>
      </c>
      <c r="C14184" s="7">
        <f t="shared" si="221"/>
        <v>236.13029999999998</v>
      </c>
    </row>
    <row r="14185" spans="1:3" x14ac:dyDescent="0.25">
      <c r="A14185" s="2" t="s">
        <v>5843</v>
      </c>
      <c r="B14185" s="6">
        <v>236146.94999999998</v>
      </c>
      <c r="C14185" s="7">
        <f t="shared" si="221"/>
        <v>236.14694999999998</v>
      </c>
    </row>
    <row r="14186" spans="1:3" x14ac:dyDescent="0.25">
      <c r="A14186" s="2" t="s">
        <v>5844</v>
      </c>
      <c r="B14186" s="6">
        <v>236163.59999999998</v>
      </c>
      <c r="C14186" s="7">
        <f t="shared" si="221"/>
        <v>236.16359999999997</v>
      </c>
    </row>
    <row r="14187" spans="1:3" x14ac:dyDescent="0.25">
      <c r="A14187" s="2" t="s">
        <v>5845</v>
      </c>
      <c r="B14187" s="6">
        <v>236180.24999999997</v>
      </c>
      <c r="C14187" s="7">
        <f t="shared" si="221"/>
        <v>236.18024999999997</v>
      </c>
    </row>
    <row r="14188" spans="1:3" x14ac:dyDescent="0.25">
      <c r="A14188" s="2" t="s">
        <v>5846</v>
      </c>
      <c r="B14188" s="6">
        <v>236196.9</v>
      </c>
      <c r="C14188" s="7">
        <f t="shared" si="221"/>
        <v>236.1969</v>
      </c>
    </row>
    <row r="14189" spans="1:3" x14ac:dyDescent="0.25">
      <c r="A14189" s="2" t="s">
        <v>5847</v>
      </c>
      <c r="B14189" s="6">
        <v>236213.55</v>
      </c>
      <c r="C14189" s="7">
        <f t="shared" si="221"/>
        <v>236.21355</v>
      </c>
    </row>
    <row r="14190" spans="1:3" x14ac:dyDescent="0.25">
      <c r="A14190" s="2" t="s">
        <v>5848</v>
      </c>
      <c r="B14190" s="6">
        <v>236230.19999999998</v>
      </c>
      <c r="C14190" s="7">
        <f t="shared" si="221"/>
        <v>236.2302</v>
      </c>
    </row>
    <row r="14191" spans="1:3" x14ac:dyDescent="0.25">
      <c r="A14191" s="2" t="s">
        <v>5849</v>
      </c>
      <c r="B14191" s="6">
        <v>236246.84999999998</v>
      </c>
      <c r="C14191" s="7">
        <f t="shared" si="221"/>
        <v>236.24684999999997</v>
      </c>
    </row>
    <row r="14192" spans="1:3" x14ac:dyDescent="0.25">
      <c r="A14192" s="2" t="s">
        <v>5850</v>
      </c>
      <c r="B14192" s="6">
        <v>236263.49999999997</v>
      </c>
      <c r="C14192" s="7">
        <f t="shared" si="221"/>
        <v>236.26349999999996</v>
      </c>
    </row>
    <row r="14193" spans="1:3" x14ac:dyDescent="0.25">
      <c r="A14193" s="2" t="s">
        <v>5851</v>
      </c>
      <c r="B14193" s="6">
        <v>236280.15</v>
      </c>
      <c r="C14193" s="7">
        <f t="shared" si="221"/>
        <v>236.28014999999999</v>
      </c>
    </row>
    <row r="14194" spans="1:3" x14ac:dyDescent="0.25">
      <c r="A14194" s="2" t="s">
        <v>5852</v>
      </c>
      <c r="B14194" s="6">
        <v>236296.8</v>
      </c>
      <c r="C14194" s="7">
        <f t="shared" si="221"/>
        <v>236.29679999999999</v>
      </c>
    </row>
    <row r="14195" spans="1:3" x14ac:dyDescent="0.25">
      <c r="A14195" s="2" t="s">
        <v>5853</v>
      </c>
      <c r="B14195" s="6">
        <v>236313.44999999998</v>
      </c>
      <c r="C14195" s="7">
        <f t="shared" si="221"/>
        <v>236.31344999999999</v>
      </c>
    </row>
    <row r="14196" spans="1:3" x14ac:dyDescent="0.25">
      <c r="A14196" s="2" t="s">
        <v>5854</v>
      </c>
      <c r="B14196" s="6">
        <v>236330.09999999998</v>
      </c>
      <c r="C14196" s="7">
        <f t="shared" si="221"/>
        <v>236.33009999999999</v>
      </c>
    </row>
    <row r="14197" spans="1:3" x14ac:dyDescent="0.25">
      <c r="A14197" s="2" t="s">
        <v>5855</v>
      </c>
      <c r="B14197" s="6">
        <v>236346.74999999997</v>
      </c>
      <c r="C14197" s="7">
        <f t="shared" si="221"/>
        <v>236.34674999999996</v>
      </c>
    </row>
    <row r="14198" spans="1:3" x14ac:dyDescent="0.25">
      <c r="A14198" s="2" t="s">
        <v>5856</v>
      </c>
      <c r="B14198" s="6">
        <v>236363.4</v>
      </c>
      <c r="C14198" s="7">
        <f t="shared" si="221"/>
        <v>236.36339999999998</v>
      </c>
    </row>
    <row r="14199" spans="1:3" x14ac:dyDescent="0.25">
      <c r="A14199" s="2" t="s">
        <v>5857</v>
      </c>
      <c r="B14199" s="6">
        <v>236380.05</v>
      </c>
      <c r="C14199" s="7">
        <f t="shared" si="221"/>
        <v>236.38004999999998</v>
      </c>
    </row>
    <row r="14200" spans="1:3" x14ac:dyDescent="0.25">
      <c r="A14200" s="2" t="s">
        <v>5858</v>
      </c>
      <c r="B14200" s="6">
        <v>236396.69999999998</v>
      </c>
      <c r="C14200" s="7">
        <f t="shared" si="221"/>
        <v>236.39669999999998</v>
      </c>
    </row>
    <row r="14201" spans="1:3" x14ac:dyDescent="0.25">
      <c r="A14201" s="2" t="s">
        <v>5859</v>
      </c>
      <c r="B14201" s="6">
        <v>236413.34999999998</v>
      </c>
      <c r="C14201" s="7">
        <f t="shared" si="221"/>
        <v>236.41334999999998</v>
      </c>
    </row>
    <row r="14202" spans="1:3" x14ac:dyDescent="0.25">
      <c r="A14202" s="2" t="s">
        <v>5860</v>
      </c>
      <c r="B14202" s="6">
        <v>236429.99999999997</v>
      </c>
      <c r="C14202" s="7">
        <f t="shared" si="221"/>
        <v>236.42999999999998</v>
      </c>
    </row>
    <row r="14203" spans="1:3" x14ac:dyDescent="0.25">
      <c r="A14203" s="2" t="s">
        <v>5861</v>
      </c>
      <c r="B14203" s="6">
        <v>236446.65</v>
      </c>
      <c r="C14203" s="7">
        <f t="shared" si="221"/>
        <v>236.44665000000001</v>
      </c>
    </row>
    <row r="14204" spans="1:3" x14ac:dyDescent="0.25">
      <c r="A14204" s="2" t="s">
        <v>5862</v>
      </c>
      <c r="B14204" s="6">
        <v>236463.3</v>
      </c>
      <c r="C14204" s="7">
        <f t="shared" si="221"/>
        <v>236.46329999999998</v>
      </c>
    </row>
    <row r="14205" spans="1:3" x14ac:dyDescent="0.25">
      <c r="A14205" s="2" t="s">
        <v>5863</v>
      </c>
      <c r="B14205" s="6">
        <v>236479.94999999998</v>
      </c>
      <c r="C14205" s="7">
        <f t="shared" si="221"/>
        <v>236.47994999999997</v>
      </c>
    </row>
    <row r="14206" spans="1:3" x14ac:dyDescent="0.25">
      <c r="A14206" s="2" t="s">
        <v>5864</v>
      </c>
      <c r="B14206" s="6">
        <v>236496.59999999998</v>
      </c>
      <c r="C14206" s="7">
        <f t="shared" si="221"/>
        <v>236.49659999999997</v>
      </c>
    </row>
    <row r="14207" spans="1:3" x14ac:dyDescent="0.25">
      <c r="A14207" s="2" t="s">
        <v>5865</v>
      </c>
      <c r="B14207" s="6">
        <v>236513.24999999997</v>
      </c>
      <c r="C14207" s="7">
        <f t="shared" si="221"/>
        <v>236.51324999999997</v>
      </c>
    </row>
    <row r="14208" spans="1:3" x14ac:dyDescent="0.25">
      <c r="A14208" s="2" t="s">
        <v>5866</v>
      </c>
      <c r="B14208" s="6">
        <v>236529.9</v>
      </c>
      <c r="C14208" s="7">
        <f t="shared" si="221"/>
        <v>236.5299</v>
      </c>
    </row>
    <row r="14209" spans="1:3" x14ac:dyDescent="0.25">
      <c r="A14209" s="2" t="s">
        <v>5867</v>
      </c>
      <c r="B14209" s="6">
        <v>236546.55</v>
      </c>
      <c r="C14209" s="7">
        <f t="shared" si="221"/>
        <v>236.54655</v>
      </c>
    </row>
    <row r="14210" spans="1:3" x14ac:dyDescent="0.25">
      <c r="A14210" s="2" t="s">
        <v>5868</v>
      </c>
      <c r="B14210" s="6">
        <v>236563.19999999998</v>
      </c>
      <c r="C14210" s="7">
        <f t="shared" si="221"/>
        <v>236.56319999999999</v>
      </c>
    </row>
    <row r="14211" spans="1:3" x14ac:dyDescent="0.25">
      <c r="A14211" s="2" t="s">
        <v>5869</v>
      </c>
      <c r="B14211" s="6">
        <v>236579.84999999998</v>
      </c>
      <c r="C14211" s="7">
        <f t="shared" ref="C14211:C14274" si="222">B14211/1000</f>
        <v>236.57984999999996</v>
      </c>
    </row>
    <row r="14212" spans="1:3" x14ac:dyDescent="0.25">
      <c r="A14212" s="2" t="s">
        <v>5870</v>
      </c>
      <c r="B14212" s="6">
        <v>236596.49999999997</v>
      </c>
      <c r="C14212" s="7">
        <f t="shared" si="222"/>
        <v>236.59649999999996</v>
      </c>
    </row>
    <row r="14213" spans="1:3" x14ac:dyDescent="0.25">
      <c r="A14213" s="2" t="s">
        <v>5871</v>
      </c>
      <c r="B14213" s="6">
        <v>236613.15</v>
      </c>
      <c r="C14213" s="7">
        <f t="shared" si="222"/>
        <v>236.61314999999999</v>
      </c>
    </row>
    <row r="14214" spans="1:3" x14ac:dyDescent="0.25">
      <c r="A14214" s="2" t="s">
        <v>5872</v>
      </c>
      <c r="B14214" s="6">
        <v>236629.8</v>
      </c>
      <c r="C14214" s="7">
        <f t="shared" si="222"/>
        <v>236.62979999999999</v>
      </c>
    </row>
    <row r="14215" spans="1:3" x14ac:dyDescent="0.25">
      <c r="A14215" s="2" t="s">
        <v>5873</v>
      </c>
      <c r="B14215" s="6">
        <v>236646.44999999998</v>
      </c>
      <c r="C14215" s="7">
        <f t="shared" si="222"/>
        <v>236.64644999999999</v>
      </c>
    </row>
    <row r="14216" spans="1:3" x14ac:dyDescent="0.25">
      <c r="A14216" s="2" t="s">
        <v>5874</v>
      </c>
      <c r="B14216" s="6">
        <v>236663.09999999998</v>
      </c>
      <c r="C14216" s="7">
        <f t="shared" si="222"/>
        <v>236.66309999999999</v>
      </c>
    </row>
    <row r="14217" spans="1:3" x14ac:dyDescent="0.25">
      <c r="A14217" s="2" t="s">
        <v>5875</v>
      </c>
      <c r="B14217" s="6">
        <v>236679.74999999997</v>
      </c>
      <c r="C14217" s="7">
        <f t="shared" si="222"/>
        <v>236.67974999999998</v>
      </c>
    </row>
    <row r="14218" spans="1:3" x14ac:dyDescent="0.25">
      <c r="A14218" s="2" t="s">
        <v>5876</v>
      </c>
      <c r="B14218" s="6">
        <v>236696.4</v>
      </c>
      <c r="C14218" s="7">
        <f t="shared" si="222"/>
        <v>236.69639999999998</v>
      </c>
    </row>
    <row r="14219" spans="1:3" x14ac:dyDescent="0.25">
      <c r="A14219" s="2" t="s">
        <v>5877</v>
      </c>
      <c r="B14219" s="6">
        <v>236713.05</v>
      </c>
      <c r="C14219" s="7">
        <f t="shared" si="222"/>
        <v>236.71304999999998</v>
      </c>
    </row>
    <row r="14220" spans="1:3" x14ac:dyDescent="0.25">
      <c r="A14220" s="2" t="s">
        <v>5878</v>
      </c>
      <c r="B14220" s="6">
        <v>236729.69999999998</v>
      </c>
      <c r="C14220" s="7">
        <f t="shared" si="222"/>
        <v>236.72969999999998</v>
      </c>
    </row>
    <row r="14221" spans="1:3" x14ac:dyDescent="0.25">
      <c r="A14221" s="2" t="s">
        <v>5879</v>
      </c>
      <c r="B14221" s="6">
        <v>236746.34999999998</v>
      </c>
      <c r="C14221" s="7">
        <f t="shared" si="222"/>
        <v>236.74634999999998</v>
      </c>
    </row>
    <row r="14222" spans="1:3" x14ac:dyDescent="0.25">
      <c r="A14222" s="2" t="s">
        <v>5880</v>
      </c>
      <c r="B14222" s="6">
        <v>236762.99999999997</v>
      </c>
      <c r="C14222" s="7">
        <f t="shared" si="222"/>
        <v>236.76299999999998</v>
      </c>
    </row>
    <row r="14223" spans="1:3" x14ac:dyDescent="0.25">
      <c r="A14223" s="2" t="s">
        <v>5881</v>
      </c>
      <c r="B14223" s="6">
        <v>236779.65</v>
      </c>
      <c r="C14223" s="7">
        <f t="shared" si="222"/>
        <v>236.77965</v>
      </c>
    </row>
    <row r="14224" spans="1:3" x14ac:dyDescent="0.25">
      <c r="A14224" s="2" t="s">
        <v>5882</v>
      </c>
      <c r="B14224" s="6">
        <v>236796.3</v>
      </c>
      <c r="C14224" s="7">
        <f t="shared" si="222"/>
        <v>236.7963</v>
      </c>
    </row>
    <row r="14225" spans="1:3" x14ac:dyDescent="0.25">
      <c r="A14225" s="2" t="s">
        <v>5883</v>
      </c>
      <c r="B14225" s="6">
        <v>236812.94999999998</v>
      </c>
      <c r="C14225" s="7">
        <f t="shared" si="222"/>
        <v>236.81294999999997</v>
      </c>
    </row>
    <row r="14226" spans="1:3" x14ac:dyDescent="0.25">
      <c r="A14226" s="2" t="s">
        <v>5884</v>
      </c>
      <c r="B14226" s="6">
        <v>236829.59999999998</v>
      </c>
      <c r="C14226" s="7">
        <f t="shared" si="222"/>
        <v>236.82959999999997</v>
      </c>
    </row>
    <row r="14227" spans="1:3" x14ac:dyDescent="0.25">
      <c r="A14227" s="2" t="s">
        <v>5885</v>
      </c>
      <c r="B14227" s="6">
        <v>236846.24999999997</v>
      </c>
      <c r="C14227" s="7">
        <f t="shared" si="222"/>
        <v>236.84624999999997</v>
      </c>
    </row>
    <row r="14228" spans="1:3" x14ac:dyDescent="0.25">
      <c r="A14228" s="2" t="s">
        <v>5886</v>
      </c>
      <c r="B14228" s="6">
        <v>236862.9</v>
      </c>
      <c r="C14228" s="7">
        <f t="shared" si="222"/>
        <v>236.8629</v>
      </c>
    </row>
    <row r="14229" spans="1:3" x14ac:dyDescent="0.25">
      <c r="A14229" s="2" t="s">
        <v>5887</v>
      </c>
      <c r="B14229" s="6">
        <v>236879.55</v>
      </c>
      <c r="C14229" s="7">
        <f t="shared" si="222"/>
        <v>236.87954999999999</v>
      </c>
    </row>
    <row r="14230" spans="1:3" x14ac:dyDescent="0.25">
      <c r="A14230" s="2" t="s">
        <v>5888</v>
      </c>
      <c r="B14230" s="6">
        <v>236896.19999999998</v>
      </c>
      <c r="C14230" s="7">
        <f t="shared" si="222"/>
        <v>236.89619999999999</v>
      </c>
    </row>
    <row r="14231" spans="1:3" x14ac:dyDescent="0.25">
      <c r="A14231" s="2" t="s">
        <v>5889</v>
      </c>
      <c r="B14231" s="6">
        <v>236912.84999999998</v>
      </c>
      <c r="C14231" s="7">
        <f t="shared" si="222"/>
        <v>236.91284999999996</v>
      </c>
    </row>
    <row r="14232" spans="1:3" x14ac:dyDescent="0.25">
      <c r="A14232" s="2" t="s">
        <v>5890</v>
      </c>
      <c r="B14232" s="6">
        <v>236929.49999999997</v>
      </c>
      <c r="C14232" s="7">
        <f t="shared" si="222"/>
        <v>236.92949999999996</v>
      </c>
    </row>
    <row r="14233" spans="1:3" x14ac:dyDescent="0.25">
      <c r="A14233" s="2" t="s">
        <v>5891</v>
      </c>
      <c r="B14233" s="6">
        <v>236946.15</v>
      </c>
      <c r="C14233" s="7">
        <f t="shared" si="222"/>
        <v>236.94614999999999</v>
      </c>
    </row>
    <row r="14234" spans="1:3" x14ac:dyDescent="0.25">
      <c r="A14234" s="2" t="s">
        <v>5892</v>
      </c>
      <c r="B14234" s="6">
        <v>236962.8</v>
      </c>
      <c r="C14234" s="7">
        <f t="shared" si="222"/>
        <v>236.96279999999999</v>
      </c>
    </row>
    <row r="14235" spans="1:3" x14ac:dyDescent="0.25">
      <c r="A14235" s="2" t="s">
        <v>5893</v>
      </c>
      <c r="B14235" s="6">
        <v>236979.44999999998</v>
      </c>
      <c r="C14235" s="7">
        <f t="shared" si="222"/>
        <v>236.97944999999999</v>
      </c>
    </row>
    <row r="14236" spans="1:3" x14ac:dyDescent="0.25">
      <c r="A14236" s="2" t="s">
        <v>5894</v>
      </c>
      <c r="B14236" s="6">
        <v>236996.09999999998</v>
      </c>
      <c r="C14236" s="7">
        <f t="shared" si="222"/>
        <v>236.99609999999998</v>
      </c>
    </row>
    <row r="14237" spans="1:3" x14ac:dyDescent="0.25">
      <c r="A14237" s="2" t="s">
        <v>5895</v>
      </c>
      <c r="B14237" s="6">
        <v>237012.74999999997</v>
      </c>
      <c r="C14237" s="7">
        <f t="shared" si="222"/>
        <v>237.01274999999998</v>
      </c>
    </row>
    <row r="14238" spans="1:3" x14ac:dyDescent="0.25">
      <c r="A14238" s="2" t="s">
        <v>5896</v>
      </c>
      <c r="B14238" s="6">
        <v>237029.4</v>
      </c>
      <c r="C14238" s="7">
        <f t="shared" si="222"/>
        <v>237.02939999999998</v>
      </c>
    </row>
    <row r="14239" spans="1:3" x14ac:dyDescent="0.25">
      <c r="A14239" s="2" t="s">
        <v>5897</v>
      </c>
      <c r="B14239" s="6">
        <v>237046.05</v>
      </c>
      <c r="C14239" s="7">
        <f t="shared" si="222"/>
        <v>237.04604999999998</v>
      </c>
    </row>
    <row r="14240" spans="1:3" x14ac:dyDescent="0.25">
      <c r="A14240" s="2" t="s">
        <v>5898</v>
      </c>
      <c r="B14240" s="6">
        <v>237062.69999999998</v>
      </c>
      <c r="C14240" s="7">
        <f t="shared" si="222"/>
        <v>237.06269999999998</v>
      </c>
    </row>
    <row r="14241" spans="1:3" x14ac:dyDescent="0.25">
      <c r="A14241" s="2" t="s">
        <v>5899</v>
      </c>
      <c r="B14241" s="6">
        <v>237079.34999999998</v>
      </c>
      <c r="C14241" s="7">
        <f t="shared" si="222"/>
        <v>237.07934999999998</v>
      </c>
    </row>
    <row r="14242" spans="1:3" x14ac:dyDescent="0.25">
      <c r="A14242" s="2" t="s">
        <v>5900</v>
      </c>
      <c r="B14242" s="6">
        <v>237095.99999999997</v>
      </c>
      <c r="C14242" s="7">
        <f t="shared" si="222"/>
        <v>237.09599999999998</v>
      </c>
    </row>
    <row r="14243" spans="1:3" x14ac:dyDescent="0.25">
      <c r="A14243" s="2" t="s">
        <v>5901</v>
      </c>
      <c r="B14243" s="6">
        <v>237112.65</v>
      </c>
      <c r="C14243" s="7">
        <f t="shared" si="222"/>
        <v>237.11265</v>
      </c>
    </row>
    <row r="14244" spans="1:3" x14ac:dyDescent="0.25">
      <c r="A14244" s="2" t="s">
        <v>5902</v>
      </c>
      <c r="B14244" s="6">
        <v>237129.3</v>
      </c>
      <c r="C14244" s="7">
        <f t="shared" si="222"/>
        <v>237.1293</v>
      </c>
    </row>
    <row r="14245" spans="1:3" x14ac:dyDescent="0.25">
      <c r="A14245" s="2" t="s">
        <v>5903</v>
      </c>
      <c r="B14245" s="6">
        <v>237145.94999999998</v>
      </c>
      <c r="C14245" s="7">
        <f t="shared" si="222"/>
        <v>237.14594999999997</v>
      </c>
    </row>
    <row r="14246" spans="1:3" x14ac:dyDescent="0.25">
      <c r="A14246" s="2" t="s">
        <v>5904</v>
      </c>
      <c r="B14246" s="6">
        <v>237162.59999999998</v>
      </c>
      <c r="C14246" s="7">
        <f t="shared" si="222"/>
        <v>237.16259999999997</v>
      </c>
    </row>
    <row r="14247" spans="1:3" x14ac:dyDescent="0.25">
      <c r="A14247" s="2" t="s">
        <v>5905</v>
      </c>
      <c r="B14247" s="6">
        <v>237179.24999999997</v>
      </c>
      <c r="C14247" s="7">
        <f t="shared" si="222"/>
        <v>237.17924999999997</v>
      </c>
    </row>
    <row r="14248" spans="1:3" x14ac:dyDescent="0.25">
      <c r="A14248" s="2" t="s">
        <v>5906</v>
      </c>
      <c r="B14248" s="6">
        <v>237195.9</v>
      </c>
      <c r="C14248" s="7">
        <f t="shared" si="222"/>
        <v>237.19589999999999</v>
      </c>
    </row>
    <row r="14249" spans="1:3" x14ac:dyDescent="0.25">
      <c r="A14249" s="2" t="s">
        <v>5907</v>
      </c>
      <c r="B14249" s="6">
        <v>237212.55</v>
      </c>
      <c r="C14249" s="7">
        <f t="shared" si="222"/>
        <v>237.21254999999999</v>
      </c>
    </row>
    <row r="14250" spans="1:3" x14ac:dyDescent="0.25">
      <c r="A14250" s="2" t="s">
        <v>5908</v>
      </c>
      <c r="B14250" s="6">
        <v>237229.19999999998</v>
      </c>
      <c r="C14250" s="7">
        <f t="shared" si="222"/>
        <v>237.22919999999999</v>
      </c>
    </row>
    <row r="14251" spans="1:3" x14ac:dyDescent="0.25">
      <c r="A14251" s="2" t="s">
        <v>5909</v>
      </c>
      <c r="B14251" s="6">
        <v>237245.84999999998</v>
      </c>
      <c r="C14251" s="7">
        <f t="shared" si="222"/>
        <v>237.24584999999999</v>
      </c>
    </row>
    <row r="14252" spans="1:3" x14ac:dyDescent="0.25">
      <c r="A14252" s="2" t="s">
        <v>5910</v>
      </c>
      <c r="B14252" s="6">
        <v>237262.49999999997</v>
      </c>
      <c r="C14252" s="7">
        <f t="shared" si="222"/>
        <v>237.26249999999996</v>
      </c>
    </row>
    <row r="14253" spans="1:3" x14ac:dyDescent="0.25">
      <c r="A14253" s="2" t="s">
        <v>5911</v>
      </c>
      <c r="B14253" s="6">
        <v>237279.15</v>
      </c>
      <c r="C14253" s="7">
        <f t="shared" si="222"/>
        <v>237.27914999999999</v>
      </c>
    </row>
    <row r="14254" spans="1:3" x14ac:dyDescent="0.25">
      <c r="A14254" s="2" t="s">
        <v>5912</v>
      </c>
      <c r="B14254" s="6">
        <v>237295.8</v>
      </c>
      <c r="C14254" s="7">
        <f t="shared" si="222"/>
        <v>237.29579999999999</v>
      </c>
    </row>
    <row r="14255" spans="1:3" x14ac:dyDescent="0.25">
      <c r="A14255" s="2" t="s">
        <v>5913</v>
      </c>
      <c r="B14255" s="6">
        <v>237312.44999999998</v>
      </c>
      <c r="C14255" s="7">
        <f t="shared" si="222"/>
        <v>237.31244999999998</v>
      </c>
    </row>
    <row r="14256" spans="1:3" x14ac:dyDescent="0.25">
      <c r="A14256" s="2" t="s">
        <v>5914</v>
      </c>
      <c r="B14256" s="6">
        <v>237329.09999999998</v>
      </c>
      <c r="C14256" s="7">
        <f t="shared" si="222"/>
        <v>237.32909999999998</v>
      </c>
    </row>
    <row r="14257" spans="1:3" x14ac:dyDescent="0.25">
      <c r="A14257" s="2" t="s">
        <v>5915</v>
      </c>
      <c r="B14257" s="6">
        <v>237345.74999999997</v>
      </c>
      <c r="C14257" s="7">
        <f t="shared" si="222"/>
        <v>237.34574999999998</v>
      </c>
    </row>
    <row r="14258" spans="1:3" x14ac:dyDescent="0.25">
      <c r="A14258" s="2" t="s">
        <v>5916</v>
      </c>
      <c r="B14258" s="6">
        <v>237362.4</v>
      </c>
      <c r="C14258" s="7">
        <f t="shared" si="222"/>
        <v>237.36240000000001</v>
      </c>
    </row>
    <row r="14259" spans="1:3" x14ac:dyDescent="0.25">
      <c r="A14259" s="2" t="s">
        <v>5917</v>
      </c>
      <c r="B14259" s="6">
        <v>237379.05</v>
      </c>
      <c r="C14259" s="7">
        <f t="shared" si="222"/>
        <v>237.37904999999998</v>
      </c>
    </row>
    <row r="14260" spans="1:3" x14ac:dyDescent="0.25">
      <c r="A14260" s="2" t="s">
        <v>5918</v>
      </c>
      <c r="B14260" s="6">
        <v>237395.69999999998</v>
      </c>
      <c r="C14260" s="7">
        <f t="shared" si="222"/>
        <v>237.39569999999998</v>
      </c>
    </row>
    <row r="14261" spans="1:3" x14ac:dyDescent="0.25">
      <c r="A14261" s="2" t="s">
        <v>5919</v>
      </c>
      <c r="B14261" s="6">
        <v>237412.34999999998</v>
      </c>
      <c r="C14261" s="7">
        <f t="shared" si="222"/>
        <v>237.41234999999998</v>
      </c>
    </row>
    <row r="14262" spans="1:3" x14ac:dyDescent="0.25">
      <c r="A14262" s="2" t="s">
        <v>5920</v>
      </c>
      <c r="B14262" s="6">
        <v>237428.99999999997</v>
      </c>
      <c r="C14262" s="7">
        <f t="shared" si="222"/>
        <v>237.42899999999997</v>
      </c>
    </row>
    <row r="14263" spans="1:3" x14ac:dyDescent="0.25">
      <c r="A14263" s="2" t="s">
        <v>5921</v>
      </c>
      <c r="B14263" s="6">
        <v>237445.65</v>
      </c>
      <c r="C14263" s="7">
        <f t="shared" si="222"/>
        <v>237.44565</v>
      </c>
    </row>
    <row r="14264" spans="1:3" x14ac:dyDescent="0.25">
      <c r="A14264" s="2" t="s">
        <v>5922</v>
      </c>
      <c r="B14264" s="6">
        <v>237462.3</v>
      </c>
      <c r="C14264" s="7">
        <f t="shared" si="222"/>
        <v>237.4623</v>
      </c>
    </row>
    <row r="14265" spans="1:3" x14ac:dyDescent="0.25">
      <c r="A14265" s="2" t="s">
        <v>5923</v>
      </c>
      <c r="B14265" s="6">
        <v>237478.94999999998</v>
      </c>
      <c r="C14265" s="7">
        <f t="shared" si="222"/>
        <v>237.47894999999997</v>
      </c>
    </row>
    <row r="14266" spans="1:3" x14ac:dyDescent="0.25">
      <c r="A14266" s="2" t="s">
        <v>5924</v>
      </c>
      <c r="B14266" s="6">
        <v>237495.59999999998</v>
      </c>
      <c r="C14266" s="7">
        <f t="shared" si="222"/>
        <v>237.49559999999997</v>
      </c>
    </row>
    <row r="14267" spans="1:3" x14ac:dyDescent="0.25">
      <c r="A14267" s="2" t="s">
        <v>5925</v>
      </c>
      <c r="B14267" s="6">
        <v>237512.24999999997</v>
      </c>
      <c r="C14267" s="7">
        <f t="shared" si="222"/>
        <v>237.51224999999997</v>
      </c>
    </row>
    <row r="14268" spans="1:3" x14ac:dyDescent="0.25">
      <c r="A14268" s="2" t="s">
        <v>5926</v>
      </c>
      <c r="B14268" s="6">
        <v>237528.9</v>
      </c>
      <c r="C14268" s="7">
        <f t="shared" si="222"/>
        <v>237.52889999999999</v>
      </c>
    </row>
    <row r="14269" spans="1:3" x14ac:dyDescent="0.25">
      <c r="A14269" s="2" t="s">
        <v>5927</v>
      </c>
      <c r="B14269" s="6">
        <v>237545.55</v>
      </c>
      <c r="C14269" s="7">
        <f t="shared" si="222"/>
        <v>237.54554999999999</v>
      </c>
    </row>
    <row r="14270" spans="1:3" x14ac:dyDescent="0.25">
      <c r="A14270" s="2" t="s">
        <v>5928</v>
      </c>
      <c r="B14270" s="6">
        <v>237562.19999999998</v>
      </c>
      <c r="C14270" s="7">
        <f t="shared" si="222"/>
        <v>237.56219999999999</v>
      </c>
    </row>
    <row r="14271" spans="1:3" x14ac:dyDescent="0.25">
      <c r="A14271" s="2" t="s">
        <v>5929</v>
      </c>
      <c r="B14271" s="6">
        <v>237578.84999999998</v>
      </c>
      <c r="C14271" s="7">
        <f t="shared" si="222"/>
        <v>237.57884999999999</v>
      </c>
    </row>
    <row r="14272" spans="1:3" x14ac:dyDescent="0.25">
      <c r="A14272" s="2" t="s">
        <v>5930</v>
      </c>
      <c r="B14272" s="6">
        <v>237595.49999999997</v>
      </c>
      <c r="C14272" s="7">
        <f t="shared" si="222"/>
        <v>237.59549999999996</v>
      </c>
    </row>
    <row r="14273" spans="1:3" x14ac:dyDescent="0.25">
      <c r="A14273" s="2" t="s">
        <v>5931</v>
      </c>
      <c r="B14273" s="6">
        <v>237612.15</v>
      </c>
      <c r="C14273" s="7">
        <f t="shared" si="222"/>
        <v>237.61214999999999</v>
      </c>
    </row>
    <row r="14274" spans="1:3" x14ac:dyDescent="0.25">
      <c r="A14274" s="2" t="s">
        <v>5932</v>
      </c>
      <c r="B14274" s="6">
        <v>237628.79999999999</v>
      </c>
      <c r="C14274" s="7">
        <f t="shared" si="222"/>
        <v>237.62879999999998</v>
      </c>
    </row>
    <row r="14275" spans="1:3" x14ac:dyDescent="0.25">
      <c r="A14275" s="2" t="s">
        <v>5933</v>
      </c>
      <c r="B14275" s="6">
        <v>237645.44999999998</v>
      </c>
      <c r="C14275" s="7">
        <f t="shared" ref="C14275:C14338" si="223">B14275/1000</f>
        <v>237.64544999999998</v>
      </c>
    </row>
    <row r="14276" spans="1:3" x14ac:dyDescent="0.25">
      <c r="A14276" s="2" t="s">
        <v>5934</v>
      </c>
      <c r="B14276" s="6">
        <v>237662.09999999998</v>
      </c>
      <c r="C14276" s="7">
        <f t="shared" si="223"/>
        <v>237.66209999999998</v>
      </c>
    </row>
    <row r="14277" spans="1:3" x14ac:dyDescent="0.25">
      <c r="A14277" s="2" t="s">
        <v>5935</v>
      </c>
      <c r="B14277" s="6">
        <v>237678.74999999997</v>
      </c>
      <c r="C14277" s="7">
        <f t="shared" si="223"/>
        <v>237.67874999999998</v>
      </c>
    </row>
    <row r="14278" spans="1:3" x14ac:dyDescent="0.25">
      <c r="A14278" s="2" t="s">
        <v>5936</v>
      </c>
      <c r="B14278" s="6">
        <v>237695.4</v>
      </c>
      <c r="C14278" s="7">
        <f t="shared" si="223"/>
        <v>237.69540000000001</v>
      </c>
    </row>
    <row r="14279" spans="1:3" x14ac:dyDescent="0.25">
      <c r="A14279" s="2" t="s">
        <v>5937</v>
      </c>
      <c r="B14279" s="6">
        <v>237712.05</v>
      </c>
      <c r="C14279" s="7">
        <f t="shared" si="223"/>
        <v>237.71204999999998</v>
      </c>
    </row>
    <row r="14280" spans="1:3" x14ac:dyDescent="0.25">
      <c r="A14280" s="2" t="s">
        <v>5938</v>
      </c>
      <c r="B14280" s="6">
        <v>237728.69999999998</v>
      </c>
      <c r="C14280" s="7">
        <f t="shared" si="223"/>
        <v>237.72869999999998</v>
      </c>
    </row>
    <row r="14281" spans="1:3" x14ac:dyDescent="0.25">
      <c r="A14281" s="2" t="s">
        <v>5939</v>
      </c>
      <c r="B14281" s="6">
        <v>237745.34999999998</v>
      </c>
      <c r="C14281" s="7">
        <f t="shared" si="223"/>
        <v>237.74534999999997</v>
      </c>
    </row>
    <row r="14282" spans="1:3" x14ac:dyDescent="0.25">
      <c r="A14282" s="2" t="s">
        <v>5940</v>
      </c>
      <c r="B14282" s="6">
        <v>237761.99999999997</v>
      </c>
      <c r="C14282" s="7">
        <f t="shared" si="223"/>
        <v>237.76199999999997</v>
      </c>
    </row>
    <row r="14283" spans="1:3" x14ac:dyDescent="0.25">
      <c r="A14283" s="2" t="s">
        <v>5941</v>
      </c>
      <c r="B14283" s="6">
        <v>237778.65</v>
      </c>
      <c r="C14283" s="7">
        <f t="shared" si="223"/>
        <v>237.77865</v>
      </c>
    </row>
    <row r="14284" spans="1:3" x14ac:dyDescent="0.25">
      <c r="A14284" s="2" t="s">
        <v>5942</v>
      </c>
      <c r="B14284" s="6">
        <v>237795.3</v>
      </c>
      <c r="C14284" s="7">
        <f t="shared" si="223"/>
        <v>237.7953</v>
      </c>
    </row>
    <row r="14285" spans="1:3" x14ac:dyDescent="0.25">
      <c r="A14285" s="2" t="s">
        <v>5943</v>
      </c>
      <c r="B14285" s="6">
        <v>237811.94999999998</v>
      </c>
      <c r="C14285" s="7">
        <f t="shared" si="223"/>
        <v>237.81195</v>
      </c>
    </row>
    <row r="14286" spans="1:3" x14ac:dyDescent="0.25">
      <c r="A14286" s="2" t="s">
        <v>5944</v>
      </c>
      <c r="B14286" s="6">
        <v>237828.59999999998</v>
      </c>
      <c r="C14286" s="7">
        <f t="shared" si="223"/>
        <v>237.82859999999997</v>
      </c>
    </row>
    <row r="14287" spans="1:3" x14ac:dyDescent="0.25">
      <c r="A14287" s="2" t="s">
        <v>5945</v>
      </c>
      <c r="B14287" s="6">
        <v>237845.24999999997</v>
      </c>
      <c r="C14287" s="7">
        <f t="shared" si="223"/>
        <v>237.84524999999996</v>
      </c>
    </row>
    <row r="14288" spans="1:3" x14ac:dyDescent="0.25">
      <c r="A14288" s="2" t="s">
        <v>5946</v>
      </c>
      <c r="B14288" s="6">
        <v>237861.9</v>
      </c>
      <c r="C14288" s="7">
        <f t="shared" si="223"/>
        <v>237.86189999999999</v>
      </c>
    </row>
    <row r="14289" spans="1:3" x14ac:dyDescent="0.25">
      <c r="A14289" s="2" t="s">
        <v>5947</v>
      </c>
      <c r="B14289" s="6">
        <v>237878.55</v>
      </c>
      <c r="C14289" s="7">
        <f t="shared" si="223"/>
        <v>237.87854999999999</v>
      </c>
    </row>
    <row r="14290" spans="1:3" x14ac:dyDescent="0.25">
      <c r="A14290" s="2" t="s">
        <v>5948</v>
      </c>
      <c r="B14290" s="6">
        <v>237895.19999999998</v>
      </c>
      <c r="C14290" s="7">
        <f t="shared" si="223"/>
        <v>237.89519999999999</v>
      </c>
    </row>
    <row r="14291" spans="1:3" x14ac:dyDescent="0.25">
      <c r="A14291" s="2" t="s">
        <v>5949</v>
      </c>
      <c r="B14291" s="6">
        <v>237911.84999999998</v>
      </c>
      <c r="C14291" s="7">
        <f t="shared" si="223"/>
        <v>237.91184999999999</v>
      </c>
    </row>
    <row r="14292" spans="1:3" x14ac:dyDescent="0.25">
      <c r="A14292" s="2" t="s">
        <v>5950</v>
      </c>
      <c r="B14292" s="6">
        <v>237928.49999999997</v>
      </c>
      <c r="C14292" s="7">
        <f t="shared" si="223"/>
        <v>237.92849999999996</v>
      </c>
    </row>
    <row r="14293" spans="1:3" x14ac:dyDescent="0.25">
      <c r="A14293" s="2" t="s">
        <v>5951</v>
      </c>
      <c r="B14293" s="6">
        <v>237945.15</v>
      </c>
      <c r="C14293" s="7">
        <f t="shared" si="223"/>
        <v>237.94514999999998</v>
      </c>
    </row>
    <row r="14294" spans="1:3" x14ac:dyDescent="0.25">
      <c r="A14294" s="2" t="s">
        <v>5952</v>
      </c>
      <c r="B14294" s="6">
        <v>237961.8</v>
      </c>
      <c r="C14294" s="7">
        <f t="shared" si="223"/>
        <v>237.96179999999998</v>
      </c>
    </row>
    <row r="14295" spans="1:3" x14ac:dyDescent="0.25">
      <c r="A14295" s="2" t="s">
        <v>5953</v>
      </c>
      <c r="B14295" s="6">
        <v>237978.44999999998</v>
      </c>
      <c r="C14295" s="7">
        <f t="shared" si="223"/>
        <v>237.97844999999998</v>
      </c>
    </row>
    <row r="14296" spans="1:3" x14ac:dyDescent="0.25">
      <c r="A14296" s="2" t="s">
        <v>5954</v>
      </c>
      <c r="B14296" s="6">
        <v>237995.09999999998</v>
      </c>
      <c r="C14296" s="7">
        <f t="shared" si="223"/>
        <v>237.99509999999998</v>
      </c>
    </row>
    <row r="14297" spans="1:3" x14ac:dyDescent="0.25">
      <c r="A14297" s="2" t="s">
        <v>5955</v>
      </c>
      <c r="B14297" s="6">
        <v>238011.74999999997</v>
      </c>
      <c r="C14297" s="7">
        <f t="shared" si="223"/>
        <v>238.01174999999998</v>
      </c>
    </row>
    <row r="14298" spans="1:3" x14ac:dyDescent="0.25">
      <c r="A14298" s="2" t="s">
        <v>5956</v>
      </c>
      <c r="B14298" s="6">
        <v>238028.4</v>
      </c>
      <c r="C14298" s="7">
        <f t="shared" si="223"/>
        <v>238.0284</v>
      </c>
    </row>
    <row r="14299" spans="1:3" x14ac:dyDescent="0.25">
      <c r="A14299" s="2" t="s">
        <v>5957</v>
      </c>
      <c r="B14299" s="6">
        <v>238045.05</v>
      </c>
      <c r="C14299" s="7">
        <f t="shared" si="223"/>
        <v>238.04504999999997</v>
      </c>
    </row>
    <row r="14300" spans="1:3" x14ac:dyDescent="0.25">
      <c r="A14300" s="2" t="s">
        <v>5958</v>
      </c>
      <c r="B14300" s="6">
        <v>238061.69999999998</v>
      </c>
      <c r="C14300" s="7">
        <f t="shared" si="223"/>
        <v>238.06169999999997</v>
      </c>
    </row>
    <row r="14301" spans="1:3" x14ac:dyDescent="0.25">
      <c r="A14301" s="2" t="s">
        <v>5959</v>
      </c>
      <c r="B14301" s="6">
        <v>238078.34999999998</v>
      </c>
      <c r="C14301" s="7">
        <f t="shared" si="223"/>
        <v>238.07834999999997</v>
      </c>
    </row>
    <row r="14302" spans="1:3" x14ac:dyDescent="0.25">
      <c r="A14302" s="2" t="s">
        <v>5960</v>
      </c>
      <c r="B14302" s="6">
        <v>238094.99999999997</v>
      </c>
      <c r="C14302" s="7">
        <f t="shared" si="223"/>
        <v>238.09499999999997</v>
      </c>
    </row>
    <row r="14303" spans="1:3" x14ac:dyDescent="0.25">
      <c r="A14303" s="2" t="s">
        <v>5961</v>
      </c>
      <c r="B14303" s="6">
        <v>238111.65</v>
      </c>
      <c r="C14303" s="7">
        <f t="shared" si="223"/>
        <v>238.11165</v>
      </c>
    </row>
    <row r="14304" spans="1:3" x14ac:dyDescent="0.25">
      <c r="A14304" s="2" t="s">
        <v>5962</v>
      </c>
      <c r="B14304" s="6">
        <v>238128.3</v>
      </c>
      <c r="C14304" s="7">
        <f t="shared" si="223"/>
        <v>238.1283</v>
      </c>
    </row>
    <row r="14305" spans="1:3" x14ac:dyDescent="0.25">
      <c r="A14305" s="2" t="s">
        <v>5963</v>
      </c>
      <c r="B14305" s="6">
        <v>238144.94999999998</v>
      </c>
      <c r="C14305" s="7">
        <f t="shared" si="223"/>
        <v>238.14494999999999</v>
      </c>
    </row>
    <row r="14306" spans="1:3" x14ac:dyDescent="0.25">
      <c r="A14306" s="2" t="s">
        <v>5964</v>
      </c>
      <c r="B14306" s="6">
        <v>238161.59999999998</v>
      </c>
      <c r="C14306" s="7">
        <f t="shared" si="223"/>
        <v>238.16159999999996</v>
      </c>
    </row>
    <row r="14307" spans="1:3" x14ac:dyDescent="0.25">
      <c r="A14307" s="2" t="s">
        <v>5965</v>
      </c>
      <c r="B14307" s="6">
        <v>238178.24999999997</v>
      </c>
      <c r="C14307" s="7">
        <f t="shared" si="223"/>
        <v>238.17824999999996</v>
      </c>
    </row>
    <row r="14308" spans="1:3" x14ac:dyDescent="0.25">
      <c r="A14308" s="2" t="s">
        <v>5966</v>
      </c>
      <c r="B14308" s="6">
        <v>238194.9</v>
      </c>
      <c r="C14308" s="7">
        <f t="shared" si="223"/>
        <v>238.19489999999999</v>
      </c>
    </row>
    <row r="14309" spans="1:3" x14ac:dyDescent="0.25">
      <c r="A14309" s="2" t="s">
        <v>5967</v>
      </c>
      <c r="B14309" s="6">
        <v>238211.55</v>
      </c>
      <c r="C14309" s="7">
        <f t="shared" si="223"/>
        <v>238.21154999999999</v>
      </c>
    </row>
    <row r="14310" spans="1:3" x14ac:dyDescent="0.25">
      <c r="A14310" s="2" t="s">
        <v>5968</v>
      </c>
      <c r="B14310" s="6">
        <v>238228.19999999998</v>
      </c>
      <c r="C14310" s="7">
        <f t="shared" si="223"/>
        <v>238.22819999999999</v>
      </c>
    </row>
    <row r="14311" spans="1:3" x14ac:dyDescent="0.25">
      <c r="A14311" s="2" t="s">
        <v>5969</v>
      </c>
      <c r="B14311" s="6">
        <v>238244.84999999998</v>
      </c>
      <c r="C14311" s="7">
        <f t="shared" si="223"/>
        <v>238.24484999999999</v>
      </c>
    </row>
    <row r="14312" spans="1:3" x14ac:dyDescent="0.25">
      <c r="A14312" s="2" t="s">
        <v>5970</v>
      </c>
      <c r="B14312" s="6">
        <v>238261.49999999997</v>
      </c>
      <c r="C14312" s="7">
        <f t="shared" si="223"/>
        <v>238.26149999999998</v>
      </c>
    </row>
    <row r="14313" spans="1:3" x14ac:dyDescent="0.25">
      <c r="A14313" s="2" t="s">
        <v>5971</v>
      </c>
      <c r="B14313" s="6">
        <v>238278.15</v>
      </c>
      <c r="C14313" s="7">
        <f t="shared" si="223"/>
        <v>238.27814999999998</v>
      </c>
    </row>
    <row r="14314" spans="1:3" x14ac:dyDescent="0.25">
      <c r="A14314" s="2" t="s">
        <v>5972</v>
      </c>
      <c r="B14314" s="6">
        <v>238294.8</v>
      </c>
      <c r="C14314" s="7">
        <f t="shared" si="223"/>
        <v>238.29479999999998</v>
      </c>
    </row>
    <row r="14315" spans="1:3" x14ac:dyDescent="0.25">
      <c r="A14315" s="2" t="s">
        <v>5973</v>
      </c>
      <c r="B14315" s="6">
        <v>238311.44999999998</v>
      </c>
      <c r="C14315" s="7">
        <f t="shared" si="223"/>
        <v>238.31144999999998</v>
      </c>
    </row>
    <row r="14316" spans="1:3" x14ac:dyDescent="0.25">
      <c r="A14316" s="2" t="s">
        <v>5974</v>
      </c>
      <c r="B14316" s="6">
        <v>238328.09999999998</v>
      </c>
      <c r="C14316" s="7">
        <f t="shared" si="223"/>
        <v>238.32809999999998</v>
      </c>
    </row>
    <row r="14317" spans="1:3" x14ac:dyDescent="0.25">
      <c r="A14317" s="2" t="s">
        <v>5975</v>
      </c>
      <c r="B14317" s="6">
        <v>238344.74999999997</v>
      </c>
      <c r="C14317" s="7">
        <f t="shared" si="223"/>
        <v>238.34474999999998</v>
      </c>
    </row>
    <row r="14318" spans="1:3" x14ac:dyDescent="0.25">
      <c r="A14318" s="2" t="s">
        <v>5976</v>
      </c>
      <c r="B14318" s="6">
        <v>238361.4</v>
      </c>
      <c r="C14318" s="7">
        <f t="shared" si="223"/>
        <v>238.3614</v>
      </c>
    </row>
    <row r="14319" spans="1:3" x14ac:dyDescent="0.25">
      <c r="A14319" s="2" t="s">
        <v>5977</v>
      </c>
      <c r="B14319" s="6">
        <v>238378.05</v>
      </c>
      <c r="C14319" s="7">
        <f t="shared" si="223"/>
        <v>238.37805</v>
      </c>
    </row>
    <row r="14320" spans="1:3" x14ac:dyDescent="0.25">
      <c r="A14320" s="2" t="s">
        <v>5978</v>
      </c>
      <c r="B14320" s="6">
        <v>238394.69999999998</v>
      </c>
      <c r="C14320" s="7">
        <f t="shared" si="223"/>
        <v>238.39469999999997</v>
      </c>
    </row>
    <row r="14321" spans="1:3" x14ac:dyDescent="0.25">
      <c r="A14321" s="2" t="s">
        <v>5979</v>
      </c>
      <c r="B14321" s="6">
        <v>238411.34999999998</v>
      </c>
      <c r="C14321" s="7">
        <f t="shared" si="223"/>
        <v>238.41134999999997</v>
      </c>
    </row>
    <row r="14322" spans="1:3" x14ac:dyDescent="0.25">
      <c r="A14322" s="2" t="s">
        <v>5980</v>
      </c>
      <c r="B14322" s="6">
        <v>238427.99999999997</v>
      </c>
      <c r="C14322" s="7">
        <f t="shared" si="223"/>
        <v>238.42799999999997</v>
      </c>
    </row>
    <row r="14323" spans="1:3" x14ac:dyDescent="0.25">
      <c r="A14323" s="2" t="s">
        <v>5981</v>
      </c>
      <c r="B14323" s="6">
        <v>238444.65</v>
      </c>
      <c r="C14323" s="7">
        <f t="shared" si="223"/>
        <v>238.44465</v>
      </c>
    </row>
    <row r="14324" spans="1:3" x14ac:dyDescent="0.25">
      <c r="A14324" s="2" t="s">
        <v>5982</v>
      </c>
      <c r="B14324" s="6">
        <v>238461.3</v>
      </c>
      <c r="C14324" s="7">
        <f t="shared" si="223"/>
        <v>238.46129999999999</v>
      </c>
    </row>
    <row r="14325" spans="1:3" x14ac:dyDescent="0.25">
      <c r="A14325" s="2" t="s">
        <v>5983</v>
      </c>
      <c r="B14325" s="6">
        <v>238477.94999999998</v>
      </c>
      <c r="C14325" s="7">
        <f t="shared" si="223"/>
        <v>238.47794999999999</v>
      </c>
    </row>
    <row r="14326" spans="1:3" x14ac:dyDescent="0.25">
      <c r="A14326" s="2" t="s">
        <v>5984</v>
      </c>
      <c r="B14326" s="6">
        <v>238494.59999999998</v>
      </c>
      <c r="C14326" s="7">
        <f t="shared" si="223"/>
        <v>238.49459999999996</v>
      </c>
    </row>
    <row r="14327" spans="1:3" x14ac:dyDescent="0.25">
      <c r="A14327" s="2" t="s">
        <v>5985</v>
      </c>
      <c r="B14327" s="6">
        <v>238511.24999999997</v>
      </c>
      <c r="C14327" s="7">
        <f t="shared" si="223"/>
        <v>238.51124999999996</v>
      </c>
    </row>
    <row r="14328" spans="1:3" x14ac:dyDescent="0.25">
      <c r="A14328" s="2" t="s">
        <v>5986</v>
      </c>
      <c r="B14328" s="6">
        <v>238527.9</v>
      </c>
      <c r="C14328" s="7">
        <f t="shared" si="223"/>
        <v>238.52789999999999</v>
      </c>
    </row>
    <row r="14329" spans="1:3" x14ac:dyDescent="0.25">
      <c r="A14329" s="2" t="s">
        <v>5987</v>
      </c>
      <c r="B14329" s="6">
        <v>238544.55</v>
      </c>
      <c r="C14329" s="7">
        <f t="shared" si="223"/>
        <v>238.54454999999999</v>
      </c>
    </row>
    <row r="14330" spans="1:3" x14ac:dyDescent="0.25">
      <c r="A14330" s="2" t="s">
        <v>5988</v>
      </c>
      <c r="B14330" s="6">
        <v>238561.19999999998</v>
      </c>
      <c r="C14330" s="7">
        <f t="shared" si="223"/>
        <v>238.56119999999999</v>
      </c>
    </row>
    <row r="14331" spans="1:3" x14ac:dyDescent="0.25">
      <c r="A14331" s="2" t="s">
        <v>5989</v>
      </c>
      <c r="B14331" s="6">
        <v>238577.84999999998</v>
      </c>
      <c r="C14331" s="7">
        <f t="shared" si="223"/>
        <v>238.57784999999998</v>
      </c>
    </row>
    <row r="14332" spans="1:3" x14ac:dyDescent="0.25">
      <c r="A14332" s="2" t="s">
        <v>5990</v>
      </c>
      <c r="B14332" s="6">
        <v>238594.49999999997</v>
      </c>
      <c r="C14332" s="7">
        <f t="shared" si="223"/>
        <v>238.59449999999998</v>
      </c>
    </row>
    <row r="14333" spans="1:3" x14ac:dyDescent="0.25">
      <c r="A14333" s="2" t="s">
        <v>5991</v>
      </c>
      <c r="B14333" s="6">
        <v>238611.14999999997</v>
      </c>
      <c r="C14333" s="7">
        <f t="shared" si="223"/>
        <v>238.61114999999995</v>
      </c>
    </row>
    <row r="14334" spans="1:3" x14ac:dyDescent="0.25">
      <c r="A14334" s="2" t="s">
        <v>5992</v>
      </c>
      <c r="B14334" s="6">
        <v>238627.8</v>
      </c>
      <c r="C14334" s="7">
        <f t="shared" si="223"/>
        <v>238.62779999999998</v>
      </c>
    </row>
    <row r="14335" spans="1:3" x14ac:dyDescent="0.25">
      <c r="A14335" s="2" t="s">
        <v>5993</v>
      </c>
      <c r="B14335" s="6">
        <v>238644.44999999998</v>
      </c>
      <c r="C14335" s="7">
        <f t="shared" si="223"/>
        <v>238.64444999999998</v>
      </c>
    </row>
    <row r="14336" spans="1:3" x14ac:dyDescent="0.25">
      <c r="A14336" s="2" t="s">
        <v>5994</v>
      </c>
      <c r="B14336" s="6">
        <v>238661.09999999998</v>
      </c>
      <c r="C14336" s="7">
        <f t="shared" si="223"/>
        <v>238.66109999999998</v>
      </c>
    </row>
    <row r="14337" spans="1:3" x14ac:dyDescent="0.25">
      <c r="A14337" s="2" t="s">
        <v>5995</v>
      </c>
      <c r="B14337" s="6">
        <v>238677.74999999997</v>
      </c>
      <c r="C14337" s="7">
        <f t="shared" si="223"/>
        <v>238.67774999999997</v>
      </c>
    </row>
    <row r="14338" spans="1:3" x14ac:dyDescent="0.25">
      <c r="A14338" s="2" t="s">
        <v>5996</v>
      </c>
      <c r="B14338" s="6">
        <v>238694.39999999997</v>
      </c>
      <c r="C14338" s="7">
        <f t="shared" si="223"/>
        <v>238.69439999999997</v>
      </c>
    </row>
    <row r="14339" spans="1:3" x14ac:dyDescent="0.25">
      <c r="A14339" s="2" t="s">
        <v>5997</v>
      </c>
      <c r="B14339" s="6">
        <v>238711.05</v>
      </c>
      <c r="C14339" s="7">
        <f t="shared" ref="C14339:C14402" si="224">B14339/1000</f>
        <v>238.71105</v>
      </c>
    </row>
    <row r="14340" spans="1:3" x14ac:dyDescent="0.25">
      <c r="A14340" s="2" t="s">
        <v>5998</v>
      </c>
      <c r="B14340" s="6">
        <v>238727.69999999998</v>
      </c>
      <c r="C14340" s="7">
        <f t="shared" si="224"/>
        <v>238.72769999999997</v>
      </c>
    </row>
    <row r="14341" spans="1:3" x14ac:dyDescent="0.25">
      <c r="A14341" s="2" t="s">
        <v>5999</v>
      </c>
      <c r="B14341" s="6">
        <v>238744.34999999998</v>
      </c>
      <c r="C14341" s="7">
        <f t="shared" si="224"/>
        <v>238.74434999999997</v>
      </c>
    </row>
    <row r="14342" spans="1:3" x14ac:dyDescent="0.25">
      <c r="A14342" s="2" t="s">
        <v>6000</v>
      </c>
      <c r="B14342" s="6">
        <v>238760.99999999997</v>
      </c>
      <c r="C14342" s="7">
        <f t="shared" si="224"/>
        <v>238.76099999999997</v>
      </c>
    </row>
    <row r="14343" spans="1:3" x14ac:dyDescent="0.25">
      <c r="A14343" s="2" t="s">
        <v>6001</v>
      </c>
      <c r="B14343" s="6">
        <v>238777.64999999997</v>
      </c>
      <c r="C14343" s="7">
        <f t="shared" si="224"/>
        <v>238.77764999999997</v>
      </c>
    </row>
    <row r="14344" spans="1:3" x14ac:dyDescent="0.25">
      <c r="A14344" s="2" t="s">
        <v>6002</v>
      </c>
      <c r="B14344" s="6">
        <v>238794.3</v>
      </c>
      <c r="C14344" s="7">
        <f t="shared" si="224"/>
        <v>238.79429999999999</v>
      </c>
    </row>
    <row r="14345" spans="1:3" x14ac:dyDescent="0.25">
      <c r="A14345" s="2" t="s">
        <v>6003</v>
      </c>
      <c r="B14345" s="6">
        <v>238810.94999999998</v>
      </c>
      <c r="C14345" s="7">
        <f t="shared" si="224"/>
        <v>238.81094999999999</v>
      </c>
    </row>
    <row r="14346" spans="1:3" x14ac:dyDescent="0.25">
      <c r="A14346" s="2" t="s">
        <v>6004</v>
      </c>
      <c r="B14346" s="6">
        <v>238827.59999999998</v>
      </c>
      <c r="C14346" s="7">
        <f t="shared" si="224"/>
        <v>238.82759999999999</v>
      </c>
    </row>
    <row r="14347" spans="1:3" x14ac:dyDescent="0.25">
      <c r="A14347" s="2" t="s">
        <v>6005</v>
      </c>
      <c r="B14347" s="6">
        <v>238844.24999999997</v>
      </c>
      <c r="C14347" s="7">
        <f t="shared" si="224"/>
        <v>238.84424999999996</v>
      </c>
    </row>
    <row r="14348" spans="1:3" x14ac:dyDescent="0.25">
      <c r="A14348" s="2" t="s">
        <v>6006</v>
      </c>
      <c r="B14348" s="6">
        <v>238860.89999999997</v>
      </c>
      <c r="C14348" s="7">
        <f t="shared" si="224"/>
        <v>238.86089999999996</v>
      </c>
    </row>
    <row r="14349" spans="1:3" x14ac:dyDescent="0.25">
      <c r="A14349" s="2" t="s">
        <v>6007</v>
      </c>
      <c r="B14349" s="6">
        <v>238877.55</v>
      </c>
      <c r="C14349" s="7">
        <f t="shared" si="224"/>
        <v>238.87754999999999</v>
      </c>
    </row>
    <row r="14350" spans="1:3" x14ac:dyDescent="0.25">
      <c r="A14350" s="2" t="s">
        <v>6008</v>
      </c>
      <c r="B14350" s="6">
        <v>238894.19999999998</v>
      </c>
      <c r="C14350" s="7">
        <f t="shared" si="224"/>
        <v>238.89419999999998</v>
      </c>
    </row>
    <row r="14351" spans="1:3" x14ac:dyDescent="0.25">
      <c r="A14351" s="2" t="s">
        <v>6009</v>
      </c>
      <c r="B14351" s="6">
        <v>238910.84999999998</v>
      </c>
      <c r="C14351" s="7">
        <f t="shared" si="224"/>
        <v>238.91084999999998</v>
      </c>
    </row>
    <row r="14352" spans="1:3" x14ac:dyDescent="0.25">
      <c r="A14352" s="2" t="s">
        <v>6010</v>
      </c>
      <c r="B14352" s="6">
        <v>238927.49999999997</v>
      </c>
      <c r="C14352" s="7">
        <f t="shared" si="224"/>
        <v>238.92749999999998</v>
      </c>
    </row>
    <row r="14353" spans="1:3" x14ac:dyDescent="0.25">
      <c r="A14353" s="2" t="s">
        <v>6011</v>
      </c>
      <c r="B14353" s="6">
        <v>238944.14999999997</v>
      </c>
      <c r="C14353" s="7">
        <f t="shared" si="224"/>
        <v>238.94414999999998</v>
      </c>
    </row>
    <row r="14354" spans="1:3" x14ac:dyDescent="0.25">
      <c r="A14354" s="2" t="s">
        <v>6012</v>
      </c>
      <c r="B14354" s="6">
        <v>238960.8</v>
      </c>
      <c r="C14354" s="7">
        <f t="shared" si="224"/>
        <v>238.96079999999998</v>
      </c>
    </row>
    <row r="14355" spans="1:3" x14ac:dyDescent="0.25">
      <c r="A14355" s="2" t="s">
        <v>6013</v>
      </c>
      <c r="B14355" s="6">
        <v>238977.44999999998</v>
      </c>
      <c r="C14355" s="7">
        <f t="shared" si="224"/>
        <v>238.97744999999998</v>
      </c>
    </row>
    <row r="14356" spans="1:3" x14ac:dyDescent="0.25">
      <c r="A14356" s="2" t="s">
        <v>6014</v>
      </c>
      <c r="B14356" s="6">
        <v>238994.09999999998</v>
      </c>
      <c r="C14356" s="7">
        <f t="shared" si="224"/>
        <v>238.99409999999997</v>
      </c>
    </row>
    <row r="14357" spans="1:3" x14ac:dyDescent="0.25">
      <c r="A14357" s="2" t="s">
        <v>6015</v>
      </c>
      <c r="B14357" s="6">
        <v>239010.74999999997</v>
      </c>
      <c r="C14357" s="7">
        <f t="shared" si="224"/>
        <v>239.01074999999997</v>
      </c>
    </row>
    <row r="14358" spans="1:3" x14ac:dyDescent="0.25">
      <c r="A14358" s="2" t="s">
        <v>6016</v>
      </c>
      <c r="B14358" s="6">
        <v>239027.39999999997</v>
      </c>
      <c r="C14358" s="7">
        <f t="shared" si="224"/>
        <v>239.02739999999997</v>
      </c>
    </row>
    <row r="14359" spans="1:3" x14ac:dyDescent="0.25">
      <c r="A14359" s="2" t="s">
        <v>6017</v>
      </c>
      <c r="B14359" s="6">
        <v>239044.05</v>
      </c>
      <c r="C14359" s="7">
        <f t="shared" si="224"/>
        <v>239.04405</v>
      </c>
    </row>
    <row r="14360" spans="1:3" x14ac:dyDescent="0.25">
      <c r="A14360" s="2" t="s">
        <v>6018</v>
      </c>
      <c r="B14360" s="6">
        <v>239060.69999999998</v>
      </c>
      <c r="C14360" s="7">
        <f t="shared" si="224"/>
        <v>239.06069999999997</v>
      </c>
    </row>
    <row r="14361" spans="1:3" x14ac:dyDescent="0.25">
      <c r="A14361" s="2" t="s">
        <v>6019</v>
      </c>
      <c r="B14361" s="6">
        <v>239077.34999999998</v>
      </c>
      <c r="C14361" s="7">
        <f t="shared" si="224"/>
        <v>239.07734999999997</v>
      </c>
    </row>
    <row r="14362" spans="1:3" x14ac:dyDescent="0.25">
      <c r="A14362" s="2" t="s">
        <v>6020</v>
      </c>
      <c r="B14362" s="6">
        <v>239093.99999999997</v>
      </c>
      <c r="C14362" s="7">
        <f t="shared" si="224"/>
        <v>239.09399999999997</v>
      </c>
    </row>
    <row r="14363" spans="1:3" x14ac:dyDescent="0.25">
      <c r="A14363" s="2" t="s">
        <v>6021</v>
      </c>
      <c r="B14363" s="6">
        <v>239110.64999999997</v>
      </c>
      <c r="C14363" s="7">
        <f t="shared" si="224"/>
        <v>239.11064999999996</v>
      </c>
    </row>
    <row r="14364" spans="1:3" x14ac:dyDescent="0.25">
      <c r="A14364" s="2" t="s">
        <v>6022</v>
      </c>
      <c r="B14364" s="6">
        <v>239127.3</v>
      </c>
      <c r="C14364" s="7">
        <f t="shared" si="224"/>
        <v>239.12729999999999</v>
      </c>
    </row>
    <row r="14365" spans="1:3" x14ac:dyDescent="0.25">
      <c r="A14365" s="2" t="s">
        <v>6023</v>
      </c>
      <c r="B14365" s="6">
        <v>239143.94999999998</v>
      </c>
      <c r="C14365" s="7">
        <f t="shared" si="224"/>
        <v>239.14394999999999</v>
      </c>
    </row>
    <row r="14366" spans="1:3" x14ac:dyDescent="0.25">
      <c r="A14366" s="2" t="s">
        <v>6024</v>
      </c>
      <c r="B14366" s="6">
        <v>239160.59999999998</v>
      </c>
      <c r="C14366" s="7">
        <f t="shared" si="224"/>
        <v>239.16059999999999</v>
      </c>
    </row>
    <row r="14367" spans="1:3" x14ac:dyDescent="0.25">
      <c r="A14367" s="2" t="s">
        <v>6025</v>
      </c>
      <c r="B14367" s="6">
        <v>239177.24999999997</v>
      </c>
      <c r="C14367" s="7">
        <f t="shared" si="224"/>
        <v>239.17724999999996</v>
      </c>
    </row>
    <row r="14368" spans="1:3" x14ac:dyDescent="0.25">
      <c r="A14368" s="2" t="s">
        <v>6026</v>
      </c>
      <c r="B14368" s="6">
        <v>239193.89999999997</v>
      </c>
      <c r="C14368" s="7">
        <f t="shared" si="224"/>
        <v>239.19389999999996</v>
      </c>
    </row>
    <row r="14369" spans="1:3" x14ac:dyDescent="0.25">
      <c r="A14369" s="2" t="s">
        <v>6027</v>
      </c>
      <c r="B14369" s="6">
        <v>239210.55</v>
      </c>
      <c r="C14369" s="7">
        <f t="shared" si="224"/>
        <v>239.21054999999998</v>
      </c>
    </row>
    <row r="14370" spans="1:3" x14ac:dyDescent="0.25">
      <c r="A14370" s="2" t="s">
        <v>6028</v>
      </c>
      <c r="B14370" s="6">
        <v>239227.19999999998</v>
      </c>
      <c r="C14370" s="7">
        <f t="shared" si="224"/>
        <v>239.22719999999998</v>
      </c>
    </row>
    <row r="14371" spans="1:3" x14ac:dyDescent="0.25">
      <c r="A14371" s="2" t="s">
        <v>6029</v>
      </c>
      <c r="B14371" s="6">
        <v>239243.84999999998</v>
      </c>
      <c r="C14371" s="7">
        <f t="shared" si="224"/>
        <v>239.24384999999998</v>
      </c>
    </row>
    <row r="14372" spans="1:3" x14ac:dyDescent="0.25">
      <c r="A14372" s="2" t="s">
        <v>6030</v>
      </c>
      <c r="B14372" s="6">
        <v>239260.49999999997</v>
      </c>
      <c r="C14372" s="7">
        <f t="shared" si="224"/>
        <v>239.26049999999998</v>
      </c>
    </row>
    <row r="14373" spans="1:3" x14ac:dyDescent="0.25">
      <c r="A14373" s="2" t="s">
        <v>6031</v>
      </c>
      <c r="B14373" s="6">
        <v>239277.14999999997</v>
      </c>
      <c r="C14373" s="7">
        <f t="shared" si="224"/>
        <v>239.27714999999998</v>
      </c>
    </row>
    <row r="14374" spans="1:3" x14ac:dyDescent="0.25">
      <c r="A14374" s="2" t="s">
        <v>6032</v>
      </c>
      <c r="B14374" s="6">
        <v>239293.8</v>
      </c>
      <c r="C14374" s="7">
        <f t="shared" si="224"/>
        <v>239.29379999999998</v>
      </c>
    </row>
    <row r="14375" spans="1:3" x14ac:dyDescent="0.25">
      <c r="A14375" s="2" t="s">
        <v>6033</v>
      </c>
      <c r="B14375" s="6">
        <v>239310.44999999998</v>
      </c>
      <c r="C14375" s="7">
        <f t="shared" si="224"/>
        <v>239.31044999999997</v>
      </c>
    </row>
    <row r="14376" spans="1:3" x14ac:dyDescent="0.25">
      <c r="A14376" s="2" t="s">
        <v>6034</v>
      </c>
      <c r="B14376" s="6">
        <v>239327.09999999998</v>
      </c>
      <c r="C14376" s="7">
        <f t="shared" si="224"/>
        <v>239.32709999999997</v>
      </c>
    </row>
    <row r="14377" spans="1:3" x14ac:dyDescent="0.25">
      <c r="A14377" s="2" t="s">
        <v>6035</v>
      </c>
      <c r="B14377" s="6">
        <v>239343.74999999997</v>
      </c>
      <c r="C14377" s="7">
        <f t="shared" si="224"/>
        <v>239.34374999999997</v>
      </c>
    </row>
    <row r="14378" spans="1:3" x14ac:dyDescent="0.25">
      <c r="A14378" s="2" t="s">
        <v>6036</v>
      </c>
      <c r="B14378" s="6">
        <v>239360.39999999997</v>
      </c>
      <c r="C14378" s="7">
        <f t="shared" si="224"/>
        <v>239.36039999999997</v>
      </c>
    </row>
    <row r="14379" spans="1:3" x14ac:dyDescent="0.25">
      <c r="A14379" s="2" t="s">
        <v>6037</v>
      </c>
      <c r="B14379" s="6">
        <v>239377.05</v>
      </c>
      <c r="C14379" s="7">
        <f t="shared" si="224"/>
        <v>239.37705</v>
      </c>
    </row>
    <row r="14380" spans="1:3" x14ac:dyDescent="0.25">
      <c r="A14380" s="2" t="s">
        <v>6038</v>
      </c>
      <c r="B14380" s="6">
        <v>239393.69999999998</v>
      </c>
      <c r="C14380" s="7">
        <f t="shared" si="224"/>
        <v>239.3937</v>
      </c>
    </row>
    <row r="14381" spans="1:3" x14ac:dyDescent="0.25">
      <c r="A14381" s="2" t="s">
        <v>6039</v>
      </c>
      <c r="B14381" s="6">
        <v>239410.34999999998</v>
      </c>
      <c r="C14381" s="7">
        <f t="shared" si="224"/>
        <v>239.41034999999997</v>
      </c>
    </row>
    <row r="14382" spans="1:3" x14ac:dyDescent="0.25">
      <c r="A14382" s="2" t="s">
        <v>6040</v>
      </c>
      <c r="B14382" s="6">
        <v>239426.99999999997</v>
      </c>
      <c r="C14382" s="7">
        <f t="shared" si="224"/>
        <v>239.42699999999996</v>
      </c>
    </row>
    <row r="14383" spans="1:3" x14ac:dyDescent="0.25">
      <c r="A14383" s="2" t="s">
        <v>6041</v>
      </c>
      <c r="B14383" s="6">
        <v>239443.64999999997</v>
      </c>
      <c r="C14383" s="7">
        <f t="shared" si="224"/>
        <v>239.44364999999996</v>
      </c>
    </row>
    <row r="14384" spans="1:3" x14ac:dyDescent="0.25">
      <c r="A14384" s="2" t="s">
        <v>6042</v>
      </c>
      <c r="B14384" s="6">
        <v>239460.3</v>
      </c>
      <c r="C14384" s="7">
        <f t="shared" si="224"/>
        <v>239.46029999999999</v>
      </c>
    </row>
    <row r="14385" spans="1:3" x14ac:dyDescent="0.25">
      <c r="A14385" s="2" t="s">
        <v>6043</v>
      </c>
      <c r="B14385" s="6">
        <v>239476.94999999998</v>
      </c>
      <c r="C14385" s="7">
        <f t="shared" si="224"/>
        <v>239.47694999999999</v>
      </c>
    </row>
    <row r="14386" spans="1:3" x14ac:dyDescent="0.25">
      <c r="A14386" s="2" t="s">
        <v>6044</v>
      </c>
      <c r="B14386" s="6">
        <v>239493.59999999998</v>
      </c>
      <c r="C14386" s="7">
        <f t="shared" si="224"/>
        <v>239.49359999999999</v>
      </c>
    </row>
    <row r="14387" spans="1:3" x14ac:dyDescent="0.25">
      <c r="A14387" s="2" t="s">
        <v>6045</v>
      </c>
      <c r="B14387" s="6">
        <v>239510.24999999997</v>
      </c>
      <c r="C14387" s="7">
        <f t="shared" si="224"/>
        <v>239.51024999999998</v>
      </c>
    </row>
    <row r="14388" spans="1:3" x14ac:dyDescent="0.25">
      <c r="A14388" s="2" t="s">
        <v>6046</v>
      </c>
      <c r="B14388" s="6">
        <v>239526.89999999997</v>
      </c>
      <c r="C14388" s="7">
        <f t="shared" si="224"/>
        <v>239.52689999999996</v>
      </c>
    </row>
    <row r="14389" spans="1:3" x14ac:dyDescent="0.25">
      <c r="A14389" s="2" t="s">
        <v>6047</v>
      </c>
      <c r="B14389" s="6">
        <v>239543.55</v>
      </c>
      <c r="C14389" s="7">
        <f t="shared" si="224"/>
        <v>239.54354999999998</v>
      </c>
    </row>
    <row r="14390" spans="1:3" x14ac:dyDescent="0.25">
      <c r="A14390" s="2" t="s">
        <v>6048</v>
      </c>
      <c r="B14390" s="6">
        <v>239560.19999999998</v>
      </c>
      <c r="C14390" s="7">
        <f t="shared" si="224"/>
        <v>239.56019999999998</v>
      </c>
    </row>
    <row r="14391" spans="1:3" x14ac:dyDescent="0.25">
      <c r="A14391" s="2" t="s">
        <v>6049</v>
      </c>
      <c r="B14391" s="6">
        <v>239576.84999999998</v>
      </c>
      <c r="C14391" s="7">
        <f t="shared" si="224"/>
        <v>239.57684999999998</v>
      </c>
    </row>
    <row r="14392" spans="1:3" x14ac:dyDescent="0.25">
      <c r="A14392" s="2" t="s">
        <v>6050</v>
      </c>
      <c r="B14392" s="6">
        <v>239593.49999999997</v>
      </c>
      <c r="C14392" s="7">
        <f t="shared" si="224"/>
        <v>239.59349999999998</v>
      </c>
    </row>
    <row r="14393" spans="1:3" x14ac:dyDescent="0.25">
      <c r="A14393" s="2" t="s">
        <v>6051</v>
      </c>
      <c r="B14393" s="6">
        <v>239610.14999999997</v>
      </c>
      <c r="C14393" s="7">
        <f t="shared" si="224"/>
        <v>239.61014999999998</v>
      </c>
    </row>
    <row r="14394" spans="1:3" x14ac:dyDescent="0.25">
      <c r="A14394" s="2" t="s">
        <v>6052</v>
      </c>
      <c r="B14394" s="6">
        <v>239626.8</v>
      </c>
      <c r="C14394" s="7">
        <f t="shared" si="224"/>
        <v>239.62679999999997</v>
      </c>
    </row>
    <row r="14395" spans="1:3" x14ac:dyDescent="0.25">
      <c r="A14395" s="2" t="s">
        <v>6053</v>
      </c>
      <c r="B14395" s="6">
        <v>239643.44999999998</v>
      </c>
      <c r="C14395" s="7">
        <f t="shared" si="224"/>
        <v>239.64344999999997</v>
      </c>
    </row>
    <row r="14396" spans="1:3" x14ac:dyDescent="0.25">
      <c r="A14396" s="2" t="s">
        <v>6054</v>
      </c>
      <c r="B14396" s="6">
        <v>239660.09999999998</v>
      </c>
      <c r="C14396" s="7">
        <f t="shared" si="224"/>
        <v>239.66009999999997</v>
      </c>
    </row>
    <row r="14397" spans="1:3" x14ac:dyDescent="0.25">
      <c r="A14397" s="2" t="s">
        <v>6055</v>
      </c>
      <c r="B14397" s="6">
        <v>239676.74999999997</v>
      </c>
      <c r="C14397" s="7">
        <f t="shared" si="224"/>
        <v>239.67674999999997</v>
      </c>
    </row>
    <row r="14398" spans="1:3" x14ac:dyDescent="0.25">
      <c r="A14398" s="2" t="s">
        <v>6056</v>
      </c>
      <c r="B14398" s="6">
        <v>239693.39999999997</v>
      </c>
      <c r="C14398" s="7">
        <f t="shared" si="224"/>
        <v>239.69339999999997</v>
      </c>
    </row>
    <row r="14399" spans="1:3" x14ac:dyDescent="0.25">
      <c r="A14399" s="2" t="s">
        <v>6057</v>
      </c>
      <c r="B14399" s="6">
        <v>239710.05</v>
      </c>
      <c r="C14399" s="7">
        <f t="shared" si="224"/>
        <v>239.71005</v>
      </c>
    </row>
    <row r="14400" spans="1:3" x14ac:dyDescent="0.25">
      <c r="A14400" s="2" t="s">
        <v>6058</v>
      </c>
      <c r="B14400" s="6">
        <v>239726.69999999998</v>
      </c>
      <c r="C14400" s="7">
        <f t="shared" si="224"/>
        <v>239.72669999999999</v>
      </c>
    </row>
    <row r="14401" spans="1:3" x14ac:dyDescent="0.25">
      <c r="A14401" s="2" t="s">
        <v>6059</v>
      </c>
      <c r="B14401" s="6">
        <v>239743.34999999998</v>
      </c>
      <c r="C14401" s="7">
        <f t="shared" si="224"/>
        <v>239.74334999999996</v>
      </c>
    </row>
    <row r="14402" spans="1:3" x14ac:dyDescent="0.25">
      <c r="A14402" s="2" t="s">
        <v>6060</v>
      </c>
      <c r="B14402" s="6">
        <v>239759.99999999997</v>
      </c>
      <c r="C14402" s="7">
        <f t="shared" si="224"/>
        <v>239.75999999999996</v>
      </c>
    </row>
    <row r="14403" spans="1:3" x14ac:dyDescent="0.25">
      <c r="A14403" s="2" t="s">
        <v>6061</v>
      </c>
      <c r="B14403" s="6">
        <v>239776.64999999997</v>
      </c>
      <c r="C14403" s="7">
        <f t="shared" ref="C14403:C14466" si="225">B14403/1000</f>
        <v>239.77664999999996</v>
      </c>
    </row>
    <row r="14404" spans="1:3" x14ac:dyDescent="0.25">
      <c r="A14404" s="2" t="s">
        <v>6062</v>
      </c>
      <c r="B14404" s="6">
        <v>239793.3</v>
      </c>
      <c r="C14404" s="7">
        <f t="shared" si="225"/>
        <v>239.79329999999999</v>
      </c>
    </row>
    <row r="14405" spans="1:3" x14ac:dyDescent="0.25">
      <c r="A14405" s="2" t="s">
        <v>6063</v>
      </c>
      <c r="B14405" s="6">
        <v>239809.94999999998</v>
      </c>
      <c r="C14405" s="7">
        <f t="shared" si="225"/>
        <v>239.80994999999999</v>
      </c>
    </row>
    <row r="14406" spans="1:3" x14ac:dyDescent="0.25">
      <c r="A14406" s="2" t="s">
        <v>6064</v>
      </c>
      <c r="B14406" s="6">
        <v>239826.59999999998</v>
      </c>
      <c r="C14406" s="7">
        <f t="shared" si="225"/>
        <v>239.82659999999998</v>
      </c>
    </row>
    <row r="14407" spans="1:3" x14ac:dyDescent="0.25">
      <c r="A14407" s="2" t="s">
        <v>6065</v>
      </c>
      <c r="B14407" s="6">
        <v>239843.24999999997</v>
      </c>
      <c r="C14407" s="7">
        <f t="shared" si="225"/>
        <v>239.84324999999998</v>
      </c>
    </row>
    <row r="14408" spans="1:3" x14ac:dyDescent="0.25">
      <c r="A14408" s="2" t="s">
        <v>6066</v>
      </c>
      <c r="B14408" s="6">
        <v>239859.89999999997</v>
      </c>
      <c r="C14408" s="7">
        <f t="shared" si="225"/>
        <v>239.85989999999995</v>
      </c>
    </row>
    <row r="14409" spans="1:3" x14ac:dyDescent="0.25">
      <c r="A14409" s="2" t="s">
        <v>6067</v>
      </c>
      <c r="B14409" s="6">
        <v>239876.55</v>
      </c>
      <c r="C14409" s="7">
        <f t="shared" si="225"/>
        <v>239.87654999999998</v>
      </c>
    </row>
    <row r="14410" spans="1:3" x14ac:dyDescent="0.25">
      <c r="A14410" s="2" t="s">
        <v>6068</v>
      </c>
      <c r="B14410" s="6">
        <v>239893.19999999998</v>
      </c>
      <c r="C14410" s="7">
        <f t="shared" si="225"/>
        <v>239.89319999999998</v>
      </c>
    </row>
    <row r="14411" spans="1:3" x14ac:dyDescent="0.25">
      <c r="A14411" s="2" t="s">
        <v>6069</v>
      </c>
      <c r="B14411" s="6">
        <v>239909.84999999998</v>
      </c>
      <c r="C14411" s="7">
        <f t="shared" si="225"/>
        <v>239.90984999999998</v>
      </c>
    </row>
    <row r="14412" spans="1:3" x14ac:dyDescent="0.25">
      <c r="A14412" s="2" t="s">
        <v>6070</v>
      </c>
      <c r="B14412" s="6">
        <v>239926.49999999997</v>
      </c>
      <c r="C14412" s="7">
        <f t="shared" si="225"/>
        <v>239.92649999999998</v>
      </c>
    </row>
    <row r="14413" spans="1:3" x14ac:dyDescent="0.25">
      <c r="A14413" s="2" t="s">
        <v>6071</v>
      </c>
      <c r="B14413" s="6">
        <v>239943.14999999997</v>
      </c>
      <c r="C14413" s="7">
        <f t="shared" si="225"/>
        <v>239.94314999999997</v>
      </c>
    </row>
    <row r="14414" spans="1:3" x14ac:dyDescent="0.25">
      <c r="A14414" s="2" t="s">
        <v>6072</v>
      </c>
      <c r="B14414" s="6">
        <v>239959.8</v>
      </c>
      <c r="C14414" s="7">
        <f t="shared" si="225"/>
        <v>239.9598</v>
      </c>
    </row>
    <row r="14415" spans="1:3" x14ac:dyDescent="0.25">
      <c r="A14415" s="2" t="s">
        <v>6073</v>
      </c>
      <c r="B14415" s="6">
        <v>239976.44999999998</v>
      </c>
      <c r="C14415" s="7">
        <f t="shared" si="225"/>
        <v>239.97644999999997</v>
      </c>
    </row>
    <row r="14416" spans="1:3" x14ac:dyDescent="0.25">
      <c r="A14416" s="2" t="s">
        <v>6074</v>
      </c>
      <c r="B14416" s="6">
        <v>239993.09999999998</v>
      </c>
      <c r="C14416" s="7">
        <f t="shared" si="225"/>
        <v>239.99309999999997</v>
      </c>
    </row>
    <row r="14417" spans="1:3" x14ac:dyDescent="0.25">
      <c r="A14417" s="2" t="s">
        <v>6075</v>
      </c>
      <c r="B14417" s="6">
        <v>240009.74999999997</v>
      </c>
      <c r="C14417" s="7">
        <f t="shared" si="225"/>
        <v>240.00974999999997</v>
      </c>
    </row>
    <row r="14418" spans="1:3" x14ac:dyDescent="0.25">
      <c r="A14418" s="2" t="s">
        <v>6076</v>
      </c>
      <c r="B14418" s="6">
        <v>240026.39999999997</v>
      </c>
      <c r="C14418" s="7">
        <f t="shared" si="225"/>
        <v>240.02639999999997</v>
      </c>
    </row>
    <row r="14419" spans="1:3" x14ac:dyDescent="0.25">
      <c r="A14419" s="2" t="s">
        <v>6077</v>
      </c>
      <c r="B14419" s="6">
        <v>240043.05</v>
      </c>
      <c r="C14419" s="7">
        <f t="shared" si="225"/>
        <v>240.04304999999999</v>
      </c>
    </row>
    <row r="14420" spans="1:3" x14ac:dyDescent="0.25">
      <c r="A14420" s="2" t="s">
        <v>6078</v>
      </c>
      <c r="B14420" s="6">
        <v>240059.69999999998</v>
      </c>
      <c r="C14420" s="7">
        <f t="shared" si="225"/>
        <v>240.05969999999999</v>
      </c>
    </row>
    <row r="14421" spans="1:3" x14ac:dyDescent="0.25">
      <c r="A14421" s="2" t="s">
        <v>6079</v>
      </c>
      <c r="B14421" s="6">
        <v>240076.34999999998</v>
      </c>
      <c r="C14421" s="7">
        <f t="shared" si="225"/>
        <v>240.07634999999999</v>
      </c>
    </row>
    <row r="14422" spans="1:3" x14ac:dyDescent="0.25">
      <c r="A14422" s="2" t="s">
        <v>6080</v>
      </c>
      <c r="B14422" s="6">
        <v>240092.99999999997</v>
      </c>
      <c r="C14422" s="7">
        <f t="shared" si="225"/>
        <v>240.09299999999996</v>
      </c>
    </row>
    <row r="14423" spans="1:3" x14ac:dyDescent="0.25">
      <c r="A14423" s="2" t="s">
        <v>6081</v>
      </c>
      <c r="B14423" s="6">
        <v>240109.64999999997</v>
      </c>
      <c r="C14423" s="7">
        <f t="shared" si="225"/>
        <v>240.10964999999996</v>
      </c>
    </row>
    <row r="14424" spans="1:3" x14ac:dyDescent="0.25">
      <c r="A14424" s="2" t="s">
        <v>6082</v>
      </c>
      <c r="B14424" s="6">
        <v>240126.3</v>
      </c>
      <c r="C14424" s="7">
        <f t="shared" si="225"/>
        <v>240.12629999999999</v>
      </c>
    </row>
    <row r="14425" spans="1:3" x14ac:dyDescent="0.25">
      <c r="A14425" s="2" t="s">
        <v>6083</v>
      </c>
      <c r="B14425" s="6">
        <v>240142.94999999998</v>
      </c>
      <c r="C14425" s="7">
        <f t="shared" si="225"/>
        <v>240.14294999999998</v>
      </c>
    </row>
    <row r="14426" spans="1:3" x14ac:dyDescent="0.25">
      <c r="A14426" s="2" t="s">
        <v>6084</v>
      </c>
      <c r="B14426" s="6">
        <v>240159.59999999998</v>
      </c>
      <c r="C14426" s="7">
        <f t="shared" si="225"/>
        <v>240.15959999999998</v>
      </c>
    </row>
    <row r="14427" spans="1:3" x14ac:dyDescent="0.25">
      <c r="A14427" s="2" t="s">
        <v>6085</v>
      </c>
      <c r="B14427" s="6">
        <v>240176.24999999997</v>
      </c>
      <c r="C14427" s="7">
        <f t="shared" si="225"/>
        <v>240.17624999999998</v>
      </c>
    </row>
    <row r="14428" spans="1:3" x14ac:dyDescent="0.25">
      <c r="A14428" s="2" t="s">
        <v>6086</v>
      </c>
      <c r="B14428" s="6">
        <v>240192.89999999997</v>
      </c>
      <c r="C14428" s="7">
        <f t="shared" si="225"/>
        <v>240.19289999999995</v>
      </c>
    </row>
    <row r="14429" spans="1:3" x14ac:dyDescent="0.25">
      <c r="A14429" s="2" t="s">
        <v>6087</v>
      </c>
      <c r="B14429" s="6">
        <v>240209.55</v>
      </c>
      <c r="C14429" s="7">
        <f t="shared" si="225"/>
        <v>240.20954999999998</v>
      </c>
    </row>
    <row r="14430" spans="1:3" x14ac:dyDescent="0.25">
      <c r="A14430" s="2" t="s">
        <v>6088</v>
      </c>
      <c r="B14430" s="6">
        <v>240226.19999999998</v>
      </c>
      <c r="C14430" s="7">
        <f t="shared" si="225"/>
        <v>240.22619999999998</v>
      </c>
    </row>
    <row r="14431" spans="1:3" x14ac:dyDescent="0.25">
      <c r="A14431" s="2" t="s">
        <v>6089</v>
      </c>
      <c r="B14431" s="6">
        <v>240242.84999999998</v>
      </c>
      <c r="C14431" s="7">
        <f t="shared" si="225"/>
        <v>240.24284999999998</v>
      </c>
    </row>
    <row r="14432" spans="1:3" x14ac:dyDescent="0.25">
      <c r="A14432" s="2" t="s">
        <v>6090</v>
      </c>
      <c r="B14432" s="6">
        <v>240259.49999999997</v>
      </c>
      <c r="C14432" s="7">
        <f t="shared" si="225"/>
        <v>240.25949999999997</v>
      </c>
    </row>
    <row r="14433" spans="1:3" x14ac:dyDescent="0.25">
      <c r="A14433" s="2" t="s">
        <v>6091</v>
      </c>
      <c r="B14433" s="6">
        <v>240276.14999999997</v>
      </c>
      <c r="C14433" s="7">
        <f t="shared" si="225"/>
        <v>240.27614999999997</v>
      </c>
    </row>
    <row r="14434" spans="1:3" x14ac:dyDescent="0.25">
      <c r="A14434" s="2" t="s">
        <v>6092</v>
      </c>
      <c r="B14434" s="6">
        <v>240292.8</v>
      </c>
      <c r="C14434" s="7">
        <f t="shared" si="225"/>
        <v>240.2928</v>
      </c>
    </row>
    <row r="14435" spans="1:3" x14ac:dyDescent="0.25">
      <c r="A14435" s="2" t="s">
        <v>6093</v>
      </c>
      <c r="B14435" s="6">
        <v>240309.44999999998</v>
      </c>
      <c r="C14435" s="7">
        <f t="shared" si="225"/>
        <v>240.30944999999997</v>
      </c>
    </row>
    <row r="14436" spans="1:3" x14ac:dyDescent="0.25">
      <c r="A14436" s="2" t="s">
        <v>6094</v>
      </c>
      <c r="B14436" s="6">
        <v>240326.09999999998</v>
      </c>
      <c r="C14436" s="7">
        <f t="shared" si="225"/>
        <v>240.32609999999997</v>
      </c>
    </row>
    <row r="14437" spans="1:3" x14ac:dyDescent="0.25">
      <c r="A14437" s="2" t="s">
        <v>6095</v>
      </c>
      <c r="B14437" s="6">
        <v>240342.74999999997</v>
      </c>
      <c r="C14437" s="7">
        <f t="shared" si="225"/>
        <v>240.34274999999997</v>
      </c>
    </row>
    <row r="14438" spans="1:3" x14ac:dyDescent="0.25">
      <c r="A14438" s="2" t="s">
        <v>6096</v>
      </c>
      <c r="B14438" s="6">
        <v>240359.39999999997</v>
      </c>
      <c r="C14438" s="7">
        <f t="shared" si="225"/>
        <v>240.35939999999997</v>
      </c>
    </row>
    <row r="14439" spans="1:3" x14ac:dyDescent="0.25">
      <c r="A14439" s="2" t="s">
        <v>6097</v>
      </c>
      <c r="B14439" s="6">
        <v>240376.05</v>
      </c>
      <c r="C14439" s="7">
        <f t="shared" si="225"/>
        <v>240.37604999999999</v>
      </c>
    </row>
    <row r="14440" spans="1:3" x14ac:dyDescent="0.25">
      <c r="A14440" s="2" t="s">
        <v>6098</v>
      </c>
      <c r="B14440" s="6">
        <v>240392.69999999998</v>
      </c>
      <c r="C14440" s="7">
        <f t="shared" si="225"/>
        <v>240.39269999999999</v>
      </c>
    </row>
    <row r="14441" spans="1:3" x14ac:dyDescent="0.25">
      <c r="A14441" s="2" t="s">
        <v>6099</v>
      </c>
      <c r="B14441" s="6">
        <v>240409.34999999998</v>
      </c>
      <c r="C14441" s="7">
        <f t="shared" si="225"/>
        <v>240.40934999999999</v>
      </c>
    </row>
    <row r="14442" spans="1:3" x14ac:dyDescent="0.25">
      <c r="A14442" s="2" t="s">
        <v>6100</v>
      </c>
      <c r="B14442" s="6">
        <v>240425.99999999997</v>
      </c>
      <c r="C14442" s="7">
        <f t="shared" si="225"/>
        <v>240.42599999999996</v>
      </c>
    </row>
    <row r="14443" spans="1:3" x14ac:dyDescent="0.25">
      <c r="A14443" s="2" t="s">
        <v>6101</v>
      </c>
      <c r="B14443" s="6">
        <v>240442.64999999997</v>
      </c>
      <c r="C14443" s="7">
        <f t="shared" si="225"/>
        <v>240.44264999999996</v>
      </c>
    </row>
    <row r="14444" spans="1:3" x14ac:dyDescent="0.25">
      <c r="A14444" s="2" t="s">
        <v>6102</v>
      </c>
      <c r="B14444" s="6">
        <v>240459.3</v>
      </c>
      <c r="C14444" s="7">
        <f t="shared" si="225"/>
        <v>240.45929999999998</v>
      </c>
    </row>
    <row r="14445" spans="1:3" x14ac:dyDescent="0.25">
      <c r="A14445" s="2" t="s">
        <v>6103</v>
      </c>
      <c r="B14445" s="6">
        <v>240475.94999999998</v>
      </c>
      <c r="C14445" s="7">
        <f t="shared" si="225"/>
        <v>240.47594999999998</v>
      </c>
    </row>
    <row r="14446" spans="1:3" x14ac:dyDescent="0.25">
      <c r="A14446" s="2" t="s">
        <v>6104</v>
      </c>
      <c r="B14446" s="6">
        <v>240492.59999999998</v>
      </c>
      <c r="C14446" s="7">
        <f t="shared" si="225"/>
        <v>240.49259999999998</v>
      </c>
    </row>
    <row r="14447" spans="1:3" x14ac:dyDescent="0.25">
      <c r="A14447" s="2" t="s">
        <v>6105</v>
      </c>
      <c r="B14447" s="6">
        <v>240509.24999999997</v>
      </c>
      <c r="C14447" s="7">
        <f t="shared" si="225"/>
        <v>240.50924999999998</v>
      </c>
    </row>
    <row r="14448" spans="1:3" x14ac:dyDescent="0.25">
      <c r="A14448" s="2" t="s">
        <v>6106</v>
      </c>
      <c r="B14448" s="6">
        <v>240525.89999999997</v>
      </c>
      <c r="C14448" s="7">
        <f t="shared" si="225"/>
        <v>240.52589999999998</v>
      </c>
    </row>
    <row r="14449" spans="1:3" x14ac:dyDescent="0.25">
      <c r="A14449" s="2" t="s">
        <v>6107</v>
      </c>
      <c r="B14449" s="6">
        <v>240542.55</v>
      </c>
      <c r="C14449" s="7">
        <f t="shared" si="225"/>
        <v>240.54254999999998</v>
      </c>
    </row>
    <row r="14450" spans="1:3" x14ac:dyDescent="0.25">
      <c r="A14450" s="2" t="s">
        <v>6108</v>
      </c>
      <c r="B14450" s="6">
        <v>240559.19999999998</v>
      </c>
      <c r="C14450" s="7">
        <f t="shared" si="225"/>
        <v>240.55919999999998</v>
      </c>
    </row>
    <row r="14451" spans="1:3" x14ac:dyDescent="0.25">
      <c r="A14451" s="2" t="s">
        <v>6109</v>
      </c>
      <c r="B14451" s="6">
        <v>240575.84999999998</v>
      </c>
      <c r="C14451" s="7">
        <f t="shared" si="225"/>
        <v>240.57584999999997</v>
      </c>
    </row>
    <row r="14452" spans="1:3" x14ac:dyDescent="0.25">
      <c r="A14452" s="2" t="s">
        <v>6110</v>
      </c>
      <c r="B14452" s="6">
        <v>240592.49999999997</v>
      </c>
      <c r="C14452" s="7">
        <f t="shared" si="225"/>
        <v>240.59249999999997</v>
      </c>
    </row>
    <row r="14453" spans="1:3" x14ac:dyDescent="0.25">
      <c r="A14453" s="2" t="s">
        <v>6111</v>
      </c>
      <c r="B14453" s="6">
        <v>240609.14999999997</v>
      </c>
      <c r="C14453" s="7">
        <f t="shared" si="225"/>
        <v>240.60914999999997</v>
      </c>
    </row>
    <row r="14454" spans="1:3" x14ac:dyDescent="0.25">
      <c r="A14454" s="2" t="s">
        <v>6112</v>
      </c>
      <c r="B14454" s="6">
        <v>240625.8</v>
      </c>
      <c r="C14454" s="7">
        <f t="shared" si="225"/>
        <v>240.6258</v>
      </c>
    </row>
    <row r="14455" spans="1:3" x14ac:dyDescent="0.25">
      <c r="A14455" s="2" t="s">
        <v>6113</v>
      </c>
      <c r="B14455" s="6">
        <v>240642.44999999998</v>
      </c>
      <c r="C14455" s="7">
        <f t="shared" si="225"/>
        <v>240.64245</v>
      </c>
    </row>
    <row r="14456" spans="1:3" x14ac:dyDescent="0.25">
      <c r="A14456" s="2" t="s">
        <v>6114</v>
      </c>
      <c r="B14456" s="6">
        <v>240659.09999999998</v>
      </c>
      <c r="C14456" s="7">
        <f t="shared" si="225"/>
        <v>240.65909999999997</v>
      </c>
    </row>
    <row r="14457" spans="1:3" x14ac:dyDescent="0.25">
      <c r="A14457" s="2" t="s">
        <v>6115</v>
      </c>
      <c r="B14457" s="6">
        <v>240675.74999999997</v>
      </c>
      <c r="C14457" s="7">
        <f t="shared" si="225"/>
        <v>240.67574999999997</v>
      </c>
    </row>
    <row r="14458" spans="1:3" x14ac:dyDescent="0.25">
      <c r="A14458" s="2" t="s">
        <v>6116</v>
      </c>
      <c r="B14458" s="6">
        <v>240692.39999999997</v>
      </c>
      <c r="C14458" s="7">
        <f t="shared" si="225"/>
        <v>240.69239999999996</v>
      </c>
    </row>
    <row r="14459" spans="1:3" x14ac:dyDescent="0.25">
      <c r="A14459" s="2" t="s">
        <v>6117</v>
      </c>
      <c r="B14459" s="6">
        <v>240709.05</v>
      </c>
      <c r="C14459" s="7">
        <f t="shared" si="225"/>
        <v>240.70904999999999</v>
      </c>
    </row>
    <row r="14460" spans="1:3" x14ac:dyDescent="0.25">
      <c r="A14460" s="2" t="s">
        <v>6118</v>
      </c>
      <c r="B14460" s="6">
        <v>240725.69999999998</v>
      </c>
      <c r="C14460" s="7">
        <f t="shared" si="225"/>
        <v>240.72569999999999</v>
      </c>
    </row>
    <row r="14461" spans="1:3" x14ac:dyDescent="0.25">
      <c r="A14461" s="2" t="s">
        <v>6119</v>
      </c>
      <c r="B14461" s="6">
        <v>240742.34999999998</v>
      </c>
      <c r="C14461" s="7">
        <f t="shared" si="225"/>
        <v>240.74234999999999</v>
      </c>
    </row>
    <row r="14462" spans="1:3" x14ac:dyDescent="0.25">
      <c r="A14462" s="2" t="s">
        <v>6120</v>
      </c>
      <c r="B14462" s="6">
        <v>240758.99999999997</v>
      </c>
      <c r="C14462" s="7">
        <f t="shared" si="225"/>
        <v>240.75899999999996</v>
      </c>
    </row>
    <row r="14463" spans="1:3" x14ac:dyDescent="0.25">
      <c r="A14463" s="2" t="s">
        <v>6121</v>
      </c>
      <c r="B14463" s="6">
        <v>240775.64999999997</v>
      </c>
      <c r="C14463" s="7">
        <f t="shared" si="225"/>
        <v>240.77564999999996</v>
      </c>
    </row>
    <row r="14464" spans="1:3" x14ac:dyDescent="0.25">
      <c r="A14464" s="2" t="s">
        <v>6122</v>
      </c>
      <c r="B14464" s="6">
        <v>240792.3</v>
      </c>
      <c r="C14464" s="7">
        <f t="shared" si="225"/>
        <v>240.79229999999998</v>
      </c>
    </row>
    <row r="14465" spans="1:3" x14ac:dyDescent="0.25">
      <c r="A14465" s="2" t="s">
        <v>6123</v>
      </c>
      <c r="B14465" s="6">
        <v>240808.94999999998</v>
      </c>
      <c r="C14465" s="7">
        <f t="shared" si="225"/>
        <v>240.80894999999998</v>
      </c>
    </row>
    <row r="14466" spans="1:3" x14ac:dyDescent="0.25">
      <c r="A14466" s="2" t="s">
        <v>6124</v>
      </c>
      <c r="B14466" s="6">
        <v>240825.59999999998</v>
      </c>
      <c r="C14466" s="7">
        <f t="shared" si="225"/>
        <v>240.82559999999998</v>
      </c>
    </row>
    <row r="14467" spans="1:3" x14ac:dyDescent="0.25">
      <c r="A14467" s="2" t="s">
        <v>6125</v>
      </c>
      <c r="B14467" s="6">
        <v>240842.24999999997</v>
      </c>
      <c r="C14467" s="7">
        <f t="shared" ref="C14467:C14530" si="226">B14467/1000</f>
        <v>240.84224999999998</v>
      </c>
    </row>
    <row r="14468" spans="1:3" x14ac:dyDescent="0.25">
      <c r="A14468" s="2" t="s">
        <v>6126</v>
      </c>
      <c r="B14468" s="6">
        <v>240858.89999999997</v>
      </c>
      <c r="C14468" s="7">
        <f t="shared" si="226"/>
        <v>240.85889999999998</v>
      </c>
    </row>
    <row r="14469" spans="1:3" x14ac:dyDescent="0.25">
      <c r="A14469" s="2" t="s">
        <v>6127</v>
      </c>
      <c r="B14469" s="6">
        <v>240875.55</v>
      </c>
      <c r="C14469" s="7">
        <f t="shared" si="226"/>
        <v>240.87554999999998</v>
      </c>
    </row>
    <row r="14470" spans="1:3" x14ac:dyDescent="0.25">
      <c r="A14470" s="2" t="s">
        <v>6128</v>
      </c>
      <c r="B14470" s="6">
        <v>240892.19999999998</v>
      </c>
      <c r="C14470" s="7">
        <f t="shared" si="226"/>
        <v>240.89219999999997</v>
      </c>
    </row>
    <row r="14471" spans="1:3" x14ac:dyDescent="0.25">
      <c r="A14471" s="2" t="s">
        <v>6129</v>
      </c>
      <c r="B14471" s="6">
        <v>240908.84999999998</v>
      </c>
      <c r="C14471" s="7">
        <f t="shared" si="226"/>
        <v>240.90884999999997</v>
      </c>
    </row>
    <row r="14472" spans="1:3" x14ac:dyDescent="0.25">
      <c r="A14472" s="2" t="s">
        <v>6130</v>
      </c>
      <c r="B14472" s="6">
        <v>240925.49999999997</v>
      </c>
      <c r="C14472" s="7">
        <f t="shared" si="226"/>
        <v>240.92549999999997</v>
      </c>
    </row>
    <row r="14473" spans="1:3" x14ac:dyDescent="0.25">
      <c r="A14473" s="2" t="s">
        <v>6131</v>
      </c>
      <c r="B14473" s="6">
        <v>240942.14999999997</v>
      </c>
      <c r="C14473" s="7">
        <f t="shared" si="226"/>
        <v>240.94214999999997</v>
      </c>
    </row>
    <row r="14474" spans="1:3" x14ac:dyDescent="0.25">
      <c r="A14474" s="2" t="s">
        <v>6132</v>
      </c>
      <c r="B14474" s="6">
        <v>240958.8</v>
      </c>
      <c r="C14474" s="7">
        <f t="shared" si="226"/>
        <v>240.9588</v>
      </c>
    </row>
    <row r="14475" spans="1:3" x14ac:dyDescent="0.25">
      <c r="A14475" s="2" t="s">
        <v>6133</v>
      </c>
      <c r="B14475" s="6">
        <v>240975.44999999998</v>
      </c>
      <c r="C14475" s="7">
        <f t="shared" si="226"/>
        <v>240.97545</v>
      </c>
    </row>
    <row r="14476" spans="1:3" x14ac:dyDescent="0.25">
      <c r="A14476" s="2" t="s">
        <v>6134</v>
      </c>
      <c r="B14476" s="6">
        <v>240992.09999999998</v>
      </c>
      <c r="C14476" s="7">
        <f t="shared" si="226"/>
        <v>240.99209999999997</v>
      </c>
    </row>
    <row r="14477" spans="1:3" x14ac:dyDescent="0.25">
      <c r="A14477" s="2" t="s">
        <v>6135</v>
      </c>
      <c r="B14477" s="6">
        <v>241008.74999999997</v>
      </c>
      <c r="C14477" s="7">
        <f t="shared" si="226"/>
        <v>241.00874999999996</v>
      </c>
    </row>
    <row r="14478" spans="1:3" x14ac:dyDescent="0.25">
      <c r="A14478" s="2" t="s">
        <v>6136</v>
      </c>
      <c r="B14478" s="6">
        <v>241025.39999999997</v>
      </c>
      <c r="C14478" s="7">
        <f t="shared" si="226"/>
        <v>241.02539999999996</v>
      </c>
    </row>
    <row r="14479" spans="1:3" x14ac:dyDescent="0.25">
      <c r="A14479" s="2" t="s">
        <v>6137</v>
      </c>
      <c r="B14479" s="6">
        <v>241042.05</v>
      </c>
      <c r="C14479" s="7">
        <f t="shared" si="226"/>
        <v>241.04204999999999</v>
      </c>
    </row>
    <row r="14480" spans="1:3" x14ac:dyDescent="0.25">
      <c r="A14480" s="2" t="s">
        <v>6138</v>
      </c>
      <c r="B14480" s="6">
        <v>241058.69999999998</v>
      </c>
      <c r="C14480" s="7">
        <f t="shared" si="226"/>
        <v>241.05869999999999</v>
      </c>
    </row>
    <row r="14481" spans="1:3" x14ac:dyDescent="0.25">
      <c r="A14481" s="2" t="s">
        <v>6139</v>
      </c>
      <c r="B14481" s="6">
        <v>241075.34999999998</v>
      </c>
      <c r="C14481" s="7">
        <f t="shared" si="226"/>
        <v>241.07534999999999</v>
      </c>
    </row>
    <row r="14482" spans="1:3" x14ac:dyDescent="0.25">
      <c r="A14482" s="2" t="s">
        <v>6140</v>
      </c>
      <c r="B14482" s="6">
        <v>241091.99999999997</v>
      </c>
      <c r="C14482" s="7">
        <f t="shared" si="226"/>
        <v>241.09199999999998</v>
      </c>
    </row>
    <row r="14483" spans="1:3" x14ac:dyDescent="0.25">
      <c r="A14483" s="2" t="s">
        <v>6141</v>
      </c>
      <c r="B14483" s="6">
        <v>241108.64999999997</v>
      </c>
      <c r="C14483" s="7">
        <f t="shared" si="226"/>
        <v>241.10864999999995</v>
      </c>
    </row>
    <row r="14484" spans="1:3" x14ac:dyDescent="0.25">
      <c r="A14484" s="2" t="s">
        <v>6142</v>
      </c>
      <c r="B14484" s="6">
        <v>241125.3</v>
      </c>
      <c r="C14484" s="7">
        <f t="shared" si="226"/>
        <v>241.12529999999998</v>
      </c>
    </row>
    <row r="14485" spans="1:3" x14ac:dyDescent="0.25">
      <c r="A14485" s="2" t="s">
        <v>6143</v>
      </c>
      <c r="B14485" s="6">
        <v>241141.94999999998</v>
      </c>
      <c r="C14485" s="7">
        <f t="shared" si="226"/>
        <v>241.14194999999998</v>
      </c>
    </row>
    <row r="14486" spans="1:3" x14ac:dyDescent="0.25">
      <c r="A14486" s="2" t="s">
        <v>6144</v>
      </c>
      <c r="B14486" s="6">
        <v>241158.59999999998</v>
      </c>
      <c r="C14486" s="7">
        <f t="shared" si="226"/>
        <v>241.15859999999998</v>
      </c>
    </row>
    <row r="14487" spans="1:3" x14ac:dyDescent="0.25">
      <c r="A14487" s="2" t="s">
        <v>6145</v>
      </c>
      <c r="B14487" s="6">
        <v>241175.24999999997</v>
      </c>
      <c r="C14487" s="7">
        <f t="shared" si="226"/>
        <v>241.17524999999998</v>
      </c>
    </row>
    <row r="14488" spans="1:3" x14ac:dyDescent="0.25">
      <c r="A14488" s="2" t="s">
        <v>6146</v>
      </c>
      <c r="B14488" s="6">
        <v>241191.89999999997</v>
      </c>
      <c r="C14488" s="7">
        <f t="shared" si="226"/>
        <v>241.19189999999998</v>
      </c>
    </row>
    <row r="14489" spans="1:3" x14ac:dyDescent="0.25">
      <c r="A14489" s="2" t="s">
        <v>6147</v>
      </c>
      <c r="B14489" s="6">
        <v>241208.55</v>
      </c>
      <c r="C14489" s="7">
        <f t="shared" si="226"/>
        <v>241.20855</v>
      </c>
    </row>
    <row r="14490" spans="1:3" x14ac:dyDescent="0.25">
      <c r="A14490" s="2" t="s">
        <v>6148</v>
      </c>
      <c r="B14490" s="6">
        <v>241225.19999999998</v>
      </c>
      <c r="C14490" s="7">
        <f t="shared" si="226"/>
        <v>241.22519999999997</v>
      </c>
    </row>
    <row r="14491" spans="1:3" x14ac:dyDescent="0.25">
      <c r="A14491" s="2" t="s">
        <v>6149</v>
      </c>
      <c r="B14491" s="6">
        <v>241241.84999999998</v>
      </c>
      <c r="C14491" s="7">
        <f t="shared" si="226"/>
        <v>241.24184999999997</v>
      </c>
    </row>
    <row r="14492" spans="1:3" x14ac:dyDescent="0.25">
      <c r="A14492" s="2" t="s">
        <v>6150</v>
      </c>
      <c r="B14492" s="6">
        <v>241258.49999999997</v>
      </c>
      <c r="C14492" s="7">
        <f t="shared" si="226"/>
        <v>241.25849999999997</v>
      </c>
    </row>
    <row r="14493" spans="1:3" x14ac:dyDescent="0.25">
      <c r="A14493" s="2" t="s">
        <v>6151</v>
      </c>
      <c r="B14493" s="6">
        <v>241275.14999999997</v>
      </c>
      <c r="C14493" s="7">
        <f t="shared" si="226"/>
        <v>241.27514999999997</v>
      </c>
    </row>
    <row r="14494" spans="1:3" x14ac:dyDescent="0.25">
      <c r="A14494" s="2" t="s">
        <v>6152</v>
      </c>
      <c r="B14494" s="6">
        <v>241291.8</v>
      </c>
      <c r="C14494" s="7">
        <f t="shared" si="226"/>
        <v>241.29179999999999</v>
      </c>
    </row>
    <row r="14495" spans="1:3" x14ac:dyDescent="0.25">
      <c r="A14495" s="2" t="s">
        <v>6153</v>
      </c>
      <c r="B14495" s="6">
        <v>241308.44999999998</v>
      </c>
      <c r="C14495" s="7">
        <f t="shared" si="226"/>
        <v>241.30844999999999</v>
      </c>
    </row>
    <row r="14496" spans="1:3" x14ac:dyDescent="0.25">
      <c r="A14496" s="2" t="s">
        <v>6154</v>
      </c>
      <c r="B14496" s="6">
        <v>241325.09999999998</v>
      </c>
      <c r="C14496" s="7">
        <f t="shared" si="226"/>
        <v>241.32509999999996</v>
      </c>
    </row>
    <row r="14497" spans="1:3" x14ac:dyDescent="0.25">
      <c r="A14497" s="2" t="s">
        <v>6155</v>
      </c>
      <c r="B14497" s="6">
        <v>241341.74999999997</v>
      </c>
      <c r="C14497" s="7">
        <f t="shared" si="226"/>
        <v>241.34174999999996</v>
      </c>
    </row>
    <row r="14498" spans="1:3" x14ac:dyDescent="0.25">
      <c r="A14498" s="2" t="s">
        <v>6156</v>
      </c>
      <c r="B14498" s="6">
        <v>241358.39999999997</v>
      </c>
      <c r="C14498" s="7">
        <f t="shared" si="226"/>
        <v>241.35839999999996</v>
      </c>
    </row>
    <row r="14499" spans="1:3" x14ac:dyDescent="0.25">
      <c r="A14499" s="2" t="s">
        <v>6157</v>
      </c>
      <c r="B14499" s="6">
        <v>241375.05</v>
      </c>
      <c r="C14499" s="7">
        <f t="shared" si="226"/>
        <v>241.37504999999999</v>
      </c>
    </row>
    <row r="14500" spans="1:3" x14ac:dyDescent="0.25">
      <c r="A14500" s="2" t="s">
        <v>6158</v>
      </c>
      <c r="B14500" s="6">
        <v>241391.69999999998</v>
      </c>
      <c r="C14500" s="7">
        <f t="shared" si="226"/>
        <v>241.39169999999999</v>
      </c>
    </row>
    <row r="14501" spans="1:3" x14ac:dyDescent="0.25">
      <c r="A14501" s="2" t="s">
        <v>6159</v>
      </c>
      <c r="B14501" s="6">
        <v>241408.34999999998</v>
      </c>
      <c r="C14501" s="7">
        <f t="shared" si="226"/>
        <v>241.40834999999998</v>
      </c>
    </row>
    <row r="14502" spans="1:3" x14ac:dyDescent="0.25">
      <c r="A14502" s="2" t="s">
        <v>6160</v>
      </c>
      <c r="B14502" s="6">
        <v>241424.99999999997</v>
      </c>
      <c r="C14502" s="7">
        <f t="shared" si="226"/>
        <v>241.42499999999998</v>
      </c>
    </row>
    <row r="14503" spans="1:3" x14ac:dyDescent="0.25">
      <c r="A14503" s="2" t="s">
        <v>6161</v>
      </c>
      <c r="B14503" s="6">
        <v>241441.64999999997</v>
      </c>
      <c r="C14503" s="7">
        <f t="shared" si="226"/>
        <v>241.44164999999995</v>
      </c>
    </row>
    <row r="14504" spans="1:3" x14ac:dyDescent="0.25">
      <c r="A14504" s="2" t="s">
        <v>6162</v>
      </c>
      <c r="B14504" s="6">
        <v>241458.3</v>
      </c>
      <c r="C14504" s="7">
        <f t="shared" si="226"/>
        <v>241.45829999999998</v>
      </c>
    </row>
    <row r="14505" spans="1:3" x14ac:dyDescent="0.25">
      <c r="A14505" s="2" t="s">
        <v>6163</v>
      </c>
      <c r="B14505" s="6">
        <v>241474.94999999998</v>
      </c>
      <c r="C14505" s="7">
        <f t="shared" si="226"/>
        <v>241.47494999999998</v>
      </c>
    </row>
    <row r="14506" spans="1:3" x14ac:dyDescent="0.25">
      <c r="A14506" s="2" t="s">
        <v>6164</v>
      </c>
      <c r="B14506" s="6">
        <v>241491.59999999998</v>
      </c>
      <c r="C14506" s="7">
        <f t="shared" si="226"/>
        <v>241.49159999999998</v>
      </c>
    </row>
    <row r="14507" spans="1:3" x14ac:dyDescent="0.25">
      <c r="A14507" s="2" t="s">
        <v>6165</v>
      </c>
      <c r="B14507" s="6">
        <v>241508.24999999997</v>
      </c>
      <c r="C14507" s="7">
        <f t="shared" si="226"/>
        <v>241.50824999999998</v>
      </c>
    </row>
    <row r="14508" spans="1:3" x14ac:dyDescent="0.25">
      <c r="A14508" s="2" t="s">
        <v>6166</v>
      </c>
      <c r="B14508" s="6">
        <v>241524.89999999997</v>
      </c>
      <c r="C14508" s="7">
        <f t="shared" si="226"/>
        <v>241.52489999999997</v>
      </c>
    </row>
    <row r="14509" spans="1:3" x14ac:dyDescent="0.25">
      <c r="A14509" s="2" t="s">
        <v>6167</v>
      </c>
      <c r="B14509" s="6">
        <v>241541.55</v>
      </c>
      <c r="C14509" s="7">
        <f t="shared" si="226"/>
        <v>241.54155</v>
      </c>
    </row>
    <row r="14510" spans="1:3" x14ac:dyDescent="0.25">
      <c r="A14510" s="2" t="s">
        <v>6168</v>
      </c>
      <c r="B14510" s="6">
        <v>241558.19999999998</v>
      </c>
      <c r="C14510" s="7">
        <f t="shared" si="226"/>
        <v>241.55819999999997</v>
      </c>
    </row>
    <row r="14511" spans="1:3" x14ac:dyDescent="0.25">
      <c r="A14511" s="2" t="s">
        <v>6169</v>
      </c>
      <c r="B14511" s="6">
        <v>241574.84999999998</v>
      </c>
      <c r="C14511" s="7">
        <f t="shared" si="226"/>
        <v>241.57484999999997</v>
      </c>
    </row>
    <row r="14512" spans="1:3" x14ac:dyDescent="0.25">
      <c r="A14512" s="2" t="s">
        <v>6170</v>
      </c>
      <c r="B14512" s="6">
        <v>241591.49999999997</v>
      </c>
      <c r="C14512" s="7">
        <f t="shared" si="226"/>
        <v>241.59149999999997</v>
      </c>
    </row>
    <row r="14513" spans="1:3" x14ac:dyDescent="0.25">
      <c r="A14513" s="2" t="s">
        <v>6171</v>
      </c>
      <c r="B14513" s="6">
        <v>241608.14999999997</v>
      </c>
      <c r="C14513" s="7">
        <f t="shared" si="226"/>
        <v>241.60814999999997</v>
      </c>
    </row>
    <row r="14514" spans="1:3" x14ac:dyDescent="0.25">
      <c r="A14514" s="2" t="s">
        <v>6172</v>
      </c>
      <c r="B14514" s="6">
        <v>241624.8</v>
      </c>
      <c r="C14514" s="7">
        <f t="shared" si="226"/>
        <v>241.62479999999999</v>
      </c>
    </row>
    <row r="14515" spans="1:3" x14ac:dyDescent="0.25">
      <c r="A14515" s="2" t="s">
        <v>6173</v>
      </c>
      <c r="B14515" s="6">
        <v>241641.44999999998</v>
      </c>
      <c r="C14515" s="7">
        <f t="shared" si="226"/>
        <v>241.64144999999999</v>
      </c>
    </row>
    <row r="14516" spans="1:3" x14ac:dyDescent="0.25">
      <c r="A14516" s="2" t="s">
        <v>6174</v>
      </c>
      <c r="B14516" s="6">
        <v>241658.09999999998</v>
      </c>
      <c r="C14516" s="7">
        <f t="shared" si="226"/>
        <v>241.65809999999999</v>
      </c>
    </row>
    <row r="14517" spans="1:3" x14ac:dyDescent="0.25">
      <c r="A14517" s="2" t="s">
        <v>6175</v>
      </c>
      <c r="B14517" s="6">
        <v>241674.74999999997</v>
      </c>
      <c r="C14517" s="7">
        <f t="shared" si="226"/>
        <v>241.67474999999996</v>
      </c>
    </row>
    <row r="14518" spans="1:3" x14ac:dyDescent="0.25">
      <c r="A14518" s="2" t="s">
        <v>6176</v>
      </c>
      <c r="B14518" s="6">
        <v>241691.39999999997</v>
      </c>
      <c r="C14518" s="7">
        <f t="shared" si="226"/>
        <v>241.69139999999996</v>
      </c>
    </row>
    <row r="14519" spans="1:3" x14ac:dyDescent="0.25">
      <c r="A14519" s="2" t="s">
        <v>6177</v>
      </c>
      <c r="B14519" s="6">
        <v>241708.05</v>
      </c>
      <c r="C14519" s="7">
        <f t="shared" si="226"/>
        <v>241.70804999999999</v>
      </c>
    </row>
    <row r="14520" spans="1:3" x14ac:dyDescent="0.25">
      <c r="A14520" s="2" t="s">
        <v>6178</v>
      </c>
      <c r="B14520" s="6">
        <v>241724.69999999998</v>
      </c>
      <c r="C14520" s="7">
        <f t="shared" si="226"/>
        <v>241.72469999999998</v>
      </c>
    </row>
    <row r="14521" spans="1:3" x14ac:dyDescent="0.25">
      <c r="A14521" s="2" t="s">
        <v>6179</v>
      </c>
      <c r="B14521" s="6">
        <v>241741.34999999998</v>
      </c>
      <c r="C14521" s="7">
        <f t="shared" si="226"/>
        <v>241.74134999999998</v>
      </c>
    </row>
    <row r="14522" spans="1:3" x14ac:dyDescent="0.25">
      <c r="A14522" s="2" t="s">
        <v>6180</v>
      </c>
      <c r="B14522" s="6">
        <v>241757.99999999997</v>
      </c>
      <c r="C14522" s="7">
        <f t="shared" si="226"/>
        <v>241.75799999999998</v>
      </c>
    </row>
    <row r="14523" spans="1:3" x14ac:dyDescent="0.25">
      <c r="A14523" s="2" t="s">
        <v>6181</v>
      </c>
      <c r="B14523" s="6">
        <v>241774.64999999997</v>
      </c>
      <c r="C14523" s="7">
        <f t="shared" si="226"/>
        <v>241.77464999999995</v>
      </c>
    </row>
    <row r="14524" spans="1:3" x14ac:dyDescent="0.25">
      <c r="A14524" s="2" t="s">
        <v>6182</v>
      </c>
      <c r="B14524" s="6">
        <v>241791.3</v>
      </c>
      <c r="C14524" s="7">
        <f t="shared" si="226"/>
        <v>241.79129999999998</v>
      </c>
    </row>
    <row r="14525" spans="1:3" x14ac:dyDescent="0.25">
      <c r="A14525" s="2" t="s">
        <v>6183</v>
      </c>
      <c r="B14525" s="6">
        <v>241807.94999999998</v>
      </c>
      <c r="C14525" s="7">
        <f t="shared" si="226"/>
        <v>241.80794999999998</v>
      </c>
    </row>
    <row r="14526" spans="1:3" x14ac:dyDescent="0.25">
      <c r="A14526" s="2" t="s">
        <v>6184</v>
      </c>
      <c r="B14526" s="6">
        <v>241824.59999999998</v>
      </c>
      <c r="C14526" s="7">
        <f t="shared" si="226"/>
        <v>241.82459999999998</v>
      </c>
    </row>
    <row r="14527" spans="1:3" x14ac:dyDescent="0.25">
      <c r="A14527" s="2" t="s">
        <v>6185</v>
      </c>
      <c r="B14527" s="6">
        <v>241841.24999999997</v>
      </c>
      <c r="C14527" s="7">
        <f t="shared" si="226"/>
        <v>241.84124999999997</v>
      </c>
    </row>
    <row r="14528" spans="1:3" x14ac:dyDescent="0.25">
      <c r="A14528" s="2" t="s">
        <v>6186</v>
      </c>
      <c r="B14528" s="6">
        <v>241857.89999999997</v>
      </c>
      <c r="C14528" s="7">
        <f t="shared" si="226"/>
        <v>241.85789999999997</v>
      </c>
    </row>
    <row r="14529" spans="1:3" x14ac:dyDescent="0.25">
      <c r="A14529" s="2" t="s">
        <v>6187</v>
      </c>
      <c r="B14529" s="6">
        <v>241874.55</v>
      </c>
      <c r="C14529" s="7">
        <f t="shared" si="226"/>
        <v>241.87455</v>
      </c>
    </row>
    <row r="14530" spans="1:3" x14ac:dyDescent="0.25">
      <c r="A14530" s="2" t="s">
        <v>6188</v>
      </c>
      <c r="B14530" s="6">
        <v>241891.19999999998</v>
      </c>
      <c r="C14530" s="7">
        <f t="shared" si="226"/>
        <v>241.89119999999997</v>
      </c>
    </row>
    <row r="14531" spans="1:3" x14ac:dyDescent="0.25">
      <c r="A14531" s="2" t="s">
        <v>6189</v>
      </c>
      <c r="B14531" s="6">
        <v>241907.84999999998</v>
      </c>
      <c r="C14531" s="7">
        <f t="shared" ref="C14531:C14594" si="227">B14531/1000</f>
        <v>241.90784999999997</v>
      </c>
    </row>
    <row r="14532" spans="1:3" x14ac:dyDescent="0.25">
      <c r="A14532" s="2" t="s">
        <v>6190</v>
      </c>
      <c r="B14532" s="6">
        <v>241924.49999999997</v>
      </c>
      <c r="C14532" s="7">
        <f t="shared" si="227"/>
        <v>241.92449999999997</v>
      </c>
    </row>
    <row r="14533" spans="1:3" x14ac:dyDescent="0.25">
      <c r="A14533" s="2" t="s">
        <v>6191</v>
      </c>
      <c r="B14533" s="6">
        <v>241941.14999999997</v>
      </c>
      <c r="C14533" s="7">
        <f t="shared" si="227"/>
        <v>241.94114999999996</v>
      </c>
    </row>
    <row r="14534" spans="1:3" x14ac:dyDescent="0.25">
      <c r="A14534" s="2" t="s">
        <v>6192</v>
      </c>
      <c r="B14534" s="6">
        <v>241957.8</v>
      </c>
      <c r="C14534" s="7">
        <f t="shared" si="227"/>
        <v>241.95779999999999</v>
      </c>
    </row>
    <row r="14535" spans="1:3" x14ac:dyDescent="0.25">
      <c r="A14535" s="2" t="s">
        <v>6193</v>
      </c>
      <c r="B14535" s="6">
        <v>241974.44999999998</v>
      </c>
      <c r="C14535" s="7">
        <f t="shared" si="227"/>
        <v>241.97444999999999</v>
      </c>
    </row>
    <row r="14536" spans="1:3" x14ac:dyDescent="0.25">
      <c r="A14536" s="2" t="s">
        <v>6194</v>
      </c>
      <c r="B14536" s="6">
        <v>241991.09999999998</v>
      </c>
      <c r="C14536" s="7">
        <f t="shared" si="227"/>
        <v>241.99109999999999</v>
      </c>
    </row>
    <row r="14537" spans="1:3" x14ac:dyDescent="0.25">
      <c r="A14537" s="2" t="s">
        <v>6195</v>
      </c>
      <c r="B14537" s="6">
        <v>242007.74999999997</v>
      </c>
      <c r="C14537" s="7">
        <f t="shared" si="227"/>
        <v>242.00774999999996</v>
      </c>
    </row>
    <row r="14538" spans="1:3" x14ac:dyDescent="0.25">
      <c r="A14538" s="2" t="s">
        <v>6196</v>
      </c>
      <c r="B14538" s="6">
        <v>242024.39999999997</v>
      </c>
      <c r="C14538" s="7">
        <f t="shared" si="227"/>
        <v>242.02439999999996</v>
      </c>
    </row>
    <row r="14539" spans="1:3" x14ac:dyDescent="0.25">
      <c r="A14539" s="2" t="s">
        <v>6197</v>
      </c>
      <c r="B14539" s="6">
        <v>242041.05</v>
      </c>
      <c r="C14539" s="7">
        <f t="shared" si="227"/>
        <v>242.04104999999998</v>
      </c>
    </row>
    <row r="14540" spans="1:3" x14ac:dyDescent="0.25">
      <c r="A14540" s="2" t="s">
        <v>6198</v>
      </c>
      <c r="B14540" s="6">
        <v>242057.69999999998</v>
      </c>
      <c r="C14540" s="7">
        <f t="shared" si="227"/>
        <v>242.05769999999998</v>
      </c>
    </row>
    <row r="14541" spans="1:3" x14ac:dyDescent="0.25">
      <c r="A14541" s="2" t="s">
        <v>6199</v>
      </c>
      <c r="B14541" s="6">
        <v>242074.34999999998</v>
      </c>
      <c r="C14541" s="7">
        <f t="shared" si="227"/>
        <v>242.07434999999998</v>
      </c>
    </row>
    <row r="14542" spans="1:3" x14ac:dyDescent="0.25">
      <c r="A14542" s="2" t="s">
        <v>6200</v>
      </c>
      <c r="B14542" s="6">
        <v>242090.99999999997</v>
      </c>
      <c r="C14542" s="7">
        <f t="shared" si="227"/>
        <v>242.09099999999998</v>
      </c>
    </row>
    <row r="14543" spans="1:3" x14ac:dyDescent="0.25">
      <c r="A14543" s="2" t="s">
        <v>6201</v>
      </c>
      <c r="B14543" s="6">
        <v>242107.64999999997</v>
      </c>
      <c r="C14543" s="7">
        <f t="shared" si="227"/>
        <v>242.10764999999998</v>
      </c>
    </row>
    <row r="14544" spans="1:3" x14ac:dyDescent="0.25">
      <c r="A14544" s="2" t="s">
        <v>6202</v>
      </c>
      <c r="B14544" s="6">
        <v>242124.3</v>
      </c>
      <c r="C14544" s="7">
        <f t="shared" si="227"/>
        <v>242.12429999999998</v>
      </c>
    </row>
    <row r="14545" spans="1:3" x14ac:dyDescent="0.25">
      <c r="A14545" s="2" t="s">
        <v>6203</v>
      </c>
      <c r="B14545" s="6">
        <v>242140.94999999998</v>
      </c>
      <c r="C14545" s="7">
        <f t="shared" si="227"/>
        <v>242.14094999999998</v>
      </c>
    </row>
    <row r="14546" spans="1:3" x14ac:dyDescent="0.25">
      <c r="A14546" s="2" t="s">
        <v>6204</v>
      </c>
      <c r="B14546" s="6">
        <v>242157.59999999998</v>
      </c>
      <c r="C14546" s="7">
        <f t="shared" si="227"/>
        <v>242.15759999999997</v>
      </c>
    </row>
    <row r="14547" spans="1:3" x14ac:dyDescent="0.25">
      <c r="A14547" s="2" t="s">
        <v>6205</v>
      </c>
      <c r="B14547" s="6">
        <v>242174.24999999997</v>
      </c>
      <c r="C14547" s="7">
        <f t="shared" si="227"/>
        <v>242.17424999999997</v>
      </c>
    </row>
    <row r="14548" spans="1:3" x14ac:dyDescent="0.25">
      <c r="A14548" s="2" t="s">
        <v>6206</v>
      </c>
      <c r="B14548" s="6">
        <v>242190.89999999997</v>
      </c>
      <c r="C14548" s="7">
        <f t="shared" si="227"/>
        <v>242.19089999999997</v>
      </c>
    </row>
    <row r="14549" spans="1:3" x14ac:dyDescent="0.25">
      <c r="A14549" s="2" t="s">
        <v>6207</v>
      </c>
      <c r="B14549" s="6">
        <v>242207.55</v>
      </c>
      <c r="C14549" s="7">
        <f t="shared" si="227"/>
        <v>242.20755</v>
      </c>
    </row>
    <row r="14550" spans="1:3" x14ac:dyDescent="0.25">
      <c r="A14550" s="2" t="s">
        <v>6208</v>
      </c>
      <c r="B14550" s="6">
        <v>242224.19999999998</v>
      </c>
      <c r="C14550" s="7">
        <f t="shared" si="227"/>
        <v>242.2242</v>
      </c>
    </row>
    <row r="14551" spans="1:3" x14ac:dyDescent="0.25">
      <c r="A14551" s="2" t="s">
        <v>6209</v>
      </c>
      <c r="B14551" s="6">
        <v>242240.84999999998</v>
      </c>
      <c r="C14551" s="7">
        <f t="shared" si="227"/>
        <v>242.24084999999997</v>
      </c>
    </row>
    <row r="14552" spans="1:3" x14ac:dyDescent="0.25">
      <c r="A14552" s="2" t="s">
        <v>6210</v>
      </c>
      <c r="B14552" s="6">
        <v>242257.49999999997</v>
      </c>
      <c r="C14552" s="7">
        <f t="shared" si="227"/>
        <v>242.25749999999996</v>
      </c>
    </row>
    <row r="14553" spans="1:3" x14ac:dyDescent="0.25">
      <c r="A14553" s="2" t="s">
        <v>6211</v>
      </c>
      <c r="B14553" s="6">
        <v>242274.14999999997</v>
      </c>
      <c r="C14553" s="7">
        <f t="shared" si="227"/>
        <v>242.27414999999996</v>
      </c>
    </row>
    <row r="14554" spans="1:3" x14ac:dyDescent="0.25">
      <c r="A14554" s="2" t="s">
        <v>6212</v>
      </c>
      <c r="B14554" s="6">
        <v>242290.8</v>
      </c>
      <c r="C14554" s="7">
        <f t="shared" si="227"/>
        <v>242.29079999999999</v>
      </c>
    </row>
    <row r="14555" spans="1:3" x14ac:dyDescent="0.25">
      <c r="A14555" s="2" t="s">
        <v>6213</v>
      </c>
      <c r="B14555" s="6">
        <v>242307.44999999998</v>
      </c>
      <c r="C14555" s="7">
        <f t="shared" si="227"/>
        <v>242.30744999999999</v>
      </c>
    </row>
    <row r="14556" spans="1:3" x14ac:dyDescent="0.25">
      <c r="A14556" s="2" t="s">
        <v>6214</v>
      </c>
      <c r="B14556" s="6">
        <v>242324.09999999998</v>
      </c>
      <c r="C14556" s="7">
        <f t="shared" si="227"/>
        <v>242.32409999999999</v>
      </c>
    </row>
    <row r="14557" spans="1:3" x14ac:dyDescent="0.25">
      <c r="A14557" s="2" t="s">
        <v>6215</v>
      </c>
      <c r="B14557" s="6">
        <v>242340.74999999997</v>
      </c>
      <c r="C14557" s="7">
        <f t="shared" si="227"/>
        <v>242.34074999999996</v>
      </c>
    </row>
    <row r="14558" spans="1:3" x14ac:dyDescent="0.25">
      <c r="A14558" s="2" t="s">
        <v>6216</v>
      </c>
      <c r="B14558" s="6">
        <v>242357.39999999997</v>
      </c>
      <c r="C14558" s="7">
        <f t="shared" si="227"/>
        <v>242.35739999999996</v>
      </c>
    </row>
    <row r="14559" spans="1:3" x14ac:dyDescent="0.25">
      <c r="A14559" s="2" t="s">
        <v>6217</v>
      </c>
      <c r="B14559" s="6">
        <v>242374.05</v>
      </c>
      <c r="C14559" s="7">
        <f t="shared" si="227"/>
        <v>242.37404999999998</v>
      </c>
    </row>
    <row r="14560" spans="1:3" x14ac:dyDescent="0.25">
      <c r="A14560" s="2" t="s">
        <v>6218</v>
      </c>
      <c r="B14560" s="6">
        <v>242390.69999999998</v>
      </c>
      <c r="C14560" s="7">
        <f t="shared" si="227"/>
        <v>242.39069999999998</v>
      </c>
    </row>
    <row r="14561" spans="1:3" x14ac:dyDescent="0.25">
      <c r="A14561" s="2" t="s">
        <v>6219</v>
      </c>
      <c r="B14561" s="6">
        <v>242407.34999999998</v>
      </c>
      <c r="C14561" s="7">
        <f t="shared" si="227"/>
        <v>242.40734999999998</v>
      </c>
    </row>
    <row r="14562" spans="1:3" x14ac:dyDescent="0.25">
      <c r="A14562" s="2" t="s">
        <v>6220</v>
      </c>
      <c r="B14562" s="6">
        <v>242423.99999999997</v>
      </c>
      <c r="C14562" s="7">
        <f t="shared" si="227"/>
        <v>242.42399999999998</v>
      </c>
    </row>
    <row r="14563" spans="1:3" x14ac:dyDescent="0.25">
      <c r="A14563" s="2" t="s">
        <v>6221</v>
      </c>
      <c r="B14563" s="6">
        <v>242440.64999999997</v>
      </c>
      <c r="C14563" s="7">
        <f t="shared" si="227"/>
        <v>242.44064999999998</v>
      </c>
    </row>
    <row r="14564" spans="1:3" x14ac:dyDescent="0.25">
      <c r="A14564" s="2" t="s">
        <v>6222</v>
      </c>
      <c r="B14564" s="6">
        <v>242457.3</v>
      </c>
      <c r="C14564" s="7">
        <f t="shared" si="227"/>
        <v>242.45729999999998</v>
      </c>
    </row>
    <row r="14565" spans="1:3" x14ac:dyDescent="0.25">
      <c r="A14565" s="2" t="s">
        <v>6223</v>
      </c>
      <c r="B14565" s="6">
        <v>242473.94999999998</v>
      </c>
      <c r="C14565" s="7">
        <f t="shared" si="227"/>
        <v>242.47394999999997</v>
      </c>
    </row>
    <row r="14566" spans="1:3" x14ac:dyDescent="0.25">
      <c r="A14566" s="2" t="s">
        <v>6224</v>
      </c>
      <c r="B14566" s="6">
        <v>242490.59999999998</v>
      </c>
      <c r="C14566" s="7">
        <f t="shared" si="227"/>
        <v>242.49059999999997</v>
      </c>
    </row>
    <row r="14567" spans="1:3" x14ac:dyDescent="0.25">
      <c r="A14567" s="2" t="s">
        <v>6225</v>
      </c>
      <c r="B14567" s="6">
        <v>242507.24999999997</v>
      </c>
      <c r="C14567" s="7">
        <f t="shared" si="227"/>
        <v>242.50724999999997</v>
      </c>
    </row>
    <row r="14568" spans="1:3" x14ac:dyDescent="0.25">
      <c r="A14568" s="2" t="s">
        <v>6226</v>
      </c>
      <c r="B14568" s="6">
        <v>242523.89999999997</v>
      </c>
      <c r="C14568" s="7">
        <f t="shared" si="227"/>
        <v>242.52389999999997</v>
      </c>
    </row>
    <row r="14569" spans="1:3" x14ac:dyDescent="0.25">
      <c r="A14569" s="2" t="s">
        <v>6227</v>
      </c>
      <c r="B14569" s="6">
        <v>242540.55</v>
      </c>
      <c r="C14569" s="7">
        <f t="shared" si="227"/>
        <v>242.54055</v>
      </c>
    </row>
    <row r="14570" spans="1:3" x14ac:dyDescent="0.25">
      <c r="A14570" s="2" t="s">
        <v>6228</v>
      </c>
      <c r="B14570" s="6">
        <v>242557.19999999998</v>
      </c>
      <c r="C14570" s="7">
        <f t="shared" si="227"/>
        <v>242.55719999999999</v>
      </c>
    </row>
    <row r="14571" spans="1:3" x14ac:dyDescent="0.25">
      <c r="A14571" s="2" t="s">
        <v>6229</v>
      </c>
      <c r="B14571" s="6">
        <v>242573.84999999998</v>
      </c>
      <c r="C14571" s="7">
        <f t="shared" si="227"/>
        <v>242.57384999999996</v>
      </c>
    </row>
    <row r="14572" spans="1:3" x14ac:dyDescent="0.25">
      <c r="A14572" s="2" t="s">
        <v>6230</v>
      </c>
      <c r="B14572" s="6">
        <v>242590.49999999997</v>
      </c>
      <c r="C14572" s="7">
        <f t="shared" si="227"/>
        <v>242.59049999999996</v>
      </c>
    </row>
    <row r="14573" spans="1:3" x14ac:dyDescent="0.25">
      <c r="A14573" s="2" t="s">
        <v>6231</v>
      </c>
      <c r="B14573" s="6">
        <v>242607.14999999997</v>
      </c>
      <c r="C14573" s="7">
        <f t="shared" si="227"/>
        <v>242.60714999999996</v>
      </c>
    </row>
    <row r="14574" spans="1:3" x14ac:dyDescent="0.25">
      <c r="A14574" s="2" t="s">
        <v>6232</v>
      </c>
      <c r="B14574" s="6">
        <v>242623.8</v>
      </c>
      <c r="C14574" s="7">
        <f t="shared" si="227"/>
        <v>242.62379999999999</v>
      </c>
    </row>
    <row r="14575" spans="1:3" x14ac:dyDescent="0.25">
      <c r="A14575" s="2" t="s">
        <v>6233</v>
      </c>
      <c r="B14575" s="6">
        <v>242640.44999999998</v>
      </c>
      <c r="C14575" s="7">
        <f t="shared" si="227"/>
        <v>242.64044999999999</v>
      </c>
    </row>
    <row r="14576" spans="1:3" x14ac:dyDescent="0.25">
      <c r="A14576" s="2" t="s">
        <v>6234</v>
      </c>
      <c r="B14576" s="6">
        <v>242657.09999999998</v>
      </c>
      <c r="C14576" s="7">
        <f t="shared" si="227"/>
        <v>242.65709999999999</v>
      </c>
    </row>
    <row r="14577" spans="1:3" x14ac:dyDescent="0.25">
      <c r="A14577" s="2" t="s">
        <v>6235</v>
      </c>
      <c r="B14577" s="6">
        <v>242673.74999999997</v>
      </c>
      <c r="C14577" s="7">
        <f t="shared" si="227"/>
        <v>242.67374999999998</v>
      </c>
    </row>
    <row r="14578" spans="1:3" x14ac:dyDescent="0.25">
      <c r="A14578" s="2" t="s">
        <v>6236</v>
      </c>
      <c r="B14578" s="6">
        <v>242690.39999999997</v>
      </c>
      <c r="C14578" s="7">
        <f t="shared" si="227"/>
        <v>242.69039999999995</v>
      </c>
    </row>
    <row r="14579" spans="1:3" x14ac:dyDescent="0.25">
      <c r="A14579" s="2" t="s">
        <v>6237</v>
      </c>
      <c r="B14579" s="6">
        <v>242707.05</v>
      </c>
      <c r="C14579" s="7">
        <f t="shared" si="227"/>
        <v>242.70704999999998</v>
      </c>
    </row>
    <row r="14580" spans="1:3" x14ac:dyDescent="0.25">
      <c r="A14580" s="2" t="s">
        <v>6238</v>
      </c>
      <c r="B14580" s="6">
        <v>242723.69999999998</v>
      </c>
      <c r="C14580" s="7">
        <f t="shared" si="227"/>
        <v>242.72369999999998</v>
      </c>
    </row>
    <row r="14581" spans="1:3" x14ac:dyDescent="0.25">
      <c r="A14581" s="2" t="s">
        <v>6239</v>
      </c>
      <c r="B14581" s="6">
        <v>242740.34999999998</v>
      </c>
      <c r="C14581" s="7">
        <f t="shared" si="227"/>
        <v>242.74034999999998</v>
      </c>
    </row>
    <row r="14582" spans="1:3" x14ac:dyDescent="0.25">
      <c r="A14582" s="2" t="s">
        <v>6240</v>
      </c>
      <c r="B14582" s="6">
        <v>242756.99999999997</v>
      </c>
      <c r="C14582" s="7">
        <f t="shared" si="227"/>
        <v>242.75699999999998</v>
      </c>
    </row>
    <row r="14583" spans="1:3" x14ac:dyDescent="0.25">
      <c r="A14583" s="2" t="s">
        <v>6241</v>
      </c>
      <c r="B14583" s="6">
        <v>242773.64999999997</v>
      </c>
      <c r="C14583" s="7">
        <f t="shared" si="227"/>
        <v>242.77364999999998</v>
      </c>
    </row>
    <row r="14584" spans="1:3" x14ac:dyDescent="0.25">
      <c r="A14584" s="2" t="s">
        <v>6242</v>
      </c>
      <c r="B14584" s="6">
        <v>242790.3</v>
      </c>
      <c r="C14584" s="7">
        <f t="shared" si="227"/>
        <v>242.7903</v>
      </c>
    </row>
    <row r="14585" spans="1:3" x14ac:dyDescent="0.25">
      <c r="A14585" s="2" t="s">
        <v>6243</v>
      </c>
      <c r="B14585" s="6">
        <v>242806.94999999998</v>
      </c>
      <c r="C14585" s="7">
        <f t="shared" si="227"/>
        <v>242.80694999999997</v>
      </c>
    </row>
    <row r="14586" spans="1:3" x14ac:dyDescent="0.25">
      <c r="A14586" s="2" t="s">
        <v>6244</v>
      </c>
      <c r="B14586" s="6">
        <v>242823.59999999998</v>
      </c>
      <c r="C14586" s="7">
        <f t="shared" si="227"/>
        <v>242.82359999999997</v>
      </c>
    </row>
    <row r="14587" spans="1:3" x14ac:dyDescent="0.25">
      <c r="A14587" s="2" t="s">
        <v>6245</v>
      </c>
      <c r="B14587" s="6">
        <v>242840.24999999997</v>
      </c>
      <c r="C14587" s="7">
        <f t="shared" si="227"/>
        <v>242.84024999999997</v>
      </c>
    </row>
    <row r="14588" spans="1:3" x14ac:dyDescent="0.25">
      <c r="A14588" s="2" t="s">
        <v>6246</v>
      </c>
      <c r="B14588" s="6">
        <v>242856.89999999997</v>
      </c>
      <c r="C14588" s="7">
        <f t="shared" si="227"/>
        <v>242.85689999999997</v>
      </c>
    </row>
    <row r="14589" spans="1:3" x14ac:dyDescent="0.25">
      <c r="A14589" s="2" t="s">
        <v>6247</v>
      </c>
      <c r="B14589" s="6">
        <v>242873.55</v>
      </c>
      <c r="C14589" s="7">
        <f t="shared" si="227"/>
        <v>242.87354999999999</v>
      </c>
    </row>
    <row r="14590" spans="1:3" x14ac:dyDescent="0.25">
      <c r="A14590" s="2" t="s">
        <v>6248</v>
      </c>
      <c r="B14590" s="6">
        <v>242890.19999999998</v>
      </c>
      <c r="C14590" s="7">
        <f t="shared" si="227"/>
        <v>242.89019999999999</v>
      </c>
    </row>
    <row r="14591" spans="1:3" x14ac:dyDescent="0.25">
      <c r="A14591" s="2" t="s">
        <v>6249</v>
      </c>
      <c r="B14591" s="6">
        <v>242906.84999999998</v>
      </c>
      <c r="C14591" s="7">
        <f t="shared" si="227"/>
        <v>242.90684999999996</v>
      </c>
    </row>
    <row r="14592" spans="1:3" x14ac:dyDescent="0.25">
      <c r="A14592" s="2" t="s">
        <v>6250</v>
      </c>
      <c r="B14592" s="6">
        <v>242923.49999999997</v>
      </c>
      <c r="C14592" s="7">
        <f t="shared" si="227"/>
        <v>242.92349999999996</v>
      </c>
    </row>
    <row r="14593" spans="1:3" x14ac:dyDescent="0.25">
      <c r="A14593" s="2" t="s">
        <v>6251</v>
      </c>
      <c r="B14593" s="6">
        <v>242940.14999999997</v>
      </c>
      <c r="C14593" s="7">
        <f t="shared" si="227"/>
        <v>242.94014999999996</v>
      </c>
    </row>
    <row r="14594" spans="1:3" x14ac:dyDescent="0.25">
      <c r="A14594" s="2" t="s">
        <v>6252</v>
      </c>
      <c r="B14594" s="6">
        <v>242956.79999999999</v>
      </c>
      <c r="C14594" s="7">
        <f t="shared" si="227"/>
        <v>242.95679999999999</v>
      </c>
    </row>
    <row r="14595" spans="1:3" x14ac:dyDescent="0.25">
      <c r="A14595" s="2" t="s">
        <v>6253</v>
      </c>
      <c r="B14595" s="6">
        <v>242973.44999999998</v>
      </c>
      <c r="C14595" s="7">
        <f t="shared" ref="C14595:C14658" si="228">B14595/1000</f>
        <v>242.97344999999999</v>
      </c>
    </row>
    <row r="14596" spans="1:3" x14ac:dyDescent="0.25">
      <c r="A14596" s="2" t="s">
        <v>6254</v>
      </c>
      <c r="B14596" s="6">
        <v>242990.09999999998</v>
      </c>
      <c r="C14596" s="7">
        <f t="shared" si="228"/>
        <v>242.99009999999998</v>
      </c>
    </row>
    <row r="14597" spans="1:3" x14ac:dyDescent="0.25">
      <c r="A14597" s="2" t="s">
        <v>6255</v>
      </c>
      <c r="B14597" s="6">
        <v>243006.74999999997</v>
      </c>
      <c r="C14597" s="7">
        <f t="shared" si="228"/>
        <v>243.00674999999998</v>
      </c>
    </row>
    <row r="14598" spans="1:3" x14ac:dyDescent="0.25">
      <c r="A14598" s="2" t="s">
        <v>6256</v>
      </c>
      <c r="B14598" s="6">
        <v>243023.39999999997</v>
      </c>
      <c r="C14598" s="7">
        <f t="shared" si="228"/>
        <v>243.02339999999995</v>
      </c>
    </row>
    <row r="14599" spans="1:3" x14ac:dyDescent="0.25">
      <c r="A14599" s="2" t="s">
        <v>6257</v>
      </c>
      <c r="B14599" s="6">
        <v>243040.05</v>
      </c>
      <c r="C14599" s="7">
        <f t="shared" si="228"/>
        <v>243.04004999999998</v>
      </c>
    </row>
    <row r="14600" spans="1:3" x14ac:dyDescent="0.25">
      <c r="A14600" s="2" t="s">
        <v>6258</v>
      </c>
      <c r="B14600" s="6">
        <v>243056.69999999998</v>
      </c>
      <c r="C14600" s="7">
        <f t="shared" si="228"/>
        <v>243.05669999999998</v>
      </c>
    </row>
    <row r="14601" spans="1:3" x14ac:dyDescent="0.25">
      <c r="A14601" s="2" t="s">
        <v>6259</v>
      </c>
      <c r="B14601" s="6">
        <v>243073.34999999998</v>
      </c>
      <c r="C14601" s="7">
        <f t="shared" si="228"/>
        <v>243.07334999999998</v>
      </c>
    </row>
    <row r="14602" spans="1:3" x14ac:dyDescent="0.25">
      <c r="A14602" s="2" t="s">
        <v>6260</v>
      </c>
      <c r="B14602" s="6">
        <v>243089.99999999997</v>
      </c>
      <c r="C14602" s="7">
        <f t="shared" si="228"/>
        <v>243.08999999999997</v>
      </c>
    </row>
    <row r="14603" spans="1:3" x14ac:dyDescent="0.25">
      <c r="A14603" s="2" t="s">
        <v>6261</v>
      </c>
      <c r="B14603" s="6">
        <v>243106.64999999997</v>
      </c>
      <c r="C14603" s="7">
        <f t="shared" si="228"/>
        <v>243.10664999999997</v>
      </c>
    </row>
    <row r="14604" spans="1:3" x14ac:dyDescent="0.25">
      <c r="A14604" s="2" t="s">
        <v>6262</v>
      </c>
      <c r="B14604" s="6">
        <v>243123.3</v>
      </c>
      <c r="C14604" s="7">
        <f t="shared" si="228"/>
        <v>243.1233</v>
      </c>
    </row>
    <row r="14605" spans="1:3" x14ac:dyDescent="0.25">
      <c r="A14605" s="2" t="s">
        <v>6263</v>
      </c>
      <c r="B14605" s="6">
        <v>243139.94999999998</v>
      </c>
      <c r="C14605" s="7">
        <f t="shared" si="228"/>
        <v>243.13994999999997</v>
      </c>
    </row>
    <row r="14606" spans="1:3" x14ac:dyDescent="0.25">
      <c r="A14606" s="2" t="s">
        <v>6264</v>
      </c>
      <c r="B14606" s="6">
        <v>243156.59999999998</v>
      </c>
      <c r="C14606" s="7">
        <f t="shared" si="228"/>
        <v>243.15659999999997</v>
      </c>
    </row>
    <row r="14607" spans="1:3" x14ac:dyDescent="0.25">
      <c r="A14607" s="2" t="s">
        <v>6265</v>
      </c>
      <c r="B14607" s="6">
        <v>243173.24999999997</v>
      </c>
      <c r="C14607" s="7">
        <f t="shared" si="228"/>
        <v>243.17324999999997</v>
      </c>
    </row>
    <row r="14608" spans="1:3" x14ac:dyDescent="0.25">
      <c r="A14608" s="2" t="s">
        <v>6266</v>
      </c>
      <c r="B14608" s="6">
        <v>243189.89999999997</v>
      </c>
      <c r="C14608" s="7">
        <f t="shared" si="228"/>
        <v>243.18989999999997</v>
      </c>
    </row>
    <row r="14609" spans="1:3" x14ac:dyDescent="0.25">
      <c r="A14609" s="2" t="s">
        <v>6267</v>
      </c>
      <c r="B14609" s="6">
        <v>243206.55</v>
      </c>
      <c r="C14609" s="7">
        <f t="shared" si="228"/>
        <v>243.20654999999999</v>
      </c>
    </row>
    <row r="14610" spans="1:3" x14ac:dyDescent="0.25">
      <c r="A14610" s="2" t="s">
        <v>6268</v>
      </c>
      <c r="B14610" s="6">
        <v>243223.19999999998</v>
      </c>
      <c r="C14610" s="7">
        <f t="shared" si="228"/>
        <v>243.22319999999999</v>
      </c>
    </row>
    <row r="14611" spans="1:3" x14ac:dyDescent="0.25">
      <c r="A14611" s="2" t="s">
        <v>6269</v>
      </c>
      <c r="B14611" s="6">
        <v>243239.84999999998</v>
      </c>
      <c r="C14611" s="7">
        <f t="shared" si="228"/>
        <v>243.23984999999999</v>
      </c>
    </row>
    <row r="14612" spans="1:3" x14ac:dyDescent="0.25">
      <c r="A14612" s="2" t="s">
        <v>6270</v>
      </c>
      <c r="B14612" s="6">
        <v>243256.49999999997</v>
      </c>
      <c r="C14612" s="7">
        <f t="shared" si="228"/>
        <v>243.25649999999996</v>
      </c>
    </row>
    <row r="14613" spans="1:3" x14ac:dyDescent="0.25">
      <c r="A14613" s="2" t="s">
        <v>6271</v>
      </c>
      <c r="B14613" s="6">
        <v>243273.14999999997</v>
      </c>
      <c r="C14613" s="7">
        <f t="shared" si="228"/>
        <v>243.27314999999996</v>
      </c>
    </row>
    <row r="14614" spans="1:3" x14ac:dyDescent="0.25">
      <c r="A14614" s="2" t="s">
        <v>6272</v>
      </c>
      <c r="B14614" s="6">
        <v>243289.8</v>
      </c>
      <c r="C14614" s="7">
        <f t="shared" si="228"/>
        <v>243.28979999999999</v>
      </c>
    </row>
    <row r="14615" spans="1:3" x14ac:dyDescent="0.25">
      <c r="A14615" s="2" t="s">
        <v>6273</v>
      </c>
      <c r="B14615" s="6">
        <v>243306.44999999998</v>
      </c>
      <c r="C14615" s="7">
        <f t="shared" si="228"/>
        <v>243.30644999999998</v>
      </c>
    </row>
    <row r="14616" spans="1:3" x14ac:dyDescent="0.25">
      <c r="A14616" s="2" t="s">
        <v>6274</v>
      </c>
      <c r="B14616" s="6">
        <v>243323.09999999998</v>
      </c>
      <c r="C14616" s="7">
        <f t="shared" si="228"/>
        <v>243.32309999999998</v>
      </c>
    </row>
    <row r="14617" spans="1:3" x14ac:dyDescent="0.25">
      <c r="A14617" s="2" t="s">
        <v>6275</v>
      </c>
      <c r="B14617" s="6">
        <v>243339.74999999997</v>
      </c>
      <c r="C14617" s="7">
        <f t="shared" si="228"/>
        <v>243.33974999999998</v>
      </c>
    </row>
    <row r="14618" spans="1:3" x14ac:dyDescent="0.25">
      <c r="A14618" s="2" t="s">
        <v>6276</v>
      </c>
      <c r="B14618" s="6">
        <v>243356.39999999997</v>
      </c>
      <c r="C14618" s="7">
        <f t="shared" si="228"/>
        <v>243.35639999999995</v>
      </c>
    </row>
    <row r="14619" spans="1:3" x14ac:dyDescent="0.25">
      <c r="A14619" s="2" t="s">
        <v>6277</v>
      </c>
      <c r="B14619" s="6">
        <v>243373.05</v>
      </c>
      <c r="C14619" s="7">
        <f t="shared" si="228"/>
        <v>243.37304999999998</v>
      </c>
    </row>
    <row r="14620" spans="1:3" x14ac:dyDescent="0.25">
      <c r="A14620" s="2" t="s">
        <v>6278</v>
      </c>
      <c r="B14620" s="6">
        <v>243389.69999999998</v>
      </c>
      <c r="C14620" s="7">
        <f t="shared" si="228"/>
        <v>243.38969999999998</v>
      </c>
    </row>
    <row r="14621" spans="1:3" x14ac:dyDescent="0.25">
      <c r="A14621" s="2" t="s">
        <v>6279</v>
      </c>
      <c r="B14621" s="6">
        <v>243406.34999999998</v>
      </c>
      <c r="C14621" s="7">
        <f t="shared" si="228"/>
        <v>243.40634999999997</v>
      </c>
    </row>
    <row r="14622" spans="1:3" x14ac:dyDescent="0.25">
      <c r="A14622" s="2" t="s">
        <v>6280</v>
      </c>
      <c r="B14622" s="6">
        <v>243422.99999999997</v>
      </c>
      <c r="C14622" s="7">
        <f t="shared" si="228"/>
        <v>243.42299999999997</v>
      </c>
    </row>
    <row r="14623" spans="1:3" x14ac:dyDescent="0.25">
      <c r="A14623" s="2" t="s">
        <v>6281</v>
      </c>
      <c r="B14623" s="6">
        <v>243439.64999999997</v>
      </c>
      <c r="C14623" s="7">
        <f t="shared" si="228"/>
        <v>243.43964999999997</v>
      </c>
    </row>
    <row r="14624" spans="1:3" x14ac:dyDescent="0.25">
      <c r="A14624" s="2" t="s">
        <v>6282</v>
      </c>
      <c r="B14624" s="6">
        <v>243456.3</v>
      </c>
      <c r="C14624" s="7">
        <f t="shared" si="228"/>
        <v>243.4563</v>
      </c>
    </row>
    <row r="14625" spans="1:3" x14ac:dyDescent="0.25">
      <c r="A14625" s="2" t="s">
        <v>6283</v>
      </c>
      <c r="B14625" s="6">
        <v>243472.94999999998</v>
      </c>
      <c r="C14625" s="7">
        <f t="shared" si="228"/>
        <v>243.47294999999997</v>
      </c>
    </row>
    <row r="14626" spans="1:3" x14ac:dyDescent="0.25">
      <c r="A14626" s="2" t="s">
        <v>6284</v>
      </c>
      <c r="B14626" s="6">
        <v>243489.59999999998</v>
      </c>
      <c r="C14626" s="7">
        <f t="shared" si="228"/>
        <v>243.48959999999997</v>
      </c>
    </row>
    <row r="14627" spans="1:3" x14ac:dyDescent="0.25">
      <c r="A14627" s="2" t="s">
        <v>6285</v>
      </c>
      <c r="B14627" s="6">
        <v>243506.24999999997</v>
      </c>
      <c r="C14627" s="7">
        <f t="shared" si="228"/>
        <v>243.50624999999997</v>
      </c>
    </row>
    <row r="14628" spans="1:3" x14ac:dyDescent="0.25">
      <c r="A14628" s="2" t="s">
        <v>6286</v>
      </c>
      <c r="B14628" s="6">
        <v>243522.89999999997</v>
      </c>
      <c r="C14628" s="7">
        <f t="shared" si="228"/>
        <v>243.52289999999996</v>
      </c>
    </row>
    <row r="14629" spans="1:3" x14ac:dyDescent="0.25">
      <c r="A14629" s="2" t="s">
        <v>6287</v>
      </c>
      <c r="B14629" s="6">
        <v>243539.55</v>
      </c>
      <c r="C14629" s="7">
        <f t="shared" si="228"/>
        <v>243.53954999999999</v>
      </c>
    </row>
    <row r="14630" spans="1:3" x14ac:dyDescent="0.25">
      <c r="A14630" s="2" t="s">
        <v>6288</v>
      </c>
      <c r="B14630" s="6">
        <v>243556.19999999998</v>
      </c>
      <c r="C14630" s="7">
        <f t="shared" si="228"/>
        <v>243.55619999999999</v>
      </c>
    </row>
    <row r="14631" spans="1:3" x14ac:dyDescent="0.25">
      <c r="A14631" s="2" t="s">
        <v>6289</v>
      </c>
      <c r="B14631" s="6">
        <v>243572.84999999998</v>
      </c>
      <c r="C14631" s="7">
        <f t="shared" si="228"/>
        <v>243.57284999999999</v>
      </c>
    </row>
    <row r="14632" spans="1:3" x14ac:dyDescent="0.25">
      <c r="A14632" s="2" t="s">
        <v>6290</v>
      </c>
      <c r="B14632" s="6">
        <v>243589.49999999997</v>
      </c>
      <c r="C14632" s="7">
        <f t="shared" si="228"/>
        <v>243.58949999999996</v>
      </c>
    </row>
    <row r="14633" spans="1:3" x14ac:dyDescent="0.25">
      <c r="A14633" s="2" t="s">
        <v>6291</v>
      </c>
      <c r="B14633" s="6">
        <v>243606.14999999997</v>
      </c>
      <c r="C14633" s="7">
        <f t="shared" si="228"/>
        <v>243.60614999999996</v>
      </c>
    </row>
    <row r="14634" spans="1:3" x14ac:dyDescent="0.25">
      <c r="A14634" s="2" t="s">
        <v>6292</v>
      </c>
      <c r="B14634" s="6">
        <v>243622.8</v>
      </c>
      <c r="C14634" s="7">
        <f t="shared" si="228"/>
        <v>243.62279999999998</v>
      </c>
    </row>
    <row r="14635" spans="1:3" x14ac:dyDescent="0.25">
      <c r="A14635" s="2" t="s">
        <v>6293</v>
      </c>
      <c r="B14635" s="6">
        <v>243639.44999999998</v>
      </c>
      <c r="C14635" s="7">
        <f t="shared" si="228"/>
        <v>243.63944999999998</v>
      </c>
    </row>
    <row r="14636" spans="1:3" x14ac:dyDescent="0.25">
      <c r="A14636" s="2" t="s">
        <v>6294</v>
      </c>
      <c r="B14636" s="6">
        <v>243656.09999999998</v>
      </c>
      <c r="C14636" s="7">
        <f t="shared" si="228"/>
        <v>243.65609999999998</v>
      </c>
    </row>
    <row r="14637" spans="1:3" x14ac:dyDescent="0.25">
      <c r="A14637" s="2" t="s">
        <v>6295</v>
      </c>
      <c r="B14637" s="6">
        <v>243672.74999999997</v>
      </c>
      <c r="C14637" s="7">
        <f t="shared" si="228"/>
        <v>243.67274999999998</v>
      </c>
    </row>
    <row r="14638" spans="1:3" x14ac:dyDescent="0.25">
      <c r="A14638" s="2" t="s">
        <v>6296</v>
      </c>
      <c r="B14638" s="6">
        <v>243689.39999999997</v>
      </c>
      <c r="C14638" s="7">
        <f t="shared" si="228"/>
        <v>243.68939999999998</v>
      </c>
    </row>
    <row r="14639" spans="1:3" x14ac:dyDescent="0.25">
      <c r="A14639" s="2" t="s">
        <v>6297</v>
      </c>
      <c r="B14639" s="6">
        <v>243706.05</v>
      </c>
      <c r="C14639" s="7">
        <f t="shared" si="228"/>
        <v>243.70604999999998</v>
      </c>
    </row>
    <row r="14640" spans="1:3" x14ac:dyDescent="0.25">
      <c r="A14640" s="2" t="s">
        <v>6298</v>
      </c>
      <c r="B14640" s="6">
        <v>243722.69999999998</v>
      </c>
      <c r="C14640" s="7">
        <f t="shared" si="228"/>
        <v>243.72269999999997</v>
      </c>
    </row>
    <row r="14641" spans="1:3" x14ac:dyDescent="0.25">
      <c r="A14641" s="2" t="s">
        <v>6299</v>
      </c>
      <c r="B14641" s="6">
        <v>243739.34999999998</v>
      </c>
      <c r="C14641" s="7">
        <f t="shared" si="228"/>
        <v>243.73934999999997</v>
      </c>
    </row>
    <row r="14642" spans="1:3" x14ac:dyDescent="0.25">
      <c r="A14642" s="2" t="s">
        <v>6300</v>
      </c>
      <c r="B14642" s="6">
        <v>243755.99999999997</v>
      </c>
      <c r="C14642" s="7">
        <f t="shared" si="228"/>
        <v>243.75599999999997</v>
      </c>
    </row>
    <row r="14643" spans="1:3" x14ac:dyDescent="0.25">
      <c r="A14643" s="2" t="s">
        <v>6301</v>
      </c>
      <c r="B14643" s="6">
        <v>243772.64999999997</v>
      </c>
      <c r="C14643" s="7">
        <f t="shared" si="228"/>
        <v>243.77264999999997</v>
      </c>
    </row>
    <row r="14644" spans="1:3" x14ac:dyDescent="0.25">
      <c r="A14644" s="2" t="s">
        <v>6302</v>
      </c>
      <c r="B14644" s="6">
        <v>243789.3</v>
      </c>
      <c r="C14644" s="7">
        <f t="shared" si="228"/>
        <v>243.7893</v>
      </c>
    </row>
    <row r="14645" spans="1:3" x14ac:dyDescent="0.25">
      <c r="A14645" s="2" t="s">
        <v>6303</v>
      </c>
      <c r="B14645" s="6">
        <v>243805.94999999998</v>
      </c>
      <c r="C14645" s="7">
        <f t="shared" si="228"/>
        <v>243.80595</v>
      </c>
    </row>
    <row r="14646" spans="1:3" x14ac:dyDescent="0.25">
      <c r="A14646" s="2" t="s">
        <v>6304</v>
      </c>
      <c r="B14646" s="6">
        <v>243822.59999999998</v>
      </c>
      <c r="C14646" s="7">
        <f t="shared" si="228"/>
        <v>243.82259999999997</v>
      </c>
    </row>
    <row r="14647" spans="1:3" x14ac:dyDescent="0.25">
      <c r="A14647" s="2" t="s">
        <v>6305</v>
      </c>
      <c r="B14647" s="6">
        <v>243839.24999999997</v>
      </c>
      <c r="C14647" s="7">
        <f t="shared" si="228"/>
        <v>243.83924999999996</v>
      </c>
    </row>
    <row r="14648" spans="1:3" x14ac:dyDescent="0.25">
      <c r="A14648" s="2" t="s">
        <v>6306</v>
      </c>
      <c r="B14648" s="6">
        <v>243855.89999999997</v>
      </c>
      <c r="C14648" s="7">
        <f t="shared" si="228"/>
        <v>243.85589999999996</v>
      </c>
    </row>
    <row r="14649" spans="1:3" x14ac:dyDescent="0.25">
      <c r="A14649" s="2" t="s">
        <v>6307</v>
      </c>
      <c r="B14649" s="6">
        <v>243872.55</v>
      </c>
      <c r="C14649" s="7">
        <f t="shared" si="228"/>
        <v>243.87254999999999</v>
      </c>
    </row>
    <row r="14650" spans="1:3" x14ac:dyDescent="0.25">
      <c r="A14650" s="2" t="s">
        <v>6308</v>
      </c>
      <c r="B14650" s="6">
        <v>243889.19999999998</v>
      </c>
      <c r="C14650" s="7">
        <f t="shared" si="228"/>
        <v>243.88919999999999</v>
      </c>
    </row>
    <row r="14651" spans="1:3" x14ac:dyDescent="0.25">
      <c r="A14651" s="2" t="s">
        <v>6309</v>
      </c>
      <c r="B14651" s="6">
        <v>243905.84999999998</v>
      </c>
      <c r="C14651" s="7">
        <f t="shared" si="228"/>
        <v>243.90584999999999</v>
      </c>
    </row>
    <row r="14652" spans="1:3" x14ac:dyDescent="0.25">
      <c r="A14652" s="2" t="s">
        <v>6310</v>
      </c>
      <c r="B14652" s="6">
        <v>243922.49999999997</v>
      </c>
      <c r="C14652" s="7">
        <f t="shared" si="228"/>
        <v>243.92249999999996</v>
      </c>
    </row>
    <row r="14653" spans="1:3" x14ac:dyDescent="0.25">
      <c r="A14653" s="2" t="s">
        <v>6311</v>
      </c>
      <c r="B14653" s="6">
        <v>243939.14999999997</v>
      </c>
      <c r="C14653" s="7">
        <f t="shared" si="228"/>
        <v>243.93914999999996</v>
      </c>
    </row>
    <row r="14654" spans="1:3" x14ac:dyDescent="0.25">
      <c r="A14654" s="2" t="s">
        <v>6312</v>
      </c>
      <c r="B14654" s="6">
        <v>243955.8</v>
      </c>
      <c r="C14654" s="7">
        <f t="shared" si="228"/>
        <v>243.95579999999998</v>
      </c>
    </row>
    <row r="14655" spans="1:3" x14ac:dyDescent="0.25">
      <c r="A14655" s="2" t="s">
        <v>6313</v>
      </c>
      <c r="B14655" s="6">
        <v>243972.44999999998</v>
      </c>
      <c r="C14655" s="7">
        <f t="shared" si="228"/>
        <v>243.97244999999998</v>
      </c>
    </row>
    <row r="14656" spans="1:3" x14ac:dyDescent="0.25">
      <c r="A14656" s="2" t="s">
        <v>6314</v>
      </c>
      <c r="B14656" s="6">
        <v>243989.09999999998</v>
      </c>
      <c r="C14656" s="7">
        <f t="shared" si="228"/>
        <v>243.98909999999998</v>
      </c>
    </row>
    <row r="14657" spans="1:3" x14ac:dyDescent="0.25">
      <c r="A14657" s="2" t="s">
        <v>6315</v>
      </c>
      <c r="B14657" s="6">
        <v>244005.74999999997</v>
      </c>
      <c r="C14657" s="7">
        <f t="shared" si="228"/>
        <v>244.00574999999998</v>
      </c>
    </row>
    <row r="14658" spans="1:3" x14ac:dyDescent="0.25">
      <c r="A14658" s="2" t="s">
        <v>6316</v>
      </c>
      <c r="B14658" s="6">
        <v>244022.39999999997</v>
      </c>
      <c r="C14658" s="7">
        <f t="shared" si="228"/>
        <v>244.02239999999998</v>
      </c>
    </row>
    <row r="14659" spans="1:3" x14ac:dyDescent="0.25">
      <c r="A14659" s="2" t="s">
        <v>6317</v>
      </c>
      <c r="B14659" s="6">
        <v>244039.05</v>
      </c>
      <c r="C14659" s="7">
        <f t="shared" ref="C14659:C14722" si="229">B14659/1000</f>
        <v>244.03904999999997</v>
      </c>
    </row>
    <row r="14660" spans="1:3" x14ac:dyDescent="0.25">
      <c r="A14660" s="2" t="s">
        <v>6318</v>
      </c>
      <c r="B14660" s="6">
        <v>244055.69999999998</v>
      </c>
      <c r="C14660" s="7">
        <f t="shared" si="229"/>
        <v>244.05569999999997</v>
      </c>
    </row>
    <row r="14661" spans="1:3" x14ac:dyDescent="0.25">
      <c r="A14661" s="2" t="s">
        <v>6319</v>
      </c>
      <c r="B14661" s="6">
        <v>244072.34999999998</v>
      </c>
      <c r="C14661" s="7">
        <f t="shared" si="229"/>
        <v>244.07234999999997</v>
      </c>
    </row>
    <row r="14662" spans="1:3" x14ac:dyDescent="0.25">
      <c r="A14662" s="2" t="s">
        <v>6320</v>
      </c>
      <c r="B14662" s="6">
        <v>244088.99999999997</v>
      </c>
      <c r="C14662" s="7">
        <f t="shared" si="229"/>
        <v>244.08899999999997</v>
      </c>
    </row>
    <row r="14663" spans="1:3" x14ac:dyDescent="0.25">
      <c r="A14663" s="2" t="s">
        <v>6321</v>
      </c>
      <c r="B14663" s="6">
        <v>244105.64999999997</v>
      </c>
      <c r="C14663" s="7">
        <f t="shared" si="229"/>
        <v>244.10564999999997</v>
      </c>
    </row>
    <row r="14664" spans="1:3" x14ac:dyDescent="0.25">
      <c r="A14664" s="2" t="s">
        <v>6322</v>
      </c>
      <c r="B14664" s="6">
        <v>244122.3</v>
      </c>
      <c r="C14664" s="7">
        <f t="shared" si="229"/>
        <v>244.1223</v>
      </c>
    </row>
    <row r="14665" spans="1:3" x14ac:dyDescent="0.25">
      <c r="A14665" s="2" t="s">
        <v>6323</v>
      </c>
      <c r="B14665" s="6">
        <v>244138.94999999998</v>
      </c>
      <c r="C14665" s="7">
        <f t="shared" si="229"/>
        <v>244.13894999999999</v>
      </c>
    </row>
    <row r="14666" spans="1:3" x14ac:dyDescent="0.25">
      <c r="A14666" s="2" t="s">
        <v>6324</v>
      </c>
      <c r="B14666" s="6">
        <v>244155.59999999998</v>
      </c>
      <c r="C14666" s="7">
        <f t="shared" si="229"/>
        <v>244.15559999999996</v>
      </c>
    </row>
    <row r="14667" spans="1:3" x14ac:dyDescent="0.25">
      <c r="A14667" s="2" t="s">
        <v>6325</v>
      </c>
      <c r="B14667" s="6">
        <v>244172.24999999997</v>
      </c>
      <c r="C14667" s="7">
        <f t="shared" si="229"/>
        <v>244.17224999999996</v>
      </c>
    </row>
    <row r="14668" spans="1:3" x14ac:dyDescent="0.25">
      <c r="A14668" s="2" t="s">
        <v>6326</v>
      </c>
      <c r="B14668" s="6">
        <v>244188.89999999997</v>
      </c>
      <c r="C14668" s="7">
        <f t="shared" si="229"/>
        <v>244.18889999999996</v>
      </c>
    </row>
    <row r="14669" spans="1:3" x14ac:dyDescent="0.25">
      <c r="A14669" s="2" t="s">
        <v>6327</v>
      </c>
      <c r="B14669" s="6">
        <v>244205.55</v>
      </c>
      <c r="C14669" s="7">
        <f t="shared" si="229"/>
        <v>244.20554999999999</v>
      </c>
    </row>
    <row r="14670" spans="1:3" x14ac:dyDescent="0.25">
      <c r="A14670" s="2" t="s">
        <v>6328</v>
      </c>
      <c r="B14670" s="6">
        <v>244222.19999999998</v>
      </c>
      <c r="C14670" s="7">
        <f t="shared" si="229"/>
        <v>244.22219999999999</v>
      </c>
    </row>
    <row r="14671" spans="1:3" x14ac:dyDescent="0.25">
      <c r="A14671" s="2" t="s">
        <v>6329</v>
      </c>
      <c r="B14671" s="6">
        <v>244238.84999999998</v>
      </c>
      <c r="C14671" s="7">
        <f t="shared" si="229"/>
        <v>244.23884999999999</v>
      </c>
    </row>
    <row r="14672" spans="1:3" x14ac:dyDescent="0.25">
      <c r="A14672" s="2" t="s">
        <v>6330</v>
      </c>
      <c r="B14672" s="6">
        <v>244255.49999999997</v>
      </c>
      <c r="C14672" s="7">
        <f t="shared" si="229"/>
        <v>244.25549999999998</v>
      </c>
    </row>
    <row r="14673" spans="1:3" x14ac:dyDescent="0.25">
      <c r="A14673" s="2" t="s">
        <v>6331</v>
      </c>
      <c r="B14673" s="6">
        <v>244272.14999999997</v>
      </c>
      <c r="C14673" s="7">
        <f t="shared" si="229"/>
        <v>244.27214999999995</v>
      </c>
    </row>
    <row r="14674" spans="1:3" x14ac:dyDescent="0.25">
      <c r="A14674" s="2" t="s">
        <v>6332</v>
      </c>
      <c r="B14674" s="6">
        <v>244288.8</v>
      </c>
      <c r="C14674" s="7">
        <f t="shared" si="229"/>
        <v>244.28879999999998</v>
      </c>
    </row>
    <row r="14675" spans="1:3" x14ac:dyDescent="0.25">
      <c r="A14675" s="2" t="s">
        <v>6333</v>
      </c>
      <c r="B14675" s="6">
        <v>244305.44999999998</v>
      </c>
      <c r="C14675" s="7">
        <f t="shared" si="229"/>
        <v>244.30544999999998</v>
      </c>
    </row>
    <row r="14676" spans="1:3" x14ac:dyDescent="0.25">
      <c r="A14676" s="2" t="s">
        <v>6334</v>
      </c>
      <c r="B14676" s="6">
        <v>244322.09999999998</v>
      </c>
      <c r="C14676" s="7">
        <f t="shared" si="229"/>
        <v>244.32209999999998</v>
      </c>
    </row>
    <row r="14677" spans="1:3" x14ac:dyDescent="0.25">
      <c r="A14677" s="2" t="s">
        <v>6335</v>
      </c>
      <c r="B14677" s="6">
        <v>244338.74999999997</v>
      </c>
      <c r="C14677" s="7">
        <f t="shared" si="229"/>
        <v>244.33874999999998</v>
      </c>
    </row>
    <row r="14678" spans="1:3" x14ac:dyDescent="0.25">
      <c r="A14678" s="2" t="s">
        <v>6336</v>
      </c>
      <c r="B14678" s="6">
        <v>244355.39999999997</v>
      </c>
      <c r="C14678" s="7">
        <f t="shared" si="229"/>
        <v>244.35539999999997</v>
      </c>
    </row>
    <row r="14679" spans="1:3" x14ac:dyDescent="0.25">
      <c r="A14679" s="2" t="s">
        <v>6337</v>
      </c>
      <c r="B14679" s="6">
        <v>244372.05</v>
      </c>
      <c r="C14679" s="7">
        <f t="shared" si="229"/>
        <v>244.37205</v>
      </c>
    </row>
    <row r="14680" spans="1:3" x14ac:dyDescent="0.25">
      <c r="A14680" s="2" t="s">
        <v>6338</v>
      </c>
      <c r="B14680" s="6">
        <v>244388.69999999998</v>
      </c>
      <c r="C14680" s="7">
        <f t="shared" si="229"/>
        <v>244.38869999999997</v>
      </c>
    </row>
    <row r="14681" spans="1:3" x14ac:dyDescent="0.25">
      <c r="A14681" s="2" t="s">
        <v>6339</v>
      </c>
      <c r="B14681" s="6">
        <v>244405.34999999998</v>
      </c>
      <c r="C14681" s="7">
        <f t="shared" si="229"/>
        <v>244.40534999999997</v>
      </c>
    </row>
    <row r="14682" spans="1:3" x14ac:dyDescent="0.25">
      <c r="A14682" s="2" t="s">
        <v>6340</v>
      </c>
      <c r="B14682" s="6">
        <v>244421.99999999997</v>
      </c>
      <c r="C14682" s="7">
        <f t="shared" si="229"/>
        <v>244.42199999999997</v>
      </c>
    </row>
    <row r="14683" spans="1:3" x14ac:dyDescent="0.25">
      <c r="A14683" s="2" t="s">
        <v>6341</v>
      </c>
      <c r="B14683" s="6">
        <v>244438.64999999997</v>
      </c>
      <c r="C14683" s="7">
        <f t="shared" si="229"/>
        <v>244.43864999999997</v>
      </c>
    </row>
    <row r="14684" spans="1:3" x14ac:dyDescent="0.25">
      <c r="A14684" s="2" t="s">
        <v>6342</v>
      </c>
      <c r="B14684" s="6">
        <v>244455.3</v>
      </c>
      <c r="C14684" s="7">
        <f t="shared" si="229"/>
        <v>244.45529999999999</v>
      </c>
    </row>
    <row r="14685" spans="1:3" x14ac:dyDescent="0.25">
      <c r="A14685" s="2" t="s">
        <v>6343</v>
      </c>
      <c r="B14685" s="6">
        <v>244471.94999999998</v>
      </c>
      <c r="C14685" s="7">
        <f t="shared" si="229"/>
        <v>244.47194999999999</v>
      </c>
    </row>
    <row r="14686" spans="1:3" x14ac:dyDescent="0.25">
      <c r="A14686" s="2" t="s">
        <v>6344</v>
      </c>
      <c r="B14686" s="6">
        <v>244488.59999999998</v>
      </c>
      <c r="C14686" s="7">
        <f t="shared" si="229"/>
        <v>244.48859999999996</v>
      </c>
    </row>
    <row r="14687" spans="1:3" x14ac:dyDescent="0.25">
      <c r="A14687" s="2" t="s">
        <v>6345</v>
      </c>
      <c r="B14687" s="6">
        <v>244505.24999999997</v>
      </c>
      <c r="C14687" s="7">
        <f t="shared" si="229"/>
        <v>244.50524999999996</v>
      </c>
    </row>
    <row r="14688" spans="1:3" x14ac:dyDescent="0.25">
      <c r="A14688" s="2" t="s">
        <v>6346</v>
      </c>
      <c r="B14688" s="6">
        <v>244521.89999999997</v>
      </c>
      <c r="C14688" s="7">
        <f t="shared" si="229"/>
        <v>244.52189999999996</v>
      </c>
    </row>
    <row r="14689" spans="1:3" x14ac:dyDescent="0.25">
      <c r="A14689" s="2" t="s">
        <v>6347</v>
      </c>
      <c r="B14689" s="6">
        <v>244538.55</v>
      </c>
      <c r="C14689" s="7">
        <f t="shared" si="229"/>
        <v>244.53854999999999</v>
      </c>
    </row>
    <row r="14690" spans="1:3" x14ac:dyDescent="0.25">
      <c r="A14690" s="2" t="s">
        <v>6348</v>
      </c>
      <c r="B14690" s="6">
        <v>244555.19999999998</v>
      </c>
      <c r="C14690" s="7">
        <f t="shared" si="229"/>
        <v>244.55519999999999</v>
      </c>
    </row>
    <row r="14691" spans="1:3" x14ac:dyDescent="0.25">
      <c r="A14691" s="2" t="s">
        <v>6349</v>
      </c>
      <c r="B14691" s="6">
        <v>244571.84999999998</v>
      </c>
      <c r="C14691" s="7">
        <f t="shared" si="229"/>
        <v>244.57184999999998</v>
      </c>
    </row>
    <row r="14692" spans="1:3" x14ac:dyDescent="0.25">
      <c r="A14692" s="2" t="s">
        <v>6350</v>
      </c>
      <c r="B14692" s="6">
        <v>244588.49999999997</v>
      </c>
      <c r="C14692" s="7">
        <f t="shared" si="229"/>
        <v>244.58849999999998</v>
      </c>
    </row>
    <row r="14693" spans="1:3" x14ac:dyDescent="0.25">
      <c r="A14693" s="2" t="s">
        <v>6351</v>
      </c>
      <c r="B14693" s="6">
        <v>244605.14999999997</v>
      </c>
      <c r="C14693" s="7">
        <f t="shared" si="229"/>
        <v>244.60514999999995</v>
      </c>
    </row>
    <row r="14694" spans="1:3" x14ac:dyDescent="0.25">
      <c r="A14694" s="2" t="s">
        <v>6352</v>
      </c>
      <c r="B14694" s="6">
        <v>244621.8</v>
      </c>
      <c r="C14694" s="7">
        <f t="shared" si="229"/>
        <v>244.62179999999998</v>
      </c>
    </row>
    <row r="14695" spans="1:3" x14ac:dyDescent="0.25">
      <c r="A14695" s="2" t="s">
        <v>6353</v>
      </c>
      <c r="B14695" s="6">
        <v>244638.44999999998</v>
      </c>
      <c r="C14695" s="7">
        <f t="shared" si="229"/>
        <v>244.63844999999998</v>
      </c>
    </row>
    <row r="14696" spans="1:3" x14ac:dyDescent="0.25">
      <c r="A14696" s="2" t="s">
        <v>6354</v>
      </c>
      <c r="B14696" s="6">
        <v>244655.09999999998</v>
      </c>
      <c r="C14696" s="7">
        <f t="shared" si="229"/>
        <v>244.65509999999998</v>
      </c>
    </row>
    <row r="14697" spans="1:3" x14ac:dyDescent="0.25">
      <c r="A14697" s="2" t="s">
        <v>6355</v>
      </c>
      <c r="B14697" s="6">
        <v>244671.74999999997</v>
      </c>
      <c r="C14697" s="7">
        <f t="shared" si="229"/>
        <v>244.67174999999997</v>
      </c>
    </row>
    <row r="14698" spans="1:3" x14ac:dyDescent="0.25">
      <c r="A14698" s="2" t="s">
        <v>6356</v>
      </c>
      <c r="B14698" s="6">
        <v>244688.39999999997</v>
      </c>
      <c r="C14698" s="7">
        <f t="shared" si="229"/>
        <v>244.68839999999997</v>
      </c>
    </row>
    <row r="14699" spans="1:3" x14ac:dyDescent="0.25">
      <c r="A14699" s="2" t="s">
        <v>6357</v>
      </c>
      <c r="B14699" s="6">
        <v>244705.05</v>
      </c>
      <c r="C14699" s="7">
        <f t="shared" si="229"/>
        <v>244.70505</v>
      </c>
    </row>
    <row r="14700" spans="1:3" x14ac:dyDescent="0.25">
      <c r="A14700" s="2" t="s">
        <v>6358</v>
      </c>
      <c r="B14700" s="6">
        <v>244721.69999999998</v>
      </c>
      <c r="C14700" s="7">
        <f t="shared" si="229"/>
        <v>244.72169999999997</v>
      </c>
    </row>
    <row r="14701" spans="1:3" x14ac:dyDescent="0.25">
      <c r="A14701" s="2" t="s">
        <v>6359</v>
      </c>
      <c r="B14701" s="6">
        <v>244738.34999999998</v>
      </c>
      <c r="C14701" s="7">
        <f t="shared" si="229"/>
        <v>244.73834999999997</v>
      </c>
    </row>
    <row r="14702" spans="1:3" x14ac:dyDescent="0.25">
      <c r="A14702" s="2" t="s">
        <v>6360</v>
      </c>
      <c r="B14702" s="6">
        <v>244754.99999999997</v>
      </c>
      <c r="C14702" s="7">
        <f t="shared" si="229"/>
        <v>244.75499999999997</v>
      </c>
    </row>
    <row r="14703" spans="1:3" x14ac:dyDescent="0.25">
      <c r="A14703" s="2" t="s">
        <v>6361</v>
      </c>
      <c r="B14703" s="6">
        <v>244771.64999999997</v>
      </c>
      <c r="C14703" s="7">
        <f t="shared" si="229"/>
        <v>244.77164999999997</v>
      </c>
    </row>
    <row r="14704" spans="1:3" x14ac:dyDescent="0.25">
      <c r="A14704" s="2" t="s">
        <v>6362</v>
      </c>
      <c r="B14704" s="6">
        <v>244788.3</v>
      </c>
      <c r="C14704" s="7">
        <f t="shared" si="229"/>
        <v>244.78829999999999</v>
      </c>
    </row>
    <row r="14705" spans="1:3" x14ac:dyDescent="0.25">
      <c r="A14705" s="2" t="s">
        <v>6363</v>
      </c>
      <c r="B14705" s="6">
        <v>244804.94999999998</v>
      </c>
      <c r="C14705" s="7">
        <f t="shared" si="229"/>
        <v>244.80494999999999</v>
      </c>
    </row>
    <row r="14706" spans="1:3" x14ac:dyDescent="0.25">
      <c r="A14706" s="2" t="s">
        <v>6364</v>
      </c>
      <c r="B14706" s="6">
        <v>244821.59999999998</v>
      </c>
      <c r="C14706" s="7">
        <f t="shared" si="229"/>
        <v>244.82159999999999</v>
      </c>
    </row>
    <row r="14707" spans="1:3" x14ac:dyDescent="0.25">
      <c r="A14707" s="2" t="s">
        <v>6365</v>
      </c>
      <c r="B14707" s="6">
        <v>244838.24999999997</v>
      </c>
      <c r="C14707" s="7">
        <f t="shared" si="229"/>
        <v>244.83824999999996</v>
      </c>
    </row>
    <row r="14708" spans="1:3" x14ac:dyDescent="0.25">
      <c r="A14708" s="2" t="s">
        <v>6366</v>
      </c>
      <c r="B14708" s="6">
        <v>244854.89999999997</v>
      </c>
      <c r="C14708" s="7">
        <f t="shared" si="229"/>
        <v>244.85489999999996</v>
      </c>
    </row>
    <row r="14709" spans="1:3" x14ac:dyDescent="0.25">
      <c r="A14709" s="2" t="s">
        <v>6367</v>
      </c>
      <c r="B14709" s="6">
        <v>244871.55</v>
      </c>
      <c r="C14709" s="7">
        <f t="shared" si="229"/>
        <v>244.87154999999998</v>
      </c>
    </row>
    <row r="14710" spans="1:3" x14ac:dyDescent="0.25">
      <c r="A14710" s="2" t="s">
        <v>6368</v>
      </c>
      <c r="B14710" s="6">
        <v>244888.19999999998</v>
      </c>
      <c r="C14710" s="7">
        <f t="shared" si="229"/>
        <v>244.88819999999998</v>
      </c>
    </row>
    <row r="14711" spans="1:3" x14ac:dyDescent="0.25">
      <c r="A14711" s="2" t="s">
        <v>6369</v>
      </c>
      <c r="B14711" s="6">
        <v>244904.84999999998</v>
      </c>
      <c r="C14711" s="7">
        <f t="shared" si="229"/>
        <v>244.90484999999998</v>
      </c>
    </row>
    <row r="14712" spans="1:3" x14ac:dyDescent="0.25">
      <c r="A14712" s="2" t="s">
        <v>6370</v>
      </c>
      <c r="B14712" s="6">
        <v>244921.49999999997</v>
      </c>
      <c r="C14712" s="7">
        <f t="shared" si="229"/>
        <v>244.92149999999998</v>
      </c>
    </row>
    <row r="14713" spans="1:3" x14ac:dyDescent="0.25">
      <c r="A14713" s="2" t="s">
        <v>6371</v>
      </c>
      <c r="B14713" s="6">
        <v>244938.14999999997</v>
      </c>
      <c r="C14713" s="7">
        <f t="shared" si="229"/>
        <v>244.93814999999998</v>
      </c>
    </row>
    <row r="14714" spans="1:3" x14ac:dyDescent="0.25">
      <c r="A14714" s="2" t="s">
        <v>6372</v>
      </c>
      <c r="B14714" s="6">
        <v>244954.8</v>
      </c>
      <c r="C14714" s="7">
        <f t="shared" si="229"/>
        <v>244.95479999999998</v>
      </c>
    </row>
    <row r="14715" spans="1:3" x14ac:dyDescent="0.25">
      <c r="A14715" s="2" t="s">
        <v>6373</v>
      </c>
      <c r="B14715" s="6">
        <v>244971.44999999998</v>
      </c>
      <c r="C14715" s="7">
        <f t="shared" si="229"/>
        <v>244.97144999999998</v>
      </c>
    </row>
    <row r="14716" spans="1:3" x14ac:dyDescent="0.25">
      <c r="A14716" s="2" t="s">
        <v>6374</v>
      </c>
      <c r="B14716" s="6">
        <v>244988.09999999998</v>
      </c>
      <c r="C14716" s="7">
        <f t="shared" si="229"/>
        <v>244.98809999999997</v>
      </c>
    </row>
    <row r="14717" spans="1:3" x14ac:dyDescent="0.25">
      <c r="A14717" s="2" t="s">
        <v>6375</v>
      </c>
      <c r="B14717" s="6">
        <v>245004.74999999997</v>
      </c>
      <c r="C14717" s="7">
        <f t="shared" si="229"/>
        <v>245.00474999999997</v>
      </c>
    </row>
    <row r="14718" spans="1:3" x14ac:dyDescent="0.25">
      <c r="A14718" s="2" t="s">
        <v>6376</v>
      </c>
      <c r="B14718" s="6">
        <v>245021.39999999997</v>
      </c>
      <c r="C14718" s="7">
        <f t="shared" si="229"/>
        <v>245.02139999999997</v>
      </c>
    </row>
    <row r="14719" spans="1:3" x14ac:dyDescent="0.25">
      <c r="A14719" s="2" t="s">
        <v>6377</v>
      </c>
      <c r="B14719" s="6">
        <v>245038.05</v>
      </c>
      <c r="C14719" s="7">
        <f t="shared" si="229"/>
        <v>245.03805</v>
      </c>
    </row>
    <row r="14720" spans="1:3" x14ac:dyDescent="0.25">
      <c r="A14720" s="2" t="s">
        <v>6378</v>
      </c>
      <c r="B14720" s="6">
        <v>245054.69999999998</v>
      </c>
      <c r="C14720" s="7">
        <f t="shared" si="229"/>
        <v>245.05469999999997</v>
      </c>
    </row>
    <row r="14721" spans="1:3" x14ac:dyDescent="0.25">
      <c r="A14721" s="2" t="s">
        <v>6379</v>
      </c>
      <c r="B14721" s="6">
        <v>245071.34999999998</v>
      </c>
      <c r="C14721" s="7">
        <f t="shared" si="229"/>
        <v>245.07134999999997</v>
      </c>
    </row>
    <row r="14722" spans="1:3" x14ac:dyDescent="0.25">
      <c r="A14722" s="2" t="s">
        <v>6380</v>
      </c>
      <c r="B14722" s="6">
        <v>245087.99999999997</v>
      </c>
      <c r="C14722" s="7">
        <f t="shared" si="229"/>
        <v>245.08799999999997</v>
      </c>
    </row>
    <row r="14723" spans="1:3" x14ac:dyDescent="0.25">
      <c r="A14723" s="2" t="s">
        <v>6381</v>
      </c>
      <c r="B14723" s="6">
        <v>245104.64999999997</v>
      </c>
      <c r="C14723" s="7">
        <f t="shared" ref="C14723:C14786" si="230">B14723/1000</f>
        <v>245.10464999999996</v>
      </c>
    </row>
    <row r="14724" spans="1:3" x14ac:dyDescent="0.25">
      <c r="A14724" s="2" t="s">
        <v>6382</v>
      </c>
      <c r="B14724" s="6">
        <v>245121.3</v>
      </c>
      <c r="C14724" s="7">
        <f t="shared" si="230"/>
        <v>245.12129999999999</v>
      </c>
    </row>
    <row r="14725" spans="1:3" x14ac:dyDescent="0.25">
      <c r="A14725" s="2" t="s">
        <v>6383</v>
      </c>
      <c r="B14725" s="6">
        <v>245137.94999999998</v>
      </c>
      <c r="C14725" s="7">
        <f t="shared" si="230"/>
        <v>245.13794999999999</v>
      </c>
    </row>
    <row r="14726" spans="1:3" x14ac:dyDescent="0.25">
      <c r="A14726" s="2" t="s">
        <v>6384</v>
      </c>
      <c r="B14726" s="6">
        <v>245154.59999999998</v>
      </c>
      <c r="C14726" s="7">
        <f t="shared" si="230"/>
        <v>245.15459999999999</v>
      </c>
    </row>
    <row r="14727" spans="1:3" x14ac:dyDescent="0.25">
      <c r="A14727" s="2" t="s">
        <v>6385</v>
      </c>
      <c r="B14727" s="6">
        <v>245171.24999999997</v>
      </c>
      <c r="C14727" s="7">
        <f t="shared" si="230"/>
        <v>245.17124999999996</v>
      </c>
    </row>
    <row r="14728" spans="1:3" x14ac:dyDescent="0.25">
      <c r="A14728" s="2" t="s">
        <v>6386</v>
      </c>
      <c r="B14728" s="6">
        <v>245187.89999999997</v>
      </c>
      <c r="C14728" s="7">
        <f t="shared" si="230"/>
        <v>245.18789999999996</v>
      </c>
    </row>
    <row r="14729" spans="1:3" x14ac:dyDescent="0.25">
      <c r="A14729" s="2" t="s">
        <v>6387</v>
      </c>
      <c r="B14729" s="6">
        <v>245204.55</v>
      </c>
      <c r="C14729" s="7">
        <f t="shared" si="230"/>
        <v>245.20454999999998</v>
      </c>
    </row>
    <row r="14730" spans="1:3" x14ac:dyDescent="0.25">
      <c r="A14730" s="2" t="s">
        <v>6388</v>
      </c>
      <c r="B14730" s="6">
        <v>245221.19999999998</v>
      </c>
      <c r="C14730" s="7">
        <f t="shared" si="230"/>
        <v>245.22119999999998</v>
      </c>
    </row>
    <row r="14731" spans="1:3" x14ac:dyDescent="0.25">
      <c r="A14731" s="2" t="s">
        <v>6389</v>
      </c>
      <c r="B14731" s="6">
        <v>245237.84999999998</v>
      </c>
      <c r="C14731" s="7">
        <f t="shared" si="230"/>
        <v>245.23784999999998</v>
      </c>
    </row>
    <row r="14732" spans="1:3" x14ac:dyDescent="0.25">
      <c r="A14732" s="2" t="s">
        <v>6390</v>
      </c>
      <c r="B14732" s="6">
        <v>245254.49999999997</v>
      </c>
      <c r="C14732" s="7">
        <f t="shared" si="230"/>
        <v>245.25449999999998</v>
      </c>
    </row>
    <row r="14733" spans="1:3" x14ac:dyDescent="0.25">
      <c r="A14733" s="2" t="s">
        <v>6391</v>
      </c>
      <c r="B14733" s="6">
        <v>245271.14999999997</v>
      </c>
      <c r="C14733" s="7">
        <f t="shared" si="230"/>
        <v>245.27114999999998</v>
      </c>
    </row>
    <row r="14734" spans="1:3" x14ac:dyDescent="0.25">
      <c r="A14734" s="2" t="s">
        <v>6392</v>
      </c>
      <c r="B14734" s="6">
        <v>245287.8</v>
      </c>
      <c r="C14734" s="7">
        <f t="shared" si="230"/>
        <v>245.28779999999998</v>
      </c>
    </row>
    <row r="14735" spans="1:3" x14ac:dyDescent="0.25">
      <c r="A14735" s="2" t="s">
        <v>6393</v>
      </c>
      <c r="B14735" s="6">
        <v>245304.44999999998</v>
      </c>
      <c r="C14735" s="7">
        <f t="shared" si="230"/>
        <v>245.30444999999997</v>
      </c>
    </row>
    <row r="14736" spans="1:3" x14ac:dyDescent="0.25">
      <c r="A14736" s="2" t="s">
        <v>6394</v>
      </c>
      <c r="B14736" s="6">
        <v>245321.09999999998</v>
      </c>
      <c r="C14736" s="7">
        <f t="shared" si="230"/>
        <v>245.32109999999997</v>
      </c>
    </row>
    <row r="14737" spans="1:3" x14ac:dyDescent="0.25">
      <c r="A14737" s="2" t="s">
        <v>6395</v>
      </c>
      <c r="B14737" s="6">
        <v>245337.74999999997</v>
      </c>
      <c r="C14737" s="7">
        <f t="shared" si="230"/>
        <v>245.33774999999997</v>
      </c>
    </row>
    <row r="14738" spans="1:3" x14ac:dyDescent="0.25">
      <c r="A14738" s="2" t="s">
        <v>6396</v>
      </c>
      <c r="B14738" s="6">
        <v>245354.39999999997</v>
      </c>
      <c r="C14738" s="7">
        <f t="shared" si="230"/>
        <v>245.35439999999997</v>
      </c>
    </row>
    <row r="14739" spans="1:3" x14ac:dyDescent="0.25">
      <c r="A14739" s="2" t="s">
        <v>6397</v>
      </c>
      <c r="B14739" s="6">
        <v>245371.05</v>
      </c>
      <c r="C14739" s="7">
        <f t="shared" si="230"/>
        <v>245.37105</v>
      </c>
    </row>
    <row r="14740" spans="1:3" x14ac:dyDescent="0.25">
      <c r="A14740" s="2" t="s">
        <v>6398</v>
      </c>
      <c r="B14740" s="6">
        <v>245387.69999999998</v>
      </c>
      <c r="C14740" s="7">
        <f t="shared" si="230"/>
        <v>245.3877</v>
      </c>
    </row>
    <row r="14741" spans="1:3" x14ac:dyDescent="0.25">
      <c r="A14741" s="2" t="s">
        <v>6399</v>
      </c>
      <c r="B14741" s="6">
        <v>245404.34999999998</v>
      </c>
      <c r="C14741" s="7">
        <f t="shared" si="230"/>
        <v>245.40434999999997</v>
      </c>
    </row>
    <row r="14742" spans="1:3" x14ac:dyDescent="0.25">
      <c r="A14742" s="2" t="s">
        <v>6400</v>
      </c>
      <c r="B14742" s="6">
        <v>245420.99999999997</v>
      </c>
      <c r="C14742" s="7">
        <f t="shared" si="230"/>
        <v>245.42099999999996</v>
      </c>
    </row>
    <row r="14743" spans="1:3" x14ac:dyDescent="0.25">
      <c r="A14743" s="2" t="s">
        <v>6401</v>
      </c>
      <c r="B14743" s="6">
        <v>245437.64999999997</v>
      </c>
      <c r="C14743" s="7">
        <f t="shared" si="230"/>
        <v>245.43764999999996</v>
      </c>
    </row>
    <row r="14744" spans="1:3" x14ac:dyDescent="0.25">
      <c r="A14744" s="2" t="s">
        <v>6402</v>
      </c>
      <c r="B14744" s="6">
        <v>245454.3</v>
      </c>
      <c r="C14744" s="7">
        <f t="shared" si="230"/>
        <v>245.45429999999999</v>
      </c>
    </row>
    <row r="14745" spans="1:3" x14ac:dyDescent="0.25">
      <c r="A14745" s="2" t="s">
        <v>6403</v>
      </c>
      <c r="B14745" s="6">
        <v>245470.94999999998</v>
      </c>
      <c r="C14745" s="7">
        <f t="shared" si="230"/>
        <v>245.47094999999999</v>
      </c>
    </row>
    <row r="14746" spans="1:3" x14ac:dyDescent="0.25">
      <c r="A14746" s="2" t="s">
        <v>6404</v>
      </c>
      <c r="B14746" s="6">
        <v>245487.59999999998</v>
      </c>
      <c r="C14746" s="7">
        <f t="shared" si="230"/>
        <v>245.48759999999999</v>
      </c>
    </row>
    <row r="14747" spans="1:3" x14ac:dyDescent="0.25">
      <c r="A14747" s="2" t="s">
        <v>6405</v>
      </c>
      <c r="B14747" s="6">
        <v>245504.24999999997</v>
      </c>
      <c r="C14747" s="7">
        <f t="shared" si="230"/>
        <v>245.50424999999998</v>
      </c>
    </row>
    <row r="14748" spans="1:3" x14ac:dyDescent="0.25">
      <c r="A14748" s="2" t="s">
        <v>6406</v>
      </c>
      <c r="B14748" s="6">
        <v>245520.89999999997</v>
      </c>
      <c r="C14748" s="7">
        <f t="shared" si="230"/>
        <v>245.52089999999995</v>
      </c>
    </row>
    <row r="14749" spans="1:3" x14ac:dyDescent="0.25">
      <c r="A14749" s="2" t="s">
        <v>6407</v>
      </c>
      <c r="B14749" s="6">
        <v>245537.55</v>
      </c>
      <c r="C14749" s="7">
        <f t="shared" si="230"/>
        <v>245.53754999999998</v>
      </c>
    </row>
    <row r="14750" spans="1:3" x14ac:dyDescent="0.25">
      <c r="A14750" s="2" t="s">
        <v>6408</v>
      </c>
      <c r="B14750" s="6">
        <v>245554.19999999998</v>
      </c>
      <c r="C14750" s="7">
        <f t="shared" si="230"/>
        <v>245.55419999999998</v>
      </c>
    </row>
    <row r="14751" spans="1:3" x14ac:dyDescent="0.25">
      <c r="A14751" s="2" t="s">
        <v>6409</v>
      </c>
      <c r="B14751" s="6">
        <v>245570.84999999998</v>
      </c>
      <c r="C14751" s="7">
        <f t="shared" si="230"/>
        <v>245.57084999999998</v>
      </c>
    </row>
    <row r="14752" spans="1:3" x14ac:dyDescent="0.25">
      <c r="A14752" s="2" t="s">
        <v>6410</v>
      </c>
      <c r="B14752" s="6">
        <v>245587.49999999997</v>
      </c>
      <c r="C14752" s="7">
        <f t="shared" si="230"/>
        <v>245.58749999999998</v>
      </c>
    </row>
    <row r="14753" spans="1:3" x14ac:dyDescent="0.25">
      <c r="A14753" s="2" t="s">
        <v>6411</v>
      </c>
      <c r="B14753" s="6">
        <v>245604.14999999997</v>
      </c>
      <c r="C14753" s="7">
        <f t="shared" si="230"/>
        <v>245.60414999999998</v>
      </c>
    </row>
    <row r="14754" spans="1:3" x14ac:dyDescent="0.25">
      <c r="A14754" s="2" t="s">
        <v>6412</v>
      </c>
      <c r="B14754" s="6">
        <v>245620.8</v>
      </c>
      <c r="C14754" s="7">
        <f t="shared" si="230"/>
        <v>245.62079999999997</v>
      </c>
    </row>
    <row r="14755" spans="1:3" x14ac:dyDescent="0.25">
      <c r="A14755" s="2" t="s">
        <v>6413</v>
      </c>
      <c r="B14755" s="6">
        <v>245637.44999999998</v>
      </c>
      <c r="C14755" s="7">
        <f t="shared" si="230"/>
        <v>245.63744999999997</v>
      </c>
    </row>
    <row r="14756" spans="1:3" x14ac:dyDescent="0.25">
      <c r="A14756" s="2" t="s">
        <v>6414</v>
      </c>
      <c r="B14756" s="6">
        <v>245654.09999999998</v>
      </c>
      <c r="C14756" s="7">
        <f t="shared" si="230"/>
        <v>245.65409999999997</v>
      </c>
    </row>
    <row r="14757" spans="1:3" x14ac:dyDescent="0.25">
      <c r="A14757" s="2" t="s">
        <v>6415</v>
      </c>
      <c r="B14757" s="6">
        <v>245670.74999999997</v>
      </c>
      <c r="C14757" s="7">
        <f t="shared" si="230"/>
        <v>245.67074999999997</v>
      </c>
    </row>
    <row r="14758" spans="1:3" x14ac:dyDescent="0.25">
      <c r="A14758" s="2" t="s">
        <v>6416</v>
      </c>
      <c r="B14758" s="6">
        <v>245687.39999999997</v>
      </c>
      <c r="C14758" s="7">
        <f t="shared" si="230"/>
        <v>245.68739999999997</v>
      </c>
    </row>
    <row r="14759" spans="1:3" x14ac:dyDescent="0.25">
      <c r="A14759" s="2" t="s">
        <v>6417</v>
      </c>
      <c r="B14759" s="6">
        <v>245704.05</v>
      </c>
      <c r="C14759" s="7">
        <f t="shared" si="230"/>
        <v>245.70405</v>
      </c>
    </row>
    <row r="14760" spans="1:3" x14ac:dyDescent="0.25">
      <c r="A14760" s="2" t="s">
        <v>6418</v>
      </c>
      <c r="B14760" s="6">
        <v>245720.69999999998</v>
      </c>
      <c r="C14760" s="7">
        <f t="shared" si="230"/>
        <v>245.72069999999999</v>
      </c>
    </row>
    <row r="14761" spans="1:3" x14ac:dyDescent="0.25">
      <c r="A14761" s="2" t="s">
        <v>6419</v>
      </c>
      <c r="B14761" s="6">
        <v>245737.34999999998</v>
      </c>
      <c r="C14761" s="7">
        <f t="shared" si="230"/>
        <v>245.73734999999996</v>
      </c>
    </row>
    <row r="14762" spans="1:3" x14ac:dyDescent="0.25">
      <c r="A14762" s="2" t="s">
        <v>6420</v>
      </c>
      <c r="B14762" s="6">
        <v>245753.99999999997</v>
      </c>
      <c r="C14762" s="7">
        <f t="shared" si="230"/>
        <v>245.75399999999996</v>
      </c>
    </row>
    <row r="14763" spans="1:3" x14ac:dyDescent="0.25">
      <c r="A14763" s="2" t="s">
        <v>6421</v>
      </c>
      <c r="B14763" s="6">
        <v>245770.64999999997</v>
      </c>
      <c r="C14763" s="7">
        <f t="shared" si="230"/>
        <v>245.77064999999996</v>
      </c>
    </row>
    <row r="14764" spans="1:3" x14ac:dyDescent="0.25">
      <c r="A14764" s="2" t="s">
        <v>6422</v>
      </c>
      <c r="B14764" s="6">
        <v>245787.3</v>
      </c>
      <c r="C14764" s="7">
        <f t="shared" si="230"/>
        <v>245.78729999999999</v>
      </c>
    </row>
    <row r="14765" spans="1:3" x14ac:dyDescent="0.25">
      <c r="A14765" s="2" t="s">
        <v>6423</v>
      </c>
      <c r="B14765" s="6">
        <v>245803.94999999998</v>
      </c>
      <c r="C14765" s="7">
        <f t="shared" si="230"/>
        <v>245.80394999999999</v>
      </c>
    </row>
    <row r="14766" spans="1:3" x14ac:dyDescent="0.25">
      <c r="A14766" s="2" t="s">
        <v>6424</v>
      </c>
      <c r="B14766" s="6">
        <v>245820.59999999998</v>
      </c>
      <c r="C14766" s="7">
        <f t="shared" si="230"/>
        <v>245.82059999999998</v>
      </c>
    </row>
    <row r="14767" spans="1:3" x14ac:dyDescent="0.25">
      <c r="A14767" s="2" t="s">
        <v>6425</v>
      </c>
      <c r="B14767" s="6">
        <v>245837.24999999997</v>
      </c>
      <c r="C14767" s="7">
        <f t="shared" si="230"/>
        <v>245.83724999999998</v>
      </c>
    </row>
    <row r="14768" spans="1:3" x14ac:dyDescent="0.25">
      <c r="A14768" s="2" t="s">
        <v>6426</v>
      </c>
      <c r="B14768" s="6">
        <v>245853.89999999997</v>
      </c>
      <c r="C14768" s="7">
        <f t="shared" si="230"/>
        <v>245.85389999999995</v>
      </c>
    </row>
    <row r="14769" spans="1:3" x14ac:dyDescent="0.25">
      <c r="A14769" s="2" t="s">
        <v>6427</v>
      </c>
      <c r="B14769" s="6">
        <v>245870.55</v>
      </c>
      <c r="C14769" s="7">
        <f t="shared" si="230"/>
        <v>245.87054999999998</v>
      </c>
    </row>
    <row r="14770" spans="1:3" x14ac:dyDescent="0.25">
      <c r="A14770" s="2" t="s">
        <v>6428</v>
      </c>
      <c r="B14770" s="6">
        <v>245887.19999999998</v>
      </c>
      <c r="C14770" s="7">
        <f t="shared" si="230"/>
        <v>245.88719999999998</v>
      </c>
    </row>
    <row r="14771" spans="1:3" x14ac:dyDescent="0.25">
      <c r="A14771" s="2" t="s">
        <v>6429</v>
      </c>
      <c r="B14771" s="6">
        <v>245903.84999999998</v>
      </c>
      <c r="C14771" s="7">
        <f t="shared" si="230"/>
        <v>245.90384999999998</v>
      </c>
    </row>
    <row r="14772" spans="1:3" x14ac:dyDescent="0.25">
      <c r="A14772" s="2" t="s">
        <v>6430</v>
      </c>
      <c r="B14772" s="6">
        <v>245920.49999999997</v>
      </c>
      <c r="C14772" s="7">
        <f t="shared" si="230"/>
        <v>245.92049999999998</v>
      </c>
    </row>
    <row r="14773" spans="1:3" x14ac:dyDescent="0.25">
      <c r="A14773" s="2" t="s">
        <v>6431</v>
      </c>
      <c r="B14773" s="6">
        <v>245937.14999999997</v>
      </c>
      <c r="C14773" s="7">
        <f t="shared" si="230"/>
        <v>245.93714999999997</v>
      </c>
    </row>
    <row r="14774" spans="1:3" x14ac:dyDescent="0.25">
      <c r="A14774" s="2" t="s">
        <v>6432</v>
      </c>
      <c r="B14774" s="6">
        <v>245953.8</v>
      </c>
      <c r="C14774" s="7">
        <f t="shared" si="230"/>
        <v>245.9538</v>
      </c>
    </row>
    <row r="14775" spans="1:3" x14ac:dyDescent="0.25">
      <c r="A14775" s="2" t="s">
        <v>6433</v>
      </c>
      <c r="B14775" s="6">
        <v>245970.44999999998</v>
      </c>
      <c r="C14775" s="7">
        <f t="shared" si="230"/>
        <v>245.97044999999997</v>
      </c>
    </row>
    <row r="14776" spans="1:3" x14ac:dyDescent="0.25">
      <c r="A14776" s="2" t="s">
        <v>6434</v>
      </c>
      <c r="B14776" s="6">
        <v>245987.09999999998</v>
      </c>
      <c r="C14776" s="7">
        <f t="shared" si="230"/>
        <v>245.98709999999997</v>
      </c>
    </row>
    <row r="14777" spans="1:3" x14ac:dyDescent="0.25">
      <c r="A14777" s="2" t="s">
        <v>6435</v>
      </c>
      <c r="B14777" s="6">
        <v>246003.74999999997</v>
      </c>
      <c r="C14777" s="7">
        <f t="shared" si="230"/>
        <v>246.00374999999997</v>
      </c>
    </row>
    <row r="14778" spans="1:3" x14ac:dyDescent="0.25">
      <c r="A14778" s="2" t="s">
        <v>6436</v>
      </c>
      <c r="B14778" s="6">
        <v>246020.39999999997</v>
      </c>
      <c r="C14778" s="7">
        <f t="shared" si="230"/>
        <v>246.02039999999997</v>
      </c>
    </row>
    <row r="14779" spans="1:3" x14ac:dyDescent="0.25">
      <c r="A14779" s="2" t="s">
        <v>6437</v>
      </c>
      <c r="B14779" s="6">
        <v>246037.05</v>
      </c>
      <c r="C14779" s="7">
        <f t="shared" si="230"/>
        <v>246.03704999999999</v>
      </c>
    </row>
    <row r="14780" spans="1:3" x14ac:dyDescent="0.25">
      <c r="A14780" s="2" t="s">
        <v>6438</v>
      </c>
      <c r="B14780" s="6">
        <v>246053.69999999998</v>
      </c>
      <c r="C14780" s="7">
        <f t="shared" si="230"/>
        <v>246.05369999999999</v>
      </c>
    </row>
    <row r="14781" spans="1:3" x14ac:dyDescent="0.25">
      <c r="A14781" s="2" t="s">
        <v>6439</v>
      </c>
      <c r="B14781" s="6">
        <v>246070.34999999998</v>
      </c>
      <c r="C14781" s="7">
        <f t="shared" si="230"/>
        <v>246.07034999999999</v>
      </c>
    </row>
    <row r="14782" spans="1:3" x14ac:dyDescent="0.25">
      <c r="A14782" s="2" t="s">
        <v>6440</v>
      </c>
      <c r="B14782" s="6">
        <v>246086.99999999997</v>
      </c>
      <c r="C14782" s="7">
        <f t="shared" si="230"/>
        <v>246.08699999999996</v>
      </c>
    </row>
    <row r="14783" spans="1:3" x14ac:dyDescent="0.25">
      <c r="A14783" s="2" t="s">
        <v>6441</v>
      </c>
      <c r="B14783" s="6">
        <v>246103.64999999997</v>
      </c>
      <c r="C14783" s="7">
        <f t="shared" si="230"/>
        <v>246.10364999999996</v>
      </c>
    </row>
    <row r="14784" spans="1:3" x14ac:dyDescent="0.25">
      <c r="A14784" s="2" t="s">
        <v>6442</v>
      </c>
      <c r="B14784" s="6">
        <v>246120.3</v>
      </c>
      <c r="C14784" s="7">
        <f t="shared" si="230"/>
        <v>246.12029999999999</v>
      </c>
    </row>
    <row r="14785" spans="1:3" x14ac:dyDescent="0.25">
      <c r="A14785" s="2" t="s">
        <v>6443</v>
      </c>
      <c r="B14785" s="6">
        <v>246136.94999999998</v>
      </c>
      <c r="C14785" s="7">
        <f t="shared" si="230"/>
        <v>246.13694999999998</v>
      </c>
    </row>
    <row r="14786" spans="1:3" x14ac:dyDescent="0.25">
      <c r="A14786" s="2" t="s">
        <v>6444</v>
      </c>
      <c r="B14786" s="6">
        <v>246153.59999999998</v>
      </c>
      <c r="C14786" s="7">
        <f t="shared" si="230"/>
        <v>246.15359999999998</v>
      </c>
    </row>
    <row r="14787" spans="1:3" x14ac:dyDescent="0.25">
      <c r="A14787" s="2" t="s">
        <v>6445</v>
      </c>
      <c r="B14787" s="6">
        <v>246170.24999999997</v>
      </c>
      <c r="C14787" s="7">
        <f t="shared" ref="C14787:C14850" si="231">B14787/1000</f>
        <v>246.17024999999998</v>
      </c>
    </row>
    <row r="14788" spans="1:3" x14ac:dyDescent="0.25">
      <c r="A14788" s="2" t="s">
        <v>6446</v>
      </c>
      <c r="B14788" s="6">
        <v>246186.89999999997</v>
      </c>
      <c r="C14788" s="7">
        <f t="shared" si="231"/>
        <v>246.18689999999995</v>
      </c>
    </row>
    <row r="14789" spans="1:3" x14ac:dyDescent="0.25">
      <c r="A14789" s="2" t="s">
        <v>6447</v>
      </c>
      <c r="B14789" s="6">
        <v>246203.55</v>
      </c>
      <c r="C14789" s="7">
        <f t="shared" si="231"/>
        <v>246.20354999999998</v>
      </c>
    </row>
    <row r="14790" spans="1:3" x14ac:dyDescent="0.25">
      <c r="A14790" s="2" t="s">
        <v>6448</v>
      </c>
      <c r="B14790" s="6">
        <v>246220.19999999998</v>
      </c>
      <c r="C14790" s="7">
        <f t="shared" si="231"/>
        <v>246.22019999999998</v>
      </c>
    </row>
    <row r="14791" spans="1:3" x14ac:dyDescent="0.25">
      <c r="A14791" s="2" t="s">
        <v>6449</v>
      </c>
      <c r="B14791" s="6">
        <v>246236.84999999998</v>
      </c>
      <c r="C14791" s="7">
        <f t="shared" si="231"/>
        <v>246.23684999999998</v>
      </c>
    </row>
    <row r="14792" spans="1:3" x14ac:dyDescent="0.25">
      <c r="A14792" s="2" t="s">
        <v>6450</v>
      </c>
      <c r="B14792" s="6">
        <v>246253.49999999997</v>
      </c>
      <c r="C14792" s="7">
        <f t="shared" si="231"/>
        <v>246.25349999999997</v>
      </c>
    </row>
    <row r="14793" spans="1:3" x14ac:dyDescent="0.25">
      <c r="A14793" s="2" t="s">
        <v>6451</v>
      </c>
      <c r="B14793" s="6">
        <v>246270.14999999997</v>
      </c>
      <c r="C14793" s="7">
        <f t="shared" si="231"/>
        <v>246.27014999999997</v>
      </c>
    </row>
    <row r="14794" spans="1:3" x14ac:dyDescent="0.25">
      <c r="A14794" s="2" t="s">
        <v>6452</v>
      </c>
      <c r="B14794" s="6">
        <v>246286.8</v>
      </c>
      <c r="C14794" s="7">
        <f t="shared" si="231"/>
        <v>246.2868</v>
      </c>
    </row>
    <row r="14795" spans="1:3" x14ac:dyDescent="0.25">
      <c r="A14795" s="2" t="s">
        <v>6453</v>
      </c>
      <c r="B14795" s="6">
        <v>246303.44999999998</v>
      </c>
      <c r="C14795" s="7">
        <f t="shared" si="231"/>
        <v>246.30344999999997</v>
      </c>
    </row>
    <row r="14796" spans="1:3" x14ac:dyDescent="0.25">
      <c r="A14796" s="2" t="s">
        <v>6454</v>
      </c>
      <c r="B14796" s="6">
        <v>246320.09999999998</v>
      </c>
      <c r="C14796" s="7">
        <f t="shared" si="231"/>
        <v>246.32009999999997</v>
      </c>
    </row>
    <row r="14797" spans="1:3" x14ac:dyDescent="0.25">
      <c r="A14797" s="2" t="s">
        <v>6455</v>
      </c>
      <c r="B14797" s="6">
        <v>246336.74999999997</v>
      </c>
      <c r="C14797" s="7">
        <f t="shared" si="231"/>
        <v>246.33674999999997</v>
      </c>
    </row>
    <row r="14798" spans="1:3" x14ac:dyDescent="0.25">
      <c r="A14798" s="2" t="s">
        <v>6456</v>
      </c>
      <c r="B14798" s="6">
        <v>246353.39999999997</v>
      </c>
      <c r="C14798" s="7">
        <f t="shared" si="231"/>
        <v>246.35339999999997</v>
      </c>
    </row>
    <row r="14799" spans="1:3" x14ac:dyDescent="0.25">
      <c r="A14799" s="2" t="s">
        <v>6457</v>
      </c>
      <c r="B14799" s="6">
        <v>246370.05</v>
      </c>
      <c r="C14799" s="7">
        <f t="shared" si="231"/>
        <v>246.37004999999999</v>
      </c>
    </row>
    <row r="14800" spans="1:3" x14ac:dyDescent="0.25">
      <c r="A14800" s="2" t="s">
        <v>6458</v>
      </c>
      <c r="B14800" s="6">
        <v>246386.69999999998</v>
      </c>
      <c r="C14800" s="7">
        <f t="shared" si="231"/>
        <v>246.38669999999999</v>
      </c>
    </row>
    <row r="14801" spans="1:3" x14ac:dyDescent="0.25">
      <c r="A14801" s="2" t="s">
        <v>6459</v>
      </c>
      <c r="B14801" s="6">
        <v>246403.34999999998</v>
      </c>
      <c r="C14801" s="7">
        <f t="shared" si="231"/>
        <v>246.40334999999999</v>
      </c>
    </row>
    <row r="14802" spans="1:3" x14ac:dyDescent="0.25">
      <c r="A14802" s="2" t="s">
        <v>6460</v>
      </c>
      <c r="B14802" s="6">
        <v>246419.99999999997</v>
      </c>
      <c r="C14802" s="7">
        <f t="shared" si="231"/>
        <v>246.41999999999996</v>
      </c>
    </row>
    <row r="14803" spans="1:3" x14ac:dyDescent="0.25">
      <c r="A14803" s="2" t="s">
        <v>6461</v>
      </c>
      <c r="B14803" s="6">
        <v>246436.64999999997</v>
      </c>
      <c r="C14803" s="7">
        <f t="shared" si="231"/>
        <v>246.43664999999996</v>
      </c>
    </row>
    <row r="14804" spans="1:3" x14ac:dyDescent="0.25">
      <c r="A14804" s="2" t="s">
        <v>6462</v>
      </c>
      <c r="B14804" s="6">
        <v>246453.3</v>
      </c>
      <c r="C14804" s="7">
        <f t="shared" si="231"/>
        <v>246.45329999999998</v>
      </c>
    </row>
    <row r="14805" spans="1:3" x14ac:dyDescent="0.25">
      <c r="A14805" s="2" t="s">
        <v>6463</v>
      </c>
      <c r="B14805" s="6">
        <v>246469.94999999998</v>
      </c>
      <c r="C14805" s="7">
        <f t="shared" si="231"/>
        <v>246.46994999999998</v>
      </c>
    </row>
    <row r="14806" spans="1:3" x14ac:dyDescent="0.25">
      <c r="A14806" s="2" t="s">
        <v>6464</v>
      </c>
      <c r="B14806" s="6">
        <v>246486.59999999998</v>
      </c>
      <c r="C14806" s="7">
        <f t="shared" si="231"/>
        <v>246.48659999999998</v>
      </c>
    </row>
    <row r="14807" spans="1:3" x14ac:dyDescent="0.25">
      <c r="A14807" s="2" t="s">
        <v>6465</v>
      </c>
      <c r="B14807" s="6">
        <v>246503.24999999997</v>
      </c>
      <c r="C14807" s="7">
        <f t="shared" si="231"/>
        <v>246.50324999999998</v>
      </c>
    </row>
    <row r="14808" spans="1:3" x14ac:dyDescent="0.25">
      <c r="A14808" s="2" t="s">
        <v>6466</v>
      </c>
      <c r="B14808" s="6">
        <v>246519.89999999997</v>
      </c>
      <c r="C14808" s="7">
        <f t="shared" si="231"/>
        <v>246.51989999999998</v>
      </c>
    </row>
    <row r="14809" spans="1:3" x14ac:dyDescent="0.25">
      <c r="A14809" s="2" t="s">
        <v>6467</v>
      </c>
      <c r="B14809" s="6">
        <v>246536.55</v>
      </c>
      <c r="C14809" s="7">
        <f t="shared" si="231"/>
        <v>246.53654999999998</v>
      </c>
    </row>
    <row r="14810" spans="1:3" x14ac:dyDescent="0.25">
      <c r="A14810" s="2" t="s">
        <v>6468</v>
      </c>
      <c r="B14810" s="6">
        <v>246553.19999999998</v>
      </c>
      <c r="C14810" s="7">
        <f t="shared" si="231"/>
        <v>246.55319999999998</v>
      </c>
    </row>
    <row r="14811" spans="1:3" x14ac:dyDescent="0.25">
      <c r="A14811" s="2" t="s">
        <v>6469</v>
      </c>
      <c r="B14811" s="6">
        <v>246569.84999999998</v>
      </c>
      <c r="C14811" s="7">
        <f t="shared" si="231"/>
        <v>246.56984999999997</v>
      </c>
    </row>
    <row r="14812" spans="1:3" x14ac:dyDescent="0.25">
      <c r="A14812" s="2" t="s">
        <v>6470</v>
      </c>
      <c r="B14812" s="6">
        <v>246586.49999999997</v>
      </c>
      <c r="C14812" s="7">
        <f t="shared" si="231"/>
        <v>246.58649999999997</v>
      </c>
    </row>
    <row r="14813" spans="1:3" x14ac:dyDescent="0.25">
      <c r="A14813" s="2" t="s">
        <v>6471</v>
      </c>
      <c r="B14813" s="6">
        <v>246603.14999999997</v>
      </c>
      <c r="C14813" s="7">
        <f t="shared" si="231"/>
        <v>246.60314999999997</v>
      </c>
    </row>
    <row r="14814" spans="1:3" x14ac:dyDescent="0.25">
      <c r="A14814" s="2" t="s">
        <v>6472</v>
      </c>
      <c r="B14814" s="6">
        <v>246619.8</v>
      </c>
      <c r="C14814" s="7">
        <f t="shared" si="231"/>
        <v>246.6198</v>
      </c>
    </row>
    <row r="14815" spans="1:3" x14ac:dyDescent="0.25">
      <c r="A14815" s="2" t="s">
        <v>6473</v>
      </c>
      <c r="B14815" s="6">
        <v>246636.44999999998</v>
      </c>
      <c r="C14815" s="7">
        <f t="shared" si="231"/>
        <v>246.63645</v>
      </c>
    </row>
    <row r="14816" spans="1:3" x14ac:dyDescent="0.25">
      <c r="A14816" s="2" t="s">
        <v>6474</v>
      </c>
      <c r="B14816" s="6">
        <v>246653.09999999998</v>
      </c>
      <c r="C14816" s="7">
        <f t="shared" si="231"/>
        <v>246.65309999999997</v>
      </c>
    </row>
    <row r="14817" spans="1:3" x14ac:dyDescent="0.25">
      <c r="A14817" s="2" t="s">
        <v>6475</v>
      </c>
      <c r="B14817" s="6">
        <v>246669.74999999997</v>
      </c>
      <c r="C14817" s="7">
        <f t="shared" si="231"/>
        <v>246.66974999999996</v>
      </c>
    </row>
    <row r="14818" spans="1:3" x14ac:dyDescent="0.25">
      <c r="A14818" s="2" t="s">
        <v>6476</v>
      </c>
      <c r="B14818" s="6">
        <v>246686.39999999997</v>
      </c>
      <c r="C14818" s="7">
        <f t="shared" si="231"/>
        <v>246.68639999999996</v>
      </c>
    </row>
    <row r="14819" spans="1:3" x14ac:dyDescent="0.25">
      <c r="A14819" s="2" t="s">
        <v>6477</v>
      </c>
      <c r="B14819" s="6">
        <v>246703.05</v>
      </c>
      <c r="C14819" s="7">
        <f t="shared" si="231"/>
        <v>246.70304999999999</v>
      </c>
    </row>
    <row r="14820" spans="1:3" x14ac:dyDescent="0.25">
      <c r="A14820" s="2" t="s">
        <v>6478</v>
      </c>
      <c r="B14820" s="6">
        <v>246719.69999999998</v>
      </c>
      <c r="C14820" s="7">
        <f t="shared" si="231"/>
        <v>246.71969999999999</v>
      </c>
    </row>
    <row r="14821" spans="1:3" x14ac:dyDescent="0.25">
      <c r="A14821" s="2" t="s">
        <v>6479</v>
      </c>
      <c r="B14821" s="6">
        <v>246736.34999999998</v>
      </c>
      <c r="C14821" s="7">
        <f t="shared" si="231"/>
        <v>246.73634999999999</v>
      </c>
    </row>
    <row r="14822" spans="1:3" x14ac:dyDescent="0.25">
      <c r="A14822" s="2" t="s">
        <v>6480</v>
      </c>
      <c r="B14822" s="6">
        <v>246752.99999999997</v>
      </c>
      <c r="C14822" s="7">
        <f t="shared" si="231"/>
        <v>246.75299999999996</v>
      </c>
    </row>
    <row r="14823" spans="1:3" x14ac:dyDescent="0.25">
      <c r="A14823" s="2" t="s">
        <v>6481</v>
      </c>
      <c r="B14823" s="6">
        <v>246769.64999999997</v>
      </c>
      <c r="C14823" s="7">
        <f t="shared" si="231"/>
        <v>246.76964999999996</v>
      </c>
    </row>
    <row r="14824" spans="1:3" x14ac:dyDescent="0.25">
      <c r="A14824" s="2" t="s">
        <v>6482</v>
      </c>
      <c r="B14824" s="6">
        <v>246786.3</v>
      </c>
      <c r="C14824" s="7">
        <f t="shared" si="231"/>
        <v>246.78629999999998</v>
      </c>
    </row>
    <row r="14825" spans="1:3" x14ac:dyDescent="0.25">
      <c r="A14825" s="2" t="s">
        <v>6483</v>
      </c>
      <c r="B14825" s="6">
        <v>246802.94999999998</v>
      </c>
      <c r="C14825" s="7">
        <f t="shared" si="231"/>
        <v>246.80294999999998</v>
      </c>
    </row>
    <row r="14826" spans="1:3" x14ac:dyDescent="0.25">
      <c r="A14826" s="2" t="s">
        <v>6484</v>
      </c>
      <c r="B14826" s="6">
        <v>246819.59999999998</v>
      </c>
      <c r="C14826" s="7">
        <f t="shared" si="231"/>
        <v>246.81959999999998</v>
      </c>
    </row>
    <row r="14827" spans="1:3" x14ac:dyDescent="0.25">
      <c r="A14827" s="2" t="s">
        <v>6485</v>
      </c>
      <c r="B14827" s="6">
        <v>246836.24999999997</v>
      </c>
      <c r="C14827" s="7">
        <f t="shared" si="231"/>
        <v>246.83624999999998</v>
      </c>
    </row>
    <row r="14828" spans="1:3" x14ac:dyDescent="0.25">
      <c r="A14828" s="2" t="s">
        <v>6486</v>
      </c>
      <c r="B14828" s="6">
        <v>246852.89999999997</v>
      </c>
      <c r="C14828" s="7">
        <f t="shared" si="231"/>
        <v>246.85289999999998</v>
      </c>
    </row>
    <row r="14829" spans="1:3" x14ac:dyDescent="0.25">
      <c r="A14829" s="2" t="s">
        <v>6487</v>
      </c>
      <c r="B14829" s="6">
        <v>246869.55</v>
      </c>
      <c r="C14829" s="7">
        <f t="shared" si="231"/>
        <v>246.86954999999998</v>
      </c>
    </row>
    <row r="14830" spans="1:3" x14ac:dyDescent="0.25">
      <c r="A14830" s="2" t="s">
        <v>6488</v>
      </c>
      <c r="B14830" s="6">
        <v>246886.19999999998</v>
      </c>
      <c r="C14830" s="7">
        <f t="shared" si="231"/>
        <v>246.88619999999997</v>
      </c>
    </row>
    <row r="14831" spans="1:3" x14ac:dyDescent="0.25">
      <c r="A14831" s="2" t="s">
        <v>6489</v>
      </c>
      <c r="B14831" s="6">
        <v>246902.84999999998</v>
      </c>
      <c r="C14831" s="7">
        <f t="shared" si="231"/>
        <v>246.90284999999997</v>
      </c>
    </row>
    <row r="14832" spans="1:3" x14ac:dyDescent="0.25">
      <c r="A14832" s="2" t="s">
        <v>6490</v>
      </c>
      <c r="B14832" s="6">
        <v>246919.49999999997</v>
      </c>
      <c r="C14832" s="7">
        <f t="shared" si="231"/>
        <v>246.91949999999997</v>
      </c>
    </row>
    <row r="14833" spans="1:3" x14ac:dyDescent="0.25">
      <c r="A14833" s="2" t="s">
        <v>6491</v>
      </c>
      <c r="B14833" s="6">
        <v>246936.14999999997</v>
      </c>
      <c r="C14833" s="7">
        <f t="shared" si="231"/>
        <v>246.93614999999997</v>
      </c>
    </row>
    <row r="14834" spans="1:3" x14ac:dyDescent="0.25">
      <c r="A14834" s="2" t="s">
        <v>6492</v>
      </c>
      <c r="B14834" s="6">
        <v>246952.8</v>
      </c>
      <c r="C14834" s="7">
        <f t="shared" si="231"/>
        <v>246.9528</v>
      </c>
    </row>
    <row r="14835" spans="1:3" x14ac:dyDescent="0.25">
      <c r="A14835" s="2" t="s">
        <v>6493</v>
      </c>
      <c r="B14835" s="6">
        <v>246969.44999999998</v>
      </c>
      <c r="C14835" s="7">
        <f t="shared" si="231"/>
        <v>246.96944999999999</v>
      </c>
    </row>
    <row r="14836" spans="1:3" x14ac:dyDescent="0.25">
      <c r="A14836" s="2" t="s">
        <v>6494</v>
      </c>
      <c r="B14836" s="6">
        <v>246986.09999999998</v>
      </c>
      <c r="C14836" s="7">
        <f t="shared" si="231"/>
        <v>246.98609999999996</v>
      </c>
    </row>
    <row r="14837" spans="1:3" x14ac:dyDescent="0.25">
      <c r="A14837" s="2" t="s">
        <v>6495</v>
      </c>
      <c r="B14837" s="6">
        <v>247002.74999999997</v>
      </c>
      <c r="C14837" s="7">
        <f t="shared" si="231"/>
        <v>247.00274999999996</v>
      </c>
    </row>
    <row r="14838" spans="1:3" x14ac:dyDescent="0.25">
      <c r="A14838" s="2" t="s">
        <v>6496</v>
      </c>
      <c r="B14838" s="6">
        <v>247019.39999999997</v>
      </c>
      <c r="C14838" s="7">
        <f t="shared" si="231"/>
        <v>247.01939999999996</v>
      </c>
    </row>
    <row r="14839" spans="1:3" x14ac:dyDescent="0.25">
      <c r="A14839" s="2" t="s">
        <v>6497</v>
      </c>
      <c r="B14839" s="6">
        <v>247036.05</v>
      </c>
      <c r="C14839" s="7">
        <f t="shared" si="231"/>
        <v>247.03604999999999</v>
      </c>
    </row>
    <row r="14840" spans="1:3" x14ac:dyDescent="0.25">
      <c r="A14840" s="2" t="s">
        <v>6498</v>
      </c>
      <c r="B14840" s="6">
        <v>247052.69999999998</v>
      </c>
      <c r="C14840" s="7">
        <f t="shared" si="231"/>
        <v>247.05269999999999</v>
      </c>
    </row>
    <row r="14841" spans="1:3" x14ac:dyDescent="0.25">
      <c r="A14841" s="2" t="s">
        <v>6499</v>
      </c>
      <c r="B14841" s="6">
        <v>247069.34999999998</v>
      </c>
      <c r="C14841" s="7">
        <f t="shared" si="231"/>
        <v>247.06934999999999</v>
      </c>
    </row>
    <row r="14842" spans="1:3" x14ac:dyDescent="0.25">
      <c r="A14842" s="2" t="s">
        <v>6500</v>
      </c>
      <c r="B14842" s="6">
        <v>247085.99999999997</v>
      </c>
      <c r="C14842" s="7">
        <f t="shared" si="231"/>
        <v>247.08599999999998</v>
      </c>
    </row>
    <row r="14843" spans="1:3" x14ac:dyDescent="0.25">
      <c r="A14843" s="2" t="s">
        <v>6501</v>
      </c>
      <c r="B14843" s="6">
        <v>247102.64999999997</v>
      </c>
      <c r="C14843" s="7">
        <f t="shared" si="231"/>
        <v>247.10264999999995</v>
      </c>
    </row>
    <row r="14844" spans="1:3" x14ac:dyDescent="0.25">
      <c r="A14844" s="2" t="s">
        <v>6502</v>
      </c>
      <c r="B14844" s="6">
        <v>247119.3</v>
      </c>
      <c r="C14844" s="7">
        <f t="shared" si="231"/>
        <v>247.11929999999998</v>
      </c>
    </row>
    <row r="14845" spans="1:3" x14ac:dyDescent="0.25">
      <c r="A14845" s="2" t="s">
        <v>6503</v>
      </c>
      <c r="B14845" s="6">
        <v>247135.94999999998</v>
      </c>
      <c r="C14845" s="7">
        <f t="shared" si="231"/>
        <v>247.13594999999998</v>
      </c>
    </row>
    <row r="14846" spans="1:3" x14ac:dyDescent="0.25">
      <c r="A14846" s="2" t="s">
        <v>6504</v>
      </c>
      <c r="B14846" s="6">
        <v>247152.59999999998</v>
      </c>
      <c r="C14846" s="7">
        <f t="shared" si="231"/>
        <v>247.15259999999998</v>
      </c>
    </row>
    <row r="14847" spans="1:3" x14ac:dyDescent="0.25">
      <c r="A14847" s="2" t="s">
        <v>6505</v>
      </c>
      <c r="B14847" s="6">
        <v>247169.24999999997</v>
      </c>
      <c r="C14847" s="7">
        <f t="shared" si="231"/>
        <v>247.16924999999998</v>
      </c>
    </row>
    <row r="14848" spans="1:3" x14ac:dyDescent="0.25">
      <c r="A14848" s="2" t="s">
        <v>6506</v>
      </c>
      <c r="B14848" s="6">
        <v>247185.89999999997</v>
      </c>
      <c r="C14848" s="7">
        <f t="shared" si="231"/>
        <v>247.18589999999998</v>
      </c>
    </row>
    <row r="14849" spans="1:3" x14ac:dyDescent="0.25">
      <c r="A14849" s="2" t="s">
        <v>6507</v>
      </c>
      <c r="B14849" s="6">
        <v>247202.55</v>
      </c>
      <c r="C14849" s="7">
        <f t="shared" si="231"/>
        <v>247.20255</v>
      </c>
    </row>
    <row r="14850" spans="1:3" x14ac:dyDescent="0.25">
      <c r="A14850" s="2" t="s">
        <v>6508</v>
      </c>
      <c r="B14850" s="6">
        <v>247219.19999999998</v>
      </c>
      <c r="C14850" s="7">
        <f t="shared" si="231"/>
        <v>247.21919999999997</v>
      </c>
    </row>
    <row r="14851" spans="1:3" x14ac:dyDescent="0.25">
      <c r="A14851" s="2" t="s">
        <v>6509</v>
      </c>
      <c r="B14851" s="6">
        <v>247235.84999999998</v>
      </c>
      <c r="C14851" s="7">
        <f t="shared" ref="C14851:C14914" si="232">B14851/1000</f>
        <v>247.23584999999997</v>
      </c>
    </row>
    <row r="14852" spans="1:3" x14ac:dyDescent="0.25">
      <c r="A14852" s="2" t="s">
        <v>6510</v>
      </c>
      <c r="B14852" s="6">
        <v>247252.49999999997</v>
      </c>
      <c r="C14852" s="7">
        <f t="shared" si="232"/>
        <v>247.25249999999997</v>
      </c>
    </row>
    <row r="14853" spans="1:3" x14ac:dyDescent="0.25">
      <c r="A14853" s="2" t="s">
        <v>6511</v>
      </c>
      <c r="B14853" s="6">
        <v>247269.14999999997</v>
      </c>
      <c r="C14853" s="7">
        <f t="shared" si="232"/>
        <v>247.26914999999997</v>
      </c>
    </row>
    <row r="14854" spans="1:3" x14ac:dyDescent="0.25">
      <c r="A14854" s="2" t="s">
        <v>6512</v>
      </c>
      <c r="B14854" s="6">
        <v>247285.8</v>
      </c>
      <c r="C14854" s="7">
        <f t="shared" si="232"/>
        <v>247.28579999999999</v>
      </c>
    </row>
    <row r="14855" spans="1:3" x14ac:dyDescent="0.25">
      <c r="A14855" s="2" t="s">
        <v>6513</v>
      </c>
      <c r="B14855" s="6">
        <v>247302.44999999998</v>
      </c>
      <c r="C14855" s="7">
        <f t="shared" si="232"/>
        <v>247.30244999999999</v>
      </c>
    </row>
    <row r="14856" spans="1:3" x14ac:dyDescent="0.25">
      <c r="A14856" s="2" t="s">
        <v>6514</v>
      </c>
      <c r="B14856" s="6">
        <v>247319.09999999998</v>
      </c>
      <c r="C14856" s="7">
        <f t="shared" si="232"/>
        <v>247.31909999999996</v>
      </c>
    </row>
    <row r="14857" spans="1:3" x14ac:dyDescent="0.25">
      <c r="A14857" s="2" t="s">
        <v>6515</v>
      </c>
      <c r="B14857" s="6">
        <v>247335.74999999997</v>
      </c>
      <c r="C14857" s="7">
        <f t="shared" si="232"/>
        <v>247.33574999999996</v>
      </c>
    </row>
    <row r="14858" spans="1:3" x14ac:dyDescent="0.25">
      <c r="A14858" s="2" t="s">
        <v>6516</v>
      </c>
      <c r="B14858" s="6">
        <v>247352.39999999997</v>
      </c>
      <c r="C14858" s="7">
        <f t="shared" si="232"/>
        <v>247.35239999999996</v>
      </c>
    </row>
    <row r="14859" spans="1:3" x14ac:dyDescent="0.25">
      <c r="A14859" s="2" t="s">
        <v>6517</v>
      </c>
      <c r="B14859" s="6">
        <v>247369.05</v>
      </c>
      <c r="C14859" s="7">
        <f t="shared" si="232"/>
        <v>247.36904999999999</v>
      </c>
    </row>
    <row r="14860" spans="1:3" x14ac:dyDescent="0.25">
      <c r="A14860" s="2" t="s">
        <v>6518</v>
      </c>
      <c r="B14860" s="6">
        <v>247385.69999999998</v>
      </c>
      <c r="C14860" s="7">
        <f t="shared" si="232"/>
        <v>247.38569999999999</v>
      </c>
    </row>
    <row r="14861" spans="1:3" x14ac:dyDescent="0.25">
      <c r="A14861" s="2" t="s">
        <v>6519</v>
      </c>
      <c r="B14861" s="6">
        <v>247402.34999999998</v>
      </c>
      <c r="C14861" s="7">
        <f t="shared" si="232"/>
        <v>247.40234999999998</v>
      </c>
    </row>
    <row r="14862" spans="1:3" x14ac:dyDescent="0.25">
      <c r="A14862" s="2" t="s">
        <v>6520</v>
      </c>
      <c r="B14862" s="6">
        <v>247418.99999999997</v>
      </c>
      <c r="C14862" s="7">
        <f t="shared" si="232"/>
        <v>247.41899999999998</v>
      </c>
    </row>
    <row r="14863" spans="1:3" x14ac:dyDescent="0.25">
      <c r="A14863" s="2" t="s">
        <v>6521</v>
      </c>
      <c r="B14863" s="6">
        <v>247435.64999999997</v>
      </c>
      <c r="C14863" s="7">
        <f t="shared" si="232"/>
        <v>247.43564999999995</v>
      </c>
    </row>
    <row r="14864" spans="1:3" x14ac:dyDescent="0.25">
      <c r="A14864" s="2" t="s">
        <v>6522</v>
      </c>
      <c r="B14864" s="6">
        <v>247452.3</v>
      </c>
      <c r="C14864" s="7">
        <f t="shared" si="232"/>
        <v>247.45229999999998</v>
      </c>
    </row>
    <row r="14865" spans="1:3" x14ac:dyDescent="0.25">
      <c r="A14865" s="2" t="s">
        <v>6523</v>
      </c>
      <c r="B14865" s="6">
        <v>247468.94999999998</v>
      </c>
      <c r="C14865" s="7">
        <f t="shared" si="232"/>
        <v>247.46894999999998</v>
      </c>
    </row>
    <row r="14866" spans="1:3" x14ac:dyDescent="0.25">
      <c r="A14866" s="2" t="s">
        <v>6524</v>
      </c>
      <c r="B14866" s="6">
        <v>247485.59999999998</v>
      </c>
      <c r="C14866" s="7">
        <f t="shared" si="232"/>
        <v>247.48559999999998</v>
      </c>
    </row>
    <row r="14867" spans="1:3" x14ac:dyDescent="0.25">
      <c r="A14867" s="2" t="s">
        <v>6525</v>
      </c>
      <c r="B14867" s="6">
        <v>247502.24999999997</v>
      </c>
      <c r="C14867" s="7">
        <f t="shared" si="232"/>
        <v>247.50224999999998</v>
      </c>
    </row>
    <row r="14868" spans="1:3" x14ac:dyDescent="0.25">
      <c r="A14868" s="2" t="s">
        <v>6526</v>
      </c>
      <c r="B14868" s="6">
        <v>247518.89999999997</v>
      </c>
      <c r="C14868" s="7">
        <f t="shared" si="232"/>
        <v>247.51889999999997</v>
      </c>
    </row>
    <row r="14869" spans="1:3" x14ac:dyDescent="0.25">
      <c r="A14869" s="2" t="s">
        <v>6527</v>
      </c>
      <c r="B14869" s="6">
        <v>247535.55</v>
      </c>
      <c r="C14869" s="7">
        <f t="shared" si="232"/>
        <v>247.53555</v>
      </c>
    </row>
    <row r="14870" spans="1:3" x14ac:dyDescent="0.25">
      <c r="A14870" s="2" t="s">
        <v>6528</v>
      </c>
      <c r="B14870" s="6">
        <v>247552.19999999998</v>
      </c>
      <c r="C14870" s="7">
        <f t="shared" si="232"/>
        <v>247.55219999999997</v>
      </c>
    </row>
    <row r="14871" spans="1:3" x14ac:dyDescent="0.25">
      <c r="A14871" s="2" t="s">
        <v>6529</v>
      </c>
      <c r="B14871" s="6">
        <v>247568.84999999998</v>
      </c>
      <c r="C14871" s="7">
        <f t="shared" si="232"/>
        <v>247.56884999999997</v>
      </c>
    </row>
    <row r="14872" spans="1:3" x14ac:dyDescent="0.25">
      <c r="A14872" s="2" t="s">
        <v>6530</v>
      </c>
      <c r="B14872" s="6">
        <v>247585.49999999997</v>
      </c>
      <c r="C14872" s="7">
        <f t="shared" si="232"/>
        <v>247.58549999999997</v>
      </c>
    </row>
    <row r="14873" spans="1:3" x14ac:dyDescent="0.25">
      <c r="A14873" s="2" t="s">
        <v>6531</v>
      </c>
      <c r="B14873" s="6">
        <v>247602.14999999997</v>
      </c>
      <c r="C14873" s="7">
        <f t="shared" si="232"/>
        <v>247.60214999999997</v>
      </c>
    </row>
    <row r="14874" spans="1:3" x14ac:dyDescent="0.25">
      <c r="A14874" s="2" t="s">
        <v>6532</v>
      </c>
      <c r="B14874" s="6">
        <v>247618.8</v>
      </c>
      <c r="C14874" s="7">
        <f t="shared" si="232"/>
        <v>247.61879999999999</v>
      </c>
    </row>
    <row r="14875" spans="1:3" x14ac:dyDescent="0.25">
      <c r="A14875" s="2" t="s">
        <v>6533</v>
      </c>
      <c r="B14875" s="6">
        <v>247635.44999999998</v>
      </c>
      <c r="C14875" s="7">
        <f t="shared" si="232"/>
        <v>247.63544999999999</v>
      </c>
    </row>
    <row r="14876" spans="1:3" x14ac:dyDescent="0.25">
      <c r="A14876" s="2" t="s">
        <v>6534</v>
      </c>
      <c r="B14876" s="6">
        <v>247652.09999999998</v>
      </c>
      <c r="C14876" s="7">
        <f t="shared" si="232"/>
        <v>247.65209999999999</v>
      </c>
    </row>
    <row r="14877" spans="1:3" x14ac:dyDescent="0.25">
      <c r="A14877" s="2" t="s">
        <v>6535</v>
      </c>
      <c r="B14877" s="6">
        <v>247668.74999999997</v>
      </c>
      <c r="C14877" s="7">
        <f t="shared" si="232"/>
        <v>247.66874999999996</v>
      </c>
    </row>
    <row r="14878" spans="1:3" x14ac:dyDescent="0.25">
      <c r="A14878" s="2" t="s">
        <v>6536</v>
      </c>
      <c r="B14878" s="6">
        <v>247685.39999999997</v>
      </c>
      <c r="C14878" s="7">
        <f t="shared" si="232"/>
        <v>247.68539999999996</v>
      </c>
    </row>
    <row r="14879" spans="1:3" x14ac:dyDescent="0.25">
      <c r="A14879" s="2" t="s">
        <v>6537</v>
      </c>
      <c r="B14879" s="6">
        <v>247702.05</v>
      </c>
      <c r="C14879" s="7">
        <f t="shared" si="232"/>
        <v>247.70204999999999</v>
      </c>
    </row>
    <row r="14880" spans="1:3" x14ac:dyDescent="0.25">
      <c r="A14880" s="2" t="s">
        <v>6538</v>
      </c>
      <c r="B14880" s="6">
        <v>247718.69999999998</v>
      </c>
      <c r="C14880" s="7">
        <f t="shared" si="232"/>
        <v>247.71869999999998</v>
      </c>
    </row>
    <row r="14881" spans="1:3" x14ac:dyDescent="0.25">
      <c r="A14881" s="2" t="s">
        <v>6539</v>
      </c>
      <c r="B14881" s="6">
        <v>247735.34999999998</v>
      </c>
      <c r="C14881" s="7">
        <f t="shared" si="232"/>
        <v>247.73534999999998</v>
      </c>
    </row>
    <row r="14882" spans="1:3" x14ac:dyDescent="0.25">
      <c r="A14882" s="2" t="s">
        <v>6540</v>
      </c>
      <c r="B14882" s="6">
        <v>247751.99999999997</v>
      </c>
      <c r="C14882" s="7">
        <f t="shared" si="232"/>
        <v>247.75199999999998</v>
      </c>
    </row>
    <row r="14883" spans="1:3" x14ac:dyDescent="0.25">
      <c r="A14883" s="2" t="s">
        <v>6541</v>
      </c>
      <c r="B14883" s="6">
        <v>247768.64999999997</v>
      </c>
      <c r="C14883" s="7">
        <f t="shared" si="232"/>
        <v>247.76864999999995</v>
      </c>
    </row>
    <row r="14884" spans="1:3" x14ac:dyDescent="0.25">
      <c r="A14884" s="2" t="s">
        <v>6542</v>
      </c>
      <c r="B14884" s="6">
        <v>247785.3</v>
      </c>
      <c r="C14884" s="7">
        <f t="shared" si="232"/>
        <v>247.78529999999998</v>
      </c>
    </row>
    <row r="14885" spans="1:3" x14ac:dyDescent="0.25">
      <c r="A14885" s="2" t="s">
        <v>6543</v>
      </c>
      <c r="B14885" s="6">
        <v>247801.94999999998</v>
      </c>
      <c r="C14885" s="7">
        <f t="shared" si="232"/>
        <v>247.80194999999998</v>
      </c>
    </row>
    <row r="14886" spans="1:3" x14ac:dyDescent="0.25">
      <c r="A14886" s="2" t="s">
        <v>6544</v>
      </c>
      <c r="B14886" s="6">
        <v>247818.59999999998</v>
      </c>
      <c r="C14886" s="7">
        <f t="shared" si="232"/>
        <v>247.81859999999998</v>
      </c>
    </row>
    <row r="14887" spans="1:3" x14ac:dyDescent="0.25">
      <c r="A14887" s="2" t="s">
        <v>6545</v>
      </c>
      <c r="B14887" s="6">
        <v>247835.24999999997</v>
      </c>
      <c r="C14887" s="7">
        <f t="shared" si="232"/>
        <v>247.83524999999997</v>
      </c>
    </row>
    <row r="14888" spans="1:3" x14ac:dyDescent="0.25">
      <c r="A14888" s="2" t="s">
        <v>6546</v>
      </c>
      <c r="B14888" s="6">
        <v>247851.89999999997</v>
      </c>
      <c r="C14888" s="7">
        <f t="shared" si="232"/>
        <v>247.85189999999997</v>
      </c>
    </row>
    <row r="14889" spans="1:3" x14ac:dyDescent="0.25">
      <c r="A14889" s="2" t="s">
        <v>6547</v>
      </c>
      <c r="B14889" s="6">
        <v>247868.55</v>
      </c>
      <c r="C14889" s="7">
        <f t="shared" si="232"/>
        <v>247.86855</v>
      </c>
    </row>
    <row r="14890" spans="1:3" x14ac:dyDescent="0.25">
      <c r="A14890" s="2" t="s">
        <v>6548</v>
      </c>
      <c r="B14890" s="6">
        <v>247885.19999999998</v>
      </c>
      <c r="C14890" s="7">
        <f t="shared" si="232"/>
        <v>247.88519999999997</v>
      </c>
    </row>
    <row r="14891" spans="1:3" x14ac:dyDescent="0.25">
      <c r="A14891" s="2" t="s">
        <v>6549</v>
      </c>
      <c r="B14891" s="6">
        <v>247901.84999999998</v>
      </c>
      <c r="C14891" s="7">
        <f t="shared" si="232"/>
        <v>247.90184999999997</v>
      </c>
    </row>
    <row r="14892" spans="1:3" x14ac:dyDescent="0.25">
      <c r="A14892" s="2" t="s">
        <v>6550</v>
      </c>
      <c r="B14892" s="6">
        <v>247918.49999999997</v>
      </c>
      <c r="C14892" s="7">
        <f t="shared" si="232"/>
        <v>247.91849999999997</v>
      </c>
    </row>
    <row r="14893" spans="1:3" x14ac:dyDescent="0.25">
      <c r="A14893" s="2" t="s">
        <v>6551</v>
      </c>
      <c r="B14893" s="6">
        <v>247935.14999999997</v>
      </c>
      <c r="C14893" s="7">
        <f t="shared" si="232"/>
        <v>247.93514999999996</v>
      </c>
    </row>
    <row r="14894" spans="1:3" x14ac:dyDescent="0.25">
      <c r="A14894" s="2" t="s">
        <v>6552</v>
      </c>
      <c r="B14894" s="6">
        <v>247951.8</v>
      </c>
      <c r="C14894" s="7">
        <f t="shared" si="232"/>
        <v>247.95179999999999</v>
      </c>
    </row>
    <row r="14895" spans="1:3" x14ac:dyDescent="0.25">
      <c r="A14895" s="2" t="s">
        <v>6553</v>
      </c>
      <c r="B14895" s="6">
        <v>247968.44999999998</v>
      </c>
      <c r="C14895" s="7">
        <f t="shared" si="232"/>
        <v>247.96844999999999</v>
      </c>
    </row>
    <row r="14896" spans="1:3" x14ac:dyDescent="0.25">
      <c r="A14896" s="2" t="s">
        <v>6554</v>
      </c>
      <c r="B14896" s="6">
        <v>247985.09999999998</v>
      </c>
      <c r="C14896" s="7">
        <f t="shared" si="232"/>
        <v>247.98509999999999</v>
      </c>
    </row>
    <row r="14897" spans="1:3" x14ac:dyDescent="0.25">
      <c r="A14897" s="2" t="s">
        <v>6555</v>
      </c>
      <c r="B14897" s="6">
        <v>248001.74999999997</v>
      </c>
      <c r="C14897" s="7">
        <f t="shared" si="232"/>
        <v>248.00174999999996</v>
      </c>
    </row>
    <row r="14898" spans="1:3" x14ac:dyDescent="0.25">
      <c r="A14898" s="2" t="s">
        <v>6556</v>
      </c>
      <c r="B14898" s="6">
        <v>248018.39999999997</v>
      </c>
      <c r="C14898" s="7">
        <f t="shared" si="232"/>
        <v>248.01839999999996</v>
      </c>
    </row>
    <row r="14899" spans="1:3" x14ac:dyDescent="0.25">
      <c r="A14899" s="2" t="s">
        <v>6557</v>
      </c>
      <c r="B14899" s="6">
        <v>248035.05</v>
      </c>
      <c r="C14899" s="7">
        <f t="shared" si="232"/>
        <v>248.03504999999998</v>
      </c>
    </row>
    <row r="14900" spans="1:3" x14ac:dyDescent="0.25">
      <c r="A14900" s="2" t="s">
        <v>6558</v>
      </c>
      <c r="B14900" s="6">
        <v>248051.69999999998</v>
      </c>
      <c r="C14900" s="7">
        <f t="shared" si="232"/>
        <v>248.05169999999998</v>
      </c>
    </row>
    <row r="14901" spans="1:3" x14ac:dyDescent="0.25">
      <c r="A14901" s="2" t="s">
        <v>6559</v>
      </c>
      <c r="B14901" s="6">
        <v>248068.34999999998</v>
      </c>
      <c r="C14901" s="7">
        <f t="shared" si="232"/>
        <v>248.06834999999998</v>
      </c>
    </row>
    <row r="14902" spans="1:3" x14ac:dyDescent="0.25">
      <c r="A14902" s="2" t="s">
        <v>6560</v>
      </c>
      <c r="B14902" s="6">
        <v>248084.99999999997</v>
      </c>
      <c r="C14902" s="7">
        <f t="shared" si="232"/>
        <v>248.08499999999998</v>
      </c>
    </row>
    <row r="14903" spans="1:3" x14ac:dyDescent="0.25">
      <c r="A14903" s="2" t="s">
        <v>6561</v>
      </c>
      <c r="B14903" s="6">
        <v>248101.64999999997</v>
      </c>
      <c r="C14903" s="7">
        <f t="shared" si="232"/>
        <v>248.10164999999998</v>
      </c>
    </row>
    <row r="14904" spans="1:3" x14ac:dyDescent="0.25">
      <c r="A14904" s="2" t="s">
        <v>6562</v>
      </c>
      <c r="B14904" s="6">
        <v>248118.3</v>
      </c>
      <c r="C14904" s="7">
        <f t="shared" si="232"/>
        <v>248.11829999999998</v>
      </c>
    </row>
    <row r="14905" spans="1:3" x14ac:dyDescent="0.25">
      <c r="A14905" s="2" t="s">
        <v>6563</v>
      </c>
      <c r="B14905" s="6">
        <v>248134.94999999998</v>
      </c>
      <c r="C14905" s="7">
        <f t="shared" si="232"/>
        <v>248.13494999999998</v>
      </c>
    </row>
    <row r="14906" spans="1:3" x14ac:dyDescent="0.25">
      <c r="A14906" s="2" t="s">
        <v>6564</v>
      </c>
      <c r="B14906" s="6">
        <v>248151.59999999998</v>
      </c>
      <c r="C14906" s="7">
        <f t="shared" si="232"/>
        <v>248.15159999999997</v>
      </c>
    </row>
    <row r="14907" spans="1:3" x14ac:dyDescent="0.25">
      <c r="A14907" s="2" t="s">
        <v>6565</v>
      </c>
      <c r="B14907" s="6">
        <v>248168.24999999997</v>
      </c>
      <c r="C14907" s="7">
        <f t="shared" si="232"/>
        <v>248.16824999999997</v>
      </c>
    </row>
    <row r="14908" spans="1:3" x14ac:dyDescent="0.25">
      <c r="A14908" s="2" t="s">
        <v>6566</v>
      </c>
      <c r="B14908" s="6">
        <v>248184.89999999997</v>
      </c>
      <c r="C14908" s="7">
        <f t="shared" si="232"/>
        <v>248.18489999999997</v>
      </c>
    </row>
    <row r="14909" spans="1:3" x14ac:dyDescent="0.25">
      <c r="A14909" s="2" t="s">
        <v>6567</v>
      </c>
      <c r="B14909" s="6">
        <v>248201.55</v>
      </c>
      <c r="C14909" s="7">
        <f t="shared" si="232"/>
        <v>248.20155</v>
      </c>
    </row>
    <row r="14910" spans="1:3" x14ac:dyDescent="0.25">
      <c r="A14910" s="2" t="s">
        <v>6568</v>
      </c>
      <c r="B14910" s="6">
        <v>248218.19999999998</v>
      </c>
      <c r="C14910" s="7">
        <f t="shared" si="232"/>
        <v>248.2182</v>
      </c>
    </row>
    <row r="14911" spans="1:3" x14ac:dyDescent="0.25">
      <c r="A14911" s="2" t="s">
        <v>6569</v>
      </c>
      <c r="B14911" s="6">
        <v>248234.84999999998</v>
      </c>
      <c r="C14911" s="7">
        <f t="shared" si="232"/>
        <v>248.23484999999997</v>
      </c>
    </row>
    <row r="14912" spans="1:3" x14ac:dyDescent="0.25">
      <c r="A14912" s="2" t="s">
        <v>6570</v>
      </c>
      <c r="B14912" s="6">
        <v>248251.49999999997</v>
      </c>
      <c r="C14912" s="7">
        <f t="shared" si="232"/>
        <v>248.25149999999996</v>
      </c>
    </row>
    <row r="14913" spans="1:3" x14ac:dyDescent="0.25">
      <c r="A14913" s="2" t="s">
        <v>6571</v>
      </c>
      <c r="B14913" s="6">
        <v>248268.14999999997</v>
      </c>
      <c r="C14913" s="7">
        <f t="shared" si="232"/>
        <v>248.26814999999996</v>
      </c>
    </row>
    <row r="14914" spans="1:3" x14ac:dyDescent="0.25">
      <c r="A14914" s="2" t="s">
        <v>6572</v>
      </c>
      <c r="B14914" s="6">
        <v>248284.79999999999</v>
      </c>
      <c r="C14914" s="7">
        <f t="shared" si="232"/>
        <v>248.28479999999999</v>
      </c>
    </row>
    <row r="14915" spans="1:3" x14ac:dyDescent="0.25">
      <c r="A14915" s="2" t="s">
        <v>6573</v>
      </c>
      <c r="B14915" s="6">
        <v>248301.44999999998</v>
      </c>
      <c r="C14915" s="7">
        <f t="shared" ref="C14915:C14978" si="233">B14915/1000</f>
        <v>248.30144999999999</v>
      </c>
    </row>
    <row r="14916" spans="1:3" x14ac:dyDescent="0.25">
      <c r="A14916" s="2" t="s">
        <v>6574</v>
      </c>
      <c r="B14916" s="6">
        <v>248318.09999999998</v>
      </c>
      <c r="C14916" s="7">
        <f t="shared" si="233"/>
        <v>248.31809999999999</v>
      </c>
    </row>
    <row r="14917" spans="1:3" x14ac:dyDescent="0.25">
      <c r="A14917" s="2" t="s">
        <v>6575</v>
      </c>
      <c r="B14917" s="6">
        <v>248334.74999999997</v>
      </c>
      <c r="C14917" s="7">
        <f t="shared" si="233"/>
        <v>248.33474999999996</v>
      </c>
    </row>
    <row r="14918" spans="1:3" x14ac:dyDescent="0.25">
      <c r="A14918" s="2" t="s">
        <v>6576</v>
      </c>
      <c r="B14918" s="6">
        <v>248351.39999999997</v>
      </c>
      <c r="C14918" s="7">
        <f t="shared" si="233"/>
        <v>248.35139999999996</v>
      </c>
    </row>
    <row r="14919" spans="1:3" x14ac:dyDescent="0.25">
      <c r="A14919" s="2" t="s">
        <v>6577</v>
      </c>
      <c r="B14919" s="6">
        <v>248368.05</v>
      </c>
      <c r="C14919" s="7">
        <f t="shared" si="233"/>
        <v>248.36804999999998</v>
      </c>
    </row>
    <row r="14920" spans="1:3" x14ac:dyDescent="0.25">
      <c r="A14920" s="2" t="s">
        <v>6578</v>
      </c>
      <c r="B14920" s="6">
        <v>248384.69999999998</v>
      </c>
      <c r="C14920" s="7">
        <f t="shared" si="233"/>
        <v>248.38469999999998</v>
      </c>
    </row>
    <row r="14921" spans="1:3" x14ac:dyDescent="0.25">
      <c r="A14921" s="2" t="s">
        <v>6579</v>
      </c>
      <c r="B14921" s="6">
        <v>248401.34999999998</v>
      </c>
      <c r="C14921" s="7">
        <f t="shared" si="233"/>
        <v>248.40134999999998</v>
      </c>
    </row>
    <row r="14922" spans="1:3" x14ac:dyDescent="0.25">
      <c r="A14922" s="2" t="s">
        <v>6580</v>
      </c>
      <c r="B14922" s="6">
        <v>248417.99999999997</v>
      </c>
      <c r="C14922" s="7">
        <f t="shared" si="233"/>
        <v>248.41799999999998</v>
      </c>
    </row>
    <row r="14923" spans="1:3" x14ac:dyDescent="0.25">
      <c r="A14923" s="2" t="s">
        <v>6581</v>
      </c>
      <c r="B14923" s="6">
        <v>248434.64999999997</v>
      </c>
      <c r="C14923" s="7">
        <f t="shared" si="233"/>
        <v>248.43464999999998</v>
      </c>
    </row>
    <row r="14924" spans="1:3" x14ac:dyDescent="0.25">
      <c r="A14924" s="2" t="s">
        <v>6582</v>
      </c>
      <c r="B14924" s="6">
        <v>248451.3</v>
      </c>
      <c r="C14924" s="7">
        <f t="shared" si="233"/>
        <v>248.45129999999997</v>
      </c>
    </row>
    <row r="14925" spans="1:3" x14ac:dyDescent="0.25">
      <c r="A14925" s="2" t="s">
        <v>6583</v>
      </c>
      <c r="B14925" s="6">
        <v>248467.94999999998</v>
      </c>
      <c r="C14925" s="7">
        <f t="shared" si="233"/>
        <v>248.46794999999997</v>
      </c>
    </row>
    <row r="14926" spans="1:3" x14ac:dyDescent="0.25">
      <c r="A14926" s="2" t="s">
        <v>6584</v>
      </c>
      <c r="B14926" s="6">
        <v>248484.59999999998</v>
      </c>
      <c r="C14926" s="7">
        <f t="shared" si="233"/>
        <v>248.48459999999997</v>
      </c>
    </row>
    <row r="14927" spans="1:3" x14ac:dyDescent="0.25">
      <c r="A14927" s="2" t="s">
        <v>6585</v>
      </c>
      <c r="B14927" s="6">
        <v>248501.24999999997</v>
      </c>
      <c r="C14927" s="7">
        <f t="shared" si="233"/>
        <v>248.50124999999997</v>
      </c>
    </row>
    <row r="14928" spans="1:3" x14ac:dyDescent="0.25">
      <c r="A14928" s="2" t="s">
        <v>6586</v>
      </c>
      <c r="B14928" s="6">
        <v>248517.89999999997</v>
      </c>
      <c r="C14928" s="7">
        <f t="shared" si="233"/>
        <v>248.51789999999997</v>
      </c>
    </row>
    <row r="14929" spans="1:3" x14ac:dyDescent="0.25">
      <c r="A14929" s="2" t="s">
        <v>6587</v>
      </c>
      <c r="B14929" s="6">
        <v>248534.55</v>
      </c>
      <c r="C14929" s="7">
        <f t="shared" si="233"/>
        <v>248.53455</v>
      </c>
    </row>
    <row r="14930" spans="1:3" x14ac:dyDescent="0.25">
      <c r="A14930" s="2" t="s">
        <v>6588</v>
      </c>
      <c r="B14930" s="6">
        <v>248551.19999999998</v>
      </c>
      <c r="C14930" s="7">
        <f t="shared" si="233"/>
        <v>248.55119999999999</v>
      </c>
    </row>
    <row r="14931" spans="1:3" x14ac:dyDescent="0.25">
      <c r="A14931" s="2" t="s">
        <v>6589</v>
      </c>
      <c r="B14931" s="6">
        <v>248567.84999999998</v>
      </c>
      <c r="C14931" s="7">
        <f t="shared" si="233"/>
        <v>248.56784999999996</v>
      </c>
    </row>
    <row r="14932" spans="1:3" x14ac:dyDescent="0.25">
      <c r="A14932" s="2" t="s">
        <v>6590</v>
      </c>
      <c r="B14932" s="6">
        <v>248584.49999999997</v>
      </c>
      <c r="C14932" s="7">
        <f t="shared" si="233"/>
        <v>248.58449999999996</v>
      </c>
    </row>
    <row r="14933" spans="1:3" x14ac:dyDescent="0.25">
      <c r="A14933" s="2" t="s">
        <v>6591</v>
      </c>
      <c r="B14933" s="6">
        <v>248601.14999999997</v>
      </c>
      <c r="C14933" s="7">
        <f t="shared" si="233"/>
        <v>248.60114999999996</v>
      </c>
    </row>
    <row r="14934" spans="1:3" x14ac:dyDescent="0.25">
      <c r="A14934" s="2" t="s">
        <v>6592</v>
      </c>
      <c r="B14934" s="6">
        <v>248617.8</v>
      </c>
      <c r="C14934" s="7">
        <f t="shared" si="233"/>
        <v>248.61779999999999</v>
      </c>
    </row>
    <row r="14935" spans="1:3" x14ac:dyDescent="0.25">
      <c r="A14935" s="2" t="s">
        <v>6593</v>
      </c>
      <c r="B14935" s="6">
        <v>248634.44999999998</v>
      </c>
      <c r="C14935" s="7">
        <f t="shared" si="233"/>
        <v>248.63444999999999</v>
      </c>
    </row>
    <row r="14936" spans="1:3" x14ac:dyDescent="0.25">
      <c r="A14936" s="2" t="s">
        <v>6594</v>
      </c>
      <c r="B14936" s="6">
        <v>248651.09999999998</v>
      </c>
      <c r="C14936" s="7">
        <f t="shared" si="233"/>
        <v>248.65109999999999</v>
      </c>
    </row>
    <row r="14937" spans="1:3" x14ac:dyDescent="0.25">
      <c r="A14937" s="2" t="s">
        <v>6595</v>
      </c>
      <c r="B14937" s="6">
        <v>248667.74999999997</v>
      </c>
      <c r="C14937" s="7">
        <f t="shared" si="233"/>
        <v>248.66774999999998</v>
      </c>
    </row>
    <row r="14938" spans="1:3" x14ac:dyDescent="0.25">
      <c r="A14938" s="2" t="s">
        <v>6596</v>
      </c>
      <c r="B14938" s="6">
        <v>248684.39999999997</v>
      </c>
      <c r="C14938" s="7">
        <f t="shared" si="233"/>
        <v>248.68439999999995</v>
      </c>
    </row>
    <row r="14939" spans="1:3" x14ac:dyDescent="0.25">
      <c r="A14939" s="2" t="s">
        <v>6597</v>
      </c>
      <c r="B14939" s="6">
        <v>248701.05</v>
      </c>
      <c r="C14939" s="7">
        <f t="shared" si="233"/>
        <v>248.70104999999998</v>
      </c>
    </row>
    <row r="14940" spans="1:3" x14ac:dyDescent="0.25">
      <c r="A14940" s="2" t="s">
        <v>6598</v>
      </c>
      <c r="B14940" s="6">
        <v>248717.69999999998</v>
      </c>
      <c r="C14940" s="7">
        <f t="shared" si="233"/>
        <v>248.71769999999998</v>
      </c>
    </row>
    <row r="14941" spans="1:3" x14ac:dyDescent="0.25">
      <c r="A14941" s="2" t="s">
        <v>6599</v>
      </c>
      <c r="B14941" s="6">
        <v>248734.34999999998</v>
      </c>
      <c r="C14941" s="7">
        <f t="shared" si="233"/>
        <v>248.73434999999998</v>
      </c>
    </row>
    <row r="14942" spans="1:3" x14ac:dyDescent="0.25">
      <c r="A14942" s="2" t="s">
        <v>6600</v>
      </c>
      <c r="B14942" s="6">
        <v>248750.99999999997</v>
      </c>
      <c r="C14942" s="7">
        <f t="shared" si="233"/>
        <v>248.75099999999998</v>
      </c>
    </row>
    <row r="14943" spans="1:3" x14ac:dyDescent="0.25">
      <c r="A14943" s="2" t="s">
        <v>6601</v>
      </c>
      <c r="B14943" s="6">
        <v>248767.64999999997</v>
      </c>
      <c r="C14943" s="7">
        <f t="shared" si="233"/>
        <v>248.76764999999997</v>
      </c>
    </row>
    <row r="14944" spans="1:3" x14ac:dyDescent="0.25">
      <c r="A14944" s="2" t="s">
        <v>6602</v>
      </c>
      <c r="B14944" s="6">
        <v>248784.3</v>
      </c>
      <c r="C14944" s="7">
        <f t="shared" si="233"/>
        <v>248.7843</v>
      </c>
    </row>
    <row r="14945" spans="1:3" x14ac:dyDescent="0.25">
      <c r="A14945" s="2" t="s">
        <v>6603</v>
      </c>
      <c r="B14945" s="6">
        <v>248800.94999999998</v>
      </c>
      <c r="C14945" s="7">
        <f t="shared" si="233"/>
        <v>248.80094999999997</v>
      </c>
    </row>
    <row r="14946" spans="1:3" x14ac:dyDescent="0.25">
      <c r="A14946" s="2" t="s">
        <v>6604</v>
      </c>
      <c r="B14946" s="6">
        <v>248817.59999999998</v>
      </c>
      <c r="C14946" s="7">
        <f t="shared" si="233"/>
        <v>248.81759999999997</v>
      </c>
    </row>
    <row r="14947" spans="1:3" x14ac:dyDescent="0.25">
      <c r="A14947" s="2" t="s">
        <v>6605</v>
      </c>
      <c r="B14947" s="6">
        <v>248834.24999999997</v>
      </c>
      <c r="C14947" s="7">
        <f t="shared" si="233"/>
        <v>248.83424999999997</v>
      </c>
    </row>
    <row r="14948" spans="1:3" x14ac:dyDescent="0.25">
      <c r="A14948" s="2" t="s">
        <v>6606</v>
      </c>
      <c r="B14948" s="6">
        <v>248850.89999999997</v>
      </c>
      <c r="C14948" s="7">
        <f t="shared" si="233"/>
        <v>248.85089999999997</v>
      </c>
    </row>
    <row r="14949" spans="1:3" x14ac:dyDescent="0.25">
      <c r="A14949" s="2" t="s">
        <v>6607</v>
      </c>
      <c r="B14949" s="6">
        <v>248867.55</v>
      </c>
      <c r="C14949" s="7">
        <f t="shared" si="233"/>
        <v>248.86754999999999</v>
      </c>
    </row>
    <row r="14950" spans="1:3" x14ac:dyDescent="0.25">
      <c r="A14950" s="2" t="s">
        <v>6608</v>
      </c>
      <c r="B14950" s="6">
        <v>248884.19999999998</v>
      </c>
      <c r="C14950" s="7">
        <f t="shared" si="233"/>
        <v>248.88419999999999</v>
      </c>
    </row>
    <row r="14951" spans="1:3" x14ac:dyDescent="0.25">
      <c r="A14951" s="2" t="s">
        <v>6609</v>
      </c>
      <c r="B14951" s="6">
        <v>248900.84999999998</v>
      </c>
      <c r="C14951" s="7">
        <f t="shared" si="233"/>
        <v>248.90084999999996</v>
      </c>
    </row>
    <row r="14952" spans="1:3" x14ac:dyDescent="0.25">
      <c r="A14952" s="2" t="s">
        <v>6610</v>
      </c>
      <c r="B14952" s="6">
        <v>248917.49999999997</v>
      </c>
      <c r="C14952" s="7">
        <f t="shared" si="233"/>
        <v>248.91749999999996</v>
      </c>
    </row>
    <row r="14953" spans="1:3" x14ac:dyDescent="0.25">
      <c r="A14953" s="2" t="s">
        <v>6611</v>
      </c>
      <c r="B14953" s="6">
        <v>248934.14999999997</v>
      </c>
      <c r="C14953" s="7">
        <f t="shared" si="233"/>
        <v>248.93414999999996</v>
      </c>
    </row>
    <row r="14954" spans="1:3" x14ac:dyDescent="0.25">
      <c r="A14954" s="2" t="s">
        <v>6612</v>
      </c>
      <c r="B14954" s="6">
        <v>248950.8</v>
      </c>
      <c r="C14954" s="7">
        <f t="shared" si="233"/>
        <v>248.95079999999999</v>
      </c>
    </row>
    <row r="14955" spans="1:3" x14ac:dyDescent="0.25">
      <c r="A14955" s="2" t="s">
        <v>6613</v>
      </c>
      <c r="B14955" s="6">
        <v>248967.44999999998</v>
      </c>
      <c r="C14955" s="7">
        <f t="shared" si="233"/>
        <v>248.96744999999999</v>
      </c>
    </row>
    <row r="14956" spans="1:3" x14ac:dyDescent="0.25">
      <c r="A14956" s="2" t="s">
        <v>6614</v>
      </c>
      <c r="B14956" s="6">
        <v>248984.09999999998</v>
      </c>
      <c r="C14956" s="7">
        <f t="shared" si="233"/>
        <v>248.98409999999998</v>
      </c>
    </row>
    <row r="14957" spans="1:3" x14ac:dyDescent="0.25">
      <c r="A14957" s="2" t="s">
        <v>6615</v>
      </c>
      <c r="B14957" s="6">
        <v>249000.74999999997</v>
      </c>
      <c r="C14957" s="7">
        <f t="shared" si="233"/>
        <v>249.00074999999998</v>
      </c>
    </row>
    <row r="14958" spans="1:3" x14ac:dyDescent="0.25">
      <c r="A14958" s="2" t="s">
        <v>6616</v>
      </c>
      <c r="B14958" s="6">
        <v>249017.39999999997</v>
      </c>
      <c r="C14958" s="7">
        <f t="shared" si="233"/>
        <v>249.01739999999995</v>
      </c>
    </row>
    <row r="14959" spans="1:3" x14ac:dyDescent="0.25">
      <c r="A14959" s="2" t="s">
        <v>6617</v>
      </c>
      <c r="B14959" s="6">
        <v>249034.05</v>
      </c>
      <c r="C14959" s="7">
        <f t="shared" si="233"/>
        <v>249.03404999999998</v>
      </c>
    </row>
    <row r="14960" spans="1:3" x14ac:dyDescent="0.25">
      <c r="A14960" s="2" t="s">
        <v>6618</v>
      </c>
      <c r="B14960" s="6">
        <v>249050.69999999998</v>
      </c>
      <c r="C14960" s="7">
        <f t="shared" si="233"/>
        <v>249.05069999999998</v>
      </c>
    </row>
    <row r="14961" spans="1:3" x14ac:dyDescent="0.25">
      <c r="A14961" s="2" t="s">
        <v>6619</v>
      </c>
      <c r="B14961" s="6">
        <v>249067.34999999998</v>
      </c>
      <c r="C14961" s="7">
        <f t="shared" si="233"/>
        <v>249.06734999999998</v>
      </c>
    </row>
    <row r="14962" spans="1:3" x14ac:dyDescent="0.25">
      <c r="A14962" s="2" t="s">
        <v>6620</v>
      </c>
      <c r="B14962" s="6">
        <v>249083.99999999997</v>
      </c>
      <c r="C14962" s="7">
        <f t="shared" si="233"/>
        <v>249.08399999999997</v>
      </c>
    </row>
    <row r="14963" spans="1:3" x14ac:dyDescent="0.25">
      <c r="A14963" s="2" t="s">
        <v>6621</v>
      </c>
      <c r="B14963" s="6">
        <v>249100.64999999997</v>
      </c>
      <c r="C14963" s="7">
        <f t="shared" si="233"/>
        <v>249.10064999999997</v>
      </c>
    </row>
    <row r="14964" spans="1:3" x14ac:dyDescent="0.25">
      <c r="A14964" s="2" t="s">
        <v>6622</v>
      </c>
      <c r="B14964" s="6">
        <v>249117.3</v>
      </c>
      <c r="C14964" s="7">
        <f t="shared" si="233"/>
        <v>249.1173</v>
      </c>
    </row>
    <row r="14965" spans="1:3" x14ac:dyDescent="0.25">
      <c r="A14965" s="2" t="s">
        <v>6623</v>
      </c>
      <c r="B14965" s="6">
        <v>249133.94999999998</v>
      </c>
      <c r="C14965" s="7">
        <f t="shared" si="233"/>
        <v>249.13394999999997</v>
      </c>
    </row>
    <row r="14966" spans="1:3" x14ac:dyDescent="0.25">
      <c r="A14966" s="2" t="s">
        <v>6624</v>
      </c>
      <c r="B14966" s="6">
        <v>249150.59999999998</v>
      </c>
      <c r="C14966" s="7">
        <f t="shared" si="233"/>
        <v>249.15059999999997</v>
      </c>
    </row>
    <row r="14967" spans="1:3" x14ac:dyDescent="0.25">
      <c r="A14967" s="2" t="s">
        <v>6625</v>
      </c>
      <c r="B14967" s="6">
        <v>249167.24999999997</v>
      </c>
      <c r="C14967" s="7">
        <f t="shared" si="233"/>
        <v>249.16724999999997</v>
      </c>
    </row>
    <row r="14968" spans="1:3" x14ac:dyDescent="0.25">
      <c r="A14968" s="2" t="s">
        <v>6626</v>
      </c>
      <c r="B14968" s="6">
        <v>249183.89999999997</v>
      </c>
      <c r="C14968" s="7">
        <f t="shared" si="233"/>
        <v>249.18389999999997</v>
      </c>
    </row>
    <row r="14969" spans="1:3" x14ac:dyDescent="0.25">
      <c r="A14969" s="2" t="s">
        <v>6627</v>
      </c>
      <c r="B14969" s="6">
        <v>249200.55</v>
      </c>
      <c r="C14969" s="7">
        <f t="shared" si="233"/>
        <v>249.20054999999999</v>
      </c>
    </row>
    <row r="14970" spans="1:3" x14ac:dyDescent="0.25">
      <c r="A14970" s="2" t="s">
        <v>6628</v>
      </c>
      <c r="B14970" s="6">
        <v>249217.19999999998</v>
      </c>
      <c r="C14970" s="7">
        <f t="shared" si="233"/>
        <v>249.21719999999999</v>
      </c>
    </row>
    <row r="14971" spans="1:3" x14ac:dyDescent="0.25">
      <c r="A14971" s="2" t="s">
        <v>6629</v>
      </c>
      <c r="B14971" s="6">
        <v>249233.84999999998</v>
      </c>
      <c r="C14971" s="7">
        <f t="shared" si="233"/>
        <v>249.23384999999999</v>
      </c>
    </row>
    <row r="14972" spans="1:3" x14ac:dyDescent="0.25">
      <c r="A14972" s="2" t="s">
        <v>6630</v>
      </c>
      <c r="B14972" s="6">
        <v>249250.49999999997</v>
      </c>
      <c r="C14972" s="7">
        <f t="shared" si="233"/>
        <v>249.25049999999996</v>
      </c>
    </row>
    <row r="14973" spans="1:3" x14ac:dyDescent="0.25">
      <c r="A14973" s="2" t="s">
        <v>6631</v>
      </c>
      <c r="B14973" s="6">
        <v>249267.14999999997</v>
      </c>
      <c r="C14973" s="7">
        <f t="shared" si="233"/>
        <v>249.26714999999996</v>
      </c>
    </row>
    <row r="14974" spans="1:3" x14ac:dyDescent="0.25">
      <c r="A14974" s="2" t="s">
        <v>6632</v>
      </c>
      <c r="B14974" s="6">
        <v>249283.8</v>
      </c>
      <c r="C14974" s="7">
        <f t="shared" si="233"/>
        <v>249.28379999999999</v>
      </c>
    </row>
    <row r="14975" spans="1:3" x14ac:dyDescent="0.25">
      <c r="A14975" s="2" t="s">
        <v>6633</v>
      </c>
      <c r="B14975" s="6">
        <v>249300.44999999998</v>
      </c>
      <c r="C14975" s="7">
        <f t="shared" si="233"/>
        <v>249.30044999999998</v>
      </c>
    </row>
    <row r="14976" spans="1:3" x14ac:dyDescent="0.25">
      <c r="A14976" s="2" t="s">
        <v>6634</v>
      </c>
      <c r="B14976" s="6">
        <v>249317.09999999998</v>
      </c>
      <c r="C14976" s="7">
        <f t="shared" si="233"/>
        <v>249.31709999999998</v>
      </c>
    </row>
    <row r="14977" spans="1:3" x14ac:dyDescent="0.25">
      <c r="A14977" s="2" t="s">
        <v>6635</v>
      </c>
      <c r="B14977" s="6">
        <v>249333.74999999997</v>
      </c>
      <c r="C14977" s="7">
        <f t="shared" si="233"/>
        <v>249.33374999999998</v>
      </c>
    </row>
    <row r="14978" spans="1:3" x14ac:dyDescent="0.25">
      <c r="A14978" s="2" t="s">
        <v>6636</v>
      </c>
      <c r="B14978" s="6">
        <v>249350.39999999997</v>
      </c>
      <c r="C14978" s="7">
        <f t="shared" si="233"/>
        <v>249.35039999999998</v>
      </c>
    </row>
    <row r="14979" spans="1:3" x14ac:dyDescent="0.25">
      <c r="A14979" s="2" t="s">
        <v>6637</v>
      </c>
      <c r="B14979" s="6">
        <v>249367.05</v>
      </c>
      <c r="C14979" s="7">
        <f t="shared" ref="C14979:C15042" si="234">B14979/1000</f>
        <v>249.36704999999998</v>
      </c>
    </row>
    <row r="14980" spans="1:3" x14ac:dyDescent="0.25">
      <c r="A14980" s="2" t="s">
        <v>6638</v>
      </c>
      <c r="B14980" s="6">
        <v>249383.69999999998</v>
      </c>
      <c r="C14980" s="7">
        <f t="shared" si="234"/>
        <v>249.38369999999998</v>
      </c>
    </row>
    <row r="14981" spans="1:3" x14ac:dyDescent="0.25">
      <c r="A14981" s="2" t="s">
        <v>6639</v>
      </c>
      <c r="B14981" s="6">
        <v>249400.34999999998</v>
      </c>
      <c r="C14981" s="7">
        <f t="shared" si="234"/>
        <v>249.40034999999997</v>
      </c>
    </row>
    <row r="14982" spans="1:3" x14ac:dyDescent="0.25">
      <c r="A14982" s="2" t="s">
        <v>6640</v>
      </c>
      <c r="B14982" s="6">
        <v>249416.99999999997</v>
      </c>
      <c r="C14982" s="7">
        <f t="shared" si="234"/>
        <v>249.41699999999997</v>
      </c>
    </row>
    <row r="14983" spans="1:3" x14ac:dyDescent="0.25">
      <c r="A14983" s="2" t="s">
        <v>6641</v>
      </c>
      <c r="B14983" s="6">
        <v>249433.64999999997</v>
      </c>
      <c r="C14983" s="7">
        <f t="shared" si="234"/>
        <v>249.43364999999997</v>
      </c>
    </row>
    <row r="14984" spans="1:3" x14ac:dyDescent="0.25">
      <c r="A14984" s="2" t="s">
        <v>6642</v>
      </c>
      <c r="B14984" s="6">
        <v>249450.3</v>
      </c>
      <c r="C14984" s="7">
        <f t="shared" si="234"/>
        <v>249.4503</v>
      </c>
    </row>
    <row r="14985" spans="1:3" x14ac:dyDescent="0.25">
      <c r="A14985" s="2" t="s">
        <v>6643</v>
      </c>
      <c r="B14985" s="6">
        <v>249466.94999999998</v>
      </c>
      <c r="C14985" s="7">
        <f t="shared" si="234"/>
        <v>249.46694999999997</v>
      </c>
    </row>
    <row r="14986" spans="1:3" x14ac:dyDescent="0.25">
      <c r="A14986" s="2" t="s">
        <v>6644</v>
      </c>
      <c r="B14986" s="6">
        <v>249483.59999999998</v>
      </c>
      <c r="C14986" s="7">
        <f t="shared" si="234"/>
        <v>249.48359999999997</v>
      </c>
    </row>
    <row r="14987" spans="1:3" x14ac:dyDescent="0.25">
      <c r="A14987" s="2" t="s">
        <v>6645</v>
      </c>
      <c r="B14987" s="6">
        <v>249500.24999999997</v>
      </c>
      <c r="C14987" s="7">
        <f t="shared" si="234"/>
        <v>249.50024999999997</v>
      </c>
    </row>
    <row r="14988" spans="1:3" x14ac:dyDescent="0.25">
      <c r="A14988" s="2" t="s">
        <v>6646</v>
      </c>
      <c r="B14988" s="6">
        <v>249516.89999999997</v>
      </c>
      <c r="C14988" s="7">
        <f t="shared" si="234"/>
        <v>249.51689999999996</v>
      </c>
    </row>
    <row r="14989" spans="1:3" x14ac:dyDescent="0.25">
      <c r="A14989" s="2" t="s">
        <v>6647</v>
      </c>
      <c r="B14989" s="6">
        <v>249533.55</v>
      </c>
      <c r="C14989" s="7">
        <f t="shared" si="234"/>
        <v>249.53354999999999</v>
      </c>
    </row>
    <row r="14990" spans="1:3" x14ac:dyDescent="0.25">
      <c r="A14990" s="2" t="s">
        <v>6648</v>
      </c>
      <c r="B14990" s="6">
        <v>249550.19999999998</v>
      </c>
      <c r="C14990" s="7">
        <f t="shared" si="234"/>
        <v>249.55019999999999</v>
      </c>
    </row>
    <row r="14991" spans="1:3" x14ac:dyDescent="0.25">
      <c r="A14991" s="2" t="s">
        <v>6649</v>
      </c>
      <c r="B14991" s="6">
        <v>249566.84999999998</v>
      </c>
      <c r="C14991" s="7">
        <f t="shared" si="234"/>
        <v>249.56684999999999</v>
      </c>
    </row>
    <row r="14992" spans="1:3" x14ac:dyDescent="0.25">
      <c r="A14992" s="2" t="s">
        <v>6650</v>
      </c>
      <c r="B14992" s="6">
        <v>249583.49999999997</v>
      </c>
      <c r="C14992" s="7">
        <f t="shared" si="234"/>
        <v>249.58349999999996</v>
      </c>
    </row>
    <row r="14993" spans="1:3" x14ac:dyDescent="0.25">
      <c r="A14993" s="2" t="s">
        <v>6651</v>
      </c>
      <c r="B14993" s="6">
        <v>249600.14999999997</v>
      </c>
      <c r="C14993" s="7">
        <f t="shared" si="234"/>
        <v>249.60014999999996</v>
      </c>
    </row>
    <row r="14994" spans="1:3" x14ac:dyDescent="0.25">
      <c r="A14994" s="2" t="s">
        <v>6652</v>
      </c>
      <c r="B14994" s="6">
        <v>249616.8</v>
      </c>
      <c r="C14994" s="7">
        <f t="shared" si="234"/>
        <v>249.61679999999998</v>
      </c>
    </row>
    <row r="14995" spans="1:3" x14ac:dyDescent="0.25">
      <c r="A14995" s="2" t="s">
        <v>6653</v>
      </c>
      <c r="B14995" s="6">
        <v>249633.44999999998</v>
      </c>
      <c r="C14995" s="7">
        <f t="shared" si="234"/>
        <v>249.63344999999998</v>
      </c>
    </row>
    <row r="14996" spans="1:3" x14ac:dyDescent="0.25">
      <c r="A14996" s="2" t="s">
        <v>6654</v>
      </c>
      <c r="B14996" s="6">
        <v>249650.09999999998</v>
      </c>
      <c r="C14996" s="7">
        <f t="shared" si="234"/>
        <v>249.65009999999998</v>
      </c>
    </row>
    <row r="14997" spans="1:3" x14ac:dyDescent="0.25">
      <c r="A14997" s="2" t="s">
        <v>6655</v>
      </c>
      <c r="B14997" s="6">
        <v>249666.74999999997</v>
      </c>
      <c r="C14997" s="7">
        <f t="shared" si="234"/>
        <v>249.66674999999998</v>
      </c>
    </row>
    <row r="14998" spans="1:3" x14ac:dyDescent="0.25">
      <c r="A14998" s="2" t="s">
        <v>6656</v>
      </c>
      <c r="B14998" s="6">
        <v>249683.39999999997</v>
      </c>
      <c r="C14998" s="7">
        <f t="shared" si="234"/>
        <v>249.68339999999998</v>
      </c>
    </row>
    <row r="14999" spans="1:3" x14ac:dyDescent="0.25">
      <c r="A14999" s="2" t="s">
        <v>6657</v>
      </c>
      <c r="B14999" s="6">
        <v>249700.05</v>
      </c>
      <c r="C14999" s="7">
        <f t="shared" si="234"/>
        <v>249.70004999999998</v>
      </c>
    </row>
    <row r="15000" spans="1:3" x14ac:dyDescent="0.25">
      <c r="A15000" s="2" t="s">
        <v>6658</v>
      </c>
      <c r="B15000" s="6">
        <v>249716.69999999998</v>
      </c>
      <c r="C15000" s="7">
        <f t="shared" si="234"/>
        <v>249.71669999999997</v>
      </c>
    </row>
    <row r="15001" spans="1:3" x14ac:dyDescent="0.25">
      <c r="A15001" s="2" t="s">
        <v>6659</v>
      </c>
      <c r="B15001" s="6">
        <v>249733.34999999998</v>
      </c>
      <c r="C15001" s="7">
        <f t="shared" si="234"/>
        <v>249.73334999999997</v>
      </c>
    </row>
    <row r="15002" spans="1:3" x14ac:dyDescent="0.25">
      <c r="A15002" s="2" t="s">
        <v>6660</v>
      </c>
      <c r="B15002" s="6">
        <v>249749.99999999997</v>
      </c>
      <c r="C15002" s="7">
        <f t="shared" si="234"/>
        <v>249.74999999999997</v>
      </c>
    </row>
    <row r="15003" spans="1:3" x14ac:dyDescent="0.25">
      <c r="A15003" s="2" t="s">
        <v>6661</v>
      </c>
      <c r="B15003" s="6">
        <v>249766.64999999997</v>
      </c>
      <c r="C15003" s="7">
        <f t="shared" si="234"/>
        <v>249.76664999999997</v>
      </c>
    </row>
    <row r="15004" spans="1:3" x14ac:dyDescent="0.25">
      <c r="A15004" s="2" t="s">
        <v>6662</v>
      </c>
      <c r="B15004" s="6">
        <v>249783.3</v>
      </c>
      <c r="C15004" s="7">
        <f t="shared" si="234"/>
        <v>249.7833</v>
      </c>
    </row>
    <row r="15005" spans="1:3" x14ac:dyDescent="0.25">
      <c r="A15005" s="2" t="s">
        <v>6663</v>
      </c>
      <c r="B15005" s="6">
        <v>249799.94999999998</v>
      </c>
      <c r="C15005" s="7">
        <f t="shared" si="234"/>
        <v>249.79995</v>
      </c>
    </row>
    <row r="15006" spans="1:3" x14ac:dyDescent="0.25">
      <c r="A15006" s="2" t="s">
        <v>6664</v>
      </c>
      <c r="B15006" s="6">
        <v>249816.59999999998</v>
      </c>
      <c r="C15006" s="7">
        <f t="shared" si="234"/>
        <v>249.81659999999997</v>
      </c>
    </row>
    <row r="15007" spans="1:3" x14ac:dyDescent="0.25">
      <c r="A15007" s="2" t="s">
        <v>6665</v>
      </c>
      <c r="B15007" s="6">
        <v>249833.24999999997</v>
      </c>
      <c r="C15007" s="7">
        <f t="shared" si="234"/>
        <v>249.83324999999996</v>
      </c>
    </row>
    <row r="15008" spans="1:3" x14ac:dyDescent="0.25">
      <c r="A15008" s="2" t="s">
        <v>6666</v>
      </c>
      <c r="B15008" s="6">
        <v>249849.89999999997</v>
      </c>
      <c r="C15008" s="7">
        <f t="shared" si="234"/>
        <v>249.84989999999996</v>
      </c>
    </row>
    <row r="15009" spans="1:3" x14ac:dyDescent="0.25">
      <c r="A15009" s="2" t="s">
        <v>6667</v>
      </c>
      <c r="B15009" s="6">
        <v>249866.55</v>
      </c>
      <c r="C15009" s="7">
        <f t="shared" si="234"/>
        <v>249.86654999999999</v>
      </c>
    </row>
    <row r="15010" spans="1:3" x14ac:dyDescent="0.25">
      <c r="A15010" s="2" t="s">
        <v>6668</v>
      </c>
      <c r="B15010" s="6">
        <v>249883.19999999998</v>
      </c>
      <c r="C15010" s="7">
        <f t="shared" si="234"/>
        <v>249.88319999999999</v>
      </c>
    </row>
    <row r="15011" spans="1:3" x14ac:dyDescent="0.25">
      <c r="A15011" s="2" t="s">
        <v>6669</v>
      </c>
      <c r="B15011" s="6">
        <v>249899.84999999998</v>
      </c>
      <c r="C15011" s="7">
        <f t="shared" si="234"/>
        <v>249.89984999999999</v>
      </c>
    </row>
    <row r="15012" spans="1:3" x14ac:dyDescent="0.25">
      <c r="A15012" s="2" t="s">
        <v>6670</v>
      </c>
      <c r="B15012" s="6">
        <v>249916.49999999997</v>
      </c>
      <c r="C15012" s="7">
        <f t="shared" si="234"/>
        <v>249.91649999999998</v>
      </c>
    </row>
    <row r="15013" spans="1:3" x14ac:dyDescent="0.25">
      <c r="A15013" s="2" t="s">
        <v>6671</v>
      </c>
      <c r="B15013" s="6">
        <v>249933.14999999997</v>
      </c>
      <c r="C15013" s="7">
        <f t="shared" si="234"/>
        <v>249.93314999999996</v>
      </c>
    </row>
    <row r="15014" spans="1:3" x14ac:dyDescent="0.25">
      <c r="A15014" s="2" t="s">
        <v>6672</v>
      </c>
      <c r="B15014" s="6">
        <v>249949.8</v>
      </c>
      <c r="C15014" s="7">
        <f t="shared" si="234"/>
        <v>249.94979999999998</v>
      </c>
    </row>
    <row r="15015" spans="1:3" x14ac:dyDescent="0.25">
      <c r="A15015" s="2" t="s">
        <v>6673</v>
      </c>
      <c r="B15015" s="6">
        <v>249966.44999999998</v>
      </c>
      <c r="C15015" s="7">
        <f t="shared" si="234"/>
        <v>249.96644999999998</v>
      </c>
    </row>
    <row r="15016" spans="1:3" x14ac:dyDescent="0.25">
      <c r="A15016" s="2" t="s">
        <v>6674</v>
      </c>
      <c r="B15016" s="6">
        <v>249983.09999999998</v>
      </c>
      <c r="C15016" s="7">
        <f t="shared" si="234"/>
        <v>249.98309999999998</v>
      </c>
    </row>
    <row r="15017" spans="1:3" x14ac:dyDescent="0.25">
      <c r="A15017" s="2" t="s">
        <v>6675</v>
      </c>
      <c r="B15017" s="6">
        <v>249999.74999999997</v>
      </c>
      <c r="C15017" s="7">
        <f t="shared" si="234"/>
        <v>249.99974999999998</v>
      </c>
    </row>
    <row r="15018" spans="1:3" x14ac:dyDescent="0.25">
      <c r="A15018" s="2" t="s">
        <v>6676</v>
      </c>
      <c r="B15018" s="6">
        <v>250016.39999999997</v>
      </c>
      <c r="C15018" s="7">
        <f t="shared" si="234"/>
        <v>250.01639999999998</v>
      </c>
    </row>
    <row r="15019" spans="1:3" x14ac:dyDescent="0.25">
      <c r="A15019" s="2" t="s">
        <v>6677</v>
      </c>
      <c r="B15019" s="6">
        <v>250033.05</v>
      </c>
      <c r="C15019" s="7">
        <f t="shared" si="234"/>
        <v>250.03304999999997</v>
      </c>
    </row>
    <row r="15020" spans="1:3" x14ac:dyDescent="0.25">
      <c r="A15020" s="2" t="s">
        <v>6678</v>
      </c>
      <c r="B15020" s="6">
        <v>250049.69999999998</v>
      </c>
      <c r="C15020" s="7">
        <f t="shared" si="234"/>
        <v>250.04969999999997</v>
      </c>
    </row>
    <row r="15021" spans="1:3" x14ac:dyDescent="0.25">
      <c r="A15021" s="2" t="s">
        <v>6679</v>
      </c>
      <c r="B15021" s="6">
        <v>250066.34999999998</v>
      </c>
      <c r="C15021" s="7">
        <f t="shared" si="234"/>
        <v>250.06634999999997</v>
      </c>
    </row>
    <row r="15022" spans="1:3" x14ac:dyDescent="0.25">
      <c r="A15022" s="2" t="s">
        <v>6680</v>
      </c>
      <c r="B15022" s="6">
        <v>250082.99999999997</v>
      </c>
      <c r="C15022" s="7">
        <f t="shared" si="234"/>
        <v>250.08299999999997</v>
      </c>
    </row>
    <row r="15023" spans="1:3" x14ac:dyDescent="0.25">
      <c r="A15023" s="2" t="s">
        <v>6681</v>
      </c>
      <c r="B15023" s="6">
        <v>250099.64999999997</v>
      </c>
      <c r="C15023" s="7">
        <f t="shared" si="234"/>
        <v>250.09964999999997</v>
      </c>
    </row>
    <row r="15024" spans="1:3" x14ac:dyDescent="0.25">
      <c r="A15024" s="2" t="s">
        <v>6682</v>
      </c>
      <c r="B15024" s="6">
        <v>250116.3</v>
      </c>
      <c r="C15024" s="7">
        <f t="shared" si="234"/>
        <v>250.1163</v>
      </c>
    </row>
    <row r="15025" spans="1:3" x14ac:dyDescent="0.25">
      <c r="A15025" s="2" t="s">
        <v>6683</v>
      </c>
      <c r="B15025" s="6">
        <v>250132.94999999998</v>
      </c>
      <c r="C15025" s="7">
        <f t="shared" si="234"/>
        <v>250.13294999999999</v>
      </c>
    </row>
    <row r="15026" spans="1:3" x14ac:dyDescent="0.25">
      <c r="A15026" s="2" t="s">
        <v>6684</v>
      </c>
      <c r="B15026" s="6">
        <v>250149.59999999998</v>
      </c>
      <c r="C15026" s="7">
        <f t="shared" si="234"/>
        <v>250.14959999999996</v>
      </c>
    </row>
    <row r="15027" spans="1:3" x14ac:dyDescent="0.25">
      <c r="A15027" s="2" t="s">
        <v>6685</v>
      </c>
      <c r="B15027" s="6">
        <v>250166.24999999997</v>
      </c>
      <c r="C15027" s="7">
        <f t="shared" si="234"/>
        <v>250.16624999999996</v>
      </c>
    </row>
    <row r="15028" spans="1:3" x14ac:dyDescent="0.25">
      <c r="A15028" s="2" t="s">
        <v>6686</v>
      </c>
      <c r="B15028" s="6">
        <v>250182.89999999997</v>
      </c>
      <c r="C15028" s="7">
        <f t="shared" si="234"/>
        <v>250.18289999999996</v>
      </c>
    </row>
    <row r="15029" spans="1:3" x14ac:dyDescent="0.25">
      <c r="A15029" s="2" t="s">
        <v>6687</v>
      </c>
      <c r="B15029" s="6">
        <v>250199.55</v>
      </c>
      <c r="C15029" s="7">
        <f t="shared" si="234"/>
        <v>250.19954999999999</v>
      </c>
    </row>
    <row r="15030" spans="1:3" x14ac:dyDescent="0.25">
      <c r="A15030" s="2" t="s">
        <v>6688</v>
      </c>
      <c r="B15030" s="6">
        <v>250216.19999999998</v>
      </c>
      <c r="C15030" s="7">
        <f t="shared" si="234"/>
        <v>250.21619999999999</v>
      </c>
    </row>
    <row r="15031" spans="1:3" x14ac:dyDescent="0.25">
      <c r="A15031" s="2" t="s">
        <v>6689</v>
      </c>
      <c r="B15031" s="6">
        <v>250232.84999999998</v>
      </c>
      <c r="C15031" s="7">
        <f t="shared" si="234"/>
        <v>250.23284999999998</v>
      </c>
    </row>
    <row r="15032" spans="1:3" x14ac:dyDescent="0.25">
      <c r="A15032" s="2" t="s">
        <v>6690</v>
      </c>
      <c r="B15032" s="6">
        <v>250249.49999999997</v>
      </c>
      <c r="C15032" s="7">
        <f t="shared" si="234"/>
        <v>250.24949999999998</v>
      </c>
    </row>
    <row r="15033" spans="1:3" x14ac:dyDescent="0.25">
      <c r="A15033" s="2" t="s">
        <v>6691</v>
      </c>
      <c r="B15033" s="6">
        <v>250266.14999999997</v>
      </c>
      <c r="C15033" s="7">
        <f t="shared" si="234"/>
        <v>250.26614999999995</v>
      </c>
    </row>
    <row r="15034" spans="1:3" x14ac:dyDescent="0.25">
      <c r="A15034" s="2" t="s">
        <v>6692</v>
      </c>
      <c r="B15034" s="6">
        <v>250282.8</v>
      </c>
      <c r="C15034" s="7">
        <f t="shared" si="234"/>
        <v>250.28279999999998</v>
      </c>
    </row>
    <row r="15035" spans="1:3" x14ac:dyDescent="0.25">
      <c r="A15035" s="2" t="s">
        <v>6693</v>
      </c>
      <c r="B15035" s="6">
        <v>250299.44999999998</v>
      </c>
      <c r="C15035" s="7">
        <f t="shared" si="234"/>
        <v>250.29944999999998</v>
      </c>
    </row>
    <row r="15036" spans="1:3" x14ac:dyDescent="0.25">
      <c r="A15036" s="2" t="s">
        <v>6694</v>
      </c>
      <c r="B15036" s="6">
        <v>250316.09999999998</v>
      </c>
      <c r="C15036" s="7">
        <f t="shared" si="234"/>
        <v>250.31609999999998</v>
      </c>
    </row>
    <row r="15037" spans="1:3" x14ac:dyDescent="0.25">
      <c r="A15037" s="2" t="s">
        <v>6695</v>
      </c>
      <c r="B15037" s="6">
        <v>250332.74999999997</v>
      </c>
      <c r="C15037" s="7">
        <f t="shared" si="234"/>
        <v>250.33274999999998</v>
      </c>
    </row>
    <row r="15038" spans="1:3" x14ac:dyDescent="0.25">
      <c r="A15038" s="2" t="s">
        <v>6696</v>
      </c>
      <c r="B15038" s="6">
        <v>250349.39999999997</v>
      </c>
      <c r="C15038" s="7">
        <f t="shared" si="234"/>
        <v>250.34939999999997</v>
      </c>
    </row>
    <row r="15039" spans="1:3" x14ac:dyDescent="0.25">
      <c r="A15039" s="2" t="s">
        <v>6697</v>
      </c>
      <c r="B15039" s="6">
        <v>250366.05</v>
      </c>
      <c r="C15039" s="7">
        <f t="shared" si="234"/>
        <v>250.36605</v>
      </c>
    </row>
    <row r="15040" spans="1:3" x14ac:dyDescent="0.25">
      <c r="A15040" s="2" t="s">
        <v>6698</v>
      </c>
      <c r="B15040" s="6">
        <v>250382.69999999998</v>
      </c>
      <c r="C15040" s="7">
        <f t="shared" si="234"/>
        <v>250.38269999999997</v>
      </c>
    </row>
    <row r="15041" spans="1:3" x14ac:dyDescent="0.25">
      <c r="A15041" s="2" t="s">
        <v>6699</v>
      </c>
      <c r="B15041" s="6">
        <v>250399.34999999998</v>
      </c>
      <c r="C15041" s="7">
        <f t="shared" si="234"/>
        <v>250.39934999999997</v>
      </c>
    </row>
    <row r="15042" spans="1:3" x14ac:dyDescent="0.25">
      <c r="A15042" s="2" t="s">
        <v>6700</v>
      </c>
      <c r="B15042" s="6">
        <v>250415.99999999997</v>
      </c>
      <c r="C15042" s="7">
        <f t="shared" si="234"/>
        <v>250.41599999999997</v>
      </c>
    </row>
    <row r="15043" spans="1:3" x14ac:dyDescent="0.25">
      <c r="A15043" s="2" t="s">
        <v>6701</v>
      </c>
      <c r="B15043" s="6">
        <v>250432.64999999997</v>
      </c>
      <c r="C15043" s="7">
        <f t="shared" ref="C15043:C15106" si="235">B15043/1000</f>
        <v>250.43264999999997</v>
      </c>
    </row>
    <row r="15044" spans="1:3" x14ac:dyDescent="0.25">
      <c r="A15044" s="2" t="s">
        <v>6702</v>
      </c>
      <c r="B15044" s="6">
        <v>250449.3</v>
      </c>
      <c r="C15044" s="7">
        <f t="shared" si="235"/>
        <v>250.44929999999999</v>
      </c>
    </row>
    <row r="15045" spans="1:3" x14ac:dyDescent="0.25">
      <c r="A15045" s="2" t="s">
        <v>6703</v>
      </c>
      <c r="B15045" s="6">
        <v>250465.94999999998</v>
      </c>
      <c r="C15045" s="7">
        <f t="shared" si="235"/>
        <v>250.46594999999999</v>
      </c>
    </row>
    <row r="15046" spans="1:3" x14ac:dyDescent="0.25">
      <c r="A15046" s="2" t="s">
        <v>6704</v>
      </c>
      <c r="B15046" s="6">
        <v>250482.59999999998</v>
      </c>
      <c r="C15046" s="7">
        <f t="shared" si="235"/>
        <v>250.48259999999999</v>
      </c>
    </row>
    <row r="15047" spans="1:3" x14ac:dyDescent="0.25">
      <c r="A15047" s="2" t="s">
        <v>6705</v>
      </c>
      <c r="B15047" s="6">
        <v>250499.24999999997</v>
      </c>
      <c r="C15047" s="7">
        <f t="shared" si="235"/>
        <v>250.49924999999996</v>
      </c>
    </row>
    <row r="15048" spans="1:3" x14ac:dyDescent="0.25">
      <c r="A15048" s="2" t="s">
        <v>6706</v>
      </c>
      <c r="B15048" s="6">
        <v>250515.89999999997</v>
      </c>
      <c r="C15048" s="7">
        <f t="shared" si="235"/>
        <v>250.51589999999996</v>
      </c>
    </row>
    <row r="15049" spans="1:3" x14ac:dyDescent="0.25">
      <c r="A15049" s="2" t="s">
        <v>6707</v>
      </c>
      <c r="B15049" s="6">
        <v>250532.55</v>
      </c>
      <c r="C15049" s="7">
        <f t="shared" si="235"/>
        <v>250.53254999999999</v>
      </c>
    </row>
    <row r="15050" spans="1:3" x14ac:dyDescent="0.25">
      <c r="A15050" s="2" t="s">
        <v>6708</v>
      </c>
      <c r="B15050" s="6">
        <v>250549.19999999998</v>
      </c>
      <c r="C15050" s="7">
        <f t="shared" si="235"/>
        <v>250.54919999999998</v>
      </c>
    </row>
    <row r="15051" spans="1:3" x14ac:dyDescent="0.25">
      <c r="A15051" s="2" t="s">
        <v>6709</v>
      </c>
      <c r="B15051" s="6">
        <v>250565.84999999998</v>
      </c>
      <c r="C15051" s="7">
        <f t="shared" si="235"/>
        <v>250.56584999999998</v>
      </c>
    </row>
    <row r="15052" spans="1:3" x14ac:dyDescent="0.25">
      <c r="A15052" s="2" t="s">
        <v>6710</v>
      </c>
      <c r="B15052" s="6">
        <v>250582.49999999997</v>
      </c>
      <c r="C15052" s="7">
        <f t="shared" si="235"/>
        <v>250.58249999999998</v>
      </c>
    </row>
    <row r="15053" spans="1:3" x14ac:dyDescent="0.25">
      <c r="A15053" s="2" t="s">
        <v>6711</v>
      </c>
      <c r="B15053" s="6">
        <v>250599.14999999997</v>
      </c>
      <c r="C15053" s="7">
        <f t="shared" si="235"/>
        <v>250.59914999999995</v>
      </c>
    </row>
    <row r="15054" spans="1:3" x14ac:dyDescent="0.25">
      <c r="A15054" s="2" t="s">
        <v>6712</v>
      </c>
      <c r="B15054" s="6">
        <v>250615.8</v>
      </c>
      <c r="C15054" s="7">
        <f t="shared" si="235"/>
        <v>250.61579999999998</v>
      </c>
    </row>
    <row r="15055" spans="1:3" x14ac:dyDescent="0.25">
      <c r="A15055" s="2" t="s">
        <v>6713</v>
      </c>
      <c r="B15055" s="6">
        <v>250632.44999999998</v>
      </c>
      <c r="C15055" s="7">
        <f t="shared" si="235"/>
        <v>250.63244999999998</v>
      </c>
    </row>
    <row r="15056" spans="1:3" x14ac:dyDescent="0.25">
      <c r="A15056" s="2" t="s">
        <v>6714</v>
      </c>
      <c r="B15056" s="6">
        <v>250649.09999999998</v>
      </c>
      <c r="C15056" s="7">
        <f t="shared" si="235"/>
        <v>250.64909999999998</v>
      </c>
    </row>
    <row r="15057" spans="1:3" x14ac:dyDescent="0.25">
      <c r="A15057" s="2" t="s">
        <v>6715</v>
      </c>
      <c r="B15057" s="6">
        <v>250665.74999999997</v>
      </c>
      <c r="C15057" s="7">
        <f t="shared" si="235"/>
        <v>250.66574999999997</v>
      </c>
    </row>
    <row r="15058" spans="1:3" x14ac:dyDescent="0.25">
      <c r="A15058" s="2" t="s">
        <v>6716</v>
      </c>
      <c r="B15058" s="6">
        <v>250682.39999999997</v>
      </c>
      <c r="C15058" s="7">
        <f t="shared" si="235"/>
        <v>250.68239999999997</v>
      </c>
    </row>
    <row r="15059" spans="1:3" x14ac:dyDescent="0.25">
      <c r="A15059" s="2" t="s">
        <v>6717</v>
      </c>
      <c r="B15059" s="6">
        <v>250699.05</v>
      </c>
      <c r="C15059" s="7">
        <f t="shared" si="235"/>
        <v>250.69905</v>
      </c>
    </row>
    <row r="15060" spans="1:3" x14ac:dyDescent="0.25">
      <c r="A15060" s="2" t="s">
        <v>6718</v>
      </c>
      <c r="B15060" s="6">
        <v>250715.69999999998</v>
      </c>
      <c r="C15060" s="7">
        <f t="shared" si="235"/>
        <v>250.71569999999997</v>
      </c>
    </row>
    <row r="15061" spans="1:3" x14ac:dyDescent="0.25">
      <c r="A15061" s="2" t="s">
        <v>6719</v>
      </c>
      <c r="B15061" s="6">
        <v>250732.34999999998</v>
      </c>
      <c r="C15061" s="7">
        <f t="shared" si="235"/>
        <v>250.73234999999997</v>
      </c>
    </row>
    <row r="15062" spans="1:3" x14ac:dyDescent="0.25">
      <c r="A15062" s="2" t="s">
        <v>6720</v>
      </c>
      <c r="B15062" s="6">
        <v>250748.99999999997</v>
      </c>
      <c r="C15062" s="7">
        <f t="shared" si="235"/>
        <v>250.74899999999997</v>
      </c>
    </row>
    <row r="15063" spans="1:3" x14ac:dyDescent="0.25">
      <c r="A15063" s="2" t="s">
        <v>6721</v>
      </c>
      <c r="B15063" s="6">
        <v>250765.64999999997</v>
      </c>
      <c r="C15063" s="7">
        <f t="shared" si="235"/>
        <v>250.76564999999997</v>
      </c>
    </row>
    <row r="15064" spans="1:3" x14ac:dyDescent="0.25">
      <c r="A15064" s="2" t="s">
        <v>6722</v>
      </c>
      <c r="B15064" s="6">
        <v>250782.3</v>
      </c>
      <c r="C15064" s="7">
        <f t="shared" si="235"/>
        <v>250.78229999999999</v>
      </c>
    </row>
    <row r="15065" spans="1:3" x14ac:dyDescent="0.25">
      <c r="A15065" s="2" t="s">
        <v>6723</v>
      </c>
      <c r="B15065" s="6">
        <v>250798.94999999998</v>
      </c>
      <c r="C15065" s="7">
        <f t="shared" si="235"/>
        <v>250.79894999999999</v>
      </c>
    </row>
    <row r="15066" spans="1:3" x14ac:dyDescent="0.25">
      <c r="A15066" s="2" t="s">
        <v>6724</v>
      </c>
      <c r="B15066" s="6">
        <v>250815.59999999998</v>
      </c>
      <c r="C15066" s="7">
        <f t="shared" si="235"/>
        <v>250.81559999999999</v>
      </c>
    </row>
    <row r="15067" spans="1:3" x14ac:dyDescent="0.25">
      <c r="A15067" s="2" t="s">
        <v>6725</v>
      </c>
      <c r="B15067" s="6">
        <v>250832.24999999997</v>
      </c>
      <c r="C15067" s="7">
        <f t="shared" si="235"/>
        <v>250.83224999999996</v>
      </c>
    </row>
    <row r="15068" spans="1:3" x14ac:dyDescent="0.25">
      <c r="A15068" s="2" t="s">
        <v>6726</v>
      </c>
      <c r="B15068" s="6">
        <v>250848.89999999997</v>
      </c>
      <c r="C15068" s="7">
        <f t="shared" si="235"/>
        <v>250.84889999999996</v>
      </c>
    </row>
    <row r="15069" spans="1:3" x14ac:dyDescent="0.25">
      <c r="A15069" s="2" t="s">
        <v>6727</v>
      </c>
      <c r="B15069" s="6">
        <v>250865.55</v>
      </c>
      <c r="C15069" s="7">
        <f t="shared" si="235"/>
        <v>250.86554999999998</v>
      </c>
    </row>
    <row r="15070" spans="1:3" x14ac:dyDescent="0.25">
      <c r="A15070" s="2" t="s">
        <v>6728</v>
      </c>
      <c r="B15070" s="6">
        <v>250882.19999999998</v>
      </c>
      <c r="C15070" s="7">
        <f t="shared" si="235"/>
        <v>250.88219999999998</v>
      </c>
    </row>
    <row r="15071" spans="1:3" x14ac:dyDescent="0.25">
      <c r="A15071" s="2" t="s">
        <v>6729</v>
      </c>
      <c r="B15071" s="6">
        <v>250898.84999999998</v>
      </c>
      <c r="C15071" s="7">
        <f t="shared" si="235"/>
        <v>250.89884999999998</v>
      </c>
    </row>
    <row r="15072" spans="1:3" x14ac:dyDescent="0.25">
      <c r="A15072" s="2" t="s">
        <v>6730</v>
      </c>
      <c r="B15072" s="6">
        <v>250915.49999999997</v>
      </c>
      <c r="C15072" s="7">
        <f t="shared" si="235"/>
        <v>250.91549999999998</v>
      </c>
    </row>
    <row r="15073" spans="1:3" x14ac:dyDescent="0.25">
      <c r="A15073" s="2" t="s">
        <v>6731</v>
      </c>
      <c r="B15073" s="6">
        <v>250932.14999999997</v>
      </c>
      <c r="C15073" s="7">
        <f t="shared" si="235"/>
        <v>250.93214999999998</v>
      </c>
    </row>
    <row r="15074" spans="1:3" x14ac:dyDescent="0.25">
      <c r="A15074" s="2" t="s">
        <v>6732</v>
      </c>
      <c r="B15074" s="6">
        <v>250948.8</v>
      </c>
      <c r="C15074" s="7">
        <f t="shared" si="235"/>
        <v>250.94879999999998</v>
      </c>
    </row>
    <row r="15075" spans="1:3" x14ac:dyDescent="0.25">
      <c r="A15075" s="2" t="s">
        <v>6733</v>
      </c>
      <c r="B15075" s="6">
        <v>250965.44999999998</v>
      </c>
      <c r="C15075" s="7">
        <f t="shared" si="235"/>
        <v>250.96544999999998</v>
      </c>
    </row>
    <row r="15076" spans="1:3" x14ac:dyDescent="0.25">
      <c r="A15076" s="2" t="s">
        <v>6734</v>
      </c>
      <c r="B15076" s="6">
        <v>250982.09999999998</v>
      </c>
      <c r="C15076" s="7">
        <f t="shared" si="235"/>
        <v>250.98209999999997</v>
      </c>
    </row>
    <row r="15077" spans="1:3" x14ac:dyDescent="0.25">
      <c r="A15077" s="2" t="s">
        <v>6735</v>
      </c>
      <c r="B15077" s="6">
        <v>250998.74999999997</v>
      </c>
      <c r="C15077" s="7">
        <f t="shared" si="235"/>
        <v>250.99874999999997</v>
      </c>
    </row>
    <row r="15078" spans="1:3" x14ac:dyDescent="0.25">
      <c r="A15078" s="2" t="s">
        <v>6736</v>
      </c>
      <c r="B15078" s="6">
        <v>251015.39999999997</v>
      </c>
      <c r="C15078" s="7">
        <f t="shared" si="235"/>
        <v>251.01539999999997</v>
      </c>
    </row>
    <row r="15079" spans="1:3" x14ac:dyDescent="0.25">
      <c r="A15079" s="2" t="s">
        <v>6737</v>
      </c>
      <c r="B15079" s="6">
        <v>251032.05</v>
      </c>
      <c r="C15079" s="7">
        <f t="shared" si="235"/>
        <v>251.03205</v>
      </c>
    </row>
    <row r="15080" spans="1:3" x14ac:dyDescent="0.25">
      <c r="A15080" s="2" t="s">
        <v>6738</v>
      </c>
      <c r="B15080" s="6">
        <v>251048.69999999998</v>
      </c>
      <c r="C15080" s="7">
        <f t="shared" si="235"/>
        <v>251.0487</v>
      </c>
    </row>
    <row r="15081" spans="1:3" x14ac:dyDescent="0.25">
      <c r="A15081" s="2" t="s">
        <v>6739</v>
      </c>
      <c r="B15081" s="6">
        <v>251065.34999999998</v>
      </c>
      <c r="C15081" s="7">
        <f t="shared" si="235"/>
        <v>251.06534999999997</v>
      </c>
    </row>
    <row r="15082" spans="1:3" x14ac:dyDescent="0.25">
      <c r="A15082" s="2" t="s">
        <v>6740</v>
      </c>
      <c r="B15082" s="6">
        <v>251081.99999999997</v>
      </c>
      <c r="C15082" s="7">
        <f t="shared" si="235"/>
        <v>251.08199999999997</v>
      </c>
    </row>
    <row r="15083" spans="1:3" x14ac:dyDescent="0.25">
      <c r="A15083" s="2" t="s">
        <v>6741</v>
      </c>
      <c r="B15083" s="6">
        <v>251098.64999999997</v>
      </c>
      <c r="C15083" s="7">
        <f t="shared" si="235"/>
        <v>251.09864999999996</v>
      </c>
    </row>
    <row r="15084" spans="1:3" x14ac:dyDescent="0.25">
      <c r="A15084" s="2" t="s">
        <v>6742</v>
      </c>
      <c r="B15084" s="6">
        <v>251115.3</v>
      </c>
      <c r="C15084" s="7">
        <f t="shared" si="235"/>
        <v>251.11529999999999</v>
      </c>
    </row>
    <row r="15085" spans="1:3" x14ac:dyDescent="0.25">
      <c r="A15085" s="2" t="s">
        <v>6743</v>
      </c>
      <c r="B15085" s="6">
        <v>251131.94999999998</v>
      </c>
      <c r="C15085" s="7">
        <f t="shared" si="235"/>
        <v>251.13194999999999</v>
      </c>
    </row>
    <row r="15086" spans="1:3" x14ac:dyDescent="0.25">
      <c r="A15086" s="2" t="s">
        <v>6744</v>
      </c>
      <c r="B15086" s="6">
        <v>251148.59999999998</v>
      </c>
      <c r="C15086" s="7">
        <f t="shared" si="235"/>
        <v>251.14859999999999</v>
      </c>
    </row>
    <row r="15087" spans="1:3" x14ac:dyDescent="0.25">
      <c r="A15087" s="2" t="s">
        <v>6745</v>
      </c>
      <c r="B15087" s="6">
        <v>251165.24999999997</v>
      </c>
      <c r="C15087" s="7">
        <f t="shared" si="235"/>
        <v>251.16524999999996</v>
      </c>
    </row>
    <row r="15088" spans="1:3" x14ac:dyDescent="0.25">
      <c r="A15088" s="2" t="s">
        <v>6746</v>
      </c>
      <c r="B15088" s="6">
        <v>251181.89999999997</v>
      </c>
      <c r="C15088" s="7">
        <f t="shared" si="235"/>
        <v>251.18189999999996</v>
      </c>
    </row>
    <row r="15089" spans="1:3" x14ac:dyDescent="0.25">
      <c r="A15089" s="2" t="s">
        <v>6747</v>
      </c>
      <c r="B15089" s="6">
        <v>251198.55</v>
      </c>
      <c r="C15089" s="7">
        <f t="shared" si="235"/>
        <v>251.19854999999998</v>
      </c>
    </row>
    <row r="15090" spans="1:3" x14ac:dyDescent="0.25">
      <c r="A15090" s="2" t="s">
        <v>6748</v>
      </c>
      <c r="B15090" s="6">
        <v>251215.19999999998</v>
      </c>
      <c r="C15090" s="7">
        <f t="shared" si="235"/>
        <v>251.21519999999998</v>
      </c>
    </row>
    <row r="15091" spans="1:3" x14ac:dyDescent="0.25">
      <c r="A15091" s="2" t="s">
        <v>6749</v>
      </c>
      <c r="B15091" s="6">
        <v>251231.84999999998</v>
      </c>
      <c r="C15091" s="7">
        <f t="shared" si="235"/>
        <v>251.23184999999998</v>
      </c>
    </row>
    <row r="15092" spans="1:3" x14ac:dyDescent="0.25">
      <c r="A15092" s="2" t="s">
        <v>6750</v>
      </c>
      <c r="B15092" s="6">
        <v>251248.49999999997</v>
      </c>
      <c r="C15092" s="7">
        <f t="shared" si="235"/>
        <v>251.24849999999998</v>
      </c>
    </row>
    <row r="15093" spans="1:3" x14ac:dyDescent="0.25">
      <c r="A15093" s="2" t="s">
        <v>6751</v>
      </c>
      <c r="B15093" s="6">
        <v>251265.14999999997</v>
      </c>
      <c r="C15093" s="7">
        <f t="shared" si="235"/>
        <v>251.26514999999998</v>
      </c>
    </row>
    <row r="15094" spans="1:3" x14ac:dyDescent="0.25">
      <c r="A15094" s="2" t="s">
        <v>6752</v>
      </c>
      <c r="B15094" s="6">
        <v>251281.8</v>
      </c>
      <c r="C15094" s="7">
        <f t="shared" si="235"/>
        <v>251.28179999999998</v>
      </c>
    </row>
    <row r="15095" spans="1:3" x14ac:dyDescent="0.25">
      <c r="A15095" s="2" t="s">
        <v>6753</v>
      </c>
      <c r="B15095" s="6">
        <v>251298.44999999998</v>
      </c>
      <c r="C15095" s="7">
        <f t="shared" si="235"/>
        <v>251.29844999999997</v>
      </c>
    </row>
    <row r="15096" spans="1:3" x14ac:dyDescent="0.25">
      <c r="A15096" s="2" t="s">
        <v>6754</v>
      </c>
      <c r="B15096" s="6">
        <v>251315.09999999998</v>
      </c>
      <c r="C15096" s="7">
        <f t="shared" si="235"/>
        <v>251.31509999999997</v>
      </c>
    </row>
    <row r="15097" spans="1:3" x14ac:dyDescent="0.25">
      <c r="A15097" s="2" t="s">
        <v>6755</v>
      </c>
      <c r="B15097" s="6">
        <v>251331.74999999997</v>
      </c>
      <c r="C15097" s="7">
        <f t="shared" si="235"/>
        <v>251.33174999999997</v>
      </c>
    </row>
    <row r="15098" spans="1:3" x14ac:dyDescent="0.25">
      <c r="A15098" s="2" t="s">
        <v>6756</v>
      </c>
      <c r="B15098" s="6">
        <v>251348.39999999997</v>
      </c>
      <c r="C15098" s="7">
        <f t="shared" si="235"/>
        <v>251.34839999999997</v>
      </c>
    </row>
    <row r="15099" spans="1:3" x14ac:dyDescent="0.25">
      <c r="A15099" s="2" t="s">
        <v>6757</v>
      </c>
      <c r="B15099" s="6">
        <v>251365.05</v>
      </c>
      <c r="C15099" s="7">
        <f t="shared" si="235"/>
        <v>251.36505</v>
      </c>
    </row>
    <row r="15100" spans="1:3" x14ac:dyDescent="0.25">
      <c r="A15100" s="2" t="s">
        <v>6758</v>
      </c>
      <c r="B15100" s="6">
        <v>251381.69999999998</v>
      </c>
      <c r="C15100" s="7">
        <f t="shared" si="235"/>
        <v>251.3817</v>
      </c>
    </row>
    <row r="15101" spans="1:3" x14ac:dyDescent="0.25">
      <c r="A15101" s="2" t="s">
        <v>6759</v>
      </c>
      <c r="B15101" s="6">
        <v>251398.34999999998</v>
      </c>
      <c r="C15101" s="7">
        <f t="shared" si="235"/>
        <v>251.39834999999997</v>
      </c>
    </row>
    <row r="15102" spans="1:3" x14ac:dyDescent="0.25">
      <c r="A15102" s="2" t="s">
        <v>6760</v>
      </c>
      <c r="B15102" s="6">
        <v>251414.99999999997</v>
      </c>
      <c r="C15102" s="7">
        <f t="shared" si="235"/>
        <v>251.41499999999996</v>
      </c>
    </row>
    <row r="15103" spans="1:3" x14ac:dyDescent="0.25">
      <c r="A15103" s="2" t="s">
        <v>6761</v>
      </c>
      <c r="B15103" s="6">
        <v>251431.64999999997</v>
      </c>
      <c r="C15103" s="7">
        <f t="shared" si="235"/>
        <v>251.43164999999996</v>
      </c>
    </row>
    <row r="15104" spans="1:3" x14ac:dyDescent="0.25">
      <c r="A15104" s="2" t="s">
        <v>6762</v>
      </c>
      <c r="B15104" s="6">
        <v>251448.3</v>
      </c>
      <c r="C15104" s="7">
        <f t="shared" si="235"/>
        <v>251.44829999999999</v>
      </c>
    </row>
    <row r="15105" spans="1:3" x14ac:dyDescent="0.25">
      <c r="A15105" s="2" t="s">
        <v>6763</v>
      </c>
      <c r="B15105" s="6">
        <v>251464.94999999998</v>
      </c>
      <c r="C15105" s="7">
        <f t="shared" si="235"/>
        <v>251.46494999999999</v>
      </c>
    </row>
    <row r="15106" spans="1:3" x14ac:dyDescent="0.25">
      <c r="A15106" s="2" t="s">
        <v>6764</v>
      </c>
      <c r="B15106" s="6">
        <v>251481.59999999998</v>
      </c>
      <c r="C15106" s="7">
        <f t="shared" si="235"/>
        <v>251.48159999999999</v>
      </c>
    </row>
    <row r="15107" spans="1:3" x14ac:dyDescent="0.25">
      <c r="A15107" s="2" t="s">
        <v>6765</v>
      </c>
      <c r="B15107" s="6">
        <v>251498.24999999997</v>
      </c>
      <c r="C15107" s="7">
        <f t="shared" ref="C15107:C15170" si="236">B15107/1000</f>
        <v>251.49824999999998</v>
      </c>
    </row>
    <row r="15108" spans="1:3" x14ac:dyDescent="0.25">
      <c r="A15108" s="2" t="s">
        <v>6766</v>
      </c>
      <c r="B15108" s="6">
        <v>251514.89999999997</v>
      </c>
      <c r="C15108" s="7">
        <f t="shared" si="236"/>
        <v>251.51489999999995</v>
      </c>
    </row>
    <row r="15109" spans="1:3" x14ac:dyDescent="0.25">
      <c r="A15109" s="2" t="s">
        <v>6767</v>
      </c>
      <c r="B15109" s="6">
        <v>251531.55</v>
      </c>
      <c r="C15109" s="7">
        <f t="shared" si="236"/>
        <v>251.53154999999998</v>
      </c>
    </row>
    <row r="15110" spans="1:3" x14ac:dyDescent="0.25">
      <c r="A15110" s="2" t="s">
        <v>6768</v>
      </c>
      <c r="B15110" s="6">
        <v>251548.19999999998</v>
      </c>
      <c r="C15110" s="7">
        <f t="shared" si="236"/>
        <v>251.54819999999998</v>
      </c>
    </row>
    <row r="15111" spans="1:3" x14ac:dyDescent="0.25">
      <c r="A15111" s="2" t="s">
        <v>6769</v>
      </c>
      <c r="B15111" s="6">
        <v>251564.84999999998</v>
      </c>
      <c r="C15111" s="7">
        <f t="shared" si="236"/>
        <v>251.56484999999998</v>
      </c>
    </row>
    <row r="15112" spans="1:3" x14ac:dyDescent="0.25">
      <c r="A15112" s="2" t="s">
        <v>6770</v>
      </c>
      <c r="B15112" s="6">
        <v>251581.49999999997</v>
      </c>
      <c r="C15112" s="7">
        <f t="shared" si="236"/>
        <v>251.58149999999998</v>
      </c>
    </row>
    <row r="15113" spans="1:3" x14ac:dyDescent="0.25">
      <c r="A15113" s="2" t="s">
        <v>6771</v>
      </c>
      <c r="B15113" s="6">
        <v>251598.14999999997</v>
      </c>
      <c r="C15113" s="7">
        <f t="shared" si="236"/>
        <v>251.59814999999998</v>
      </c>
    </row>
    <row r="15114" spans="1:3" x14ac:dyDescent="0.25">
      <c r="A15114" s="2" t="s">
        <v>6772</v>
      </c>
      <c r="B15114" s="6">
        <v>251614.8</v>
      </c>
      <c r="C15114" s="7">
        <f t="shared" si="236"/>
        <v>251.6148</v>
      </c>
    </row>
    <row r="15115" spans="1:3" x14ac:dyDescent="0.25">
      <c r="A15115" s="2" t="s">
        <v>6773</v>
      </c>
      <c r="B15115" s="6">
        <v>251631.44999999998</v>
      </c>
      <c r="C15115" s="7">
        <f t="shared" si="236"/>
        <v>251.63144999999997</v>
      </c>
    </row>
    <row r="15116" spans="1:3" x14ac:dyDescent="0.25">
      <c r="A15116" s="2" t="s">
        <v>6774</v>
      </c>
      <c r="B15116" s="6">
        <v>251648.09999999998</v>
      </c>
      <c r="C15116" s="7">
        <f t="shared" si="236"/>
        <v>251.64809999999997</v>
      </c>
    </row>
    <row r="15117" spans="1:3" x14ac:dyDescent="0.25">
      <c r="A15117" s="2" t="s">
        <v>6775</v>
      </c>
      <c r="B15117" s="6">
        <v>251664.74999999997</v>
      </c>
      <c r="C15117" s="7">
        <f t="shared" si="236"/>
        <v>251.66474999999997</v>
      </c>
    </row>
    <row r="15118" spans="1:3" x14ac:dyDescent="0.25">
      <c r="A15118" s="2" t="s">
        <v>6776</v>
      </c>
      <c r="B15118" s="6">
        <v>251681.39999999997</v>
      </c>
      <c r="C15118" s="7">
        <f t="shared" si="236"/>
        <v>251.68139999999997</v>
      </c>
    </row>
    <row r="15119" spans="1:3" x14ac:dyDescent="0.25">
      <c r="A15119" s="2" t="s">
        <v>6777</v>
      </c>
      <c r="B15119" s="6">
        <v>251698.05</v>
      </c>
      <c r="C15119" s="7">
        <f t="shared" si="236"/>
        <v>251.69804999999999</v>
      </c>
    </row>
    <row r="15120" spans="1:3" x14ac:dyDescent="0.25">
      <c r="A15120" s="2" t="s">
        <v>6778</v>
      </c>
      <c r="B15120" s="6">
        <v>251714.69999999998</v>
      </c>
      <c r="C15120" s="7">
        <f t="shared" si="236"/>
        <v>251.71469999999999</v>
      </c>
    </row>
    <row r="15121" spans="1:3" x14ac:dyDescent="0.25">
      <c r="A15121" s="2" t="s">
        <v>6779</v>
      </c>
      <c r="B15121" s="6">
        <v>251731.34999999998</v>
      </c>
      <c r="C15121" s="7">
        <f t="shared" si="236"/>
        <v>251.73134999999996</v>
      </c>
    </row>
    <row r="15122" spans="1:3" x14ac:dyDescent="0.25">
      <c r="A15122" s="2" t="s">
        <v>6780</v>
      </c>
      <c r="B15122" s="6">
        <v>251747.99999999997</v>
      </c>
      <c r="C15122" s="7">
        <f t="shared" si="236"/>
        <v>251.74799999999996</v>
      </c>
    </row>
    <row r="15123" spans="1:3" x14ac:dyDescent="0.25">
      <c r="A15123" s="2" t="s">
        <v>6781</v>
      </c>
      <c r="B15123" s="6">
        <v>251764.64999999997</v>
      </c>
      <c r="C15123" s="7">
        <f t="shared" si="236"/>
        <v>251.76464999999996</v>
      </c>
    </row>
    <row r="15124" spans="1:3" x14ac:dyDescent="0.25">
      <c r="A15124" s="2" t="s">
        <v>6782</v>
      </c>
      <c r="B15124" s="6">
        <v>251781.3</v>
      </c>
      <c r="C15124" s="7">
        <f t="shared" si="236"/>
        <v>251.78129999999999</v>
      </c>
    </row>
    <row r="15125" spans="1:3" x14ac:dyDescent="0.25">
      <c r="A15125" s="2" t="s">
        <v>6783</v>
      </c>
      <c r="B15125" s="6">
        <v>251797.94999999998</v>
      </c>
      <c r="C15125" s="7">
        <f t="shared" si="236"/>
        <v>251.79794999999999</v>
      </c>
    </row>
    <row r="15126" spans="1:3" x14ac:dyDescent="0.25">
      <c r="A15126" s="2" t="s">
        <v>6784</v>
      </c>
      <c r="B15126" s="6">
        <v>251814.59999999998</v>
      </c>
      <c r="C15126" s="7">
        <f t="shared" si="236"/>
        <v>251.81459999999998</v>
      </c>
    </row>
    <row r="15127" spans="1:3" x14ac:dyDescent="0.25">
      <c r="A15127" s="2" t="s">
        <v>6785</v>
      </c>
      <c r="B15127" s="6">
        <v>251831.24999999997</v>
      </c>
      <c r="C15127" s="7">
        <f t="shared" si="236"/>
        <v>251.83124999999998</v>
      </c>
    </row>
    <row r="15128" spans="1:3" x14ac:dyDescent="0.25">
      <c r="A15128" s="2" t="s">
        <v>6786</v>
      </c>
      <c r="B15128" s="6">
        <v>251847.89999999997</v>
      </c>
      <c r="C15128" s="7">
        <f t="shared" si="236"/>
        <v>251.84789999999995</v>
      </c>
    </row>
    <row r="15129" spans="1:3" x14ac:dyDescent="0.25">
      <c r="A15129" s="2" t="s">
        <v>6787</v>
      </c>
      <c r="B15129" s="6">
        <v>251864.55</v>
      </c>
      <c r="C15129" s="7">
        <f t="shared" si="236"/>
        <v>251.86454999999998</v>
      </c>
    </row>
    <row r="15130" spans="1:3" x14ac:dyDescent="0.25">
      <c r="A15130" s="2" t="s">
        <v>6788</v>
      </c>
      <c r="B15130" s="6">
        <v>251881.19999999998</v>
      </c>
      <c r="C15130" s="7">
        <f t="shared" si="236"/>
        <v>251.88119999999998</v>
      </c>
    </row>
    <row r="15131" spans="1:3" x14ac:dyDescent="0.25">
      <c r="A15131" s="2" t="s">
        <v>6789</v>
      </c>
      <c r="B15131" s="6">
        <v>251897.84999999998</v>
      </c>
      <c r="C15131" s="7">
        <f t="shared" si="236"/>
        <v>251.89784999999998</v>
      </c>
    </row>
    <row r="15132" spans="1:3" x14ac:dyDescent="0.25">
      <c r="A15132" s="2" t="s">
        <v>6790</v>
      </c>
      <c r="B15132" s="6">
        <v>251914.49999999997</v>
      </c>
      <c r="C15132" s="7">
        <f t="shared" si="236"/>
        <v>251.91449999999998</v>
      </c>
    </row>
    <row r="15133" spans="1:3" x14ac:dyDescent="0.25">
      <c r="A15133" s="2" t="s">
        <v>6791</v>
      </c>
      <c r="B15133" s="6">
        <v>251931.14999999997</v>
      </c>
      <c r="C15133" s="7">
        <f t="shared" si="236"/>
        <v>251.93114999999997</v>
      </c>
    </row>
    <row r="15134" spans="1:3" x14ac:dyDescent="0.25">
      <c r="A15134" s="2" t="s">
        <v>6792</v>
      </c>
      <c r="B15134" s="6">
        <v>251947.8</v>
      </c>
      <c r="C15134" s="7">
        <f t="shared" si="236"/>
        <v>251.9478</v>
      </c>
    </row>
    <row r="15135" spans="1:3" x14ac:dyDescent="0.25">
      <c r="A15135" s="2" t="s">
        <v>6793</v>
      </c>
      <c r="B15135" s="6">
        <v>251964.44999999998</v>
      </c>
      <c r="C15135" s="7">
        <f t="shared" si="236"/>
        <v>251.96444999999997</v>
      </c>
    </row>
    <row r="15136" spans="1:3" x14ac:dyDescent="0.25">
      <c r="A15136" s="2" t="s">
        <v>6794</v>
      </c>
      <c r="B15136" s="6">
        <v>251981.09999999998</v>
      </c>
      <c r="C15136" s="7">
        <f t="shared" si="236"/>
        <v>251.98109999999997</v>
      </c>
    </row>
    <row r="15137" spans="1:3" x14ac:dyDescent="0.25">
      <c r="A15137" s="2" t="s">
        <v>6795</v>
      </c>
      <c r="B15137" s="6">
        <v>251997.74999999997</v>
      </c>
      <c r="C15137" s="7">
        <f t="shared" si="236"/>
        <v>251.99774999999997</v>
      </c>
    </row>
    <row r="15138" spans="1:3" x14ac:dyDescent="0.25">
      <c r="A15138" s="2" t="s">
        <v>6796</v>
      </c>
      <c r="B15138" s="6">
        <v>252014.39999999997</v>
      </c>
      <c r="C15138" s="7">
        <f t="shared" si="236"/>
        <v>252.01439999999997</v>
      </c>
    </row>
    <row r="15139" spans="1:3" x14ac:dyDescent="0.25">
      <c r="A15139" s="2" t="s">
        <v>6797</v>
      </c>
      <c r="B15139" s="6">
        <v>252031.05</v>
      </c>
      <c r="C15139" s="7">
        <f t="shared" si="236"/>
        <v>252.03104999999999</v>
      </c>
    </row>
    <row r="15140" spans="1:3" x14ac:dyDescent="0.25">
      <c r="A15140" s="2" t="s">
        <v>6798</v>
      </c>
      <c r="B15140" s="6">
        <v>252047.69999999998</v>
      </c>
      <c r="C15140" s="7">
        <f t="shared" si="236"/>
        <v>252.04769999999999</v>
      </c>
    </row>
    <row r="15141" spans="1:3" x14ac:dyDescent="0.25">
      <c r="A15141" s="2" t="s">
        <v>6799</v>
      </c>
      <c r="B15141" s="6">
        <v>252064.34999999998</v>
      </c>
      <c r="C15141" s="7">
        <f t="shared" si="236"/>
        <v>252.06434999999999</v>
      </c>
    </row>
    <row r="15142" spans="1:3" x14ac:dyDescent="0.25">
      <c r="A15142" s="2" t="s">
        <v>6800</v>
      </c>
      <c r="B15142" s="6">
        <v>252080.99999999997</v>
      </c>
      <c r="C15142" s="7">
        <f t="shared" si="236"/>
        <v>252.08099999999996</v>
      </c>
    </row>
    <row r="15143" spans="1:3" x14ac:dyDescent="0.25">
      <c r="A15143" s="2" t="s">
        <v>6801</v>
      </c>
      <c r="B15143" s="6">
        <v>252097.64999999997</v>
      </c>
      <c r="C15143" s="7">
        <f t="shared" si="236"/>
        <v>252.09764999999996</v>
      </c>
    </row>
    <row r="15144" spans="1:3" x14ac:dyDescent="0.25">
      <c r="A15144" s="2" t="s">
        <v>6802</v>
      </c>
      <c r="B15144" s="6">
        <v>252114.3</v>
      </c>
      <c r="C15144" s="7">
        <f t="shared" si="236"/>
        <v>252.11429999999999</v>
      </c>
    </row>
    <row r="15145" spans="1:3" x14ac:dyDescent="0.25">
      <c r="A15145" s="2" t="s">
        <v>6803</v>
      </c>
      <c r="B15145" s="6">
        <v>252130.94999999998</v>
      </c>
      <c r="C15145" s="7">
        <f t="shared" si="236"/>
        <v>252.13094999999998</v>
      </c>
    </row>
    <row r="15146" spans="1:3" x14ac:dyDescent="0.25">
      <c r="A15146" s="2" t="s">
        <v>6804</v>
      </c>
      <c r="B15146" s="6">
        <v>252147.59999999998</v>
      </c>
      <c r="C15146" s="7">
        <f t="shared" si="236"/>
        <v>252.14759999999998</v>
      </c>
    </row>
    <row r="15147" spans="1:3" x14ac:dyDescent="0.25">
      <c r="A15147" s="2" t="s">
        <v>6805</v>
      </c>
      <c r="B15147" s="6">
        <v>252164.24999999997</v>
      </c>
      <c r="C15147" s="7">
        <f t="shared" si="236"/>
        <v>252.16424999999998</v>
      </c>
    </row>
    <row r="15148" spans="1:3" x14ac:dyDescent="0.25">
      <c r="A15148" s="2" t="s">
        <v>6806</v>
      </c>
      <c r="B15148" s="6">
        <v>252180.89999999997</v>
      </c>
      <c r="C15148" s="7">
        <f t="shared" si="236"/>
        <v>252.18089999999995</v>
      </c>
    </row>
    <row r="15149" spans="1:3" x14ac:dyDescent="0.25">
      <c r="A15149" s="2" t="s">
        <v>6807</v>
      </c>
      <c r="B15149" s="6">
        <v>252197.55</v>
      </c>
      <c r="C15149" s="7">
        <f t="shared" si="236"/>
        <v>252.19754999999998</v>
      </c>
    </row>
    <row r="15150" spans="1:3" x14ac:dyDescent="0.25">
      <c r="A15150" s="2" t="s">
        <v>6808</v>
      </c>
      <c r="B15150" s="6">
        <v>252214.19999999998</v>
      </c>
      <c r="C15150" s="7">
        <f t="shared" si="236"/>
        <v>252.21419999999998</v>
      </c>
    </row>
    <row r="15151" spans="1:3" x14ac:dyDescent="0.25">
      <c r="A15151" s="2" t="s">
        <v>6809</v>
      </c>
      <c r="B15151" s="6">
        <v>252230.84999999998</v>
      </c>
      <c r="C15151" s="7">
        <f t="shared" si="236"/>
        <v>252.23084999999998</v>
      </c>
    </row>
    <row r="15152" spans="1:3" x14ac:dyDescent="0.25">
      <c r="A15152" s="2" t="s">
        <v>6810</v>
      </c>
      <c r="B15152" s="6">
        <v>252247.49999999997</v>
      </c>
      <c r="C15152" s="7">
        <f t="shared" si="236"/>
        <v>252.24749999999997</v>
      </c>
    </row>
    <row r="15153" spans="1:3" x14ac:dyDescent="0.25">
      <c r="A15153" s="2" t="s">
        <v>6811</v>
      </c>
      <c r="B15153" s="6">
        <v>252264.14999999997</v>
      </c>
      <c r="C15153" s="7">
        <f t="shared" si="236"/>
        <v>252.26414999999997</v>
      </c>
    </row>
    <row r="15154" spans="1:3" x14ac:dyDescent="0.25">
      <c r="A15154" s="2" t="s">
        <v>6812</v>
      </c>
      <c r="B15154" s="6">
        <v>252280.8</v>
      </c>
      <c r="C15154" s="7">
        <f t="shared" si="236"/>
        <v>252.2808</v>
      </c>
    </row>
    <row r="15155" spans="1:3" x14ac:dyDescent="0.25">
      <c r="A15155" s="2" t="s">
        <v>6813</v>
      </c>
      <c r="B15155" s="6">
        <v>252297.44999999998</v>
      </c>
      <c r="C15155" s="7">
        <f t="shared" si="236"/>
        <v>252.29744999999997</v>
      </c>
    </row>
    <row r="15156" spans="1:3" x14ac:dyDescent="0.25">
      <c r="A15156" s="2" t="s">
        <v>6814</v>
      </c>
      <c r="B15156" s="6">
        <v>252314.09999999998</v>
      </c>
      <c r="C15156" s="7">
        <f t="shared" si="236"/>
        <v>252.31409999999997</v>
      </c>
    </row>
    <row r="15157" spans="1:3" x14ac:dyDescent="0.25">
      <c r="A15157" s="2" t="s">
        <v>6815</v>
      </c>
      <c r="B15157" s="6">
        <v>252330.74999999997</v>
      </c>
      <c r="C15157" s="7">
        <f t="shared" si="236"/>
        <v>252.33074999999997</v>
      </c>
    </row>
    <row r="15158" spans="1:3" x14ac:dyDescent="0.25">
      <c r="A15158" s="2" t="s">
        <v>6816</v>
      </c>
      <c r="B15158" s="6">
        <v>252347.39999999997</v>
      </c>
      <c r="C15158" s="7">
        <f t="shared" si="236"/>
        <v>252.34739999999996</v>
      </c>
    </row>
    <row r="15159" spans="1:3" x14ac:dyDescent="0.25">
      <c r="A15159" s="2" t="s">
        <v>6817</v>
      </c>
      <c r="B15159" s="6">
        <v>252364.05</v>
      </c>
      <c r="C15159" s="7">
        <f t="shared" si="236"/>
        <v>252.36404999999999</v>
      </c>
    </row>
    <row r="15160" spans="1:3" x14ac:dyDescent="0.25">
      <c r="A15160" s="2" t="s">
        <v>6818</v>
      </c>
      <c r="B15160" s="6">
        <v>252380.69999999998</v>
      </c>
      <c r="C15160" s="7">
        <f t="shared" si="236"/>
        <v>252.38069999999999</v>
      </c>
    </row>
    <row r="15161" spans="1:3" x14ac:dyDescent="0.25">
      <c r="A15161" s="2" t="s">
        <v>6819</v>
      </c>
      <c r="B15161" s="6">
        <v>252397.34999999998</v>
      </c>
      <c r="C15161" s="7">
        <f t="shared" si="236"/>
        <v>252.39734999999999</v>
      </c>
    </row>
    <row r="15162" spans="1:3" x14ac:dyDescent="0.25">
      <c r="A15162" s="2" t="s">
        <v>6820</v>
      </c>
      <c r="B15162" s="6">
        <v>252413.99999999997</v>
      </c>
      <c r="C15162" s="7">
        <f t="shared" si="236"/>
        <v>252.41399999999996</v>
      </c>
    </row>
    <row r="15163" spans="1:3" x14ac:dyDescent="0.25">
      <c r="A15163" s="2" t="s">
        <v>6821</v>
      </c>
      <c r="B15163" s="6">
        <v>252430.64999999997</v>
      </c>
      <c r="C15163" s="7">
        <f t="shared" si="236"/>
        <v>252.43064999999996</v>
      </c>
    </row>
    <row r="15164" spans="1:3" x14ac:dyDescent="0.25">
      <c r="A15164" s="2" t="s">
        <v>6822</v>
      </c>
      <c r="B15164" s="6">
        <v>252447.3</v>
      </c>
      <c r="C15164" s="7">
        <f t="shared" si="236"/>
        <v>252.44729999999998</v>
      </c>
    </row>
    <row r="15165" spans="1:3" x14ac:dyDescent="0.25">
      <c r="A15165" s="2" t="s">
        <v>6823</v>
      </c>
      <c r="B15165" s="6">
        <v>252463.94999999998</v>
      </c>
      <c r="C15165" s="7">
        <f t="shared" si="236"/>
        <v>252.46394999999998</v>
      </c>
    </row>
    <row r="15166" spans="1:3" x14ac:dyDescent="0.25">
      <c r="A15166" s="2" t="s">
        <v>6824</v>
      </c>
      <c r="B15166" s="6">
        <v>252480.59999999998</v>
      </c>
      <c r="C15166" s="7">
        <f t="shared" si="236"/>
        <v>252.48059999999998</v>
      </c>
    </row>
    <row r="15167" spans="1:3" x14ac:dyDescent="0.25">
      <c r="A15167" s="2" t="s">
        <v>6825</v>
      </c>
      <c r="B15167" s="6">
        <v>252497.24999999997</v>
      </c>
      <c r="C15167" s="7">
        <f t="shared" si="236"/>
        <v>252.49724999999998</v>
      </c>
    </row>
    <row r="15168" spans="1:3" x14ac:dyDescent="0.25">
      <c r="A15168" s="2" t="s">
        <v>6826</v>
      </c>
      <c r="B15168" s="6">
        <v>252513.89999999997</v>
      </c>
      <c r="C15168" s="7">
        <f t="shared" si="236"/>
        <v>252.51389999999998</v>
      </c>
    </row>
    <row r="15169" spans="1:3" x14ac:dyDescent="0.25">
      <c r="A15169" s="2" t="s">
        <v>6827</v>
      </c>
      <c r="B15169" s="6">
        <v>252530.55</v>
      </c>
      <c r="C15169" s="7">
        <f t="shared" si="236"/>
        <v>252.53054999999998</v>
      </c>
    </row>
    <row r="15170" spans="1:3" x14ac:dyDescent="0.25">
      <c r="A15170" s="2" t="s">
        <v>6828</v>
      </c>
      <c r="B15170" s="6">
        <v>252547.19999999998</v>
      </c>
      <c r="C15170" s="7">
        <f t="shared" si="236"/>
        <v>252.54719999999998</v>
      </c>
    </row>
    <row r="15171" spans="1:3" x14ac:dyDescent="0.25">
      <c r="A15171" s="2" t="s">
        <v>6829</v>
      </c>
      <c r="B15171" s="6">
        <v>252563.84999999998</v>
      </c>
      <c r="C15171" s="7">
        <f t="shared" ref="C15171:C15234" si="237">B15171/1000</f>
        <v>252.56384999999997</v>
      </c>
    </row>
    <row r="15172" spans="1:3" x14ac:dyDescent="0.25">
      <c r="A15172" s="2" t="s">
        <v>6830</v>
      </c>
      <c r="B15172" s="6">
        <v>252580.49999999997</v>
      </c>
      <c r="C15172" s="7">
        <f t="shared" si="237"/>
        <v>252.58049999999997</v>
      </c>
    </row>
    <row r="15173" spans="1:3" x14ac:dyDescent="0.25">
      <c r="A15173" s="2" t="s">
        <v>6831</v>
      </c>
      <c r="B15173" s="6">
        <v>252597.14999999997</v>
      </c>
      <c r="C15173" s="7">
        <f t="shared" si="237"/>
        <v>252.59714999999997</v>
      </c>
    </row>
    <row r="15174" spans="1:3" x14ac:dyDescent="0.25">
      <c r="A15174" s="2" t="s">
        <v>6832</v>
      </c>
      <c r="B15174" s="6">
        <v>252613.8</v>
      </c>
      <c r="C15174" s="7">
        <f t="shared" si="237"/>
        <v>252.6138</v>
      </c>
    </row>
    <row r="15175" spans="1:3" x14ac:dyDescent="0.25">
      <c r="A15175" s="2" t="s">
        <v>6833</v>
      </c>
      <c r="B15175" s="6">
        <v>252630.44999999998</v>
      </c>
      <c r="C15175" s="7">
        <f t="shared" si="237"/>
        <v>252.63045</v>
      </c>
    </row>
    <row r="15176" spans="1:3" x14ac:dyDescent="0.25">
      <c r="A15176" s="2" t="s">
        <v>6834</v>
      </c>
      <c r="B15176" s="6">
        <v>252647.09999999998</v>
      </c>
      <c r="C15176" s="7">
        <f t="shared" si="237"/>
        <v>252.64709999999997</v>
      </c>
    </row>
    <row r="15177" spans="1:3" x14ac:dyDescent="0.25">
      <c r="A15177" s="2" t="s">
        <v>6835</v>
      </c>
      <c r="B15177" s="6">
        <v>252663.74999999997</v>
      </c>
      <c r="C15177" s="7">
        <f t="shared" si="237"/>
        <v>252.66374999999996</v>
      </c>
    </row>
    <row r="15178" spans="1:3" x14ac:dyDescent="0.25">
      <c r="A15178" s="2" t="s">
        <v>6836</v>
      </c>
      <c r="B15178" s="6">
        <v>252680.39999999997</v>
      </c>
      <c r="C15178" s="7">
        <f t="shared" si="237"/>
        <v>252.68039999999996</v>
      </c>
    </row>
    <row r="15179" spans="1:3" x14ac:dyDescent="0.25">
      <c r="A15179" s="2" t="s">
        <v>6837</v>
      </c>
      <c r="B15179" s="6">
        <v>252697.05</v>
      </c>
      <c r="C15179" s="7">
        <f t="shared" si="237"/>
        <v>252.69704999999999</v>
      </c>
    </row>
    <row r="15180" spans="1:3" x14ac:dyDescent="0.25">
      <c r="A15180" s="2" t="s">
        <v>6838</v>
      </c>
      <c r="B15180" s="6">
        <v>252713.69999999998</v>
      </c>
      <c r="C15180" s="7">
        <f t="shared" si="237"/>
        <v>252.71369999999999</v>
      </c>
    </row>
    <row r="15181" spans="1:3" x14ac:dyDescent="0.25">
      <c r="A15181" s="2" t="s">
        <v>6839</v>
      </c>
      <c r="B15181" s="6">
        <v>252730.34999999998</v>
      </c>
      <c r="C15181" s="7">
        <f t="shared" si="237"/>
        <v>252.73034999999999</v>
      </c>
    </row>
    <row r="15182" spans="1:3" x14ac:dyDescent="0.25">
      <c r="A15182" s="2" t="s">
        <v>6840</v>
      </c>
      <c r="B15182" s="6">
        <v>252746.99999999997</v>
      </c>
      <c r="C15182" s="7">
        <f t="shared" si="237"/>
        <v>252.74699999999996</v>
      </c>
    </row>
    <row r="15183" spans="1:3" x14ac:dyDescent="0.25">
      <c r="A15183" s="2" t="s">
        <v>6841</v>
      </c>
      <c r="B15183" s="6">
        <v>252763.64999999997</v>
      </c>
      <c r="C15183" s="7">
        <f t="shared" si="237"/>
        <v>252.76364999999996</v>
      </c>
    </row>
    <row r="15184" spans="1:3" x14ac:dyDescent="0.25">
      <c r="A15184" s="2" t="s">
        <v>6842</v>
      </c>
      <c r="B15184" s="6">
        <v>252780.3</v>
      </c>
      <c r="C15184" s="7">
        <f t="shared" si="237"/>
        <v>252.78029999999998</v>
      </c>
    </row>
    <row r="15185" spans="1:3" x14ac:dyDescent="0.25">
      <c r="A15185" s="2" t="s">
        <v>6843</v>
      </c>
      <c r="B15185" s="6">
        <v>252796.94999999998</v>
      </c>
      <c r="C15185" s="7">
        <f t="shared" si="237"/>
        <v>252.79694999999998</v>
      </c>
    </row>
    <row r="15186" spans="1:3" x14ac:dyDescent="0.25">
      <c r="A15186" s="2" t="s">
        <v>6844</v>
      </c>
      <c r="B15186" s="6">
        <v>252813.59999999998</v>
      </c>
      <c r="C15186" s="7">
        <f t="shared" si="237"/>
        <v>252.81359999999998</v>
      </c>
    </row>
    <row r="15187" spans="1:3" x14ac:dyDescent="0.25">
      <c r="A15187" s="2" t="s">
        <v>6845</v>
      </c>
      <c r="B15187" s="6">
        <v>252830.24999999997</v>
      </c>
      <c r="C15187" s="7">
        <f t="shared" si="237"/>
        <v>252.83024999999998</v>
      </c>
    </row>
    <row r="15188" spans="1:3" x14ac:dyDescent="0.25">
      <c r="A15188" s="2" t="s">
        <v>6846</v>
      </c>
      <c r="B15188" s="6">
        <v>252846.89999999997</v>
      </c>
      <c r="C15188" s="7">
        <f t="shared" si="237"/>
        <v>252.84689999999998</v>
      </c>
    </row>
    <row r="15189" spans="1:3" x14ac:dyDescent="0.25">
      <c r="A15189" s="2" t="s">
        <v>6847</v>
      </c>
      <c r="B15189" s="6">
        <v>252863.55</v>
      </c>
      <c r="C15189" s="7">
        <f t="shared" si="237"/>
        <v>252.86354999999998</v>
      </c>
    </row>
    <row r="15190" spans="1:3" x14ac:dyDescent="0.25">
      <c r="A15190" s="2" t="s">
        <v>6848</v>
      </c>
      <c r="B15190" s="6">
        <v>252880.19999999998</v>
      </c>
      <c r="C15190" s="7">
        <f t="shared" si="237"/>
        <v>252.88019999999997</v>
      </c>
    </row>
    <row r="15191" spans="1:3" x14ac:dyDescent="0.25">
      <c r="A15191" s="2" t="s">
        <v>6849</v>
      </c>
      <c r="B15191" s="6">
        <v>252896.84999999998</v>
      </c>
      <c r="C15191" s="7">
        <f t="shared" si="237"/>
        <v>252.89684999999997</v>
      </c>
    </row>
    <row r="15192" spans="1:3" x14ac:dyDescent="0.25">
      <c r="A15192" s="2" t="s">
        <v>6850</v>
      </c>
      <c r="B15192" s="6">
        <v>252913.49999999997</v>
      </c>
      <c r="C15192" s="7">
        <f t="shared" si="237"/>
        <v>252.91349999999997</v>
      </c>
    </row>
    <row r="15193" spans="1:3" x14ac:dyDescent="0.25">
      <c r="A15193" s="2" t="s">
        <v>6851</v>
      </c>
      <c r="B15193" s="6">
        <v>252930.14999999997</v>
      </c>
      <c r="C15193" s="7">
        <f t="shared" si="237"/>
        <v>252.93014999999997</v>
      </c>
    </row>
    <row r="15194" spans="1:3" x14ac:dyDescent="0.25">
      <c r="A15194" s="2" t="s">
        <v>6852</v>
      </c>
      <c r="B15194" s="6">
        <v>252946.8</v>
      </c>
      <c r="C15194" s="7">
        <f t="shared" si="237"/>
        <v>252.9468</v>
      </c>
    </row>
    <row r="15195" spans="1:3" x14ac:dyDescent="0.25">
      <c r="A15195" s="2" t="s">
        <v>6853</v>
      </c>
      <c r="B15195" s="6">
        <v>252963.44999999998</v>
      </c>
      <c r="C15195" s="7">
        <f t="shared" si="237"/>
        <v>252.96344999999999</v>
      </c>
    </row>
    <row r="15196" spans="1:3" x14ac:dyDescent="0.25">
      <c r="A15196" s="2" t="s">
        <v>6854</v>
      </c>
      <c r="B15196" s="6">
        <v>252980.09999999998</v>
      </c>
      <c r="C15196" s="7">
        <f t="shared" si="237"/>
        <v>252.98009999999996</v>
      </c>
    </row>
    <row r="15197" spans="1:3" x14ac:dyDescent="0.25">
      <c r="A15197" s="2" t="s">
        <v>6855</v>
      </c>
      <c r="B15197" s="6">
        <v>252996.74999999997</v>
      </c>
      <c r="C15197" s="7">
        <f t="shared" si="237"/>
        <v>252.99674999999996</v>
      </c>
    </row>
    <row r="15198" spans="1:3" x14ac:dyDescent="0.25">
      <c r="A15198" s="2" t="s">
        <v>6856</v>
      </c>
      <c r="B15198" s="6">
        <v>253013.39999999997</v>
      </c>
      <c r="C15198" s="7">
        <f t="shared" si="237"/>
        <v>253.01339999999996</v>
      </c>
    </row>
    <row r="15199" spans="1:3" x14ac:dyDescent="0.25">
      <c r="A15199" s="2" t="s">
        <v>6857</v>
      </c>
      <c r="B15199" s="6">
        <v>253030.05</v>
      </c>
      <c r="C15199" s="7">
        <f t="shared" si="237"/>
        <v>253.03004999999999</v>
      </c>
    </row>
    <row r="15200" spans="1:3" x14ac:dyDescent="0.25">
      <c r="A15200" s="2" t="s">
        <v>6858</v>
      </c>
      <c r="B15200" s="6">
        <v>253046.69999999998</v>
      </c>
      <c r="C15200" s="7">
        <f t="shared" si="237"/>
        <v>253.04669999999999</v>
      </c>
    </row>
    <row r="15201" spans="1:3" x14ac:dyDescent="0.25">
      <c r="A15201" s="2" t="s">
        <v>6859</v>
      </c>
      <c r="B15201" s="6">
        <v>253063.34999999998</v>
      </c>
      <c r="C15201" s="7">
        <f t="shared" si="237"/>
        <v>253.06334999999999</v>
      </c>
    </row>
    <row r="15202" spans="1:3" x14ac:dyDescent="0.25">
      <c r="A15202" s="2" t="s">
        <v>6860</v>
      </c>
      <c r="B15202" s="6">
        <v>253079.99999999997</v>
      </c>
      <c r="C15202" s="7">
        <f t="shared" si="237"/>
        <v>253.07999999999998</v>
      </c>
    </row>
    <row r="15203" spans="1:3" x14ac:dyDescent="0.25">
      <c r="A15203" s="2" t="s">
        <v>6861</v>
      </c>
      <c r="B15203" s="6">
        <v>253096.64999999997</v>
      </c>
      <c r="C15203" s="7">
        <f t="shared" si="237"/>
        <v>253.09664999999995</v>
      </c>
    </row>
    <row r="15204" spans="1:3" x14ac:dyDescent="0.25">
      <c r="A15204" s="2" t="s">
        <v>6862</v>
      </c>
      <c r="B15204" s="6">
        <v>253113.3</v>
      </c>
      <c r="C15204" s="7">
        <f t="shared" si="237"/>
        <v>253.11329999999998</v>
      </c>
    </row>
    <row r="15205" spans="1:3" x14ac:dyDescent="0.25">
      <c r="A15205" s="2" t="s">
        <v>6863</v>
      </c>
      <c r="B15205" s="6">
        <v>253129.94999999998</v>
      </c>
      <c r="C15205" s="7">
        <f t="shared" si="237"/>
        <v>253.12994999999998</v>
      </c>
    </row>
    <row r="15206" spans="1:3" x14ac:dyDescent="0.25">
      <c r="A15206" s="2" t="s">
        <v>6864</v>
      </c>
      <c r="B15206" s="6">
        <v>253146.59999999998</v>
      </c>
      <c r="C15206" s="7">
        <f t="shared" si="237"/>
        <v>253.14659999999998</v>
      </c>
    </row>
    <row r="15207" spans="1:3" x14ac:dyDescent="0.25">
      <c r="A15207" s="2" t="s">
        <v>6865</v>
      </c>
      <c r="B15207" s="6">
        <v>253163.24999999997</v>
      </c>
      <c r="C15207" s="7">
        <f t="shared" si="237"/>
        <v>253.16324999999998</v>
      </c>
    </row>
    <row r="15208" spans="1:3" x14ac:dyDescent="0.25">
      <c r="A15208" s="2" t="s">
        <v>6866</v>
      </c>
      <c r="B15208" s="6">
        <v>253179.89999999997</v>
      </c>
      <c r="C15208" s="7">
        <f t="shared" si="237"/>
        <v>253.17989999999998</v>
      </c>
    </row>
    <row r="15209" spans="1:3" x14ac:dyDescent="0.25">
      <c r="A15209" s="2" t="s">
        <v>6867</v>
      </c>
      <c r="B15209" s="6">
        <v>253196.55</v>
      </c>
      <c r="C15209" s="7">
        <f t="shared" si="237"/>
        <v>253.19655</v>
      </c>
    </row>
    <row r="15210" spans="1:3" x14ac:dyDescent="0.25">
      <c r="A15210" s="2" t="s">
        <v>6868</v>
      </c>
      <c r="B15210" s="6">
        <v>253213.19999999998</v>
      </c>
      <c r="C15210" s="7">
        <f t="shared" si="237"/>
        <v>253.21319999999997</v>
      </c>
    </row>
    <row r="15211" spans="1:3" x14ac:dyDescent="0.25">
      <c r="A15211" s="2" t="s">
        <v>6869</v>
      </c>
      <c r="B15211" s="6">
        <v>253229.84999999998</v>
      </c>
      <c r="C15211" s="7">
        <f t="shared" si="237"/>
        <v>253.22984999999997</v>
      </c>
    </row>
    <row r="15212" spans="1:3" x14ac:dyDescent="0.25">
      <c r="A15212" s="2" t="s">
        <v>6870</v>
      </c>
      <c r="B15212" s="6">
        <v>253246.49999999997</v>
      </c>
      <c r="C15212" s="7">
        <f t="shared" si="237"/>
        <v>253.24649999999997</v>
      </c>
    </row>
    <row r="15213" spans="1:3" x14ac:dyDescent="0.25">
      <c r="A15213" s="2" t="s">
        <v>6871</v>
      </c>
      <c r="B15213" s="6">
        <v>253263.14999999997</v>
      </c>
      <c r="C15213" s="7">
        <f t="shared" si="237"/>
        <v>253.26314999999997</v>
      </c>
    </row>
    <row r="15214" spans="1:3" x14ac:dyDescent="0.25">
      <c r="A15214" s="2" t="s">
        <v>6872</v>
      </c>
      <c r="B15214" s="6">
        <v>253279.8</v>
      </c>
      <c r="C15214" s="7">
        <f t="shared" si="237"/>
        <v>253.27979999999999</v>
      </c>
    </row>
    <row r="15215" spans="1:3" x14ac:dyDescent="0.25">
      <c r="A15215" s="2" t="s">
        <v>6873</v>
      </c>
      <c r="B15215" s="6">
        <v>253296.44999999998</v>
      </c>
      <c r="C15215" s="7">
        <f t="shared" si="237"/>
        <v>253.29644999999999</v>
      </c>
    </row>
    <row r="15216" spans="1:3" x14ac:dyDescent="0.25">
      <c r="A15216" s="2" t="s">
        <v>6874</v>
      </c>
      <c r="B15216" s="6">
        <v>253313.09999999998</v>
      </c>
      <c r="C15216" s="7">
        <f t="shared" si="237"/>
        <v>253.31309999999996</v>
      </c>
    </row>
    <row r="15217" spans="1:3" x14ac:dyDescent="0.25">
      <c r="A15217" s="2" t="s">
        <v>6875</v>
      </c>
      <c r="B15217" s="6">
        <v>253329.74999999997</v>
      </c>
      <c r="C15217" s="7">
        <f t="shared" si="237"/>
        <v>253.32974999999996</v>
      </c>
    </row>
    <row r="15218" spans="1:3" x14ac:dyDescent="0.25">
      <c r="A15218" s="2" t="s">
        <v>6876</v>
      </c>
      <c r="B15218" s="6">
        <v>253346.39999999997</v>
      </c>
      <c r="C15218" s="7">
        <f t="shared" si="237"/>
        <v>253.34639999999996</v>
      </c>
    </row>
    <row r="15219" spans="1:3" x14ac:dyDescent="0.25">
      <c r="A15219" s="2" t="s">
        <v>6877</v>
      </c>
      <c r="B15219" s="6">
        <v>253363.05</v>
      </c>
      <c r="C15219" s="7">
        <f t="shared" si="237"/>
        <v>253.36304999999999</v>
      </c>
    </row>
    <row r="15220" spans="1:3" x14ac:dyDescent="0.25">
      <c r="A15220" s="2" t="s">
        <v>6878</v>
      </c>
      <c r="B15220" s="6">
        <v>253379.69999999998</v>
      </c>
      <c r="C15220" s="7">
        <f t="shared" si="237"/>
        <v>253.37969999999999</v>
      </c>
    </row>
    <row r="15221" spans="1:3" x14ac:dyDescent="0.25">
      <c r="A15221" s="2" t="s">
        <v>6879</v>
      </c>
      <c r="B15221" s="6">
        <v>253396.34999999998</v>
      </c>
      <c r="C15221" s="7">
        <f t="shared" si="237"/>
        <v>253.39634999999998</v>
      </c>
    </row>
    <row r="15222" spans="1:3" x14ac:dyDescent="0.25">
      <c r="A15222" s="2" t="s">
        <v>6880</v>
      </c>
      <c r="B15222" s="6">
        <v>253412.99999999997</v>
      </c>
      <c r="C15222" s="7">
        <f t="shared" si="237"/>
        <v>253.41299999999998</v>
      </c>
    </row>
    <row r="15223" spans="1:3" x14ac:dyDescent="0.25">
      <c r="A15223" s="2" t="s">
        <v>6881</v>
      </c>
      <c r="B15223" s="6">
        <v>253429.64999999997</v>
      </c>
      <c r="C15223" s="7">
        <f t="shared" si="237"/>
        <v>253.42964999999995</v>
      </c>
    </row>
    <row r="15224" spans="1:3" x14ac:dyDescent="0.25">
      <c r="A15224" s="2" t="s">
        <v>6882</v>
      </c>
      <c r="B15224" s="6">
        <v>253446.3</v>
      </c>
      <c r="C15224" s="7">
        <f t="shared" si="237"/>
        <v>253.44629999999998</v>
      </c>
    </row>
    <row r="15225" spans="1:3" x14ac:dyDescent="0.25">
      <c r="A15225" s="2" t="s">
        <v>6883</v>
      </c>
      <c r="B15225" s="6">
        <v>253462.94999999998</v>
      </c>
      <c r="C15225" s="7">
        <f t="shared" si="237"/>
        <v>253.46294999999998</v>
      </c>
    </row>
    <row r="15226" spans="1:3" x14ac:dyDescent="0.25">
      <c r="A15226" s="2" t="s">
        <v>6884</v>
      </c>
      <c r="B15226" s="6">
        <v>253479.59999999998</v>
      </c>
      <c r="C15226" s="7">
        <f t="shared" si="237"/>
        <v>253.47959999999998</v>
      </c>
    </row>
    <row r="15227" spans="1:3" x14ac:dyDescent="0.25">
      <c r="A15227" s="2" t="s">
        <v>6885</v>
      </c>
      <c r="B15227" s="6">
        <v>253496.24999999997</v>
      </c>
      <c r="C15227" s="7">
        <f t="shared" si="237"/>
        <v>253.49624999999997</v>
      </c>
    </row>
    <row r="15228" spans="1:3" x14ac:dyDescent="0.25">
      <c r="A15228" s="2" t="s">
        <v>6886</v>
      </c>
      <c r="B15228" s="6">
        <v>253512.89999999997</v>
      </c>
      <c r="C15228" s="7">
        <f t="shared" si="237"/>
        <v>253.51289999999997</v>
      </c>
    </row>
    <row r="15229" spans="1:3" x14ac:dyDescent="0.25">
      <c r="A15229" s="2" t="s">
        <v>6887</v>
      </c>
      <c r="B15229" s="6">
        <v>253529.55</v>
      </c>
      <c r="C15229" s="7">
        <f t="shared" si="237"/>
        <v>253.52955</v>
      </c>
    </row>
    <row r="15230" spans="1:3" x14ac:dyDescent="0.25">
      <c r="A15230" s="2" t="s">
        <v>6888</v>
      </c>
      <c r="B15230" s="6">
        <v>253546.19999999998</v>
      </c>
      <c r="C15230" s="7">
        <f t="shared" si="237"/>
        <v>253.54619999999997</v>
      </c>
    </row>
    <row r="15231" spans="1:3" x14ac:dyDescent="0.25">
      <c r="A15231" s="2" t="s">
        <v>6889</v>
      </c>
      <c r="B15231" s="6">
        <v>253562.84999999998</v>
      </c>
      <c r="C15231" s="7">
        <f t="shared" si="237"/>
        <v>253.56284999999997</v>
      </c>
    </row>
    <row r="15232" spans="1:3" x14ac:dyDescent="0.25">
      <c r="A15232" s="2" t="s">
        <v>6890</v>
      </c>
      <c r="B15232" s="6">
        <v>253579.49999999997</v>
      </c>
      <c r="C15232" s="7">
        <f t="shared" si="237"/>
        <v>253.57949999999997</v>
      </c>
    </row>
    <row r="15233" spans="1:3" x14ac:dyDescent="0.25">
      <c r="A15233" s="2" t="s">
        <v>6891</v>
      </c>
      <c r="B15233" s="6">
        <v>253596.14999999997</v>
      </c>
      <c r="C15233" s="7">
        <f t="shared" si="237"/>
        <v>253.59614999999997</v>
      </c>
    </row>
    <row r="15234" spans="1:3" x14ac:dyDescent="0.25">
      <c r="A15234" s="2" t="s">
        <v>6892</v>
      </c>
      <c r="B15234" s="6">
        <v>253612.79999999999</v>
      </c>
      <c r="C15234" s="7">
        <f t="shared" si="237"/>
        <v>253.61279999999999</v>
      </c>
    </row>
    <row r="15235" spans="1:3" x14ac:dyDescent="0.25">
      <c r="A15235" s="2" t="s">
        <v>6893</v>
      </c>
      <c r="B15235" s="6">
        <v>253629.44999999998</v>
      </c>
      <c r="C15235" s="7">
        <f t="shared" ref="C15235:C15298" si="238">B15235/1000</f>
        <v>253.62944999999999</v>
      </c>
    </row>
    <row r="15236" spans="1:3" x14ac:dyDescent="0.25">
      <c r="A15236" s="2" t="s">
        <v>6894</v>
      </c>
      <c r="B15236" s="6">
        <v>253646.09999999998</v>
      </c>
      <c r="C15236" s="7">
        <f t="shared" si="238"/>
        <v>253.64609999999999</v>
      </c>
    </row>
    <row r="15237" spans="1:3" x14ac:dyDescent="0.25">
      <c r="A15237" s="2" t="s">
        <v>6895</v>
      </c>
      <c r="B15237" s="6">
        <v>253662.74999999997</v>
      </c>
      <c r="C15237" s="7">
        <f t="shared" si="238"/>
        <v>253.66274999999996</v>
      </c>
    </row>
    <row r="15238" spans="1:3" x14ac:dyDescent="0.25">
      <c r="A15238" s="2" t="s">
        <v>6896</v>
      </c>
      <c r="B15238" s="6">
        <v>253679.39999999997</v>
      </c>
      <c r="C15238" s="7">
        <f t="shared" si="238"/>
        <v>253.67939999999996</v>
      </c>
    </row>
    <row r="15239" spans="1:3" x14ac:dyDescent="0.25">
      <c r="A15239" s="2" t="s">
        <v>6897</v>
      </c>
      <c r="B15239" s="6">
        <v>253696.05</v>
      </c>
      <c r="C15239" s="7">
        <f t="shared" si="238"/>
        <v>253.69604999999999</v>
      </c>
    </row>
    <row r="15240" spans="1:3" x14ac:dyDescent="0.25">
      <c r="A15240" s="2" t="s">
        <v>6898</v>
      </c>
      <c r="B15240" s="6">
        <v>253712.69999999998</v>
      </c>
      <c r="C15240" s="7">
        <f t="shared" si="238"/>
        <v>253.71269999999998</v>
      </c>
    </row>
    <row r="15241" spans="1:3" x14ac:dyDescent="0.25">
      <c r="A15241" s="2" t="s">
        <v>6899</v>
      </c>
      <c r="B15241" s="6">
        <v>253729.34999999998</v>
      </c>
      <c r="C15241" s="7">
        <f t="shared" si="238"/>
        <v>253.72934999999998</v>
      </c>
    </row>
    <row r="15242" spans="1:3" x14ac:dyDescent="0.25">
      <c r="A15242" s="2" t="s">
        <v>6900</v>
      </c>
      <c r="B15242" s="6">
        <v>253745.99999999997</v>
      </c>
      <c r="C15242" s="7">
        <f t="shared" si="238"/>
        <v>253.74599999999998</v>
      </c>
    </row>
    <row r="15243" spans="1:3" x14ac:dyDescent="0.25">
      <c r="A15243" s="2" t="s">
        <v>6901</v>
      </c>
      <c r="B15243" s="6">
        <v>253762.64999999997</v>
      </c>
      <c r="C15243" s="7">
        <f t="shared" si="238"/>
        <v>253.76264999999995</v>
      </c>
    </row>
    <row r="15244" spans="1:3" x14ac:dyDescent="0.25">
      <c r="A15244" s="2" t="s">
        <v>6902</v>
      </c>
      <c r="B15244" s="6">
        <v>253779.3</v>
      </c>
      <c r="C15244" s="7">
        <f t="shared" si="238"/>
        <v>253.77929999999998</v>
      </c>
    </row>
    <row r="15245" spans="1:3" x14ac:dyDescent="0.25">
      <c r="A15245" s="2" t="s">
        <v>6903</v>
      </c>
      <c r="B15245" s="6">
        <v>253795.94999999998</v>
      </c>
      <c r="C15245" s="7">
        <f t="shared" si="238"/>
        <v>253.79594999999998</v>
      </c>
    </row>
    <row r="15246" spans="1:3" x14ac:dyDescent="0.25">
      <c r="A15246" s="2" t="s">
        <v>6904</v>
      </c>
      <c r="B15246" s="6">
        <v>253812.59999999998</v>
      </c>
      <c r="C15246" s="7">
        <f t="shared" si="238"/>
        <v>253.81259999999997</v>
      </c>
    </row>
    <row r="15247" spans="1:3" x14ac:dyDescent="0.25">
      <c r="A15247" s="2" t="s">
        <v>6905</v>
      </c>
      <c r="B15247" s="6">
        <v>253829.24999999997</v>
      </c>
      <c r="C15247" s="7">
        <f t="shared" si="238"/>
        <v>253.82924999999997</v>
      </c>
    </row>
    <row r="15248" spans="1:3" x14ac:dyDescent="0.25">
      <c r="A15248" s="2" t="s">
        <v>6906</v>
      </c>
      <c r="B15248" s="6">
        <v>253845.89999999997</v>
      </c>
      <c r="C15248" s="7">
        <f t="shared" si="238"/>
        <v>253.84589999999997</v>
      </c>
    </row>
    <row r="15249" spans="1:3" x14ac:dyDescent="0.25">
      <c r="A15249" s="2" t="s">
        <v>6907</v>
      </c>
      <c r="B15249" s="6">
        <v>253862.55</v>
      </c>
      <c r="C15249" s="7">
        <f t="shared" si="238"/>
        <v>253.86255</v>
      </c>
    </row>
    <row r="15250" spans="1:3" x14ac:dyDescent="0.25">
      <c r="A15250" s="2" t="s">
        <v>6908</v>
      </c>
      <c r="B15250" s="6">
        <v>253879.19999999998</v>
      </c>
      <c r="C15250" s="7">
        <f t="shared" si="238"/>
        <v>253.87919999999997</v>
      </c>
    </row>
    <row r="15251" spans="1:3" x14ac:dyDescent="0.25">
      <c r="A15251" s="2" t="s">
        <v>6909</v>
      </c>
      <c r="B15251" s="6">
        <v>253895.84999999998</v>
      </c>
      <c r="C15251" s="7">
        <f t="shared" si="238"/>
        <v>253.89584999999997</v>
      </c>
    </row>
    <row r="15252" spans="1:3" x14ac:dyDescent="0.25">
      <c r="A15252" s="2" t="s">
        <v>6910</v>
      </c>
      <c r="B15252" s="6">
        <v>253912.49999999997</v>
      </c>
      <c r="C15252" s="7">
        <f t="shared" si="238"/>
        <v>253.91249999999997</v>
      </c>
    </row>
    <row r="15253" spans="1:3" x14ac:dyDescent="0.25">
      <c r="A15253" s="2" t="s">
        <v>6911</v>
      </c>
      <c r="B15253" s="6">
        <v>253929.14999999997</v>
      </c>
      <c r="C15253" s="7">
        <f t="shared" si="238"/>
        <v>253.92914999999996</v>
      </c>
    </row>
    <row r="15254" spans="1:3" x14ac:dyDescent="0.25">
      <c r="A15254" s="2" t="s">
        <v>6912</v>
      </c>
      <c r="B15254" s="6">
        <v>253945.8</v>
      </c>
      <c r="C15254" s="7">
        <f t="shared" si="238"/>
        <v>253.94579999999999</v>
      </c>
    </row>
    <row r="15255" spans="1:3" x14ac:dyDescent="0.25">
      <c r="A15255" s="2" t="s">
        <v>6913</v>
      </c>
      <c r="B15255" s="6">
        <v>253962.44999999998</v>
      </c>
      <c r="C15255" s="7">
        <f t="shared" si="238"/>
        <v>253.96244999999999</v>
      </c>
    </row>
    <row r="15256" spans="1:3" x14ac:dyDescent="0.25">
      <c r="A15256" s="2" t="s">
        <v>6914</v>
      </c>
      <c r="B15256" s="6">
        <v>253979.09999999998</v>
      </c>
      <c r="C15256" s="7">
        <f t="shared" si="238"/>
        <v>253.97909999999999</v>
      </c>
    </row>
    <row r="15257" spans="1:3" x14ac:dyDescent="0.25">
      <c r="A15257" s="2" t="s">
        <v>6915</v>
      </c>
      <c r="B15257" s="6">
        <v>253995.74999999997</v>
      </c>
      <c r="C15257" s="7">
        <f t="shared" si="238"/>
        <v>253.99574999999996</v>
      </c>
    </row>
    <row r="15258" spans="1:3" x14ac:dyDescent="0.25">
      <c r="A15258" s="2" t="s">
        <v>6916</v>
      </c>
      <c r="B15258" s="6">
        <v>254012.39999999997</v>
      </c>
      <c r="C15258" s="7">
        <f t="shared" si="238"/>
        <v>254.01239999999996</v>
      </c>
    </row>
    <row r="15259" spans="1:3" x14ac:dyDescent="0.25">
      <c r="A15259" s="2" t="s">
        <v>6917</v>
      </c>
      <c r="B15259" s="6">
        <v>254029.05</v>
      </c>
      <c r="C15259" s="7">
        <f t="shared" si="238"/>
        <v>254.02904999999998</v>
      </c>
    </row>
    <row r="15260" spans="1:3" x14ac:dyDescent="0.25">
      <c r="A15260" s="2" t="s">
        <v>6918</v>
      </c>
      <c r="B15260" s="6">
        <v>254045.69999999998</v>
      </c>
      <c r="C15260" s="7">
        <f t="shared" si="238"/>
        <v>254.04569999999998</v>
      </c>
    </row>
    <row r="15261" spans="1:3" x14ac:dyDescent="0.25">
      <c r="A15261" s="2" t="s">
        <v>6919</v>
      </c>
      <c r="B15261" s="6">
        <v>254062.34999999998</v>
      </c>
      <c r="C15261" s="7">
        <f t="shared" si="238"/>
        <v>254.06234999999998</v>
      </c>
    </row>
    <row r="15262" spans="1:3" x14ac:dyDescent="0.25">
      <c r="A15262" s="2" t="s">
        <v>6920</v>
      </c>
      <c r="B15262" s="6">
        <v>254078.99999999997</v>
      </c>
      <c r="C15262" s="7">
        <f t="shared" si="238"/>
        <v>254.07899999999998</v>
      </c>
    </row>
    <row r="15263" spans="1:3" x14ac:dyDescent="0.25">
      <c r="A15263" s="2" t="s">
        <v>6921</v>
      </c>
      <c r="B15263" s="6">
        <v>254095.64999999997</v>
      </c>
      <c r="C15263" s="7">
        <f t="shared" si="238"/>
        <v>254.09564999999998</v>
      </c>
    </row>
    <row r="15264" spans="1:3" x14ac:dyDescent="0.25">
      <c r="A15264" s="2" t="s">
        <v>6922</v>
      </c>
      <c r="B15264" s="6">
        <v>254112.3</v>
      </c>
      <c r="C15264" s="7">
        <f t="shared" si="238"/>
        <v>254.11229999999998</v>
      </c>
    </row>
    <row r="15265" spans="1:3" x14ac:dyDescent="0.25">
      <c r="A15265" s="2" t="s">
        <v>6923</v>
      </c>
      <c r="B15265" s="6">
        <v>254128.94999999998</v>
      </c>
      <c r="C15265" s="7">
        <f t="shared" si="238"/>
        <v>254.12894999999997</v>
      </c>
    </row>
    <row r="15266" spans="1:3" x14ac:dyDescent="0.25">
      <c r="A15266" s="2" t="s">
        <v>6924</v>
      </c>
      <c r="B15266" s="6">
        <v>254145.59999999998</v>
      </c>
      <c r="C15266" s="7">
        <f t="shared" si="238"/>
        <v>254.14559999999997</v>
      </c>
    </row>
    <row r="15267" spans="1:3" x14ac:dyDescent="0.25">
      <c r="A15267" s="2" t="s">
        <v>6925</v>
      </c>
      <c r="B15267" s="6">
        <v>254162.24999999997</v>
      </c>
      <c r="C15267" s="7">
        <f t="shared" si="238"/>
        <v>254.16224999999997</v>
      </c>
    </row>
    <row r="15268" spans="1:3" x14ac:dyDescent="0.25">
      <c r="A15268" s="2" t="s">
        <v>6926</v>
      </c>
      <c r="B15268" s="6">
        <v>254178.89999999997</v>
      </c>
      <c r="C15268" s="7">
        <f t="shared" si="238"/>
        <v>254.17889999999997</v>
      </c>
    </row>
    <row r="15269" spans="1:3" x14ac:dyDescent="0.25">
      <c r="A15269" s="2" t="s">
        <v>6927</v>
      </c>
      <c r="B15269" s="6">
        <v>254195.55</v>
      </c>
      <c r="C15269" s="7">
        <f t="shared" si="238"/>
        <v>254.19555</v>
      </c>
    </row>
    <row r="15270" spans="1:3" x14ac:dyDescent="0.25">
      <c r="A15270" s="2" t="s">
        <v>6928</v>
      </c>
      <c r="B15270" s="6">
        <v>254212.19999999998</v>
      </c>
      <c r="C15270" s="7">
        <f t="shared" si="238"/>
        <v>254.2122</v>
      </c>
    </row>
    <row r="15271" spans="1:3" x14ac:dyDescent="0.25">
      <c r="A15271" s="2" t="s">
        <v>6929</v>
      </c>
      <c r="B15271" s="6">
        <v>254228.84999999998</v>
      </c>
      <c r="C15271" s="7">
        <f t="shared" si="238"/>
        <v>254.22884999999997</v>
      </c>
    </row>
    <row r="15272" spans="1:3" x14ac:dyDescent="0.25">
      <c r="A15272" s="2" t="s">
        <v>6930</v>
      </c>
      <c r="B15272" s="6">
        <v>254245.49999999997</v>
      </c>
      <c r="C15272" s="7">
        <f t="shared" si="238"/>
        <v>254.24549999999996</v>
      </c>
    </row>
    <row r="15273" spans="1:3" x14ac:dyDescent="0.25">
      <c r="A15273" s="2" t="s">
        <v>6931</v>
      </c>
      <c r="B15273" s="6">
        <v>254262.14999999997</v>
      </c>
      <c r="C15273" s="7">
        <f t="shared" si="238"/>
        <v>254.26214999999996</v>
      </c>
    </row>
    <row r="15274" spans="1:3" x14ac:dyDescent="0.25">
      <c r="A15274" s="2" t="s">
        <v>6932</v>
      </c>
      <c r="B15274" s="6">
        <v>254278.8</v>
      </c>
      <c r="C15274" s="7">
        <f t="shared" si="238"/>
        <v>254.27879999999999</v>
      </c>
    </row>
    <row r="15275" spans="1:3" x14ac:dyDescent="0.25">
      <c r="A15275" s="2" t="s">
        <v>6933</v>
      </c>
      <c r="B15275" s="6">
        <v>254295.44999999998</v>
      </c>
      <c r="C15275" s="7">
        <f t="shared" si="238"/>
        <v>254.29544999999999</v>
      </c>
    </row>
    <row r="15276" spans="1:3" x14ac:dyDescent="0.25">
      <c r="A15276" s="2" t="s">
        <v>6934</v>
      </c>
      <c r="B15276" s="6">
        <v>254312.09999999998</v>
      </c>
      <c r="C15276" s="7">
        <f t="shared" si="238"/>
        <v>254.31209999999999</v>
      </c>
    </row>
    <row r="15277" spans="1:3" x14ac:dyDescent="0.25">
      <c r="A15277" s="2" t="s">
        <v>6935</v>
      </c>
      <c r="B15277" s="6">
        <v>254328.74999999997</v>
      </c>
      <c r="C15277" s="7">
        <f t="shared" si="238"/>
        <v>254.32874999999996</v>
      </c>
    </row>
    <row r="15278" spans="1:3" x14ac:dyDescent="0.25">
      <c r="A15278" s="2" t="s">
        <v>6936</v>
      </c>
      <c r="B15278" s="6">
        <v>254345.39999999997</v>
      </c>
      <c r="C15278" s="7">
        <f t="shared" si="238"/>
        <v>254.34539999999996</v>
      </c>
    </row>
    <row r="15279" spans="1:3" x14ac:dyDescent="0.25">
      <c r="A15279" s="2" t="s">
        <v>6937</v>
      </c>
      <c r="B15279" s="6">
        <v>254362.05</v>
      </c>
      <c r="C15279" s="7">
        <f t="shared" si="238"/>
        <v>254.36204999999998</v>
      </c>
    </row>
    <row r="15280" spans="1:3" x14ac:dyDescent="0.25">
      <c r="A15280" s="2" t="s">
        <v>6938</v>
      </c>
      <c r="B15280" s="6">
        <v>254378.69999999998</v>
      </c>
      <c r="C15280" s="7">
        <f t="shared" si="238"/>
        <v>254.37869999999998</v>
      </c>
    </row>
    <row r="15281" spans="1:3" x14ac:dyDescent="0.25">
      <c r="A15281" s="2" t="s">
        <v>6939</v>
      </c>
      <c r="B15281" s="6">
        <v>254395.34999999998</v>
      </c>
      <c r="C15281" s="7">
        <f t="shared" si="238"/>
        <v>254.39534999999998</v>
      </c>
    </row>
    <row r="15282" spans="1:3" x14ac:dyDescent="0.25">
      <c r="A15282" s="2" t="s">
        <v>6940</v>
      </c>
      <c r="B15282" s="6">
        <v>254411.99999999997</v>
      </c>
      <c r="C15282" s="7">
        <f t="shared" si="238"/>
        <v>254.41199999999998</v>
      </c>
    </row>
    <row r="15283" spans="1:3" x14ac:dyDescent="0.25">
      <c r="A15283" s="2" t="s">
        <v>6941</v>
      </c>
      <c r="B15283" s="6">
        <v>254428.64999999997</v>
      </c>
      <c r="C15283" s="7">
        <f t="shared" si="238"/>
        <v>254.42864999999998</v>
      </c>
    </row>
    <row r="15284" spans="1:3" x14ac:dyDescent="0.25">
      <c r="A15284" s="2" t="s">
        <v>6942</v>
      </c>
      <c r="B15284" s="6">
        <v>254445.3</v>
      </c>
      <c r="C15284" s="7">
        <f t="shared" si="238"/>
        <v>254.44529999999997</v>
      </c>
    </row>
    <row r="15285" spans="1:3" x14ac:dyDescent="0.25">
      <c r="A15285" s="2" t="s">
        <v>6943</v>
      </c>
      <c r="B15285" s="6">
        <v>254461.94999999998</v>
      </c>
      <c r="C15285" s="7">
        <f t="shared" si="238"/>
        <v>254.46194999999997</v>
      </c>
    </row>
    <row r="15286" spans="1:3" x14ac:dyDescent="0.25">
      <c r="A15286" s="2" t="s">
        <v>6944</v>
      </c>
      <c r="B15286" s="6">
        <v>254478.59999999998</v>
      </c>
      <c r="C15286" s="7">
        <f t="shared" si="238"/>
        <v>254.47859999999997</v>
      </c>
    </row>
    <row r="15287" spans="1:3" x14ac:dyDescent="0.25">
      <c r="A15287" s="2" t="s">
        <v>6945</v>
      </c>
      <c r="B15287" s="6">
        <v>254495.24999999997</v>
      </c>
      <c r="C15287" s="7">
        <f t="shared" si="238"/>
        <v>254.49524999999997</v>
      </c>
    </row>
    <row r="15288" spans="1:3" x14ac:dyDescent="0.25">
      <c r="A15288" s="2" t="s">
        <v>6946</v>
      </c>
      <c r="B15288" s="6">
        <v>254511.89999999997</v>
      </c>
      <c r="C15288" s="7">
        <f t="shared" si="238"/>
        <v>254.51189999999997</v>
      </c>
    </row>
    <row r="15289" spans="1:3" x14ac:dyDescent="0.25">
      <c r="A15289" s="2" t="s">
        <v>6947</v>
      </c>
      <c r="B15289" s="6">
        <v>254528.55</v>
      </c>
      <c r="C15289" s="7">
        <f t="shared" si="238"/>
        <v>254.52855</v>
      </c>
    </row>
    <row r="15290" spans="1:3" x14ac:dyDescent="0.25">
      <c r="A15290" s="2" t="s">
        <v>6948</v>
      </c>
      <c r="B15290" s="6">
        <v>254545.19999999998</v>
      </c>
      <c r="C15290" s="7">
        <f t="shared" si="238"/>
        <v>254.54519999999999</v>
      </c>
    </row>
    <row r="15291" spans="1:3" x14ac:dyDescent="0.25">
      <c r="A15291" s="2" t="s">
        <v>6949</v>
      </c>
      <c r="B15291" s="6">
        <v>254561.84999999998</v>
      </c>
      <c r="C15291" s="7">
        <f t="shared" si="238"/>
        <v>254.56184999999996</v>
      </c>
    </row>
    <row r="15292" spans="1:3" x14ac:dyDescent="0.25">
      <c r="A15292" s="2" t="s">
        <v>6950</v>
      </c>
      <c r="B15292" s="6">
        <v>254578.49999999997</v>
      </c>
      <c r="C15292" s="7">
        <f t="shared" si="238"/>
        <v>254.57849999999996</v>
      </c>
    </row>
    <row r="15293" spans="1:3" x14ac:dyDescent="0.25">
      <c r="A15293" s="2" t="s">
        <v>6951</v>
      </c>
      <c r="B15293" s="6">
        <v>254595.14999999997</v>
      </c>
      <c r="C15293" s="7">
        <f t="shared" si="238"/>
        <v>254.59514999999996</v>
      </c>
    </row>
    <row r="15294" spans="1:3" x14ac:dyDescent="0.25">
      <c r="A15294" s="2" t="s">
        <v>6952</v>
      </c>
      <c r="B15294" s="6">
        <v>254611.8</v>
      </c>
      <c r="C15294" s="7">
        <f t="shared" si="238"/>
        <v>254.61179999999999</v>
      </c>
    </row>
    <row r="15295" spans="1:3" x14ac:dyDescent="0.25">
      <c r="A15295" s="2" t="s">
        <v>6953</v>
      </c>
      <c r="B15295" s="6">
        <v>254628.44999999998</v>
      </c>
      <c r="C15295" s="7">
        <f t="shared" si="238"/>
        <v>254.62844999999999</v>
      </c>
    </row>
    <row r="15296" spans="1:3" x14ac:dyDescent="0.25">
      <c r="A15296" s="2" t="s">
        <v>6954</v>
      </c>
      <c r="B15296" s="6">
        <v>254645.09999999998</v>
      </c>
      <c r="C15296" s="7">
        <f t="shared" si="238"/>
        <v>254.64509999999999</v>
      </c>
    </row>
    <row r="15297" spans="1:3" x14ac:dyDescent="0.25">
      <c r="A15297" s="2" t="s">
        <v>6955</v>
      </c>
      <c r="B15297" s="6">
        <v>254661.74999999997</v>
      </c>
      <c r="C15297" s="7">
        <f t="shared" si="238"/>
        <v>254.66174999999998</v>
      </c>
    </row>
    <row r="15298" spans="1:3" x14ac:dyDescent="0.25">
      <c r="A15298" s="2" t="s">
        <v>6956</v>
      </c>
      <c r="B15298" s="6">
        <v>254678.39999999997</v>
      </c>
      <c r="C15298" s="7">
        <f t="shared" si="238"/>
        <v>254.67839999999995</v>
      </c>
    </row>
    <row r="15299" spans="1:3" x14ac:dyDescent="0.25">
      <c r="A15299" s="2" t="s">
        <v>6957</v>
      </c>
      <c r="B15299" s="6">
        <v>254695.05</v>
      </c>
      <c r="C15299" s="7">
        <f t="shared" ref="C15299:C15362" si="239">B15299/1000</f>
        <v>254.69504999999998</v>
      </c>
    </row>
    <row r="15300" spans="1:3" x14ac:dyDescent="0.25">
      <c r="A15300" s="2" t="s">
        <v>6958</v>
      </c>
      <c r="B15300" s="6">
        <v>254711.69999999998</v>
      </c>
      <c r="C15300" s="7">
        <f t="shared" si="239"/>
        <v>254.71169999999998</v>
      </c>
    </row>
    <row r="15301" spans="1:3" x14ac:dyDescent="0.25">
      <c r="A15301" s="2" t="s">
        <v>6959</v>
      </c>
      <c r="B15301" s="6">
        <v>254728.34999999998</v>
      </c>
      <c r="C15301" s="7">
        <f t="shared" si="239"/>
        <v>254.72834999999998</v>
      </c>
    </row>
    <row r="15302" spans="1:3" x14ac:dyDescent="0.25">
      <c r="A15302" s="2" t="s">
        <v>6960</v>
      </c>
      <c r="B15302" s="6">
        <v>254744.99999999997</v>
      </c>
      <c r="C15302" s="7">
        <f t="shared" si="239"/>
        <v>254.74499999999998</v>
      </c>
    </row>
    <row r="15303" spans="1:3" x14ac:dyDescent="0.25">
      <c r="A15303" s="2" t="s">
        <v>6961</v>
      </c>
      <c r="B15303" s="6">
        <v>254761.64999999997</v>
      </c>
      <c r="C15303" s="7">
        <f t="shared" si="239"/>
        <v>254.76164999999997</v>
      </c>
    </row>
    <row r="15304" spans="1:3" x14ac:dyDescent="0.25">
      <c r="A15304" s="2" t="s">
        <v>6962</v>
      </c>
      <c r="B15304" s="6">
        <v>254778.3</v>
      </c>
      <c r="C15304" s="7">
        <f t="shared" si="239"/>
        <v>254.7783</v>
      </c>
    </row>
    <row r="15305" spans="1:3" x14ac:dyDescent="0.25">
      <c r="A15305" s="2" t="s">
        <v>6963</v>
      </c>
      <c r="B15305" s="6">
        <v>254794.94999999998</v>
      </c>
      <c r="C15305" s="7">
        <f t="shared" si="239"/>
        <v>254.79494999999997</v>
      </c>
    </row>
    <row r="15306" spans="1:3" x14ac:dyDescent="0.25">
      <c r="A15306" s="2" t="s">
        <v>6964</v>
      </c>
      <c r="B15306" s="6">
        <v>254811.59999999998</v>
      </c>
      <c r="C15306" s="7">
        <f t="shared" si="239"/>
        <v>254.81159999999997</v>
      </c>
    </row>
    <row r="15307" spans="1:3" x14ac:dyDescent="0.25">
      <c r="A15307" s="2" t="s">
        <v>6965</v>
      </c>
      <c r="B15307" s="6">
        <v>254828.24999999997</v>
      </c>
      <c r="C15307" s="7">
        <f t="shared" si="239"/>
        <v>254.82824999999997</v>
      </c>
    </row>
    <row r="15308" spans="1:3" x14ac:dyDescent="0.25">
      <c r="A15308" s="2" t="s">
        <v>6966</v>
      </c>
      <c r="B15308" s="6">
        <v>254844.89999999997</v>
      </c>
      <c r="C15308" s="7">
        <f t="shared" si="239"/>
        <v>254.84489999999997</v>
      </c>
    </row>
    <row r="15309" spans="1:3" x14ac:dyDescent="0.25">
      <c r="A15309" s="2" t="s">
        <v>6967</v>
      </c>
      <c r="B15309" s="6">
        <v>254861.55</v>
      </c>
      <c r="C15309" s="7">
        <f t="shared" si="239"/>
        <v>254.86154999999999</v>
      </c>
    </row>
    <row r="15310" spans="1:3" x14ac:dyDescent="0.25">
      <c r="A15310" s="2" t="s">
        <v>6968</v>
      </c>
      <c r="B15310" s="6">
        <v>254878.19999999998</v>
      </c>
      <c r="C15310" s="7">
        <f t="shared" si="239"/>
        <v>254.87819999999999</v>
      </c>
    </row>
    <row r="15311" spans="1:3" x14ac:dyDescent="0.25">
      <c r="A15311" s="2" t="s">
        <v>6969</v>
      </c>
      <c r="B15311" s="6">
        <v>254894.84999999998</v>
      </c>
      <c r="C15311" s="7">
        <f t="shared" si="239"/>
        <v>254.89484999999996</v>
      </c>
    </row>
    <row r="15312" spans="1:3" x14ac:dyDescent="0.25">
      <c r="A15312" s="2" t="s">
        <v>6970</v>
      </c>
      <c r="B15312" s="6">
        <v>254911.49999999997</v>
      </c>
      <c r="C15312" s="7">
        <f t="shared" si="239"/>
        <v>254.91149999999996</v>
      </c>
    </row>
    <row r="15313" spans="1:3" x14ac:dyDescent="0.25">
      <c r="A15313" s="2" t="s">
        <v>6971</v>
      </c>
      <c r="B15313" s="6">
        <v>254928.14999999997</v>
      </c>
      <c r="C15313" s="7">
        <f t="shared" si="239"/>
        <v>254.92814999999996</v>
      </c>
    </row>
    <row r="15314" spans="1:3" x14ac:dyDescent="0.25">
      <c r="A15314" s="2" t="s">
        <v>6972</v>
      </c>
      <c r="B15314" s="6">
        <v>254944.8</v>
      </c>
      <c r="C15314" s="7">
        <f t="shared" si="239"/>
        <v>254.94479999999999</v>
      </c>
    </row>
    <row r="15315" spans="1:3" x14ac:dyDescent="0.25">
      <c r="A15315" s="2" t="s">
        <v>6973</v>
      </c>
      <c r="B15315" s="6">
        <v>254961.44999999998</v>
      </c>
      <c r="C15315" s="7">
        <f t="shared" si="239"/>
        <v>254.96144999999999</v>
      </c>
    </row>
    <row r="15316" spans="1:3" x14ac:dyDescent="0.25">
      <c r="A15316" s="2" t="s">
        <v>6974</v>
      </c>
      <c r="B15316" s="6">
        <v>254978.09999999998</v>
      </c>
      <c r="C15316" s="7">
        <f t="shared" si="239"/>
        <v>254.97809999999998</v>
      </c>
    </row>
    <row r="15317" spans="1:3" x14ac:dyDescent="0.25">
      <c r="A15317" s="2" t="s">
        <v>6975</v>
      </c>
      <c r="B15317" s="6">
        <v>254994.74999999997</v>
      </c>
      <c r="C15317" s="7">
        <f t="shared" si="239"/>
        <v>254.99474999999998</v>
      </c>
    </row>
    <row r="15318" spans="1:3" x14ac:dyDescent="0.25">
      <c r="A15318" s="2" t="s">
        <v>6976</v>
      </c>
      <c r="B15318" s="6">
        <v>255011.39999999997</v>
      </c>
      <c r="C15318" s="7">
        <f t="shared" si="239"/>
        <v>255.01139999999995</v>
      </c>
    </row>
    <row r="15319" spans="1:3" x14ac:dyDescent="0.25">
      <c r="A15319" s="2" t="s">
        <v>6977</v>
      </c>
      <c r="B15319" s="6">
        <v>255028.05</v>
      </c>
      <c r="C15319" s="7">
        <f t="shared" si="239"/>
        <v>255.02804999999998</v>
      </c>
    </row>
    <row r="15320" spans="1:3" x14ac:dyDescent="0.25">
      <c r="A15320" s="2" t="s">
        <v>6978</v>
      </c>
      <c r="B15320" s="6">
        <v>255044.69999999998</v>
      </c>
      <c r="C15320" s="7">
        <f t="shared" si="239"/>
        <v>255.04469999999998</v>
      </c>
    </row>
    <row r="15321" spans="1:3" x14ac:dyDescent="0.25">
      <c r="A15321" s="2" t="s">
        <v>6979</v>
      </c>
      <c r="B15321" s="6">
        <v>255061.34999999998</v>
      </c>
      <c r="C15321" s="7">
        <f t="shared" si="239"/>
        <v>255.06134999999998</v>
      </c>
    </row>
    <row r="15322" spans="1:3" x14ac:dyDescent="0.25">
      <c r="A15322" s="2" t="s">
        <v>6980</v>
      </c>
      <c r="B15322" s="6">
        <v>255077.99999999997</v>
      </c>
      <c r="C15322" s="7">
        <f t="shared" si="239"/>
        <v>255.07799999999997</v>
      </c>
    </row>
    <row r="15323" spans="1:3" x14ac:dyDescent="0.25">
      <c r="A15323" s="2" t="s">
        <v>6981</v>
      </c>
      <c r="B15323" s="6">
        <v>255094.64999999997</v>
      </c>
      <c r="C15323" s="7">
        <f t="shared" si="239"/>
        <v>255.09464999999997</v>
      </c>
    </row>
    <row r="15324" spans="1:3" x14ac:dyDescent="0.25">
      <c r="A15324" s="2" t="s">
        <v>6982</v>
      </c>
      <c r="B15324" s="6">
        <v>255111.3</v>
      </c>
      <c r="C15324" s="7">
        <f t="shared" si="239"/>
        <v>255.1113</v>
      </c>
    </row>
    <row r="15325" spans="1:3" x14ac:dyDescent="0.25">
      <c r="A15325" s="2" t="s">
        <v>6983</v>
      </c>
      <c r="B15325" s="6">
        <v>255127.94999999998</v>
      </c>
      <c r="C15325" s="7">
        <f t="shared" si="239"/>
        <v>255.12794999999997</v>
      </c>
    </row>
    <row r="15326" spans="1:3" x14ac:dyDescent="0.25">
      <c r="A15326" s="2" t="s">
        <v>6984</v>
      </c>
      <c r="B15326" s="6">
        <v>255144.59999999998</v>
      </c>
      <c r="C15326" s="7">
        <f t="shared" si="239"/>
        <v>255.14459999999997</v>
      </c>
    </row>
    <row r="15327" spans="1:3" x14ac:dyDescent="0.25">
      <c r="A15327" s="2" t="s">
        <v>6985</v>
      </c>
      <c r="B15327" s="6">
        <v>255161.24999999997</v>
      </c>
      <c r="C15327" s="7">
        <f t="shared" si="239"/>
        <v>255.16124999999997</v>
      </c>
    </row>
    <row r="15328" spans="1:3" x14ac:dyDescent="0.25">
      <c r="A15328" s="2" t="s">
        <v>6986</v>
      </c>
      <c r="B15328" s="6">
        <v>255177.89999999997</v>
      </c>
      <c r="C15328" s="7">
        <f t="shared" si="239"/>
        <v>255.17789999999997</v>
      </c>
    </row>
    <row r="15329" spans="1:3" x14ac:dyDescent="0.25">
      <c r="A15329" s="2" t="s">
        <v>6987</v>
      </c>
      <c r="B15329" s="6">
        <v>255194.55</v>
      </c>
      <c r="C15329" s="7">
        <f t="shared" si="239"/>
        <v>255.19454999999999</v>
      </c>
    </row>
    <row r="15330" spans="1:3" x14ac:dyDescent="0.25">
      <c r="A15330" s="2" t="s">
        <v>6988</v>
      </c>
      <c r="B15330" s="6">
        <v>255211.19999999998</v>
      </c>
      <c r="C15330" s="7">
        <f t="shared" si="239"/>
        <v>255.21119999999999</v>
      </c>
    </row>
    <row r="15331" spans="1:3" x14ac:dyDescent="0.25">
      <c r="A15331" s="2" t="s">
        <v>6989</v>
      </c>
      <c r="B15331" s="6">
        <v>255227.84999999998</v>
      </c>
      <c r="C15331" s="7">
        <f t="shared" si="239"/>
        <v>255.22784999999999</v>
      </c>
    </row>
    <row r="15332" spans="1:3" x14ac:dyDescent="0.25">
      <c r="A15332" s="2" t="s">
        <v>6990</v>
      </c>
      <c r="B15332" s="6">
        <v>255244.49999999997</v>
      </c>
      <c r="C15332" s="7">
        <f t="shared" si="239"/>
        <v>255.24449999999996</v>
      </c>
    </row>
    <row r="15333" spans="1:3" x14ac:dyDescent="0.25">
      <c r="A15333" s="2" t="s">
        <v>6991</v>
      </c>
      <c r="B15333" s="6">
        <v>255261.14999999997</v>
      </c>
      <c r="C15333" s="7">
        <f t="shared" si="239"/>
        <v>255.26114999999996</v>
      </c>
    </row>
    <row r="15334" spans="1:3" x14ac:dyDescent="0.25">
      <c r="A15334" s="2" t="s">
        <v>6992</v>
      </c>
      <c r="B15334" s="6">
        <v>255277.8</v>
      </c>
      <c r="C15334" s="7">
        <f t="shared" si="239"/>
        <v>255.27779999999998</v>
      </c>
    </row>
    <row r="15335" spans="1:3" x14ac:dyDescent="0.25">
      <c r="A15335" s="2" t="s">
        <v>6993</v>
      </c>
      <c r="B15335" s="6">
        <v>255294.44999999998</v>
      </c>
      <c r="C15335" s="7">
        <f t="shared" si="239"/>
        <v>255.29444999999998</v>
      </c>
    </row>
    <row r="15336" spans="1:3" x14ac:dyDescent="0.25">
      <c r="A15336" s="2" t="s">
        <v>6994</v>
      </c>
      <c r="B15336" s="6">
        <v>255311.09999999998</v>
      </c>
      <c r="C15336" s="7">
        <f t="shared" si="239"/>
        <v>255.31109999999998</v>
      </c>
    </row>
    <row r="15337" spans="1:3" x14ac:dyDescent="0.25">
      <c r="A15337" s="2" t="s">
        <v>6995</v>
      </c>
      <c r="B15337" s="6">
        <v>255327.74999999997</v>
      </c>
      <c r="C15337" s="7">
        <f t="shared" si="239"/>
        <v>255.32774999999998</v>
      </c>
    </row>
    <row r="15338" spans="1:3" x14ac:dyDescent="0.25">
      <c r="A15338" s="2" t="s">
        <v>6996</v>
      </c>
      <c r="B15338" s="6">
        <v>255344.39999999997</v>
      </c>
      <c r="C15338" s="7">
        <f t="shared" si="239"/>
        <v>255.34439999999998</v>
      </c>
    </row>
    <row r="15339" spans="1:3" x14ac:dyDescent="0.25">
      <c r="A15339" s="2" t="s">
        <v>6997</v>
      </c>
      <c r="B15339" s="6">
        <v>255361.05</v>
      </c>
      <c r="C15339" s="7">
        <f t="shared" si="239"/>
        <v>255.36104999999998</v>
      </c>
    </row>
    <row r="15340" spans="1:3" x14ac:dyDescent="0.25">
      <c r="A15340" s="2" t="s">
        <v>6998</v>
      </c>
      <c r="B15340" s="6">
        <v>255377.69999999998</v>
      </c>
      <c r="C15340" s="7">
        <f t="shared" si="239"/>
        <v>255.37769999999998</v>
      </c>
    </row>
    <row r="15341" spans="1:3" x14ac:dyDescent="0.25">
      <c r="A15341" s="2" t="s">
        <v>6999</v>
      </c>
      <c r="B15341" s="6">
        <v>255394.34999999998</v>
      </c>
      <c r="C15341" s="7">
        <f t="shared" si="239"/>
        <v>255.39434999999997</v>
      </c>
    </row>
    <row r="15342" spans="1:3" x14ac:dyDescent="0.25">
      <c r="A15342" s="2" t="s">
        <v>7000</v>
      </c>
      <c r="B15342" s="6">
        <v>255410.99999999997</v>
      </c>
      <c r="C15342" s="7">
        <f t="shared" si="239"/>
        <v>255.41099999999997</v>
      </c>
    </row>
    <row r="15343" spans="1:3" x14ac:dyDescent="0.25">
      <c r="A15343" s="2" t="s">
        <v>7001</v>
      </c>
      <c r="B15343" s="6">
        <v>255427.64999999997</v>
      </c>
      <c r="C15343" s="7">
        <f t="shared" si="239"/>
        <v>255.42764999999997</v>
      </c>
    </row>
    <row r="15344" spans="1:3" x14ac:dyDescent="0.25">
      <c r="A15344" s="2" t="s">
        <v>7002</v>
      </c>
      <c r="B15344" s="6">
        <v>255444.3</v>
      </c>
      <c r="C15344" s="7">
        <f t="shared" si="239"/>
        <v>255.4443</v>
      </c>
    </row>
    <row r="15345" spans="1:3" x14ac:dyDescent="0.25">
      <c r="A15345" s="2" t="s">
        <v>7003</v>
      </c>
      <c r="B15345" s="6">
        <v>255460.94999999998</v>
      </c>
      <c r="C15345" s="7">
        <f t="shared" si="239"/>
        <v>255.46094999999997</v>
      </c>
    </row>
    <row r="15346" spans="1:3" x14ac:dyDescent="0.25">
      <c r="A15346" s="2" t="s">
        <v>7004</v>
      </c>
      <c r="B15346" s="6">
        <v>255477.59999999998</v>
      </c>
      <c r="C15346" s="7">
        <f t="shared" si="239"/>
        <v>255.47759999999997</v>
      </c>
    </row>
    <row r="15347" spans="1:3" x14ac:dyDescent="0.25">
      <c r="A15347" s="2" t="s">
        <v>7005</v>
      </c>
      <c r="B15347" s="6">
        <v>255494.24999999997</v>
      </c>
      <c r="C15347" s="7">
        <f t="shared" si="239"/>
        <v>255.49424999999997</v>
      </c>
    </row>
    <row r="15348" spans="1:3" x14ac:dyDescent="0.25">
      <c r="A15348" s="2" t="s">
        <v>7006</v>
      </c>
      <c r="B15348" s="6">
        <v>255510.89999999997</v>
      </c>
      <c r="C15348" s="7">
        <f t="shared" si="239"/>
        <v>255.51089999999996</v>
      </c>
    </row>
    <row r="15349" spans="1:3" x14ac:dyDescent="0.25">
      <c r="A15349" s="2" t="s">
        <v>7007</v>
      </c>
      <c r="B15349" s="6">
        <v>255527.55</v>
      </c>
      <c r="C15349" s="7">
        <f t="shared" si="239"/>
        <v>255.52754999999999</v>
      </c>
    </row>
    <row r="15350" spans="1:3" x14ac:dyDescent="0.25">
      <c r="A15350" s="2" t="s">
        <v>7008</v>
      </c>
      <c r="B15350" s="6">
        <v>255544.19999999998</v>
      </c>
      <c r="C15350" s="7">
        <f t="shared" si="239"/>
        <v>255.54419999999999</v>
      </c>
    </row>
    <row r="15351" spans="1:3" x14ac:dyDescent="0.25">
      <c r="A15351" s="2" t="s">
        <v>7009</v>
      </c>
      <c r="B15351" s="6">
        <v>255560.84999999998</v>
      </c>
      <c r="C15351" s="7">
        <f t="shared" si="239"/>
        <v>255.56084999999999</v>
      </c>
    </row>
    <row r="15352" spans="1:3" x14ac:dyDescent="0.25">
      <c r="A15352" s="2" t="s">
        <v>7010</v>
      </c>
      <c r="B15352" s="6">
        <v>255577.49999999997</v>
      </c>
      <c r="C15352" s="7">
        <f t="shared" si="239"/>
        <v>255.57749999999996</v>
      </c>
    </row>
    <row r="15353" spans="1:3" x14ac:dyDescent="0.25">
      <c r="A15353" s="2" t="s">
        <v>7011</v>
      </c>
      <c r="B15353" s="6">
        <v>255594.14999999997</v>
      </c>
      <c r="C15353" s="7">
        <f t="shared" si="239"/>
        <v>255.59414999999996</v>
      </c>
    </row>
    <row r="15354" spans="1:3" x14ac:dyDescent="0.25">
      <c r="A15354" s="2" t="s">
        <v>7012</v>
      </c>
      <c r="B15354" s="6">
        <v>255610.8</v>
      </c>
      <c r="C15354" s="7">
        <f t="shared" si="239"/>
        <v>255.61079999999998</v>
      </c>
    </row>
    <row r="15355" spans="1:3" x14ac:dyDescent="0.25">
      <c r="A15355" s="2" t="s">
        <v>7013</v>
      </c>
      <c r="B15355" s="6">
        <v>255627.44999999998</v>
      </c>
      <c r="C15355" s="7">
        <f t="shared" si="239"/>
        <v>255.62744999999998</v>
      </c>
    </row>
    <row r="15356" spans="1:3" x14ac:dyDescent="0.25">
      <c r="A15356" s="2" t="s">
        <v>7014</v>
      </c>
      <c r="B15356" s="6">
        <v>255644.09999999998</v>
      </c>
      <c r="C15356" s="7">
        <f t="shared" si="239"/>
        <v>255.64409999999998</v>
      </c>
    </row>
    <row r="15357" spans="1:3" x14ac:dyDescent="0.25">
      <c r="A15357" s="2" t="s">
        <v>7015</v>
      </c>
      <c r="B15357" s="6">
        <v>255660.74999999997</v>
      </c>
      <c r="C15357" s="7">
        <f t="shared" si="239"/>
        <v>255.66074999999998</v>
      </c>
    </row>
    <row r="15358" spans="1:3" x14ac:dyDescent="0.25">
      <c r="A15358" s="2" t="s">
        <v>7016</v>
      </c>
      <c r="B15358" s="6">
        <v>255677.39999999997</v>
      </c>
      <c r="C15358" s="7">
        <f t="shared" si="239"/>
        <v>255.67739999999998</v>
      </c>
    </row>
    <row r="15359" spans="1:3" x14ac:dyDescent="0.25">
      <c r="A15359" s="2" t="s">
        <v>7017</v>
      </c>
      <c r="B15359" s="6">
        <v>255694.05</v>
      </c>
      <c r="C15359" s="7">
        <f t="shared" si="239"/>
        <v>255.69404999999998</v>
      </c>
    </row>
    <row r="15360" spans="1:3" x14ac:dyDescent="0.25">
      <c r="A15360" s="2" t="s">
        <v>7018</v>
      </c>
      <c r="B15360" s="6">
        <v>255710.69999999998</v>
      </c>
      <c r="C15360" s="7">
        <f t="shared" si="239"/>
        <v>255.71069999999997</v>
      </c>
    </row>
    <row r="15361" spans="1:3" x14ac:dyDescent="0.25">
      <c r="A15361" s="2" t="s">
        <v>7019</v>
      </c>
      <c r="B15361" s="6">
        <v>255727.34999999998</v>
      </c>
      <c r="C15361" s="7">
        <f t="shared" si="239"/>
        <v>255.72734999999997</v>
      </c>
    </row>
    <row r="15362" spans="1:3" x14ac:dyDescent="0.25">
      <c r="A15362" s="2" t="s">
        <v>7020</v>
      </c>
      <c r="B15362" s="6">
        <v>255743.99999999997</v>
      </c>
      <c r="C15362" s="7">
        <f t="shared" si="239"/>
        <v>255.74399999999997</v>
      </c>
    </row>
    <row r="15363" spans="1:3" x14ac:dyDescent="0.25">
      <c r="A15363" s="2" t="s">
        <v>7021</v>
      </c>
      <c r="B15363" s="6">
        <v>255760.64999999997</v>
      </c>
      <c r="C15363" s="7">
        <f t="shared" ref="C15363:C15426" si="240">B15363/1000</f>
        <v>255.76064999999997</v>
      </c>
    </row>
    <row r="15364" spans="1:3" x14ac:dyDescent="0.25">
      <c r="A15364" s="2" t="s">
        <v>7022</v>
      </c>
      <c r="B15364" s="6">
        <v>255777.3</v>
      </c>
      <c r="C15364" s="7">
        <f t="shared" si="240"/>
        <v>255.7773</v>
      </c>
    </row>
    <row r="15365" spans="1:3" x14ac:dyDescent="0.25">
      <c r="A15365" s="2" t="s">
        <v>7023</v>
      </c>
      <c r="B15365" s="6">
        <v>255793.94999999998</v>
      </c>
      <c r="C15365" s="7">
        <f t="shared" si="240"/>
        <v>255.79395</v>
      </c>
    </row>
    <row r="15366" spans="1:3" x14ac:dyDescent="0.25">
      <c r="A15366" s="2" t="s">
        <v>7024</v>
      </c>
      <c r="B15366" s="6">
        <v>255810.59999999998</v>
      </c>
      <c r="C15366" s="7">
        <f t="shared" si="240"/>
        <v>255.81059999999997</v>
      </c>
    </row>
    <row r="15367" spans="1:3" x14ac:dyDescent="0.25">
      <c r="A15367" s="2" t="s">
        <v>7025</v>
      </c>
      <c r="B15367" s="6">
        <v>255827.24999999997</v>
      </c>
      <c r="C15367" s="7">
        <f t="shared" si="240"/>
        <v>255.82724999999996</v>
      </c>
    </row>
    <row r="15368" spans="1:3" x14ac:dyDescent="0.25">
      <c r="A15368" s="2" t="s">
        <v>7026</v>
      </c>
      <c r="B15368" s="6">
        <v>255843.89999999997</v>
      </c>
      <c r="C15368" s="7">
        <f t="shared" si="240"/>
        <v>255.84389999999996</v>
      </c>
    </row>
    <row r="15369" spans="1:3" x14ac:dyDescent="0.25">
      <c r="A15369" s="2" t="s">
        <v>7027</v>
      </c>
      <c r="B15369" s="6">
        <v>255860.55</v>
      </c>
      <c r="C15369" s="7">
        <f t="shared" si="240"/>
        <v>255.86054999999999</v>
      </c>
    </row>
    <row r="15370" spans="1:3" x14ac:dyDescent="0.25">
      <c r="A15370" s="2" t="s">
        <v>7028</v>
      </c>
      <c r="B15370" s="6">
        <v>255877.19999999998</v>
      </c>
      <c r="C15370" s="7">
        <f t="shared" si="240"/>
        <v>255.87719999999999</v>
      </c>
    </row>
    <row r="15371" spans="1:3" x14ac:dyDescent="0.25">
      <c r="A15371" s="2" t="s">
        <v>7029</v>
      </c>
      <c r="B15371" s="6">
        <v>255893.84999999998</v>
      </c>
      <c r="C15371" s="7">
        <f t="shared" si="240"/>
        <v>255.89384999999999</v>
      </c>
    </row>
    <row r="15372" spans="1:3" x14ac:dyDescent="0.25">
      <c r="A15372" s="2" t="s">
        <v>7030</v>
      </c>
      <c r="B15372" s="6">
        <v>255910.49999999997</v>
      </c>
      <c r="C15372" s="7">
        <f t="shared" si="240"/>
        <v>255.91049999999998</v>
      </c>
    </row>
    <row r="15373" spans="1:3" x14ac:dyDescent="0.25">
      <c r="A15373" s="2" t="s">
        <v>7031</v>
      </c>
      <c r="B15373" s="6">
        <v>255927.14999999997</v>
      </c>
      <c r="C15373" s="7">
        <f t="shared" si="240"/>
        <v>255.92714999999995</v>
      </c>
    </row>
    <row r="15374" spans="1:3" x14ac:dyDescent="0.25">
      <c r="A15374" s="2" t="s">
        <v>7032</v>
      </c>
      <c r="B15374" s="6">
        <v>255943.8</v>
      </c>
      <c r="C15374" s="7">
        <f t="shared" si="240"/>
        <v>255.94379999999998</v>
      </c>
    </row>
    <row r="15375" spans="1:3" x14ac:dyDescent="0.25">
      <c r="A15375" s="2" t="s">
        <v>7033</v>
      </c>
      <c r="B15375" s="6">
        <v>255960.44999999998</v>
      </c>
      <c r="C15375" s="7">
        <f t="shared" si="240"/>
        <v>255.96044999999998</v>
      </c>
    </row>
    <row r="15376" spans="1:3" x14ac:dyDescent="0.25">
      <c r="A15376" s="2" t="s">
        <v>7034</v>
      </c>
      <c r="B15376" s="6">
        <v>255977.09999999998</v>
      </c>
      <c r="C15376" s="7">
        <f t="shared" si="240"/>
        <v>255.97709999999998</v>
      </c>
    </row>
    <row r="15377" spans="1:3" x14ac:dyDescent="0.25">
      <c r="A15377" s="2" t="s">
        <v>7035</v>
      </c>
      <c r="B15377" s="6">
        <v>255993.74999999997</v>
      </c>
      <c r="C15377" s="7">
        <f t="shared" si="240"/>
        <v>255.99374999999998</v>
      </c>
    </row>
    <row r="15378" spans="1:3" x14ac:dyDescent="0.25">
      <c r="A15378" s="2" t="s">
        <v>7036</v>
      </c>
      <c r="B15378" s="6">
        <v>256010.39999999997</v>
      </c>
      <c r="C15378" s="7">
        <f t="shared" si="240"/>
        <v>256.01039999999995</v>
      </c>
    </row>
    <row r="15379" spans="1:3" x14ac:dyDescent="0.25">
      <c r="A15379" s="2" t="s">
        <v>7037</v>
      </c>
      <c r="B15379" s="6">
        <v>256027.05</v>
      </c>
      <c r="C15379" s="7">
        <f t="shared" si="240"/>
        <v>256.02704999999997</v>
      </c>
    </row>
    <row r="15380" spans="1:3" x14ac:dyDescent="0.25">
      <c r="A15380" s="2" t="s">
        <v>7038</v>
      </c>
      <c r="B15380" s="6">
        <v>256043.69999999998</v>
      </c>
      <c r="C15380" s="7">
        <f t="shared" si="240"/>
        <v>256.0437</v>
      </c>
    </row>
    <row r="15381" spans="1:3" x14ac:dyDescent="0.25">
      <c r="A15381" s="2" t="s">
        <v>7039</v>
      </c>
      <c r="B15381" s="6">
        <v>256060.34999999998</v>
      </c>
      <c r="C15381" s="7">
        <f t="shared" si="240"/>
        <v>256.06034999999997</v>
      </c>
    </row>
    <row r="15382" spans="1:3" x14ac:dyDescent="0.25">
      <c r="A15382" s="2" t="s">
        <v>7040</v>
      </c>
      <c r="B15382" s="6">
        <v>256076.99999999997</v>
      </c>
      <c r="C15382" s="7">
        <f t="shared" si="240"/>
        <v>256.077</v>
      </c>
    </row>
    <row r="15383" spans="1:3" x14ac:dyDescent="0.25">
      <c r="A15383" s="2" t="s">
        <v>7041</v>
      </c>
      <c r="B15383" s="6">
        <v>256093.64999999997</v>
      </c>
      <c r="C15383" s="7">
        <f t="shared" si="240"/>
        <v>256.09364999999997</v>
      </c>
    </row>
    <row r="15384" spans="1:3" x14ac:dyDescent="0.25">
      <c r="A15384" s="2" t="s">
        <v>7042</v>
      </c>
      <c r="B15384" s="6">
        <v>256110.3</v>
      </c>
      <c r="C15384" s="7">
        <f t="shared" si="240"/>
        <v>256.1103</v>
      </c>
    </row>
    <row r="15385" spans="1:3" x14ac:dyDescent="0.25">
      <c r="A15385" s="2" t="s">
        <v>7043</v>
      </c>
      <c r="B15385" s="6">
        <v>256126.94999999998</v>
      </c>
      <c r="C15385" s="7">
        <f t="shared" si="240"/>
        <v>256.12694999999997</v>
      </c>
    </row>
    <row r="15386" spans="1:3" x14ac:dyDescent="0.25">
      <c r="A15386" s="2" t="s">
        <v>7044</v>
      </c>
      <c r="B15386" s="6">
        <v>256143.59999999998</v>
      </c>
      <c r="C15386" s="7">
        <f t="shared" si="240"/>
        <v>256.14359999999999</v>
      </c>
    </row>
    <row r="15387" spans="1:3" x14ac:dyDescent="0.25">
      <c r="A15387" s="2" t="s">
        <v>7045</v>
      </c>
      <c r="B15387" s="6">
        <v>256160.24999999997</v>
      </c>
      <c r="C15387" s="7">
        <f t="shared" si="240"/>
        <v>256.16024999999996</v>
      </c>
    </row>
    <row r="15388" spans="1:3" x14ac:dyDescent="0.25">
      <c r="A15388" s="2" t="s">
        <v>7046</v>
      </c>
      <c r="B15388" s="6">
        <v>256176.89999999997</v>
      </c>
      <c r="C15388" s="7">
        <f t="shared" si="240"/>
        <v>256.17689999999999</v>
      </c>
    </row>
    <row r="15389" spans="1:3" x14ac:dyDescent="0.25">
      <c r="A15389" s="2" t="s">
        <v>7047</v>
      </c>
      <c r="B15389" s="6">
        <v>256193.55</v>
      </c>
      <c r="C15389" s="7">
        <f t="shared" si="240"/>
        <v>256.19355000000002</v>
      </c>
    </row>
    <row r="15390" spans="1:3" x14ac:dyDescent="0.25">
      <c r="A15390" s="2" t="s">
        <v>7048</v>
      </c>
      <c r="B15390" s="6">
        <v>256210.19999999998</v>
      </c>
      <c r="C15390" s="7">
        <f t="shared" si="240"/>
        <v>256.21019999999999</v>
      </c>
    </row>
    <row r="15391" spans="1:3" x14ac:dyDescent="0.25">
      <c r="A15391" s="2" t="s">
        <v>7049</v>
      </c>
      <c r="B15391" s="6">
        <v>256226.84999999998</v>
      </c>
      <c r="C15391" s="7">
        <f t="shared" si="240"/>
        <v>256.22684999999996</v>
      </c>
    </row>
    <row r="15392" spans="1:3" x14ac:dyDescent="0.25">
      <c r="A15392" s="2" t="s">
        <v>7050</v>
      </c>
      <c r="B15392" s="6">
        <v>256243.49999999997</v>
      </c>
      <c r="C15392" s="7">
        <f t="shared" si="240"/>
        <v>256.24349999999998</v>
      </c>
    </row>
    <row r="15393" spans="1:3" x14ac:dyDescent="0.25">
      <c r="A15393" s="2" t="s">
        <v>7051</v>
      </c>
      <c r="B15393" s="6">
        <v>256260.14999999997</v>
      </c>
      <c r="C15393" s="7">
        <f t="shared" si="240"/>
        <v>256.26014999999995</v>
      </c>
    </row>
    <row r="15394" spans="1:3" x14ac:dyDescent="0.25">
      <c r="A15394" s="2" t="s">
        <v>7052</v>
      </c>
      <c r="B15394" s="6">
        <v>256276.8</v>
      </c>
      <c r="C15394" s="7">
        <f t="shared" si="240"/>
        <v>256.27679999999998</v>
      </c>
    </row>
    <row r="15395" spans="1:3" x14ac:dyDescent="0.25">
      <c r="A15395" s="2" t="s">
        <v>7053</v>
      </c>
      <c r="B15395" s="6">
        <v>256293.44999999998</v>
      </c>
      <c r="C15395" s="7">
        <f t="shared" si="240"/>
        <v>256.29345000000001</v>
      </c>
    </row>
    <row r="15396" spans="1:3" x14ac:dyDescent="0.25">
      <c r="A15396" s="2" t="s">
        <v>7054</v>
      </c>
      <c r="B15396" s="6">
        <v>256310.09999999998</v>
      </c>
      <c r="C15396" s="7">
        <f t="shared" si="240"/>
        <v>256.31009999999998</v>
      </c>
    </row>
    <row r="15397" spans="1:3" x14ac:dyDescent="0.25">
      <c r="A15397" s="2" t="s">
        <v>7055</v>
      </c>
      <c r="B15397" s="6">
        <v>256326.74999999997</v>
      </c>
      <c r="C15397" s="7">
        <f t="shared" si="240"/>
        <v>256.32674999999995</v>
      </c>
    </row>
    <row r="15398" spans="1:3" x14ac:dyDescent="0.25">
      <c r="A15398" s="2" t="s">
        <v>7056</v>
      </c>
      <c r="B15398" s="6">
        <v>256343.39999999997</v>
      </c>
      <c r="C15398" s="7">
        <f t="shared" si="240"/>
        <v>256.34339999999997</v>
      </c>
    </row>
    <row r="15399" spans="1:3" x14ac:dyDescent="0.25">
      <c r="A15399" s="2" t="s">
        <v>7057</v>
      </c>
      <c r="B15399" s="6">
        <v>256360.05</v>
      </c>
      <c r="C15399" s="7">
        <f t="shared" si="240"/>
        <v>256.36005</v>
      </c>
    </row>
    <row r="15400" spans="1:3" x14ac:dyDescent="0.25">
      <c r="A15400" s="2" t="s">
        <v>7058</v>
      </c>
      <c r="B15400" s="6">
        <v>256376.69999999998</v>
      </c>
      <c r="C15400" s="7">
        <f t="shared" si="240"/>
        <v>256.37669999999997</v>
      </c>
    </row>
    <row r="15401" spans="1:3" x14ac:dyDescent="0.25">
      <c r="A15401" s="2" t="s">
        <v>7059</v>
      </c>
      <c r="B15401" s="6">
        <v>256393.34999999998</v>
      </c>
      <c r="C15401" s="7">
        <f t="shared" si="240"/>
        <v>256.39335</v>
      </c>
    </row>
    <row r="15402" spans="1:3" x14ac:dyDescent="0.25">
      <c r="A15402" s="2" t="s">
        <v>7060</v>
      </c>
      <c r="B15402" s="6">
        <v>256409.99999999997</v>
      </c>
      <c r="C15402" s="7">
        <f t="shared" si="240"/>
        <v>256.40999999999997</v>
      </c>
    </row>
    <row r="15403" spans="1:3" x14ac:dyDescent="0.25">
      <c r="A15403" s="2" t="s">
        <v>7061</v>
      </c>
      <c r="B15403" s="6">
        <v>256426.64999999997</v>
      </c>
      <c r="C15403" s="7">
        <f t="shared" si="240"/>
        <v>256.42664999999994</v>
      </c>
    </row>
    <row r="15404" spans="1:3" x14ac:dyDescent="0.25">
      <c r="A15404" s="2" t="s">
        <v>7062</v>
      </c>
      <c r="B15404" s="6">
        <v>256443.3</v>
      </c>
      <c r="C15404" s="7">
        <f t="shared" si="240"/>
        <v>256.44329999999997</v>
      </c>
    </row>
    <row r="15405" spans="1:3" x14ac:dyDescent="0.25">
      <c r="A15405" s="2" t="s">
        <v>7063</v>
      </c>
      <c r="B15405" s="6">
        <v>256459.94999999998</v>
      </c>
      <c r="C15405" s="7">
        <f t="shared" si="240"/>
        <v>256.45994999999999</v>
      </c>
    </row>
    <row r="15406" spans="1:3" x14ac:dyDescent="0.25">
      <c r="A15406" s="2" t="s">
        <v>7064</v>
      </c>
      <c r="B15406" s="6">
        <v>256476.59999999998</v>
      </c>
      <c r="C15406" s="7">
        <f t="shared" si="240"/>
        <v>256.47659999999996</v>
      </c>
    </row>
    <row r="15407" spans="1:3" x14ac:dyDescent="0.25">
      <c r="A15407" s="2" t="s">
        <v>7065</v>
      </c>
      <c r="B15407" s="6">
        <v>256493.24999999997</v>
      </c>
      <c r="C15407" s="7">
        <f t="shared" si="240"/>
        <v>256.49324999999999</v>
      </c>
    </row>
    <row r="15408" spans="1:3" x14ac:dyDescent="0.25">
      <c r="A15408" s="2" t="s">
        <v>7066</v>
      </c>
      <c r="B15408" s="6">
        <v>256509.89999999997</v>
      </c>
      <c r="C15408" s="7">
        <f t="shared" si="240"/>
        <v>256.50989999999996</v>
      </c>
    </row>
    <row r="15409" spans="1:3" x14ac:dyDescent="0.25">
      <c r="A15409" s="2" t="s">
        <v>7067</v>
      </c>
      <c r="B15409" s="6">
        <v>256526.55</v>
      </c>
      <c r="C15409" s="7">
        <f t="shared" si="240"/>
        <v>256.52654999999999</v>
      </c>
    </row>
    <row r="15410" spans="1:3" x14ac:dyDescent="0.25">
      <c r="A15410" s="2" t="s">
        <v>7068</v>
      </c>
      <c r="B15410" s="6">
        <v>256543.19999999998</v>
      </c>
      <c r="C15410" s="7">
        <f t="shared" si="240"/>
        <v>256.54319999999996</v>
      </c>
    </row>
    <row r="15411" spans="1:3" x14ac:dyDescent="0.25">
      <c r="A15411" s="2" t="s">
        <v>7069</v>
      </c>
      <c r="B15411" s="6">
        <v>256559.84999999998</v>
      </c>
      <c r="C15411" s="7">
        <f t="shared" si="240"/>
        <v>256.55984999999998</v>
      </c>
    </row>
    <row r="15412" spans="1:3" x14ac:dyDescent="0.25">
      <c r="A15412" s="2" t="s">
        <v>7070</v>
      </c>
      <c r="B15412" s="6">
        <v>256576.49999999997</v>
      </c>
      <c r="C15412" s="7">
        <f t="shared" si="240"/>
        <v>256.57649999999995</v>
      </c>
    </row>
    <row r="15413" spans="1:3" x14ac:dyDescent="0.25">
      <c r="A15413" s="2" t="s">
        <v>7071</v>
      </c>
      <c r="B15413" s="6">
        <v>256593.14999999997</v>
      </c>
      <c r="C15413" s="7">
        <f t="shared" si="240"/>
        <v>256.59314999999998</v>
      </c>
    </row>
    <row r="15414" spans="1:3" x14ac:dyDescent="0.25">
      <c r="A15414" s="2" t="s">
        <v>7072</v>
      </c>
      <c r="B15414" s="6">
        <v>256609.8</v>
      </c>
      <c r="C15414" s="7">
        <f t="shared" si="240"/>
        <v>256.60980000000001</v>
      </c>
    </row>
    <row r="15415" spans="1:3" x14ac:dyDescent="0.25">
      <c r="A15415" s="2" t="s">
        <v>7073</v>
      </c>
      <c r="B15415" s="6">
        <v>256626.44999999998</v>
      </c>
      <c r="C15415" s="7">
        <f t="shared" si="240"/>
        <v>256.62644999999998</v>
      </c>
    </row>
    <row r="15416" spans="1:3" x14ac:dyDescent="0.25">
      <c r="A15416" s="2" t="s">
        <v>7074</v>
      </c>
      <c r="B15416" s="6">
        <v>256643.09999999998</v>
      </c>
      <c r="C15416" s="7">
        <f t="shared" si="240"/>
        <v>256.6431</v>
      </c>
    </row>
    <row r="15417" spans="1:3" x14ac:dyDescent="0.25">
      <c r="A15417" s="2" t="s">
        <v>7075</v>
      </c>
      <c r="B15417" s="6">
        <v>256659.74999999997</v>
      </c>
      <c r="C15417" s="7">
        <f t="shared" si="240"/>
        <v>256.65974999999997</v>
      </c>
    </row>
    <row r="15418" spans="1:3" x14ac:dyDescent="0.25">
      <c r="A15418" s="2" t="s">
        <v>7076</v>
      </c>
      <c r="B15418" s="6">
        <v>256676.39999999997</v>
      </c>
      <c r="C15418" s="7">
        <f t="shared" si="240"/>
        <v>256.67639999999994</v>
      </c>
    </row>
    <row r="15419" spans="1:3" x14ac:dyDescent="0.25">
      <c r="A15419" s="2" t="s">
        <v>7077</v>
      </c>
      <c r="B15419" s="6">
        <v>256693.05</v>
      </c>
      <c r="C15419" s="7">
        <f t="shared" si="240"/>
        <v>256.69304999999997</v>
      </c>
    </row>
    <row r="15420" spans="1:3" x14ac:dyDescent="0.25">
      <c r="A15420" s="2" t="s">
        <v>7078</v>
      </c>
      <c r="B15420" s="6">
        <v>256709.69999999998</v>
      </c>
      <c r="C15420" s="7">
        <f t="shared" si="240"/>
        <v>256.7097</v>
      </c>
    </row>
    <row r="15421" spans="1:3" x14ac:dyDescent="0.25">
      <c r="A15421" s="2" t="s">
        <v>7079</v>
      </c>
      <c r="B15421" s="6">
        <v>256726.34999999998</v>
      </c>
      <c r="C15421" s="7">
        <f t="shared" si="240"/>
        <v>256.72634999999997</v>
      </c>
    </row>
    <row r="15422" spans="1:3" x14ac:dyDescent="0.25">
      <c r="A15422" s="2" t="s">
        <v>7080</v>
      </c>
      <c r="B15422" s="6">
        <v>256742.99999999997</v>
      </c>
      <c r="C15422" s="7">
        <f t="shared" si="240"/>
        <v>256.74299999999999</v>
      </c>
    </row>
    <row r="15423" spans="1:3" x14ac:dyDescent="0.25">
      <c r="A15423" s="2" t="s">
        <v>7081</v>
      </c>
      <c r="B15423" s="6">
        <v>256759.64999999997</v>
      </c>
      <c r="C15423" s="7">
        <f t="shared" si="240"/>
        <v>256.75964999999997</v>
      </c>
    </row>
    <row r="15424" spans="1:3" x14ac:dyDescent="0.25">
      <c r="A15424" s="2" t="s">
        <v>7082</v>
      </c>
      <c r="B15424" s="6">
        <v>256776.3</v>
      </c>
      <c r="C15424" s="7">
        <f t="shared" si="240"/>
        <v>256.77629999999999</v>
      </c>
    </row>
    <row r="15425" spans="1:3" x14ac:dyDescent="0.25">
      <c r="A15425" s="2" t="s">
        <v>7083</v>
      </c>
      <c r="B15425" s="6">
        <v>256792.94999999998</v>
      </c>
      <c r="C15425" s="7">
        <f t="shared" si="240"/>
        <v>256.79294999999996</v>
      </c>
    </row>
    <row r="15426" spans="1:3" x14ac:dyDescent="0.25">
      <c r="A15426" s="2" t="s">
        <v>7084</v>
      </c>
      <c r="B15426" s="6">
        <v>256809.59999999998</v>
      </c>
      <c r="C15426" s="7">
        <f t="shared" si="240"/>
        <v>256.80959999999999</v>
      </c>
    </row>
    <row r="15427" spans="1:3" x14ac:dyDescent="0.25">
      <c r="A15427" s="2" t="s">
        <v>7085</v>
      </c>
      <c r="B15427" s="6">
        <v>256826.24999999997</v>
      </c>
      <c r="C15427" s="7">
        <f t="shared" ref="C15427:C15490" si="241">B15427/1000</f>
        <v>256.82624999999996</v>
      </c>
    </row>
    <row r="15428" spans="1:3" x14ac:dyDescent="0.25">
      <c r="A15428" s="2" t="s">
        <v>7086</v>
      </c>
      <c r="B15428" s="6">
        <v>256842.89999999997</v>
      </c>
      <c r="C15428" s="7">
        <f t="shared" si="241"/>
        <v>256.84289999999999</v>
      </c>
    </row>
    <row r="15429" spans="1:3" x14ac:dyDescent="0.25">
      <c r="A15429" s="2" t="s">
        <v>7087</v>
      </c>
      <c r="B15429" s="6">
        <v>256859.55</v>
      </c>
      <c r="C15429" s="7">
        <f t="shared" si="241"/>
        <v>256.85955000000001</v>
      </c>
    </row>
    <row r="15430" spans="1:3" x14ac:dyDescent="0.25">
      <c r="A15430" s="2" t="s">
        <v>7088</v>
      </c>
      <c r="B15430" s="6">
        <v>256876.19999999998</v>
      </c>
      <c r="C15430" s="7">
        <f t="shared" si="241"/>
        <v>256.87619999999998</v>
      </c>
    </row>
    <row r="15431" spans="1:3" x14ac:dyDescent="0.25">
      <c r="A15431" s="2" t="s">
        <v>7089</v>
      </c>
      <c r="B15431" s="6">
        <v>256892.84999999998</v>
      </c>
      <c r="C15431" s="7">
        <f t="shared" si="241"/>
        <v>256.89284999999995</v>
      </c>
    </row>
    <row r="15432" spans="1:3" x14ac:dyDescent="0.25">
      <c r="A15432" s="2" t="s">
        <v>7090</v>
      </c>
      <c r="B15432" s="6">
        <v>256909.49999999997</v>
      </c>
      <c r="C15432" s="7">
        <f t="shared" si="241"/>
        <v>256.90949999999998</v>
      </c>
    </row>
    <row r="15433" spans="1:3" x14ac:dyDescent="0.25">
      <c r="A15433" s="2" t="s">
        <v>7091</v>
      </c>
      <c r="B15433" s="6">
        <v>256926.14999999997</v>
      </c>
      <c r="C15433" s="7">
        <f t="shared" si="241"/>
        <v>256.92614999999995</v>
      </c>
    </row>
    <row r="15434" spans="1:3" x14ac:dyDescent="0.25">
      <c r="A15434" s="2" t="s">
        <v>7092</v>
      </c>
      <c r="B15434" s="6">
        <v>256942.8</v>
      </c>
      <c r="C15434" s="7">
        <f t="shared" si="241"/>
        <v>256.94279999999998</v>
      </c>
    </row>
    <row r="15435" spans="1:3" x14ac:dyDescent="0.25">
      <c r="A15435" s="2" t="s">
        <v>7093</v>
      </c>
      <c r="B15435" s="6">
        <v>256959.44999999998</v>
      </c>
      <c r="C15435" s="7">
        <f t="shared" si="241"/>
        <v>256.95945</v>
      </c>
    </row>
    <row r="15436" spans="1:3" x14ac:dyDescent="0.25">
      <c r="A15436" s="2" t="s">
        <v>7094</v>
      </c>
      <c r="B15436" s="6">
        <v>256976.09999999998</v>
      </c>
      <c r="C15436" s="7">
        <f t="shared" si="241"/>
        <v>256.97609999999997</v>
      </c>
    </row>
    <row r="15437" spans="1:3" x14ac:dyDescent="0.25">
      <c r="A15437" s="2" t="s">
        <v>7095</v>
      </c>
      <c r="B15437" s="6">
        <v>256992.74999999997</v>
      </c>
      <c r="C15437" s="7">
        <f t="shared" si="241"/>
        <v>256.99274999999994</v>
      </c>
    </row>
    <row r="15438" spans="1:3" x14ac:dyDescent="0.25">
      <c r="A15438" s="2" t="s">
        <v>7096</v>
      </c>
      <c r="B15438" s="6">
        <v>257009.39999999997</v>
      </c>
      <c r="C15438" s="7">
        <f t="shared" si="241"/>
        <v>257.00939999999997</v>
      </c>
    </row>
    <row r="15439" spans="1:3" x14ac:dyDescent="0.25">
      <c r="A15439" s="2" t="s">
        <v>7097</v>
      </c>
      <c r="B15439" s="6">
        <v>257026.05</v>
      </c>
      <c r="C15439" s="7">
        <f t="shared" si="241"/>
        <v>257.02605</v>
      </c>
    </row>
    <row r="15440" spans="1:3" x14ac:dyDescent="0.25">
      <c r="A15440" s="2" t="s">
        <v>7098</v>
      </c>
      <c r="B15440" s="6">
        <v>257042.69999999998</v>
      </c>
      <c r="C15440" s="7">
        <f t="shared" si="241"/>
        <v>257.04269999999997</v>
      </c>
    </row>
    <row r="15441" spans="1:3" x14ac:dyDescent="0.25">
      <c r="A15441" s="2" t="s">
        <v>7099</v>
      </c>
      <c r="B15441" s="6">
        <v>257059.34999999998</v>
      </c>
      <c r="C15441" s="7">
        <f t="shared" si="241"/>
        <v>257.05934999999999</v>
      </c>
    </row>
    <row r="15442" spans="1:3" x14ac:dyDescent="0.25">
      <c r="A15442" s="2" t="s">
        <v>7100</v>
      </c>
      <c r="B15442" s="6">
        <v>257075.99999999997</v>
      </c>
      <c r="C15442" s="7">
        <f t="shared" si="241"/>
        <v>257.07599999999996</v>
      </c>
    </row>
    <row r="15443" spans="1:3" x14ac:dyDescent="0.25">
      <c r="A15443" s="2" t="s">
        <v>7101</v>
      </c>
      <c r="B15443" s="6">
        <v>257092.64999999997</v>
      </c>
      <c r="C15443" s="7">
        <f t="shared" si="241"/>
        <v>257.09264999999999</v>
      </c>
    </row>
    <row r="15444" spans="1:3" x14ac:dyDescent="0.25">
      <c r="A15444" s="2" t="s">
        <v>7102</v>
      </c>
      <c r="B15444" s="6">
        <v>257109.3</v>
      </c>
      <c r="C15444" s="7">
        <f t="shared" si="241"/>
        <v>257.10929999999996</v>
      </c>
    </row>
    <row r="15445" spans="1:3" x14ac:dyDescent="0.25">
      <c r="A15445" s="2" t="s">
        <v>7103</v>
      </c>
      <c r="B15445" s="6">
        <v>257125.94999999998</v>
      </c>
      <c r="C15445" s="7">
        <f t="shared" si="241"/>
        <v>257.12594999999999</v>
      </c>
    </row>
    <row r="15446" spans="1:3" x14ac:dyDescent="0.25">
      <c r="A15446" s="2" t="s">
        <v>7104</v>
      </c>
      <c r="B15446" s="6">
        <v>257142.59999999998</v>
      </c>
      <c r="C15446" s="7">
        <f t="shared" si="241"/>
        <v>257.14259999999996</v>
      </c>
    </row>
    <row r="15447" spans="1:3" x14ac:dyDescent="0.25">
      <c r="A15447" s="2" t="s">
        <v>7105</v>
      </c>
      <c r="B15447" s="6">
        <v>257159.24999999997</v>
      </c>
      <c r="C15447" s="7">
        <f t="shared" si="241"/>
        <v>257.15924999999999</v>
      </c>
    </row>
    <row r="15448" spans="1:3" x14ac:dyDescent="0.25">
      <c r="A15448" s="2" t="s">
        <v>7106</v>
      </c>
      <c r="B15448" s="6">
        <v>257175.89999999997</v>
      </c>
      <c r="C15448" s="7">
        <f t="shared" si="241"/>
        <v>257.17589999999996</v>
      </c>
    </row>
    <row r="15449" spans="1:3" x14ac:dyDescent="0.25">
      <c r="A15449" s="2" t="s">
        <v>7107</v>
      </c>
      <c r="B15449" s="6">
        <v>257192.55</v>
      </c>
      <c r="C15449" s="7">
        <f t="shared" si="241"/>
        <v>257.19254999999998</v>
      </c>
    </row>
    <row r="15450" spans="1:3" x14ac:dyDescent="0.25">
      <c r="A15450" s="2" t="s">
        <v>7108</v>
      </c>
      <c r="B15450" s="6">
        <v>257209.19999999998</v>
      </c>
      <c r="C15450" s="7">
        <f t="shared" si="241"/>
        <v>257.20920000000001</v>
      </c>
    </row>
    <row r="15451" spans="1:3" x14ac:dyDescent="0.25">
      <c r="A15451" s="2" t="s">
        <v>7109</v>
      </c>
      <c r="B15451" s="6">
        <v>257225.84999999998</v>
      </c>
      <c r="C15451" s="7">
        <f t="shared" si="241"/>
        <v>257.22584999999998</v>
      </c>
    </row>
    <row r="15452" spans="1:3" x14ac:dyDescent="0.25">
      <c r="A15452" s="2" t="s">
        <v>7110</v>
      </c>
      <c r="B15452" s="6">
        <v>257242.49999999997</v>
      </c>
      <c r="C15452" s="7">
        <f t="shared" si="241"/>
        <v>257.24249999999995</v>
      </c>
    </row>
    <row r="15453" spans="1:3" x14ac:dyDescent="0.25">
      <c r="A15453" s="2" t="s">
        <v>7111</v>
      </c>
      <c r="B15453" s="6">
        <v>257259.14999999997</v>
      </c>
      <c r="C15453" s="7">
        <f t="shared" si="241"/>
        <v>257.25914999999998</v>
      </c>
    </row>
    <row r="15454" spans="1:3" x14ac:dyDescent="0.25">
      <c r="A15454" s="2" t="s">
        <v>7112</v>
      </c>
      <c r="B15454" s="6">
        <v>257275.8</v>
      </c>
      <c r="C15454" s="7">
        <f t="shared" si="241"/>
        <v>257.2758</v>
      </c>
    </row>
    <row r="15455" spans="1:3" x14ac:dyDescent="0.25">
      <c r="A15455" s="2" t="s">
        <v>7113</v>
      </c>
      <c r="B15455" s="6">
        <v>257292.44999999998</v>
      </c>
      <c r="C15455" s="7">
        <f t="shared" si="241"/>
        <v>257.29244999999997</v>
      </c>
    </row>
    <row r="15456" spans="1:3" x14ac:dyDescent="0.25">
      <c r="A15456" s="2" t="s">
        <v>7114</v>
      </c>
      <c r="B15456" s="6">
        <v>257309.09999999998</v>
      </c>
      <c r="C15456" s="7">
        <f t="shared" si="241"/>
        <v>257.3091</v>
      </c>
    </row>
    <row r="15457" spans="1:3" x14ac:dyDescent="0.25">
      <c r="A15457" s="2" t="s">
        <v>7115</v>
      </c>
      <c r="B15457" s="6">
        <v>257325.74999999997</v>
      </c>
      <c r="C15457" s="7">
        <f t="shared" si="241"/>
        <v>257.32574999999997</v>
      </c>
    </row>
    <row r="15458" spans="1:3" x14ac:dyDescent="0.25">
      <c r="A15458" s="2" t="s">
        <v>7116</v>
      </c>
      <c r="B15458" s="6">
        <v>257342.39999999997</v>
      </c>
      <c r="C15458" s="7">
        <f t="shared" si="241"/>
        <v>257.34239999999994</v>
      </c>
    </row>
    <row r="15459" spans="1:3" x14ac:dyDescent="0.25">
      <c r="A15459" s="2" t="s">
        <v>7117</v>
      </c>
      <c r="B15459" s="6">
        <v>257359.05</v>
      </c>
      <c r="C15459" s="7">
        <f t="shared" si="241"/>
        <v>257.35904999999997</v>
      </c>
    </row>
    <row r="15460" spans="1:3" x14ac:dyDescent="0.25">
      <c r="A15460" s="2" t="s">
        <v>7118</v>
      </c>
      <c r="B15460" s="6">
        <v>257375.69999999998</v>
      </c>
      <c r="C15460" s="7">
        <f t="shared" si="241"/>
        <v>257.37569999999999</v>
      </c>
    </row>
    <row r="15461" spans="1:3" x14ac:dyDescent="0.25">
      <c r="A15461" s="2" t="s">
        <v>7119</v>
      </c>
      <c r="B15461" s="6">
        <v>257392.34999999998</v>
      </c>
      <c r="C15461" s="7">
        <f t="shared" si="241"/>
        <v>257.39234999999996</v>
      </c>
    </row>
    <row r="15462" spans="1:3" x14ac:dyDescent="0.25">
      <c r="A15462" s="2" t="s">
        <v>7120</v>
      </c>
      <c r="B15462" s="6">
        <v>257408.99999999997</v>
      </c>
      <c r="C15462" s="7">
        <f t="shared" si="241"/>
        <v>257.40899999999999</v>
      </c>
    </row>
    <row r="15463" spans="1:3" x14ac:dyDescent="0.25">
      <c r="A15463" s="2" t="s">
        <v>7121</v>
      </c>
      <c r="B15463" s="6">
        <v>257425.64999999997</v>
      </c>
      <c r="C15463" s="7">
        <f t="shared" si="241"/>
        <v>257.42564999999996</v>
      </c>
    </row>
    <row r="15464" spans="1:3" x14ac:dyDescent="0.25">
      <c r="A15464" s="2" t="s">
        <v>7122</v>
      </c>
      <c r="B15464" s="6">
        <v>257442.3</v>
      </c>
      <c r="C15464" s="7">
        <f t="shared" si="241"/>
        <v>257.44229999999999</v>
      </c>
    </row>
    <row r="15465" spans="1:3" x14ac:dyDescent="0.25">
      <c r="A15465" s="2" t="s">
        <v>7123</v>
      </c>
      <c r="B15465" s="6">
        <v>257458.94999999998</v>
      </c>
      <c r="C15465" s="7">
        <f t="shared" si="241"/>
        <v>257.45894999999996</v>
      </c>
    </row>
    <row r="15466" spans="1:3" x14ac:dyDescent="0.25">
      <c r="A15466" s="2" t="s">
        <v>7124</v>
      </c>
      <c r="B15466" s="6">
        <v>257475.59999999998</v>
      </c>
      <c r="C15466" s="7">
        <f t="shared" si="241"/>
        <v>257.47559999999999</v>
      </c>
    </row>
    <row r="15467" spans="1:3" x14ac:dyDescent="0.25">
      <c r="A15467" s="2" t="s">
        <v>7125</v>
      </c>
      <c r="B15467" s="6">
        <v>257492.24999999997</v>
      </c>
      <c r="C15467" s="7">
        <f t="shared" si="241"/>
        <v>257.49224999999996</v>
      </c>
    </row>
    <row r="15468" spans="1:3" x14ac:dyDescent="0.25">
      <c r="A15468" s="2" t="s">
        <v>7126</v>
      </c>
      <c r="B15468" s="6">
        <v>257508.89999999997</v>
      </c>
      <c r="C15468" s="7">
        <f t="shared" si="241"/>
        <v>257.50889999999998</v>
      </c>
    </row>
    <row r="15469" spans="1:3" x14ac:dyDescent="0.25">
      <c r="A15469" s="2" t="s">
        <v>7127</v>
      </c>
      <c r="B15469" s="6">
        <v>257525.55</v>
      </c>
      <c r="C15469" s="7">
        <f t="shared" si="241"/>
        <v>257.52555000000001</v>
      </c>
    </row>
    <row r="15470" spans="1:3" x14ac:dyDescent="0.25">
      <c r="A15470" s="2" t="s">
        <v>7128</v>
      </c>
      <c r="B15470" s="6">
        <v>257542.19999999998</v>
      </c>
      <c r="C15470" s="7">
        <f t="shared" si="241"/>
        <v>257.54219999999998</v>
      </c>
    </row>
    <row r="15471" spans="1:3" x14ac:dyDescent="0.25">
      <c r="A15471" s="2" t="s">
        <v>7129</v>
      </c>
      <c r="B15471" s="6">
        <v>257558.84999999998</v>
      </c>
      <c r="C15471" s="7">
        <f t="shared" si="241"/>
        <v>257.55884999999995</v>
      </c>
    </row>
    <row r="15472" spans="1:3" x14ac:dyDescent="0.25">
      <c r="A15472" s="2" t="s">
        <v>7130</v>
      </c>
      <c r="B15472" s="6">
        <v>257575.49999999997</v>
      </c>
      <c r="C15472" s="7">
        <f t="shared" si="241"/>
        <v>257.57549999999998</v>
      </c>
    </row>
    <row r="15473" spans="1:3" x14ac:dyDescent="0.25">
      <c r="A15473" s="2" t="s">
        <v>7131</v>
      </c>
      <c r="B15473" s="6">
        <v>257592.14999999997</v>
      </c>
      <c r="C15473" s="7">
        <f t="shared" si="241"/>
        <v>257.59214999999995</v>
      </c>
    </row>
    <row r="15474" spans="1:3" x14ac:dyDescent="0.25">
      <c r="A15474" s="2" t="s">
        <v>7132</v>
      </c>
      <c r="B15474" s="6">
        <v>257608.8</v>
      </c>
      <c r="C15474" s="7">
        <f t="shared" si="241"/>
        <v>257.60879999999997</v>
      </c>
    </row>
    <row r="15475" spans="1:3" x14ac:dyDescent="0.25">
      <c r="A15475" s="2" t="s">
        <v>7133</v>
      </c>
      <c r="B15475" s="6">
        <v>257625.44999999998</v>
      </c>
      <c r="C15475" s="7">
        <f t="shared" si="241"/>
        <v>257.62545</v>
      </c>
    </row>
    <row r="15476" spans="1:3" x14ac:dyDescent="0.25">
      <c r="A15476" s="2" t="s">
        <v>7134</v>
      </c>
      <c r="B15476" s="6">
        <v>257642.09999999998</v>
      </c>
      <c r="C15476" s="7">
        <f t="shared" si="241"/>
        <v>257.64209999999997</v>
      </c>
    </row>
    <row r="15477" spans="1:3" x14ac:dyDescent="0.25">
      <c r="A15477" s="2" t="s">
        <v>7135</v>
      </c>
      <c r="B15477" s="6">
        <v>257658.74999999997</v>
      </c>
      <c r="C15477" s="7">
        <f t="shared" si="241"/>
        <v>257.65875</v>
      </c>
    </row>
    <row r="15478" spans="1:3" x14ac:dyDescent="0.25">
      <c r="A15478" s="2" t="s">
        <v>7136</v>
      </c>
      <c r="B15478" s="6">
        <v>257675.39999999997</v>
      </c>
      <c r="C15478" s="7">
        <f t="shared" si="241"/>
        <v>257.67539999999997</v>
      </c>
    </row>
    <row r="15479" spans="1:3" x14ac:dyDescent="0.25">
      <c r="A15479" s="2" t="s">
        <v>7137</v>
      </c>
      <c r="B15479" s="6">
        <v>257692.05</v>
      </c>
      <c r="C15479" s="7">
        <f t="shared" si="241"/>
        <v>257.69204999999999</v>
      </c>
    </row>
    <row r="15480" spans="1:3" x14ac:dyDescent="0.25">
      <c r="A15480" s="2" t="s">
        <v>7138</v>
      </c>
      <c r="B15480" s="6">
        <v>257708.69999999998</v>
      </c>
      <c r="C15480" s="7">
        <f t="shared" si="241"/>
        <v>257.70869999999996</v>
      </c>
    </row>
    <row r="15481" spans="1:3" x14ac:dyDescent="0.25">
      <c r="A15481" s="2" t="s">
        <v>7139</v>
      </c>
      <c r="B15481" s="6">
        <v>257725.34999999998</v>
      </c>
      <c r="C15481" s="7">
        <f t="shared" si="241"/>
        <v>257.72534999999999</v>
      </c>
    </row>
    <row r="15482" spans="1:3" x14ac:dyDescent="0.25">
      <c r="A15482" s="2" t="s">
        <v>7140</v>
      </c>
      <c r="B15482" s="6">
        <v>257741.99999999997</v>
      </c>
      <c r="C15482" s="7">
        <f t="shared" si="241"/>
        <v>257.74199999999996</v>
      </c>
    </row>
    <row r="15483" spans="1:3" x14ac:dyDescent="0.25">
      <c r="A15483" s="2" t="s">
        <v>7141</v>
      </c>
      <c r="B15483" s="6">
        <v>257758.64999999997</v>
      </c>
      <c r="C15483" s="7">
        <f t="shared" si="241"/>
        <v>257.75864999999999</v>
      </c>
    </row>
    <row r="15484" spans="1:3" x14ac:dyDescent="0.25">
      <c r="A15484" s="2" t="s">
        <v>7142</v>
      </c>
      <c r="B15484" s="6">
        <v>257775.3</v>
      </c>
      <c r="C15484" s="7">
        <f t="shared" si="241"/>
        <v>257.77530000000002</v>
      </c>
    </row>
    <row r="15485" spans="1:3" x14ac:dyDescent="0.25">
      <c r="A15485" s="2" t="s">
        <v>7143</v>
      </c>
      <c r="B15485" s="6">
        <v>257791.94999999998</v>
      </c>
      <c r="C15485" s="7">
        <f t="shared" si="241"/>
        <v>257.79194999999999</v>
      </c>
    </row>
    <row r="15486" spans="1:3" x14ac:dyDescent="0.25">
      <c r="A15486" s="2" t="s">
        <v>7144</v>
      </c>
      <c r="B15486" s="6">
        <v>257808.59999999998</v>
      </c>
      <c r="C15486" s="7">
        <f t="shared" si="241"/>
        <v>257.80859999999996</v>
      </c>
    </row>
    <row r="15487" spans="1:3" x14ac:dyDescent="0.25">
      <c r="A15487" s="2" t="s">
        <v>7145</v>
      </c>
      <c r="B15487" s="6">
        <v>257825.24999999997</v>
      </c>
      <c r="C15487" s="7">
        <f t="shared" si="241"/>
        <v>257.82524999999998</v>
      </c>
    </row>
    <row r="15488" spans="1:3" x14ac:dyDescent="0.25">
      <c r="A15488" s="2" t="s">
        <v>7146</v>
      </c>
      <c r="B15488" s="6">
        <v>257841.89999999997</v>
      </c>
      <c r="C15488" s="7">
        <f t="shared" si="241"/>
        <v>257.84189999999995</v>
      </c>
    </row>
    <row r="15489" spans="1:3" x14ac:dyDescent="0.25">
      <c r="A15489" s="2" t="s">
        <v>7147</v>
      </c>
      <c r="B15489" s="6">
        <v>257858.55</v>
      </c>
      <c r="C15489" s="7">
        <f t="shared" si="241"/>
        <v>257.85854999999998</v>
      </c>
    </row>
    <row r="15490" spans="1:3" x14ac:dyDescent="0.25">
      <c r="A15490" s="2" t="s">
        <v>7148</v>
      </c>
      <c r="B15490" s="6">
        <v>257875.19999999998</v>
      </c>
      <c r="C15490" s="7">
        <f t="shared" si="241"/>
        <v>257.87520000000001</v>
      </c>
    </row>
    <row r="15491" spans="1:3" x14ac:dyDescent="0.25">
      <c r="A15491" s="2" t="s">
        <v>7149</v>
      </c>
      <c r="B15491" s="6">
        <v>257891.84999999998</v>
      </c>
      <c r="C15491" s="7">
        <f t="shared" ref="C15491:C15554" si="242">B15491/1000</f>
        <v>257.89184999999998</v>
      </c>
    </row>
    <row r="15492" spans="1:3" x14ac:dyDescent="0.25">
      <c r="A15492" s="2" t="s">
        <v>7150</v>
      </c>
      <c r="B15492" s="6">
        <v>257908.49999999997</v>
      </c>
      <c r="C15492" s="7">
        <f t="shared" si="242"/>
        <v>257.90849999999995</v>
      </c>
    </row>
    <row r="15493" spans="1:3" x14ac:dyDescent="0.25">
      <c r="A15493" s="2" t="s">
        <v>7151</v>
      </c>
      <c r="B15493" s="6">
        <v>257925.14999999997</v>
      </c>
      <c r="C15493" s="7">
        <f t="shared" si="242"/>
        <v>257.92514999999997</v>
      </c>
    </row>
    <row r="15494" spans="1:3" x14ac:dyDescent="0.25">
      <c r="A15494" s="2" t="s">
        <v>7152</v>
      </c>
      <c r="B15494" s="6">
        <v>257941.8</v>
      </c>
      <c r="C15494" s="7">
        <f t="shared" si="242"/>
        <v>257.9418</v>
      </c>
    </row>
    <row r="15495" spans="1:3" x14ac:dyDescent="0.25">
      <c r="A15495" s="2" t="s">
        <v>7153</v>
      </c>
      <c r="B15495" s="6">
        <v>257958.44999999998</v>
      </c>
      <c r="C15495" s="7">
        <f t="shared" si="242"/>
        <v>257.95844999999997</v>
      </c>
    </row>
    <row r="15496" spans="1:3" x14ac:dyDescent="0.25">
      <c r="A15496" s="2" t="s">
        <v>7154</v>
      </c>
      <c r="B15496" s="6">
        <v>257975.09999999998</v>
      </c>
      <c r="C15496" s="7">
        <f t="shared" si="242"/>
        <v>257.9751</v>
      </c>
    </row>
    <row r="15497" spans="1:3" x14ac:dyDescent="0.25">
      <c r="A15497" s="2" t="s">
        <v>7155</v>
      </c>
      <c r="B15497" s="6">
        <v>257991.74999999997</v>
      </c>
      <c r="C15497" s="7">
        <f t="shared" si="242"/>
        <v>257.99174999999997</v>
      </c>
    </row>
    <row r="15498" spans="1:3" x14ac:dyDescent="0.25">
      <c r="A15498" s="2" t="s">
        <v>7156</v>
      </c>
      <c r="B15498" s="6">
        <v>258008.39999999997</v>
      </c>
      <c r="C15498" s="7">
        <f t="shared" si="242"/>
        <v>258.00839999999994</v>
      </c>
    </row>
    <row r="15499" spans="1:3" x14ac:dyDescent="0.25">
      <c r="A15499" s="2" t="s">
        <v>7157</v>
      </c>
      <c r="B15499" s="6">
        <v>258025.05</v>
      </c>
      <c r="C15499" s="7">
        <f t="shared" si="242"/>
        <v>258.02504999999996</v>
      </c>
    </row>
    <row r="15500" spans="1:3" x14ac:dyDescent="0.25">
      <c r="A15500" s="2" t="s">
        <v>7158</v>
      </c>
      <c r="B15500" s="6">
        <v>258041.69999999998</v>
      </c>
      <c r="C15500" s="7">
        <f t="shared" si="242"/>
        <v>258.04169999999999</v>
      </c>
    </row>
    <row r="15501" spans="1:3" x14ac:dyDescent="0.25">
      <c r="A15501" s="2" t="s">
        <v>7159</v>
      </c>
      <c r="B15501" s="6">
        <v>258058.34999999998</v>
      </c>
      <c r="C15501" s="7">
        <f t="shared" si="242"/>
        <v>258.05834999999996</v>
      </c>
    </row>
    <row r="15502" spans="1:3" x14ac:dyDescent="0.25">
      <c r="A15502" s="2" t="s">
        <v>7160</v>
      </c>
      <c r="B15502" s="6">
        <v>258074.99999999997</v>
      </c>
      <c r="C15502" s="7">
        <f t="shared" si="242"/>
        <v>258.07499999999999</v>
      </c>
    </row>
    <row r="15503" spans="1:3" x14ac:dyDescent="0.25">
      <c r="A15503" s="2" t="s">
        <v>7161</v>
      </c>
      <c r="B15503" s="6">
        <v>258091.64999999997</v>
      </c>
      <c r="C15503" s="7">
        <f t="shared" si="242"/>
        <v>258.09164999999996</v>
      </c>
    </row>
    <row r="15504" spans="1:3" x14ac:dyDescent="0.25">
      <c r="A15504" s="2" t="s">
        <v>7162</v>
      </c>
      <c r="B15504" s="6">
        <v>258108.3</v>
      </c>
      <c r="C15504" s="7">
        <f t="shared" si="242"/>
        <v>258.10829999999999</v>
      </c>
    </row>
    <row r="15505" spans="1:3" x14ac:dyDescent="0.25">
      <c r="A15505" s="2" t="s">
        <v>7163</v>
      </c>
      <c r="B15505" s="6">
        <v>258124.94999999998</v>
      </c>
      <c r="C15505" s="7">
        <f t="shared" si="242"/>
        <v>258.12494999999996</v>
      </c>
    </row>
    <row r="15506" spans="1:3" x14ac:dyDescent="0.25">
      <c r="A15506" s="2" t="s">
        <v>7164</v>
      </c>
      <c r="B15506" s="6">
        <v>258141.59999999998</v>
      </c>
      <c r="C15506" s="7">
        <f t="shared" si="242"/>
        <v>258.14159999999998</v>
      </c>
    </row>
    <row r="15507" spans="1:3" x14ac:dyDescent="0.25">
      <c r="A15507" s="2" t="s">
        <v>7165</v>
      </c>
      <c r="B15507" s="6">
        <v>258158.24999999997</v>
      </c>
      <c r="C15507" s="7">
        <f t="shared" si="242"/>
        <v>258.15824999999995</v>
      </c>
    </row>
    <row r="15508" spans="1:3" x14ac:dyDescent="0.25">
      <c r="A15508" s="2" t="s">
        <v>7166</v>
      </c>
      <c r="B15508" s="6">
        <v>258174.89999999997</v>
      </c>
      <c r="C15508" s="7">
        <f t="shared" si="242"/>
        <v>258.17489999999998</v>
      </c>
    </row>
    <row r="15509" spans="1:3" x14ac:dyDescent="0.25">
      <c r="A15509" s="2" t="s">
        <v>7167</v>
      </c>
      <c r="B15509" s="6">
        <v>258191.55</v>
      </c>
      <c r="C15509" s="7">
        <f t="shared" si="242"/>
        <v>258.19155000000001</v>
      </c>
    </row>
    <row r="15510" spans="1:3" x14ac:dyDescent="0.25">
      <c r="A15510" s="2" t="s">
        <v>7168</v>
      </c>
      <c r="B15510" s="6">
        <v>258208.19999999998</v>
      </c>
      <c r="C15510" s="7">
        <f t="shared" si="242"/>
        <v>258.20819999999998</v>
      </c>
    </row>
    <row r="15511" spans="1:3" x14ac:dyDescent="0.25">
      <c r="A15511" s="2" t="s">
        <v>7169</v>
      </c>
      <c r="B15511" s="6">
        <v>258224.84999999998</v>
      </c>
      <c r="C15511" s="7">
        <f t="shared" si="242"/>
        <v>258.22485</v>
      </c>
    </row>
    <row r="15512" spans="1:3" x14ac:dyDescent="0.25">
      <c r="A15512" s="2" t="s">
        <v>7170</v>
      </c>
      <c r="B15512" s="6">
        <v>258241.49999999997</v>
      </c>
      <c r="C15512" s="7">
        <f t="shared" si="242"/>
        <v>258.24149999999997</v>
      </c>
    </row>
    <row r="15513" spans="1:3" x14ac:dyDescent="0.25">
      <c r="A15513" s="2" t="s">
        <v>7171</v>
      </c>
      <c r="B15513" s="6">
        <v>258258.14999999997</v>
      </c>
      <c r="C15513" s="7">
        <f t="shared" si="242"/>
        <v>258.25814999999994</v>
      </c>
    </row>
    <row r="15514" spans="1:3" x14ac:dyDescent="0.25">
      <c r="A15514" s="2" t="s">
        <v>7172</v>
      </c>
      <c r="B15514" s="6">
        <v>258274.8</v>
      </c>
      <c r="C15514" s="7">
        <f t="shared" si="242"/>
        <v>258.27479999999997</v>
      </c>
    </row>
    <row r="15515" spans="1:3" x14ac:dyDescent="0.25">
      <c r="A15515" s="2" t="s">
        <v>7173</v>
      </c>
      <c r="B15515" s="6">
        <v>258291.44999999998</v>
      </c>
      <c r="C15515" s="7">
        <f t="shared" si="242"/>
        <v>258.29145</v>
      </c>
    </row>
    <row r="15516" spans="1:3" x14ac:dyDescent="0.25">
      <c r="A15516" s="2" t="s">
        <v>7174</v>
      </c>
      <c r="B15516" s="6">
        <v>258308.09999999998</v>
      </c>
      <c r="C15516" s="7">
        <f t="shared" si="242"/>
        <v>258.30809999999997</v>
      </c>
    </row>
    <row r="15517" spans="1:3" x14ac:dyDescent="0.25">
      <c r="A15517" s="2" t="s">
        <v>7175</v>
      </c>
      <c r="B15517" s="6">
        <v>258324.74999999997</v>
      </c>
      <c r="C15517" s="7">
        <f t="shared" si="242"/>
        <v>258.32474999999999</v>
      </c>
    </row>
    <row r="15518" spans="1:3" x14ac:dyDescent="0.25">
      <c r="A15518" s="2" t="s">
        <v>7176</v>
      </c>
      <c r="B15518" s="6">
        <v>258341.39999999997</v>
      </c>
      <c r="C15518" s="7">
        <f t="shared" si="242"/>
        <v>258.34139999999996</v>
      </c>
    </row>
    <row r="15519" spans="1:3" x14ac:dyDescent="0.25">
      <c r="A15519" s="2" t="s">
        <v>7177</v>
      </c>
      <c r="B15519" s="6">
        <v>258358.05</v>
      </c>
      <c r="C15519" s="7">
        <f t="shared" si="242"/>
        <v>258.35804999999999</v>
      </c>
    </row>
    <row r="15520" spans="1:3" x14ac:dyDescent="0.25">
      <c r="A15520" s="2" t="s">
        <v>7178</v>
      </c>
      <c r="B15520" s="6">
        <v>258374.69999999998</v>
      </c>
      <c r="C15520" s="7">
        <f t="shared" si="242"/>
        <v>258.37469999999996</v>
      </c>
    </row>
    <row r="15521" spans="1:3" x14ac:dyDescent="0.25">
      <c r="A15521" s="2" t="s">
        <v>7179</v>
      </c>
      <c r="B15521" s="6">
        <v>258391.34999999998</v>
      </c>
      <c r="C15521" s="7">
        <f t="shared" si="242"/>
        <v>258.39134999999999</v>
      </c>
    </row>
    <row r="15522" spans="1:3" x14ac:dyDescent="0.25">
      <c r="A15522" s="2" t="s">
        <v>7180</v>
      </c>
      <c r="B15522" s="6">
        <v>258407.99999999997</v>
      </c>
      <c r="C15522" s="7">
        <f t="shared" si="242"/>
        <v>258.40799999999996</v>
      </c>
    </row>
    <row r="15523" spans="1:3" x14ac:dyDescent="0.25">
      <c r="A15523" s="2" t="s">
        <v>7181</v>
      </c>
      <c r="B15523" s="6">
        <v>258424.64999999997</v>
      </c>
      <c r="C15523" s="7">
        <f t="shared" si="242"/>
        <v>258.42464999999999</v>
      </c>
    </row>
    <row r="15524" spans="1:3" x14ac:dyDescent="0.25">
      <c r="A15524" s="2" t="s">
        <v>7182</v>
      </c>
      <c r="B15524" s="6">
        <v>258441.3</v>
      </c>
      <c r="C15524" s="7">
        <f t="shared" si="242"/>
        <v>258.44130000000001</v>
      </c>
    </row>
    <row r="15525" spans="1:3" x14ac:dyDescent="0.25">
      <c r="A15525" s="2" t="s">
        <v>7183</v>
      </c>
      <c r="B15525" s="6">
        <v>258457.94999999998</v>
      </c>
      <c r="C15525" s="7">
        <f t="shared" si="242"/>
        <v>258.45794999999998</v>
      </c>
    </row>
    <row r="15526" spans="1:3" x14ac:dyDescent="0.25">
      <c r="A15526" s="2" t="s">
        <v>7184</v>
      </c>
      <c r="B15526" s="6">
        <v>258474.59999999998</v>
      </c>
      <c r="C15526" s="7">
        <f t="shared" si="242"/>
        <v>258.47459999999995</v>
      </c>
    </row>
    <row r="15527" spans="1:3" x14ac:dyDescent="0.25">
      <c r="A15527" s="2" t="s">
        <v>7185</v>
      </c>
      <c r="B15527" s="6">
        <v>258491.24999999997</v>
      </c>
      <c r="C15527" s="7">
        <f t="shared" si="242"/>
        <v>258.49124999999998</v>
      </c>
    </row>
    <row r="15528" spans="1:3" x14ac:dyDescent="0.25">
      <c r="A15528" s="2" t="s">
        <v>7186</v>
      </c>
      <c r="B15528" s="6">
        <v>258507.89999999997</v>
      </c>
      <c r="C15528" s="7">
        <f t="shared" si="242"/>
        <v>258.50789999999995</v>
      </c>
    </row>
    <row r="15529" spans="1:3" x14ac:dyDescent="0.25">
      <c r="A15529" s="2" t="s">
        <v>7187</v>
      </c>
      <c r="B15529" s="6">
        <v>258524.55</v>
      </c>
      <c r="C15529" s="7">
        <f t="shared" si="242"/>
        <v>258.52454999999998</v>
      </c>
    </row>
    <row r="15530" spans="1:3" x14ac:dyDescent="0.25">
      <c r="A15530" s="2" t="s">
        <v>7188</v>
      </c>
      <c r="B15530" s="6">
        <v>258541.19999999998</v>
      </c>
      <c r="C15530" s="7">
        <f t="shared" si="242"/>
        <v>258.5412</v>
      </c>
    </row>
    <row r="15531" spans="1:3" x14ac:dyDescent="0.25">
      <c r="A15531" s="2" t="s">
        <v>7189</v>
      </c>
      <c r="B15531" s="6">
        <v>258557.84999999998</v>
      </c>
      <c r="C15531" s="7">
        <f t="shared" si="242"/>
        <v>258.55784999999997</v>
      </c>
    </row>
    <row r="15532" spans="1:3" x14ac:dyDescent="0.25">
      <c r="A15532" s="2" t="s">
        <v>7190</v>
      </c>
      <c r="B15532" s="6">
        <v>258574.49999999997</v>
      </c>
      <c r="C15532" s="7">
        <f t="shared" si="242"/>
        <v>258.57449999999994</v>
      </c>
    </row>
    <row r="15533" spans="1:3" x14ac:dyDescent="0.25">
      <c r="A15533" s="2" t="s">
        <v>7191</v>
      </c>
      <c r="B15533" s="6">
        <v>258591.14999999997</v>
      </c>
      <c r="C15533" s="7">
        <f t="shared" si="242"/>
        <v>258.59114999999997</v>
      </c>
    </row>
    <row r="15534" spans="1:3" x14ac:dyDescent="0.25">
      <c r="A15534" s="2" t="s">
        <v>7192</v>
      </c>
      <c r="B15534" s="6">
        <v>258607.8</v>
      </c>
      <c r="C15534" s="7">
        <f t="shared" si="242"/>
        <v>258.6078</v>
      </c>
    </row>
    <row r="15535" spans="1:3" x14ac:dyDescent="0.25">
      <c r="A15535" s="2" t="s">
        <v>7193</v>
      </c>
      <c r="B15535" s="6">
        <v>258624.44999999998</v>
      </c>
      <c r="C15535" s="7">
        <f t="shared" si="242"/>
        <v>258.62444999999997</v>
      </c>
    </row>
    <row r="15536" spans="1:3" x14ac:dyDescent="0.25">
      <c r="A15536" s="2" t="s">
        <v>7194</v>
      </c>
      <c r="B15536" s="6">
        <v>258641.09999999998</v>
      </c>
      <c r="C15536" s="7">
        <f t="shared" si="242"/>
        <v>258.64109999999999</v>
      </c>
    </row>
    <row r="15537" spans="1:3" x14ac:dyDescent="0.25">
      <c r="A15537" s="2" t="s">
        <v>7195</v>
      </c>
      <c r="B15537" s="6">
        <v>258657.74999999997</v>
      </c>
      <c r="C15537" s="7">
        <f t="shared" si="242"/>
        <v>258.65774999999996</v>
      </c>
    </row>
    <row r="15538" spans="1:3" x14ac:dyDescent="0.25">
      <c r="A15538" s="2" t="s">
        <v>7196</v>
      </c>
      <c r="B15538" s="6">
        <v>258674.39999999997</v>
      </c>
      <c r="C15538" s="7">
        <f t="shared" si="242"/>
        <v>258.67439999999999</v>
      </c>
    </row>
    <row r="15539" spans="1:3" x14ac:dyDescent="0.25">
      <c r="A15539" s="2" t="s">
        <v>7197</v>
      </c>
      <c r="B15539" s="6">
        <v>258691.05</v>
      </c>
      <c r="C15539" s="7">
        <f t="shared" si="242"/>
        <v>258.69104999999996</v>
      </c>
    </row>
    <row r="15540" spans="1:3" x14ac:dyDescent="0.25">
      <c r="A15540" s="2" t="s">
        <v>7198</v>
      </c>
      <c r="B15540" s="6">
        <v>258707.69999999998</v>
      </c>
      <c r="C15540" s="7">
        <f t="shared" si="242"/>
        <v>258.70769999999999</v>
      </c>
    </row>
    <row r="15541" spans="1:3" x14ac:dyDescent="0.25">
      <c r="A15541" s="2" t="s">
        <v>7199</v>
      </c>
      <c r="B15541" s="6">
        <v>258724.34999999998</v>
      </c>
      <c r="C15541" s="7">
        <f t="shared" si="242"/>
        <v>258.72434999999996</v>
      </c>
    </row>
    <row r="15542" spans="1:3" x14ac:dyDescent="0.25">
      <c r="A15542" s="2" t="s">
        <v>7200</v>
      </c>
      <c r="B15542" s="6">
        <v>258740.99999999997</v>
      </c>
      <c r="C15542" s="7">
        <f t="shared" si="242"/>
        <v>258.74099999999999</v>
      </c>
    </row>
    <row r="15543" spans="1:3" x14ac:dyDescent="0.25">
      <c r="A15543" s="2" t="s">
        <v>7201</v>
      </c>
      <c r="B15543" s="6">
        <v>258757.64999999997</v>
      </c>
      <c r="C15543" s="7">
        <f t="shared" si="242"/>
        <v>258.75764999999996</v>
      </c>
    </row>
    <row r="15544" spans="1:3" x14ac:dyDescent="0.25">
      <c r="A15544" s="2" t="s">
        <v>7202</v>
      </c>
      <c r="B15544" s="6">
        <v>258774.3</v>
      </c>
      <c r="C15544" s="7">
        <f t="shared" si="242"/>
        <v>258.77429999999998</v>
      </c>
    </row>
    <row r="15545" spans="1:3" x14ac:dyDescent="0.25">
      <c r="A15545" s="2" t="s">
        <v>7203</v>
      </c>
      <c r="B15545" s="6">
        <v>258790.94999999998</v>
      </c>
      <c r="C15545" s="7">
        <f t="shared" si="242"/>
        <v>258.79095000000001</v>
      </c>
    </row>
    <row r="15546" spans="1:3" x14ac:dyDescent="0.25">
      <c r="A15546" s="2" t="s">
        <v>7204</v>
      </c>
      <c r="B15546" s="6">
        <v>258807.59999999998</v>
      </c>
      <c r="C15546" s="7">
        <f t="shared" si="242"/>
        <v>258.80759999999998</v>
      </c>
    </row>
    <row r="15547" spans="1:3" x14ac:dyDescent="0.25">
      <c r="A15547" s="2" t="s">
        <v>7205</v>
      </c>
      <c r="B15547" s="6">
        <v>258824.24999999997</v>
      </c>
      <c r="C15547" s="7">
        <f t="shared" si="242"/>
        <v>258.82424999999995</v>
      </c>
    </row>
    <row r="15548" spans="1:3" x14ac:dyDescent="0.25">
      <c r="A15548" s="2" t="s">
        <v>7206</v>
      </c>
      <c r="B15548" s="6">
        <v>258840.89999999997</v>
      </c>
      <c r="C15548" s="7">
        <f t="shared" si="242"/>
        <v>258.84089999999998</v>
      </c>
    </row>
    <row r="15549" spans="1:3" x14ac:dyDescent="0.25">
      <c r="A15549" s="2" t="s">
        <v>7207</v>
      </c>
      <c r="B15549" s="6">
        <v>258857.55</v>
      </c>
      <c r="C15549" s="7">
        <f t="shared" si="242"/>
        <v>258.85755</v>
      </c>
    </row>
    <row r="15550" spans="1:3" x14ac:dyDescent="0.25">
      <c r="A15550" s="2" t="s">
        <v>7208</v>
      </c>
      <c r="B15550" s="6">
        <v>258874.19999999998</v>
      </c>
      <c r="C15550" s="7">
        <f t="shared" si="242"/>
        <v>258.87419999999997</v>
      </c>
    </row>
    <row r="15551" spans="1:3" x14ac:dyDescent="0.25">
      <c r="A15551" s="2" t="s">
        <v>7209</v>
      </c>
      <c r="B15551" s="6">
        <v>258890.84999999998</v>
      </c>
      <c r="C15551" s="7">
        <f t="shared" si="242"/>
        <v>258.89085</v>
      </c>
    </row>
    <row r="15552" spans="1:3" x14ac:dyDescent="0.25">
      <c r="A15552" s="2" t="s">
        <v>7210</v>
      </c>
      <c r="B15552" s="6">
        <v>258907.49999999997</v>
      </c>
      <c r="C15552" s="7">
        <f t="shared" si="242"/>
        <v>258.90749999999997</v>
      </c>
    </row>
    <row r="15553" spans="1:3" x14ac:dyDescent="0.25">
      <c r="A15553" s="2" t="s">
        <v>7211</v>
      </c>
      <c r="B15553" s="6">
        <v>258924.14999999997</v>
      </c>
      <c r="C15553" s="7">
        <f t="shared" si="242"/>
        <v>258.92414999999994</v>
      </c>
    </row>
    <row r="15554" spans="1:3" x14ac:dyDescent="0.25">
      <c r="A15554" s="2" t="s">
        <v>7212</v>
      </c>
      <c r="B15554" s="6">
        <v>258940.79999999999</v>
      </c>
      <c r="C15554" s="7">
        <f t="shared" si="242"/>
        <v>258.94079999999997</v>
      </c>
    </row>
    <row r="15555" spans="1:3" x14ac:dyDescent="0.25">
      <c r="A15555" s="2" t="s">
        <v>7213</v>
      </c>
      <c r="B15555" s="6">
        <v>258957.44999999998</v>
      </c>
      <c r="C15555" s="7">
        <f t="shared" ref="C15555:C15618" si="243">B15555/1000</f>
        <v>258.95744999999999</v>
      </c>
    </row>
    <row r="15556" spans="1:3" x14ac:dyDescent="0.25">
      <c r="A15556" s="2" t="s">
        <v>7214</v>
      </c>
      <c r="B15556" s="6">
        <v>258974.09999999998</v>
      </c>
      <c r="C15556" s="7">
        <f t="shared" si="243"/>
        <v>258.97409999999996</v>
      </c>
    </row>
    <row r="15557" spans="1:3" x14ac:dyDescent="0.25">
      <c r="A15557" s="2" t="s">
        <v>7215</v>
      </c>
      <c r="B15557" s="6">
        <v>258990.74999999997</v>
      </c>
      <c r="C15557" s="7">
        <f t="shared" si="243"/>
        <v>258.99074999999999</v>
      </c>
    </row>
    <row r="15558" spans="1:3" x14ac:dyDescent="0.25">
      <c r="A15558" s="2" t="s">
        <v>7216</v>
      </c>
      <c r="B15558" s="6">
        <v>259007.39999999997</v>
      </c>
      <c r="C15558" s="7">
        <f t="shared" si="243"/>
        <v>259.00739999999996</v>
      </c>
    </row>
    <row r="15559" spans="1:3" x14ac:dyDescent="0.25">
      <c r="A15559" s="2" t="s">
        <v>7217</v>
      </c>
      <c r="B15559" s="6">
        <v>259024.05</v>
      </c>
      <c r="C15559" s="7">
        <f t="shared" si="243"/>
        <v>259.02404999999999</v>
      </c>
    </row>
    <row r="15560" spans="1:3" x14ac:dyDescent="0.25">
      <c r="A15560" s="2" t="s">
        <v>7218</v>
      </c>
      <c r="B15560" s="6">
        <v>259040.69999999998</v>
      </c>
      <c r="C15560" s="7">
        <f t="shared" si="243"/>
        <v>259.04069999999996</v>
      </c>
    </row>
    <row r="15561" spans="1:3" x14ac:dyDescent="0.25">
      <c r="A15561" s="2" t="s">
        <v>7219</v>
      </c>
      <c r="B15561" s="6">
        <v>259057.34999999998</v>
      </c>
      <c r="C15561" s="7">
        <f t="shared" si="243"/>
        <v>259.05734999999999</v>
      </c>
    </row>
    <row r="15562" spans="1:3" x14ac:dyDescent="0.25">
      <c r="A15562" s="2" t="s">
        <v>7220</v>
      </c>
      <c r="B15562" s="6">
        <v>259073.99999999997</v>
      </c>
      <c r="C15562" s="7">
        <f t="shared" si="243"/>
        <v>259.07399999999996</v>
      </c>
    </row>
    <row r="15563" spans="1:3" x14ac:dyDescent="0.25">
      <c r="A15563" s="2" t="s">
        <v>7221</v>
      </c>
      <c r="B15563" s="6">
        <v>259090.64999999997</v>
      </c>
      <c r="C15563" s="7">
        <f t="shared" si="243"/>
        <v>259.09064999999998</v>
      </c>
    </row>
    <row r="15564" spans="1:3" x14ac:dyDescent="0.25">
      <c r="A15564" s="2" t="s">
        <v>7222</v>
      </c>
      <c r="B15564" s="6">
        <v>259107.3</v>
      </c>
      <c r="C15564" s="7">
        <f t="shared" si="243"/>
        <v>259.10730000000001</v>
      </c>
    </row>
    <row r="15565" spans="1:3" x14ac:dyDescent="0.25">
      <c r="A15565" s="2" t="s">
        <v>7223</v>
      </c>
      <c r="B15565" s="6">
        <v>259123.94999999998</v>
      </c>
      <c r="C15565" s="7">
        <f t="shared" si="243"/>
        <v>259.12394999999998</v>
      </c>
    </row>
    <row r="15566" spans="1:3" x14ac:dyDescent="0.25">
      <c r="A15566" s="2" t="s">
        <v>7224</v>
      </c>
      <c r="B15566" s="6">
        <v>259140.59999999998</v>
      </c>
      <c r="C15566" s="7">
        <f t="shared" si="243"/>
        <v>259.14059999999995</v>
      </c>
    </row>
    <row r="15567" spans="1:3" x14ac:dyDescent="0.25">
      <c r="A15567" s="2" t="s">
        <v>7225</v>
      </c>
      <c r="B15567" s="6">
        <v>259157.24999999997</v>
      </c>
      <c r="C15567" s="7">
        <f t="shared" si="243"/>
        <v>259.15724999999998</v>
      </c>
    </row>
    <row r="15568" spans="1:3" x14ac:dyDescent="0.25">
      <c r="A15568" s="2" t="s">
        <v>7226</v>
      </c>
      <c r="B15568" s="6">
        <v>259173.89999999997</v>
      </c>
      <c r="C15568" s="7">
        <f t="shared" si="243"/>
        <v>259.17389999999995</v>
      </c>
    </row>
    <row r="15569" spans="1:3" x14ac:dyDescent="0.25">
      <c r="A15569" s="2" t="s">
        <v>7227</v>
      </c>
      <c r="B15569" s="6">
        <v>259190.55</v>
      </c>
      <c r="C15569" s="7">
        <f t="shared" si="243"/>
        <v>259.19054999999997</v>
      </c>
    </row>
    <row r="15570" spans="1:3" x14ac:dyDescent="0.25">
      <c r="A15570" s="2" t="s">
        <v>7228</v>
      </c>
      <c r="B15570" s="6">
        <v>259207.19999999998</v>
      </c>
      <c r="C15570" s="7">
        <f t="shared" si="243"/>
        <v>259.2072</v>
      </c>
    </row>
    <row r="15571" spans="1:3" x14ac:dyDescent="0.25">
      <c r="A15571" s="2" t="s">
        <v>7229</v>
      </c>
      <c r="B15571" s="6">
        <v>259223.84999999998</v>
      </c>
      <c r="C15571" s="7">
        <f t="shared" si="243"/>
        <v>259.22384999999997</v>
      </c>
    </row>
    <row r="15572" spans="1:3" x14ac:dyDescent="0.25">
      <c r="A15572" s="2" t="s">
        <v>7230</v>
      </c>
      <c r="B15572" s="6">
        <v>259240.49999999997</v>
      </c>
      <c r="C15572" s="7">
        <f t="shared" si="243"/>
        <v>259.2405</v>
      </c>
    </row>
    <row r="15573" spans="1:3" x14ac:dyDescent="0.25">
      <c r="A15573" s="2" t="s">
        <v>7231</v>
      </c>
      <c r="B15573" s="6">
        <v>259257.14999999997</v>
      </c>
      <c r="C15573" s="7">
        <f t="shared" si="243"/>
        <v>259.25714999999997</v>
      </c>
    </row>
    <row r="15574" spans="1:3" x14ac:dyDescent="0.25">
      <c r="A15574" s="2" t="s">
        <v>7232</v>
      </c>
      <c r="B15574" s="6">
        <v>259273.8</v>
      </c>
      <c r="C15574" s="7">
        <f t="shared" si="243"/>
        <v>259.27379999999999</v>
      </c>
    </row>
    <row r="15575" spans="1:3" x14ac:dyDescent="0.25">
      <c r="A15575" s="2" t="s">
        <v>7233</v>
      </c>
      <c r="B15575" s="6">
        <v>259290.44999999998</v>
      </c>
      <c r="C15575" s="7">
        <f t="shared" si="243"/>
        <v>259.29044999999996</v>
      </c>
    </row>
    <row r="15576" spans="1:3" x14ac:dyDescent="0.25">
      <c r="A15576" s="2" t="s">
        <v>7234</v>
      </c>
      <c r="B15576" s="6">
        <v>259307.09999999998</v>
      </c>
      <c r="C15576" s="7">
        <f t="shared" si="243"/>
        <v>259.30709999999999</v>
      </c>
    </row>
    <row r="15577" spans="1:3" x14ac:dyDescent="0.25">
      <c r="A15577" s="2" t="s">
        <v>7235</v>
      </c>
      <c r="B15577" s="6">
        <v>259323.74999999997</v>
      </c>
      <c r="C15577" s="7">
        <f t="shared" si="243"/>
        <v>259.32374999999996</v>
      </c>
    </row>
    <row r="15578" spans="1:3" x14ac:dyDescent="0.25">
      <c r="A15578" s="2" t="s">
        <v>7236</v>
      </c>
      <c r="B15578" s="6">
        <v>259340.39999999997</v>
      </c>
      <c r="C15578" s="7">
        <f t="shared" si="243"/>
        <v>259.34039999999999</v>
      </c>
    </row>
    <row r="15579" spans="1:3" x14ac:dyDescent="0.25">
      <c r="A15579" s="2" t="s">
        <v>7237</v>
      </c>
      <c r="B15579" s="6">
        <v>259357.05</v>
      </c>
      <c r="C15579" s="7">
        <f t="shared" si="243"/>
        <v>259.35705000000002</v>
      </c>
    </row>
    <row r="15580" spans="1:3" x14ac:dyDescent="0.25">
      <c r="A15580" s="2" t="s">
        <v>7238</v>
      </c>
      <c r="B15580" s="6">
        <v>259373.69999999998</v>
      </c>
      <c r="C15580" s="7">
        <f t="shared" si="243"/>
        <v>259.37369999999999</v>
      </c>
    </row>
    <row r="15581" spans="1:3" x14ac:dyDescent="0.25">
      <c r="A15581" s="2" t="s">
        <v>7239</v>
      </c>
      <c r="B15581" s="6">
        <v>259390.34999999998</v>
      </c>
      <c r="C15581" s="7">
        <f t="shared" si="243"/>
        <v>259.39034999999996</v>
      </c>
    </row>
    <row r="15582" spans="1:3" x14ac:dyDescent="0.25">
      <c r="A15582" s="2" t="s">
        <v>7240</v>
      </c>
      <c r="B15582" s="6">
        <v>259406.99999999997</v>
      </c>
      <c r="C15582" s="7">
        <f t="shared" si="243"/>
        <v>259.40699999999998</v>
      </c>
    </row>
    <row r="15583" spans="1:3" x14ac:dyDescent="0.25">
      <c r="A15583" s="2" t="s">
        <v>7241</v>
      </c>
      <c r="B15583" s="6">
        <v>259423.64999999997</v>
      </c>
      <c r="C15583" s="7">
        <f t="shared" si="243"/>
        <v>259.42364999999995</v>
      </c>
    </row>
    <row r="15584" spans="1:3" x14ac:dyDescent="0.25">
      <c r="A15584" s="2" t="s">
        <v>7242</v>
      </c>
      <c r="B15584" s="6">
        <v>259440.3</v>
      </c>
      <c r="C15584" s="7">
        <f t="shared" si="243"/>
        <v>259.44029999999998</v>
      </c>
    </row>
    <row r="15585" spans="1:3" x14ac:dyDescent="0.25">
      <c r="A15585" s="2" t="s">
        <v>7243</v>
      </c>
      <c r="B15585" s="6">
        <v>259456.94999999998</v>
      </c>
      <c r="C15585" s="7">
        <f t="shared" si="243"/>
        <v>259.45695000000001</v>
      </c>
    </row>
    <row r="15586" spans="1:3" x14ac:dyDescent="0.25">
      <c r="A15586" s="2" t="s">
        <v>7244</v>
      </c>
      <c r="B15586" s="6">
        <v>259473.59999999998</v>
      </c>
      <c r="C15586" s="7">
        <f t="shared" si="243"/>
        <v>259.47359999999998</v>
      </c>
    </row>
    <row r="15587" spans="1:3" x14ac:dyDescent="0.25">
      <c r="A15587" s="2" t="s">
        <v>7245</v>
      </c>
      <c r="B15587" s="6">
        <v>259490.24999999997</v>
      </c>
      <c r="C15587" s="7">
        <f t="shared" si="243"/>
        <v>259.49024999999995</v>
      </c>
    </row>
    <row r="15588" spans="1:3" x14ac:dyDescent="0.25">
      <c r="A15588" s="2" t="s">
        <v>7246</v>
      </c>
      <c r="B15588" s="6">
        <v>259506.89999999997</v>
      </c>
      <c r="C15588" s="7">
        <f t="shared" si="243"/>
        <v>259.50689999999997</v>
      </c>
    </row>
    <row r="15589" spans="1:3" x14ac:dyDescent="0.25">
      <c r="A15589" s="2" t="s">
        <v>7247</v>
      </c>
      <c r="B15589" s="6">
        <v>259523.55</v>
      </c>
      <c r="C15589" s="7">
        <f t="shared" si="243"/>
        <v>259.52355</v>
      </c>
    </row>
    <row r="15590" spans="1:3" x14ac:dyDescent="0.25">
      <c r="A15590" s="2" t="s">
        <v>7248</v>
      </c>
      <c r="B15590" s="6">
        <v>259540.19999999998</v>
      </c>
      <c r="C15590" s="7">
        <f t="shared" si="243"/>
        <v>259.54019999999997</v>
      </c>
    </row>
    <row r="15591" spans="1:3" x14ac:dyDescent="0.25">
      <c r="A15591" s="2" t="s">
        <v>7249</v>
      </c>
      <c r="B15591" s="6">
        <v>259556.84999999998</v>
      </c>
      <c r="C15591" s="7">
        <f t="shared" si="243"/>
        <v>259.55685</v>
      </c>
    </row>
    <row r="15592" spans="1:3" x14ac:dyDescent="0.25">
      <c r="A15592" s="2" t="s">
        <v>7250</v>
      </c>
      <c r="B15592" s="6">
        <v>259573.49999999997</v>
      </c>
      <c r="C15592" s="7">
        <f t="shared" si="243"/>
        <v>259.57349999999997</v>
      </c>
    </row>
    <row r="15593" spans="1:3" x14ac:dyDescent="0.25">
      <c r="A15593" s="2" t="s">
        <v>7251</v>
      </c>
      <c r="B15593" s="6">
        <v>259590.14999999997</v>
      </c>
      <c r="C15593" s="7">
        <f t="shared" si="243"/>
        <v>259.59014999999994</v>
      </c>
    </row>
    <row r="15594" spans="1:3" x14ac:dyDescent="0.25">
      <c r="A15594" s="2" t="s">
        <v>7252</v>
      </c>
      <c r="B15594" s="6">
        <v>259606.8</v>
      </c>
      <c r="C15594" s="7">
        <f t="shared" si="243"/>
        <v>259.60679999999996</v>
      </c>
    </row>
    <row r="15595" spans="1:3" x14ac:dyDescent="0.25">
      <c r="A15595" s="2" t="s">
        <v>7253</v>
      </c>
      <c r="B15595" s="6">
        <v>259623.44999999998</v>
      </c>
      <c r="C15595" s="7">
        <f t="shared" si="243"/>
        <v>259.62344999999999</v>
      </c>
    </row>
    <row r="15596" spans="1:3" x14ac:dyDescent="0.25">
      <c r="A15596" s="2" t="s">
        <v>7254</v>
      </c>
      <c r="B15596" s="6">
        <v>259640.09999999998</v>
      </c>
      <c r="C15596" s="7">
        <f t="shared" si="243"/>
        <v>259.64009999999996</v>
      </c>
    </row>
    <row r="15597" spans="1:3" x14ac:dyDescent="0.25">
      <c r="A15597" s="2" t="s">
        <v>7255</v>
      </c>
      <c r="B15597" s="6">
        <v>259656.74999999997</v>
      </c>
      <c r="C15597" s="7">
        <f t="shared" si="243"/>
        <v>259.65674999999999</v>
      </c>
    </row>
    <row r="15598" spans="1:3" x14ac:dyDescent="0.25">
      <c r="A15598" s="2" t="s">
        <v>7256</v>
      </c>
      <c r="B15598" s="6">
        <v>259673.39999999997</v>
      </c>
      <c r="C15598" s="7">
        <f t="shared" si="243"/>
        <v>259.67339999999996</v>
      </c>
    </row>
    <row r="15599" spans="1:3" x14ac:dyDescent="0.25">
      <c r="A15599" s="2" t="s">
        <v>7257</v>
      </c>
      <c r="B15599" s="6">
        <v>259690.05</v>
      </c>
      <c r="C15599" s="7">
        <f t="shared" si="243"/>
        <v>259.69004999999999</v>
      </c>
    </row>
    <row r="15600" spans="1:3" x14ac:dyDescent="0.25">
      <c r="A15600" s="2" t="s">
        <v>7258</v>
      </c>
      <c r="B15600" s="6">
        <v>259706.69999999998</v>
      </c>
      <c r="C15600" s="7">
        <f t="shared" si="243"/>
        <v>259.70669999999996</v>
      </c>
    </row>
    <row r="15601" spans="1:3" x14ac:dyDescent="0.25">
      <c r="A15601" s="2" t="s">
        <v>7259</v>
      </c>
      <c r="B15601" s="6">
        <v>259723.34999999998</v>
      </c>
      <c r="C15601" s="7">
        <f t="shared" si="243"/>
        <v>259.72334999999998</v>
      </c>
    </row>
    <row r="15602" spans="1:3" x14ac:dyDescent="0.25">
      <c r="A15602" s="2" t="s">
        <v>7260</v>
      </c>
      <c r="B15602" s="6">
        <v>259739.99999999997</v>
      </c>
      <c r="C15602" s="7">
        <f t="shared" si="243"/>
        <v>259.73999999999995</v>
      </c>
    </row>
    <row r="15603" spans="1:3" x14ac:dyDescent="0.25">
      <c r="A15603" s="2" t="s">
        <v>7261</v>
      </c>
      <c r="B15603" s="6">
        <v>259756.64999999997</v>
      </c>
      <c r="C15603" s="7">
        <f t="shared" si="243"/>
        <v>259.75664999999998</v>
      </c>
    </row>
    <row r="15604" spans="1:3" x14ac:dyDescent="0.25">
      <c r="A15604" s="2" t="s">
        <v>7262</v>
      </c>
      <c r="B15604" s="6">
        <v>259773.3</v>
      </c>
      <c r="C15604" s="7">
        <f t="shared" si="243"/>
        <v>259.77330000000001</v>
      </c>
    </row>
    <row r="15605" spans="1:3" x14ac:dyDescent="0.25">
      <c r="A15605" s="2" t="s">
        <v>7263</v>
      </c>
      <c r="B15605" s="6">
        <v>259789.94999999998</v>
      </c>
      <c r="C15605" s="7">
        <f t="shared" si="243"/>
        <v>259.78994999999998</v>
      </c>
    </row>
    <row r="15606" spans="1:3" x14ac:dyDescent="0.25">
      <c r="A15606" s="2" t="s">
        <v>7264</v>
      </c>
      <c r="B15606" s="6">
        <v>259806.59999999998</v>
      </c>
      <c r="C15606" s="7">
        <f t="shared" si="243"/>
        <v>259.8066</v>
      </c>
    </row>
    <row r="15607" spans="1:3" x14ac:dyDescent="0.25">
      <c r="A15607" s="2" t="s">
        <v>7265</v>
      </c>
      <c r="B15607" s="6">
        <v>259823.24999999997</v>
      </c>
      <c r="C15607" s="7">
        <f t="shared" si="243"/>
        <v>259.82324999999997</v>
      </c>
    </row>
    <row r="15608" spans="1:3" x14ac:dyDescent="0.25">
      <c r="A15608" s="2" t="s">
        <v>7266</v>
      </c>
      <c r="B15608" s="6">
        <v>259839.89999999997</v>
      </c>
      <c r="C15608" s="7">
        <f t="shared" si="243"/>
        <v>259.83989999999994</v>
      </c>
    </row>
    <row r="15609" spans="1:3" x14ac:dyDescent="0.25">
      <c r="A15609" s="2" t="s">
        <v>7267</v>
      </c>
      <c r="B15609" s="6">
        <v>259856.55</v>
      </c>
      <c r="C15609" s="7">
        <f t="shared" si="243"/>
        <v>259.85654999999997</v>
      </c>
    </row>
    <row r="15610" spans="1:3" x14ac:dyDescent="0.25">
      <c r="A15610" s="2" t="s">
        <v>7268</v>
      </c>
      <c r="B15610" s="6">
        <v>259873.19999999998</v>
      </c>
      <c r="C15610" s="7">
        <f t="shared" si="243"/>
        <v>259.8732</v>
      </c>
    </row>
    <row r="15611" spans="1:3" x14ac:dyDescent="0.25">
      <c r="A15611" s="2" t="s">
        <v>7269</v>
      </c>
      <c r="B15611" s="6">
        <v>259889.84999999998</v>
      </c>
      <c r="C15611" s="7">
        <f t="shared" si="243"/>
        <v>259.88984999999997</v>
      </c>
    </row>
    <row r="15612" spans="1:3" x14ac:dyDescent="0.25">
      <c r="A15612" s="2" t="s">
        <v>7270</v>
      </c>
      <c r="B15612" s="6">
        <v>259906.49999999997</v>
      </c>
      <c r="C15612" s="7">
        <f t="shared" si="243"/>
        <v>259.90649999999999</v>
      </c>
    </row>
    <row r="15613" spans="1:3" x14ac:dyDescent="0.25">
      <c r="A15613" s="2" t="s">
        <v>7271</v>
      </c>
      <c r="B15613" s="6">
        <v>259923.14999999997</v>
      </c>
      <c r="C15613" s="7">
        <f t="shared" si="243"/>
        <v>259.92314999999996</v>
      </c>
    </row>
    <row r="15614" spans="1:3" x14ac:dyDescent="0.25">
      <c r="A15614" s="2" t="s">
        <v>7272</v>
      </c>
      <c r="B15614" s="6">
        <v>259939.8</v>
      </c>
      <c r="C15614" s="7">
        <f t="shared" si="243"/>
        <v>259.93979999999999</v>
      </c>
    </row>
    <row r="15615" spans="1:3" x14ac:dyDescent="0.25">
      <c r="A15615" s="2" t="s">
        <v>7273</v>
      </c>
      <c r="B15615" s="6">
        <v>259956.44999999998</v>
      </c>
      <c r="C15615" s="7">
        <f t="shared" si="243"/>
        <v>259.95644999999996</v>
      </c>
    </row>
    <row r="15616" spans="1:3" x14ac:dyDescent="0.25">
      <c r="A15616" s="2" t="s">
        <v>7274</v>
      </c>
      <c r="B15616" s="6">
        <v>259973.09999999998</v>
      </c>
      <c r="C15616" s="7">
        <f t="shared" si="243"/>
        <v>259.97309999999999</v>
      </c>
    </row>
    <row r="15617" spans="1:3" x14ac:dyDescent="0.25">
      <c r="A15617" s="2" t="s">
        <v>7275</v>
      </c>
      <c r="B15617" s="6">
        <v>259989.74999999997</v>
      </c>
      <c r="C15617" s="7">
        <f t="shared" si="243"/>
        <v>259.98974999999996</v>
      </c>
    </row>
    <row r="15618" spans="1:3" x14ac:dyDescent="0.25">
      <c r="A15618" s="2" t="s">
        <v>7276</v>
      </c>
      <c r="B15618" s="6">
        <v>260006.39999999997</v>
      </c>
      <c r="C15618" s="7">
        <f t="shared" si="243"/>
        <v>260.00639999999999</v>
      </c>
    </row>
    <row r="15619" spans="1:3" x14ac:dyDescent="0.25">
      <c r="A15619" s="2" t="s">
        <v>7277</v>
      </c>
      <c r="B15619" s="6">
        <v>260023.05</v>
      </c>
      <c r="C15619" s="7">
        <f t="shared" ref="C15619:C15682" si="244">B15619/1000</f>
        <v>260.02305000000001</v>
      </c>
    </row>
    <row r="15620" spans="1:3" x14ac:dyDescent="0.25">
      <c r="A15620" s="2" t="s">
        <v>7278</v>
      </c>
      <c r="B15620" s="6">
        <v>260039.69999999998</v>
      </c>
      <c r="C15620" s="7">
        <f t="shared" si="244"/>
        <v>260.03969999999998</v>
      </c>
    </row>
    <row r="15621" spans="1:3" x14ac:dyDescent="0.25">
      <c r="A15621" s="2" t="s">
        <v>7279</v>
      </c>
      <c r="B15621" s="6">
        <v>260056.34999999998</v>
      </c>
      <c r="C15621" s="7">
        <f t="shared" si="244"/>
        <v>260.05634999999995</v>
      </c>
    </row>
    <row r="15622" spans="1:3" x14ac:dyDescent="0.25">
      <c r="A15622" s="2" t="s">
        <v>7280</v>
      </c>
      <c r="B15622" s="6">
        <v>260072.99999999997</v>
      </c>
      <c r="C15622" s="7">
        <f t="shared" si="244"/>
        <v>260.07299999999998</v>
      </c>
    </row>
    <row r="15623" spans="1:3" x14ac:dyDescent="0.25">
      <c r="A15623" s="2" t="s">
        <v>7281</v>
      </c>
      <c r="B15623" s="6">
        <v>260089.64999999997</v>
      </c>
      <c r="C15623" s="7">
        <f t="shared" si="244"/>
        <v>260.08964999999995</v>
      </c>
    </row>
    <row r="15624" spans="1:3" x14ac:dyDescent="0.25">
      <c r="A15624" s="2" t="s">
        <v>7282</v>
      </c>
      <c r="B15624" s="6">
        <v>260106.3</v>
      </c>
      <c r="C15624" s="7">
        <f t="shared" si="244"/>
        <v>260.10629999999998</v>
      </c>
    </row>
    <row r="15625" spans="1:3" x14ac:dyDescent="0.25">
      <c r="A15625" s="2" t="s">
        <v>7283</v>
      </c>
      <c r="B15625" s="6">
        <v>260122.94999999998</v>
      </c>
      <c r="C15625" s="7">
        <f t="shared" si="244"/>
        <v>260.12295</v>
      </c>
    </row>
    <row r="15626" spans="1:3" x14ac:dyDescent="0.25">
      <c r="A15626" s="2" t="s">
        <v>7284</v>
      </c>
      <c r="B15626" s="6">
        <v>260139.59999999998</v>
      </c>
      <c r="C15626" s="7">
        <f t="shared" si="244"/>
        <v>260.13959999999997</v>
      </c>
    </row>
    <row r="15627" spans="1:3" x14ac:dyDescent="0.25">
      <c r="A15627" s="2" t="s">
        <v>7285</v>
      </c>
      <c r="B15627" s="6">
        <v>260156.24999999997</v>
      </c>
      <c r="C15627" s="7">
        <f t="shared" si="244"/>
        <v>260.15624999999994</v>
      </c>
    </row>
    <row r="15628" spans="1:3" x14ac:dyDescent="0.25">
      <c r="A15628" s="2" t="s">
        <v>7286</v>
      </c>
      <c r="B15628" s="6">
        <v>260172.89999999997</v>
      </c>
      <c r="C15628" s="7">
        <f t="shared" si="244"/>
        <v>260.17289999999997</v>
      </c>
    </row>
    <row r="15629" spans="1:3" x14ac:dyDescent="0.25">
      <c r="A15629" s="2" t="s">
        <v>7287</v>
      </c>
      <c r="B15629" s="6">
        <v>260189.55</v>
      </c>
      <c r="C15629" s="7">
        <f t="shared" si="244"/>
        <v>260.18955</v>
      </c>
    </row>
    <row r="15630" spans="1:3" x14ac:dyDescent="0.25">
      <c r="A15630" s="2" t="s">
        <v>7288</v>
      </c>
      <c r="B15630" s="6">
        <v>260206.19999999998</v>
      </c>
      <c r="C15630" s="7">
        <f t="shared" si="244"/>
        <v>260.20619999999997</v>
      </c>
    </row>
    <row r="15631" spans="1:3" x14ac:dyDescent="0.25">
      <c r="A15631" s="2" t="s">
        <v>7289</v>
      </c>
      <c r="B15631" s="6">
        <v>260222.84999999998</v>
      </c>
      <c r="C15631" s="7">
        <f t="shared" si="244"/>
        <v>260.22284999999999</v>
      </c>
    </row>
    <row r="15632" spans="1:3" x14ac:dyDescent="0.25">
      <c r="A15632" s="2" t="s">
        <v>7290</v>
      </c>
      <c r="B15632" s="6">
        <v>260239.49999999997</v>
      </c>
      <c r="C15632" s="7">
        <f t="shared" si="244"/>
        <v>260.23949999999996</v>
      </c>
    </row>
    <row r="15633" spans="1:3" x14ac:dyDescent="0.25">
      <c r="A15633" s="2" t="s">
        <v>7291</v>
      </c>
      <c r="B15633" s="6">
        <v>260256.14999999997</v>
      </c>
      <c r="C15633" s="7">
        <f t="shared" si="244"/>
        <v>260.25614999999999</v>
      </c>
    </row>
    <row r="15634" spans="1:3" x14ac:dyDescent="0.25">
      <c r="A15634" s="2" t="s">
        <v>7292</v>
      </c>
      <c r="B15634" s="6">
        <v>260272.8</v>
      </c>
      <c r="C15634" s="7">
        <f t="shared" si="244"/>
        <v>260.27279999999996</v>
      </c>
    </row>
    <row r="15635" spans="1:3" x14ac:dyDescent="0.25">
      <c r="A15635" s="2" t="s">
        <v>7293</v>
      </c>
      <c r="B15635" s="6">
        <v>260289.44999999998</v>
      </c>
      <c r="C15635" s="7">
        <f t="shared" si="244"/>
        <v>260.28944999999999</v>
      </c>
    </row>
    <row r="15636" spans="1:3" x14ac:dyDescent="0.25">
      <c r="A15636" s="2" t="s">
        <v>7294</v>
      </c>
      <c r="B15636" s="6">
        <v>260306.09999999998</v>
      </c>
      <c r="C15636" s="7">
        <f t="shared" si="244"/>
        <v>260.30609999999996</v>
      </c>
    </row>
    <row r="15637" spans="1:3" x14ac:dyDescent="0.25">
      <c r="A15637" s="2" t="s">
        <v>7295</v>
      </c>
      <c r="B15637" s="6">
        <v>260322.74999999997</v>
      </c>
      <c r="C15637" s="7">
        <f t="shared" si="244"/>
        <v>260.32274999999998</v>
      </c>
    </row>
    <row r="15638" spans="1:3" x14ac:dyDescent="0.25">
      <c r="A15638" s="2" t="s">
        <v>7296</v>
      </c>
      <c r="B15638" s="6">
        <v>260339.39999999997</v>
      </c>
      <c r="C15638" s="7">
        <f t="shared" si="244"/>
        <v>260.33939999999996</v>
      </c>
    </row>
    <row r="15639" spans="1:3" x14ac:dyDescent="0.25">
      <c r="A15639" s="2" t="s">
        <v>7297</v>
      </c>
      <c r="B15639" s="6">
        <v>260356.05</v>
      </c>
      <c r="C15639" s="7">
        <f t="shared" si="244"/>
        <v>260.35604999999998</v>
      </c>
    </row>
    <row r="15640" spans="1:3" x14ac:dyDescent="0.25">
      <c r="A15640" s="2" t="s">
        <v>7298</v>
      </c>
      <c r="B15640" s="6">
        <v>260372.69999999998</v>
      </c>
      <c r="C15640" s="7">
        <f t="shared" si="244"/>
        <v>260.37270000000001</v>
      </c>
    </row>
    <row r="15641" spans="1:3" x14ac:dyDescent="0.25">
      <c r="A15641" s="2" t="s">
        <v>7299</v>
      </c>
      <c r="B15641" s="6">
        <v>260389.34999999998</v>
      </c>
      <c r="C15641" s="7">
        <f t="shared" si="244"/>
        <v>260.38934999999998</v>
      </c>
    </row>
    <row r="15642" spans="1:3" x14ac:dyDescent="0.25">
      <c r="A15642" s="2" t="s">
        <v>7300</v>
      </c>
      <c r="B15642" s="6">
        <v>260405.99999999997</v>
      </c>
      <c r="C15642" s="7">
        <f t="shared" si="244"/>
        <v>260.40599999999995</v>
      </c>
    </row>
    <row r="15643" spans="1:3" x14ac:dyDescent="0.25">
      <c r="A15643" s="2" t="s">
        <v>7301</v>
      </c>
      <c r="B15643" s="6">
        <v>260422.64999999997</v>
      </c>
      <c r="C15643" s="7">
        <f t="shared" si="244"/>
        <v>260.42264999999998</v>
      </c>
    </row>
    <row r="15644" spans="1:3" x14ac:dyDescent="0.25">
      <c r="A15644" s="2" t="s">
        <v>7302</v>
      </c>
      <c r="B15644" s="6">
        <v>260439.3</v>
      </c>
      <c r="C15644" s="7">
        <f t="shared" si="244"/>
        <v>260.4393</v>
      </c>
    </row>
    <row r="15645" spans="1:3" x14ac:dyDescent="0.25">
      <c r="A15645" s="2" t="s">
        <v>7303</v>
      </c>
      <c r="B15645" s="6">
        <v>260455.94999999998</v>
      </c>
      <c r="C15645" s="7">
        <f t="shared" si="244"/>
        <v>260.45594999999997</v>
      </c>
    </row>
    <row r="15646" spans="1:3" x14ac:dyDescent="0.25">
      <c r="A15646" s="2" t="s">
        <v>7304</v>
      </c>
      <c r="B15646" s="6">
        <v>260472.59999999998</v>
      </c>
      <c r="C15646" s="7">
        <f t="shared" si="244"/>
        <v>260.4726</v>
      </c>
    </row>
    <row r="15647" spans="1:3" x14ac:dyDescent="0.25">
      <c r="A15647" s="2" t="s">
        <v>7305</v>
      </c>
      <c r="B15647" s="6">
        <v>260489.24999999997</v>
      </c>
      <c r="C15647" s="7">
        <f t="shared" si="244"/>
        <v>260.48924999999997</v>
      </c>
    </row>
    <row r="15648" spans="1:3" x14ac:dyDescent="0.25">
      <c r="A15648" s="2" t="s">
        <v>7306</v>
      </c>
      <c r="B15648" s="6">
        <v>260505.89999999997</v>
      </c>
      <c r="C15648" s="7">
        <f t="shared" si="244"/>
        <v>260.50589999999994</v>
      </c>
    </row>
    <row r="15649" spans="1:3" x14ac:dyDescent="0.25">
      <c r="A15649" s="2" t="s">
        <v>7307</v>
      </c>
      <c r="B15649" s="6">
        <v>260522.55</v>
      </c>
      <c r="C15649" s="7">
        <f t="shared" si="244"/>
        <v>260.52254999999997</v>
      </c>
    </row>
    <row r="15650" spans="1:3" x14ac:dyDescent="0.25">
      <c r="A15650" s="2" t="s">
        <v>7308</v>
      </c>
      <c r="B15650" s="6">
        <v>260539.19999999998</v>
      </c>
      <c r="C15650" s="7">
        <f t="shared" si="244"/>
        <v>260.53919999999999</v>
      </c>
    </row>
    <row r="15651" spans="1:3" x14ac:dyDescent="0.25">
      <c r="A15651" s="2" t="s">
        <v>7309</v>
      </c>
      <c r="B15651" s="6">
        <v>260555.84999999998</v>
      </c>
      <c r="C15651" s="7">
        <f t="shared" si="244"/>
        <v>260.55584999999996</v>
      </c>
    </row>
    <row r="15652" spans="1:3" x14ac:dyDescent="0.25">
      <c r="A15652" s="2" t="s">
        <v>7310</v>
      </c>
      <c r="B15652" s="6">
        <v>260572.49999999997</v>
      </c>
      <c r="C15652" s="7">
        <f t="shared" si="244"/>
        <v>260.57249999999999</v>
      </c>
    </row>
    <row r="15653" spans="1:3" x14ac:dyDescent="0.25">
      <c r="A15653" s="2" t="s">
        <v>7311</v>
      </c>
      <c r="B15653" s="6">
        <v>260589.14999999997</v>
      </c>
      <c r="C15653" s="7">
        <f t="shared" si="244"/>
        <v>260.58914999999996</v>
      </c>
    </row>
    <row r="15654" spans="1:3" x14ac:dyDescent="0.25">
      <c r="A15654" s="2" t="s">
        <v>7312</v>
      </c>
      <c r="B15654" s="6">
        <v>260605.8</v>
      </c>
      <c r="C15654" s="7">
        <f t="shared" si="244"/>
        <v>260.60579999999999</v>
      </c>
    </row>
    <row r="15655" spans="1:3" x14ac:dyDescent="0.25">
      <c r="A15655" s="2" t="s">
        <v>7313</v>
      </c>
      <c r="B15655" s="6">
        <v>260622.44999999998</v>
      </c>
      <c r="C15655" s="7">
        <f t="shared" si="244"/>
        <v>260.62244999999996</v>
      </c>
    </row>
    <row r="15656" spans="1:3" x14ac:dyDescent="0.25">
      <c r="A15656" s="2" t="s">
        <v>7314</v>
      </c>
      <c r="B15656" s="6">
        <v>260639.09999999998</v>
      </c>
      <c r="C15656" s="7">
        <f t="shared" si="244"/>
        <v>260.63909999999998</v>
      </c>
    </row>
    <row r="15657" spans="1:3" x14ac:dyDescent="0.25">
      <c r="A15657" s="2" t="s">
        <v>7315</v>
      </c>
      <c r="B15657" s="6">
        <v>260655.74999999997</v>
      </c>
      <c r="C15657" s="7">
        <f t="shared" si="244"/>
        <v>260.65574999999995</v>
      </c>
    </row>
    <row r="15658" spans="1:3" x14ac:dyDescent="0.25">
      <c r="A15658" s="2" t="s">
        <v>7316</v>
      </c>
      <c r="B15658" s="6">
        <v>260672.39999999997</v>
      </c>
      <c r="C15658" s="7">
        <f t="shared" si="244"/>
        <v>260.67239999999998</v>
      </c>
    </row>
    <row r="15659" spans="1:3" x14ac:dyDescent="0.25">
      <c r="A15659" s="2" t="s">
        <v>7317</v>
      </c>
      <c r="B15659" s="6">
        <v>260689.05</v>
      </c>
      <c r="C15659" s="7">
        <f t="shared" si="244"/>
        <v>260.68905000000001</v>
      </c>
    </row>
    <row r="15660" spans="1:3" x14ac:dyDescent="0.25">
      <c r="A15660" s="2" t="s">
        <v>7318</v>
      </c>
      <c r="B15660" s="6">
        <v>260705.69999999998</v>
      </c>
      <c r="C15660" s="7">
        <f t="shared" si="244"/>
        <v>260.70569999999998</v>
      </c>
    </row>
    <row r="15661" spans="1:3" x14ac:dyDescent="0.25">
      <c r="A15661" s="2" t="s">
        <v>7319</v>
      </c>
      <c r="B15661" s="6">
        <v>260722.34999999998</v>
      </c>
      <c r="C15661" s="7">
        <f t="shared" si="244"/>
        <v>260.72234999999995</v>
      </c>
    </row>
    <row r="15662" spans="1:3" x14ac:dyDescent="0.25">
      <c r="A15662" s="2" t="s">
        <v>7320</v>
      </c>
      <c r="B15662" s="6">
        <v>260738.99999999997</v>
      </c>
      <c r="C15662" s="7">
        <f t="shared" si="244"/>
        <v>260.73899999999998</v>
      </c>
    </row>
    <row r="15663" spans="1:3" x14ac:dyDescent="0.25">
      <c r="A15663" s="2" t="s">
        <v>7321</v>
      </c>
      <c r="B15663" s="6">
        <v>260755.64999999997</v>
      </c>
      <c r="C15663" s="7">
        <f t="shared" si="244"/>
        <v>260.75564999999995</v>
      </c>
    </row>
    <row r="15664" spans="1:3" x14ac:dyDescent="0.25">
      <c r="A15664" s="2" t="s">
        <v>7322</v>
      </c>
      <c r="B15664" s="6">
        <v>260772.3</v>
      </c>
      <c r="C15664" s="7">
        <f t="shared" si="244"/>
        <v>260.77229999999997</v>
      </c>
    </row>
    <row r="15665" spans="1:3" x14ac:dyDescent="0.25">
      <c r="A15665" s="2" t="s">
        <v>7323</v>
      </c>
      <c r="B15665" s="6">
        <v>260788.94999999998</v>
      </c>
      <c r="C15665" s="7">
        <f t="shared" si="244"/>
        <v>260.78895</v>
      </c>
    </row>
    <row r="15666" spans="1:3" x14ac:dyDescent="0.25">
      <c r="A15666" s="2" t="s">
        <v>7324</v>
      </c>
      <c r="B15666" s="6">
        <v>260805.59999999998</v>
      </c>
      <c r="C15666" s="7">
        <f t="shared" si="244"/>
        <v>260.80559999999997</v>
      </c>
    </row>
    <row r="15667" spans="1:3" x14ac:dyDescent="0.25">
      <c r="A15667" s="2" t="s">
        <v>7325</v>
      </c>
      <c r="B15667" s="6">
        <v>260822.24999999997</v>
      </c>
      <c r="C15667" s="7">
        <f t="shared" si="244"/>
        <v>260.82225</v>
      </c>
    </row>
    <row r="15668" spans="1:3" x14ac:dyDescent="0.25">
      <c r="A15668" s="2" t="s">
        <v>7326</v>
      </c>
      <c r="B15668" s="6">
        <v>260838.89999999997</v>
      </c>
      <c r="C15668" s="7">
        <f t="shared" si="244"/>
        <v>260.83889999999997</v>
      </c>
    </row>
    <row r="15669" spans="1:3" x14ac:dyDescent="0.25">
      <c r="A15669" s="2" t="s">
        <v>7327</v>
      </c>
      <c r="B15669" s="6">
        <v>260855.55</v>
      </c>
      <c r="C15669" s="7">
        <f t="shared" si="244"/>
        <v>260.85554999999999</v>
      </c>
    </row>
    <row r="15670" spans="1:3" x14ac:dyDescent="0.25">
      <c r="A15670" s="2" t="s">
        <v>7328</v>
      </c>
      <c r="B15670" s="6">
        <v>260872.19999999998</v>
      </c>
      <c r="C15670" s="7">
        <f t="shared" si="244"/>
        <v>260.87219999999996</v>
      </c>
    </row>
    <row r="15671" spans="1:3" x14ac:dyDescent="0.25">
      <c r="A15671" s="2" t="s">
        <v>7329</v>
      </c>
      <c r="B15671" s="6">
        <v>260888.84999999998</v>
      </c>
      <c r="C15671" s="7">
        <f t="shared" si="244"/>
        <v>260.88884999999999</v>
      </c>
    </row>
    <row r="15672" spans="1:3" x14ac:dyDescent="0.25">
      <c r="A15672" s="2" t="s">
        <v>7330</v>
      </c>
      <c r="B15672" s="6">
        <v>260905.49999999997</v>
      </c>
      <c r="C15672" s="7">
        <f t="shared" si="244"/>
        <v>260.90549999999996</v>
      </c>
    </row>
    <row r="15673" spans="1:3" x14ac:dyDescent="0.25">
      <c r="A15673" s="2" t="s">
        <v>7331</v>
      </c>
      <c r="B15673" s="6">
        <v>260922.14999999997</v>
      </c>
      <c r="C15673" s="7">
        <f t="shared" si="244"/>
        <v>260.92214999999999</v>
      </c>
    </row>
    <row r="15674" spans="1:3" x14ac:dyDescent="0.25">
      <c r="A15674" s="2" t="s">
        <v>7332</v>
      </c>
      <c r="B15674" s="6">
        <v>260938.8</v>
      </c>
      <c r="C15674" s="7">
        <f t="shared" si="244"/>
        <v>260.93880000000001</v>
      </c>
    </row>
    <row r="15675" spans="1:3" x14ac:dyDescent="0.25">
      <c r="A15675" s="2" t="s">
        <v>7333</v>
      </c>
      <c r="B15675" s="6">
        <v>260955.44999999998</v>
      </c>
      <c r="C15675" s="7">
        <f t="shared" si="244"/>
        <v>260.95544999999998</v>
      </c>
    </row>
    <row r="15676" spans="1:3" x14ac:dyDescent="0.25">
      <c r="A15676" s="2" t="s">
        <v>7334</v>
      </c>
      <c r="B15676" s="6">
        <v>260972.09999999998</v>
      </c>
      <c r="C15676" s="7">
        <f t="shared" si="244"/>
        <v>260.97209999999995</v>
      </c>
    </row>
    <row r="15677" spans="1:3" x14ac:dyDescent="0.25">
      <c r="A15677" s="2" t="s">
        <v>7335</v>
      </c>
      <c r="B15677" s="6">
        <v>260988.74999999997</v>
      </c>
      <c r="C15677" s="7">
        <f t="shared" si="244"/>
        <v>260.98874999999998</v>
      </c>
    </row>
    <row r="15678" spans="1:3" x14ac:dyDescent="0.25">
      <c r="A15678" s="2" t="s">
        <v>7336</v>
      </c>
      <c r="B15678" s="6">
        <v>261005.39999999997</v>
      </c>
      <c r="C15678" s="7">
        <f t="shared" si="244"/>
        <v>261.00539999999995</v>
      </c>
    </row>
    <row r="15679" spans="1:3" x14ac:dyDescent="0.25">
      <c r="A15679" s="2" t="s">
        <v>7337</v>
      </c>
      <c r="B15679" s="6">
        <v>261022.05</v>
      </c>
      <c r="C15679" s="7">
        <f t="shared" si="244"/>
        <v>261.02204999999998</v>
      </c>
    </row>
    <row r="15680" spans="1:3" x14ac:dyDescent="0.25">
      <c r="A15680" s="2" t="s">
        <v>7338</v>
      </c>
      <c r="B15680" s="6">
        <v>261038.69999999998</v>
      </c>
      <c r="C15680" s="7">
        <f t="shared" si="244"/>
        <v>261.03870000000001</v>
      </c>
    </row>
    <row r="15681" spans="1:3" x14ac:dyDescent="0.25">
      <c r="A15681" s="2" t="s">
        <v>7339</v>
      </c>
      <c r="B15681" s="6">
        <v>261055.34999999998</v>
      </c>
      <c r="C15681" s="7">
        <f t="shared" si="244"/>
        <v>261.05534999999998</v>
      </c>
    </row>
    <row r="15682" spans="1:3" x14ac:dyDescent="0.25">
      <c r="A15682" s="2" t="s">
        <v>7340</v>
      </c>
      <c r="B15682" s="6">
        <v>261071.99999999997</v>
      </c>
      <c r="C15682" s="7">
        <f t="shared" si="244"/>
        <v>261.07199999999995</v>
      </c>
    </row>
    <row r="15683" spans="1:3" x14ac:dyDescent="0.25">
      <c r="A15683" s="2" t="s">
        <v>7341</v>
      </c>
      <c r="B15683" s="6">
        <v>261088.64999999997</v>
      </c>
      <c r="C15683" s="7">
        <f t="shared" ref="C15683:C15746" si="245">B15683/1000</f>
        <v>261.08864999999997</v>
      </c>
    </row>
    <row r="15684" spans="1:3" x14ac:dyDescent="0.25">
      <c r="A15684" s="2" t="s">
        <v>7342</v>
      </c>
      <c r="B15684" s="6">
        <v>261105.3</v>
      </c>
      <c r="C15684" s="7">
        <f t="shared" si="245"/>
        <v>261.1053</v>
      </c>
    </row>
    <row r="15685" spans="1:3" x14ac:dyDescent="0.25">
      <c r="A15685" s="2" t="s">
        <v>7343</v>
      </c>
      <c r="B15685" s="6">
        <v>261121.94999999998</v>
      </c>
      <c r="C15685" s="7">
        <f t="shared" si="245"/>
        <v>261.12194999999997</v>
      </c>
    </row>
    <row r="15686" spans="1:3" x14ac:dyDescent="0.25">
      <c r="A15686" s="2" t="s">
        <v>7344</v>
      </c>
      <c r="B15686" s="6">
        <v>261138.59999999998</v>
      </c>
      <c r="C15686" s="7">
        <f t="shared" si="245"/>
        <v>261.1386</v>
      </c>
    </row>
    <row r="15687" spans="1:3" x14ac:dyDescent="0.25">
      <c r="A15687" s="2" t="s">
        <v>7345</v>
      </c>
      <c r="B15687" s="6">
        <v>261155.24999999997</v>
      </c>
      <c r="C15687" s="7">
        <f t="shared" si="245"/>
        <v>261.15524999999997</v>
      </c>
    </row>
    <row r="15688" spans="1:3" x14ac:dyDescent="0.25">
      <c r="A15688" s="2" t="s">
        <v>7346</v>
      </c>
      <c r="B15688" s="6">
        <v>261171.89999999997</v>
      </c>
      <c r="C15688" s="7">
        <f t="shared" si="245"/>
        <v>261.17189999999994</v>
      </c>
    </row>
    <row r="15689" spans="1:3" x14ac:dyDescent="0.25">
      <c r="A15689" s="2" t="s">
        <v>7347</v>
      </c>
      <c r="B15689" s="6">
        <v>261188.55</v>
      </c>
      <c r="C15689" s="7">
        <f t="shared" si="245"/>
        <v>261.18854999999996</v>
      </c>
    </row>
    <row r="15690" spans="1:3" x14ac:dyDescent="0.25">
      <c r="A15690" s="2" t="s">
        <v>7348</v>
      </c>
      <c r="B15690" s="6">
        <v>261205.19999999998</v>
      </c>
      <c r="C15690" s="7">
        <f t="shared" si="245"/>
        <v>261.20519999999999</v>
      </c>
    </row>
    <row r="15691" spans="1:3" x14ac:dyDescent="0.25">
      <c r="A15691" s="2" t="s">
        <v>7349</v>
      </c>
      <c r="B15691" s="6">
        <v>261221.84999999998</v>
      </c>
      <c r="C15691" s="7">
        <f t="shared" si="245"/>
        <v>261.22184999999996</v>
      </c>
    </row>
    <row r="15692" spans="1:3" x14ac:dyDescent="0.25">
      <c r="A15692" s="2" t="s">
        <v>7350</v>
      </c>
      <c r="B15692" s="6">
        <v>261238.49999999997</v>
      </c>
      <c r="C15692" s="7">
        <f t="shared" si="245"/>
        <v>261.23849999999999</v>
      </c>
    </row>
    <row r="15693" spans="1:3" x14ac:dyDescent="0.25">
      <c r="A15693" s="2" t="s">
        <v>7351</v>
      </c>
      <c r="B15693" s="6">
        <v>261255.14999999997</v>
      </c>
      <c r="C15693" s="7">
        <f t="shared" si="245"/>
        <v>261.25514999999996</v>
      </c>
    </row>
    <row r="15694" spans="1:3" x14ac:dyDescent="0.25">
      <c r="A15694" s="2" t="s">
        <v>7352</v>
      </c>
      <c r="B15694" s="6">
        <v>261271.8</v>
      </c>
      <c r="C15694" s="7">
        <f t="shared" si="245"/>
        <v>261.27179999999998</v>
      </c>
    </row>
    <row r="15695" spans="1:3" x14ac:dyDescent="0.25">
      <c r="A15695" s="2" t="s">
        <v>7353</v>
      </c>
      <c r="B15695" s="6">
        <v>261288.44999999998</v>
      </c>
      <c r="C15695" s="7">
        <f t="shared" si="245"/>
        <v>261.28844999999995</v>
      </c>
    </row>
    <row r="15696" spans="1:3" x14ac:dyDescent="0.25">
      <c r="A15696" s="2" t="s">
        <v>7354</v>
      </c>
      <c r="B15696" s="6">
        <v>261305.09999999998</v>
      </c>
      <c r="C15696" s="7">
        <f t="shared" si="245"/>
        <v>261.30509999999998</v>
      </c>
    </row>
    <row r="15697" spans="1:3" x14ac:dyDescent="0.25">
      <c r="A15697" s="2" t="s">
        <v>7355</v>
      </c>
      <c r="B15697" s="6">
        <v>261321.74999999997</v>
      </c>
      <c r="C15697" s="7">
        <f t="shared" si="245"/>
        <v>261.32174999999995</v>
      </c>
    </row>
    <row r="15698" spans="1:3" x14ac:dyDescent="0.25">
      <c r="A15698" s="2" t="s">
        <v>7356</v>
      </c>
      <c r="B15698" s="6">
        <v>261338.39999999997</v>
      </c>
      <c r="C15698" s="7">
        <f t="shared" si="245"/>
        <v>261.33839999999998</v>
      </c>
    </row>
    <row r="15699" spans="1:3" x14ac:dyDescent="0.25">
      <c r="A15699" s="2" t="s">
        <v>7357</v>
      </c>
      <c r="B15699" s="6">
        <v>261355.05</v>
      </c>
      <c r="C15699" s="7">
        <f t="shared" si="245"/>
        <v>261.35505000000001</v>
      </c>
    </row>
    <row r="15700" spans="1:3" x14ac:dyDescent="0.25">
      <c r="A15700" s="2" t="s">
        <v>7358</v>
      </c>
      <c r="B15700" s="6">
        <v>261371.69999999998</v>
      </c>
      <c r="C15700" s="7">
        <f t="shared" si="245"/>
        <v>261.37169999999998</v>
      </c>
    </row>
    <row r="15701" spans="1:3" x14ac:dyDescent="0.25">
      <c r="A15701" s="2" t="s">
        <v>7359</v>
      </c>
      <c r="B15701" s="6">
        <v>261388.34999999998</v>
      </c>
      <c r="C15701" s="7">
        <f t="shared" si="245"/>
        <v>261.38835</v>
      </c>
    </row>
    <row r="15702" spans="1:3" x14ac:dyDescent="0.25">
      <c r="A15702" s="2" t="s">
        <v>7360</v>
      </c>
      <c r="B15702" s="6">
        <v>261404.99999999997</v>
      </c>
      <c r="C15702" s="7">
        <f t="shared" si="245"/>
        <v>261.40499999999997</v>
      </c>
    </row>
    <row r="15703" spans="1:3" x14ac:dyDescent="0.25">
      <c r="A15703" s="2" t="s">
        <v>7361</v>
      </c>
      <c r="B15703" s="6">
        <v>261421.64999999997</v>
      </c>
      <c r="C15703" s="7">
        <f t="shared" si="245"/>
        <v>261.42164999999994</v>
      </c>
    </row>
    <row r="15704" spans="1:3" x14ac:dyDescent="0.25">
      <c r="A15704" s="2" t="s">
        <v>7362</v>
      </c>
      <c r="B15704" s="6">
        <v>261438.3</v>
      </c>
      <c r="C15704" s="7">
        <f t="shared" si="245"/>
        <v>261.43829999999997</v>
      </c>
    </row>
    <row r="15705" spans="1:3" x14ac:dyDescent="0.25">
      <c r="A15705" s="2" t="s">
        <v>7363</v>
      </c>
      <c r="B15705" s="6">
        <v>261454.94999999998</v>
      </c>
      <c r="C15705" s="7">
        <f t="shared" si="245"/>
        <v>261.45495</v>
      </c>
    </row>
    <row r="15706" spans="1:3" x14ac:dyDescent="0.25">
      <c r="A15706" s="2" t="s">
        <v>7364</v>
      </c>
      <c r="B15706" s="6">
        <v>261471.59999999998</v>
      </c>
      <c r="C15706" s="7">
        <f t="shared" si="245"/>
        <v>261.47159999999997</v>
      </c>
    </row>
    <row r="15707" spans="1:3" x14ac:dyDescent="0.25">
      <c r="A15707" s="2" t="s">
        <v>7365</v>
      </c>
      <c r="B15707" s="6">
        <v>261488.24999999997</v>
      </c>
      <c r="C15707" s="7">
        <f t="shared" si="245"/>
        <v>261.48824999999999</v>
      </c>
    </row>
    <row r="15708" spans="1:3" x14ac:dyDescent="0.25">
      <c r="A15708" s="2" t="s">
        <v>7366</v>
      </c>
      <c r="B15708" s="6">
        <v>261504.89999999997</v>
      </c>
      <c r="C15708" s="7">
        <f t="shared" si="245"/>
        <v>261.50489999999996</v>
      </c>
    </row>
    <row r="15709" spans="1:3" x14ac:dyDescent="0.25">
      <c r="A15709" s="2" t="s">
        <v>7367</v>
      </c>
      <c r="B15709" s="6">
        <v>261521.55</v>
      </c>
      <c r="C15709" s="7">
        <f t="shared" si="245"/>
        <v>261.52154999999999</v>
      </c>
    </row>
    <row r="15710" spans="1:3" x14ac:dyDescent="0.25">
      <c r="A15710" s="2" t="s">
        <v>7368</v>
      </c>
      <c r="B15710" s="6">
        <v>261538.19999999998</v>
      </c>
      <c r="C15710" s="7">
        <f t="shared" si="245"/>
        <v>261.53819999999996</v>
      </c>
    </row>
    <row r="15711" spans="1:3" x14ac:dyDescent="0.25">
      <c r="A15711" s="2" t="s">
        <v>7369</v>
      </c>
      <c r="B15711" s="6">
        <v>261554.84999999998</v>
      </c>
      <c r="C15711" s="7">
        <f t="shared" si="245"/>
        <v>261.55484999999999</v>
      </c>
    </row>
    <row r="15712" spans="1:3" x14ac:dyDescent="0.25">
      <c r="A15712" s="2" t="s">
        <v>7370</v>
      </c>
      <c r="B15712" s="6">
        <v>261571.49999999997</v>
      </c>
      <c r="C15712" s="7">
        <f t="shared" si="245"/>
        <v>261.57149999999996</v>
      </c>
    </row>
    <row r="15713" spans="1:3" x14ac:dyDescent="0.25">
      <c r="A15713" s="2" t="s">
        <v>7371</v>
      </c>
      <c r="B15713" s="6">
        <v>261588.14999999997</v>
      </c>
      <c r="C15713" s="7">
        <f t="shared" si="245"/>
        <v>261.58814999999998</v>
      </c>
    </row>
    <row r="15714" spans="1:3" x14ac:dyDescent="0.25">
      <c r="A15714" s="2" t="s">
        <v>7372</v>
      </c>
      <c r="B15714" s="6">
        <v>261604.8</v>
      </c>
      <c r="C15714" s="7">
        <f t="shared" si="245"/>
        <v>261.60480000000001</v>
      </c>
    </row>
    <row r="15715" spans="1:3" x14ac:dyDescent="0.25">
      <c r="A15715" s="2" t="s">
        <v>7373</v>
      </c>
      <c r="B15715" s="6">
        <v>261621.44999999998</v>
      </c>
      <c r="C15715" s="7">
        <f t="shared" si="245"/>
        <v>261.62144999999998</v>
      </c>
    </row>
    <row r="15716" spans="1:3" x14ac:dyDescent="0.25">
      <c r="A15716" s="2" t="s">
        <v>7374</v>
      </c>
      <c r="B15716" s="6">
        <v>261638.09999999998</v>
      </c>
      <c r="C15716" s="7">
        <f t="shared" si="245"/>
        <v>261.63809999999995</v>
      </c>
    </row>
    <row r="15717" spans="1:3" x14ac:dyDescent="0.25">
      <c r="A15717" s="2" t="s">
        <v>7375</v>
      </c>
      <c r="B15717" s="6">
        <v>261654.74999999997</v>
      </c>
      <c r="C15717" s="7">
        <f t="shared" si="245"/>
        <v>261.65474999999998</v>
      </c>
    </row>
    <row r="15718" spans="1:3" x14ac:dyDescent="0.25">
      <c r="A15718" s="2" t="s">
        <v>7376</v>
      </c>
      <c r="B15718" s="6">
        <v>261671.39999999997</v>
      </c>
      <c r="C15718" s="7">
        <f t="shared" si="245"/>
        <v>261.67139999999995</v>
      </c>
    </row>
    <row r="15719" spans="1:3" x14ac:dyDescent="0.25">
      <c r="A15719" s="2" t="s">
        <v>7377</v>
      </c>
      <c r="B15719" s="6">
        <v>261688.05</v>
      </c>
      <c r="C15719" s="7">
        <f t="shared" si="245"/>
        <v>261.68804999999998</v>
      </c>
    </row>
    <row r="15720" spans="1:3" x14ac:dyDescent="0.25">
      <c r="A15720" s="2" t="s">
        <v>7378</v>
      </c>
      <c r="B15720" s="6">
        <v>261704.69999999998</v>
      </c>
      <c r="C15720" s="7">
        <f t="shared" si="245"/>
        <v>261.7047</v>
      </c>
    </row>
    <row r="15721" spans="1:3" x14ac:dyDescent="0.25">
      <c r="A15721" s="2" t="s">
        <v>7379</v>
      </c>
      <c r="B15721" s="6">
        <v>261721.34999999998</v>
      </c>
      <c r="C15721" s="7">
        <f t="shared" si="245"/>
        <v>261.72134999999997</v>
      </c>
    </row>
    <row r="15722" spans="1:3" x14ac:dyDescent="0.25">
      <c r="A15722" s="2" t="s">
        <v>7380</v>
      </c>
      <c r="B15722" s="6">
        <v>261737.99999999997</v>
      </c>
      <c r="C15722" s="7">
        <f t="shared" si="245"/>
        <v>261.73799999999994</v>
      </c>
    </row>
    <row r="15723" spans="1:3" x14ac:dyDescent="0.25">
      <c r="A15723" s="2" t="s">
        <v>7381</v>
      </c>
      <c r="B15723" s="6">
        <v>261754.64999999997</v>
      </c>
      <c r="C15723" s="7">
        <f t="shared" si="245"/>
        <v>261.75464999999997</v>
      </c>
    </row>
    <row r="15724" spans="1:3" x14ac:dyDescent="0.25">
      <c r="A15724" s="2" t="s">
        <v>7382</v>
      </c>
      <c r="B15724" s="6">
        <v>261771.3</v>
      </c>
      <c r="C15724" s="7">
        <f t="shared" si="245"/>
        <v>261.7713</v>
      </c>
    </row>
    <row r="15725" spans="1:3" x14ac:dyDescent="0.25">
      <c r="A15725" s="2" t="s">
        <v>7383</v>
      </c>
      <c r="B15725" s="6">
        <v>261787.94999999998</v>
      </c>
      <c r="C15725" s="7">
        <f t="shared" si="245"/>
        <v>261.78794999999997</v>
      </c>
    </row>
    <row r="15726" spans="1:3" x14ac:dyDescent="0.25">
      <c r="A15726" s="2" t="s">
        <v>7384</v>
      </c>
      <c r="B15726" s="6">
        <v>261804.59999999998</v>
      </c>
      <c r="C15726" s="7">
        <f t="shared" si="245"/>
        <v>261.80459999999999</v>
      </c>
    </row>
    <row r="15727" spans="1:3" x14ac:dyDescent="0.25">
      <c r="A15727" s="2" t="s">
        <v>7385</v>
      </c>
      <c r="B15727" s="6">
        <v>261821.24999999997</v>
      </c>
      <c r="C15727" s="7">
        <f t="shared" si="245"/>
        <v>261.82124999999996</v>
      </c>
    </row>
    <row r="15728" spans="1:3" x14ac:dyDescent="0.25">
      <c r="A15728" s="2" t="s">
        <v>7386</v>
      </c>
      <c r="B15728" s="6">
        <v>261837.89999999997</v>
      </c>
      <c r="C15728" s="7">
        <f t="shared" si="245"/>
        <v>261.83789999999999</v>
      </c>
    </row>
    <row r="15729" spans="1:3" x14ac:dyDescent="0.25">
      <c r="A15729" s="2" t="s">
        <v>7387</v>
      </c>
      <c r="B15729" s="6">
        <v>261854.55</v>
      </c>
      <c r="C15729" s="7">
        <f t="shared" si="245"/>
        <v>261.85454999999996</v>
      </c>
    </row>
    <row r="15730" spans="1:3" x14ac:dyDescent="0.25">
      <c r="A15730" s="2" t="s">
        <v>7388</v>
      </c>
      <c r="B15730" s="6">
        <v>261871.19999999998</v>
      </c>
      <c r="C15730" s="7">
        <f t="shared" si="245"/>
        <v>261.87119999999999</v>
      </c>
    </row>
    <row r="15731" spans="1:3" x14ac:dyDescent="0.25">
      <c r="A15731" s="2" t="s">
        <v>7389</v>
      </c>
      <c r="B15731" s="6">
        <v>261887.84999999998</v>
      </c>
      <c r="C15731" s="7">
        <f t="shared" si="245"/>
        <v>261.88784999999996</v>
      </c>
    </row>
    <row r="15732" spans="1:3" x14ac:dyDescent="0.25">
      <c r="A15732" s="2" t="s">
        <v>7390</v>
      </c>
      <c r="B15732" s="6">
        <v>261904.49999999997</v>
      </c>
      <c r="C15732" s="7">
        <f t="shared" si="245"/>
        <v>261.90449999999998</v>
      </c>
    </row>
    <row r="15733" spans="1:3" x14ac:dyDescent="0.25">
      <c r="A15733" s="2" t="s">
        <v>7391</v>
      </c>
      <c r="B15733" s="6">
        <v>261921.14999999997</v>
      </c>
      <c r="C15733" s="7">
        <f t="shared" si="245"/>
        <v>261.92114999999995</v>
      </c>
    </row>
    <row r="15734" spans="1:3" x14ac:dyDescent="0.25">
      <c r="A15734" s="2" t="s">
        <v>7392</v>
      </c>
      <c r="B15734" s="6">
        <v>261937.8</v>
      </c>
      <c r="C15734" s="7">
        <f t="shared" si="245"/>
        <v>261.93779999999998</v>
      </c>
    </row>
    <row r="15735" spans="1:3" x14ac:dyDescent="0.25">
      <c r="A15735" s="2" t="s">
        <v>7393</v>
      </c>
      <c r="B15735" s="6">
        <v>261954.44999999998</v>
      </c>
      <c r="C15735" s="7">
        <f t="shared" si="245"/>
        <v>261.95445000000001</v>
      </c>
    </row>
    <row r="15736" spans="1:3" x14ac:dyDescent="0.25">
      <c r="A15736" s="2" t="s">
        <v>7394</v>
      </c>
      <c r="B15736" s="6">
        <v>261971.09999999998</v>
      </c>
      <c r="C15736" s="7">
        <f t="shared" si="245"/>
        <v>261.97109999999998</v>
      </c>
    </row>
    <row r="15737" spans="1:3" x14ac:dyDescent="0.25">
      <c r="A15737" s="2" t="s">
        <v>7395</v>
      </c>
      <c r="B15737" s="6">
        <v>261987.74999999997</v>
      </c>
      <c r="C15737" s="7">
        <f t="shared" si="245"/>
        <v>261.98774999999995</v>
      </c>
    </row>
    <row r="15738" spans="1:3" x14ac:dyDescent="0.25">
      <c r="A15738" s="2" t="s">
        <v>7396</v>
      </c>
      <c r="B15738" s="6">
        <v>262004.39999999997</v>
      </c>
      <c r="C15738" s="7">
        <f t="shared" si="245"/>
        <v>262.00439999999998</v>
      </c>
    </row>
    <row r="15739" spans="1:3" x14ac:dyDescent="0.25">
      <c r="A15739" s="2" t="s">
        <v>7397</v>
      </c>
      <c r="B15739" s="6">
        <v>262021.05</v>
      </c>
      <c r="C15739" s="7">
        <f t="shared" si="245"/>
        <v>262.02105</v>
      </c>
    </row>
    <row r="15740" spans="1:3" x14ac:dyDescent="0.25">
      <c r="A15740" s="2" t="s">
        <v>7398</v>
      </c>
      <c r="B15740" s="6">
        <v>262037.69999999998</v>
      </c>
      <c r="C15740" s="7">
        <f t="shared" si="245"/>
        <v>262.03769999999997</v>
      </c>
    </row>
    <row r="15741" spans="1:3" x14ac:dyDescent="0.25">
      <c r="A15741" s="2" t="s">
        <v>7399</v>
      </c>
      <c r="B15741" s="6">
        <v>262054.34999999998</v>
      </c>
      <c r="C15741" s="7">
        <f t="shared" si="245"/>
        <v>262.05435</v>
      </c>
    </row>
    <row r="15742" spans="1:3" x14ac:dyDescent="0.25">
      <c r="A15742" s="2" t="s">
        <v>7400</v>
      </c>
      <c r="B15742" s="6">
        <v>262070.99999999997</v>
      </c>
      <c r="C15742" s="7">
        <f t="shared" si="245"/>
        <v>262.07099999999997</v>
      </c>
    </row>
    <row r="15743" spans="1:3" x14ac:dyDescent="0.25">
      <c r="A15743" s="2" t="s">
        <v>7401</v>
      </c>
      <c r="B15743" s="6">
        <v>262087.64999999997</v>
      </c>
      <c r="C15743" s="7">
        <f t="shared" si="245"/>
        <v>262.08764999999994</v>
      </c>
    </row>
    <row r="15744" spans="1:3" x14ac:dyDescent="0.25">
      <c r="A15744" s="2" t="s">
        <v>7402</v>
      </c>
      <c r="B15744" s="6">
        <v>262104.3</v>
      </c>
      <c r="C15744" s="7">
        <f t="shared" si="245"/>
        <v>262.10429999999997</v>
      </c>
    </row>
    <row r="15745" spans="1:3" x14ac:dyDescent="0.25">
      <c r="A15745" s="2" t="s">
        <v>7403</v>
      </c>
      <c r="B15745" s="6">
        <v>262120.94999999998</v>
      </c>
      <c r="C15745" s="7">
        <f t="shared" si="245"/>
        <v>262.12094999999999</v>
      </c>
    </row>
    <row r="15746" spans="1:3" x14ac:dyDescent="0.25">
      <c r="A15746" s="2" t="s">
        <v>7404</v>
      </c>
      <c r="B15746" s="6">
        <v>262137.59999999998</v>
      </c>
      <c r="C15746" s="7">
        <f t="shared" si="245"/>
        <v>262.13759999999996</v>
      </c>
    </row>
    <row r="15747" spans="1:3" x14ac:dyDescent="0.25">
      <c r="A15747" s="2" t="s">
        <v>7405</v>
      </c>
      <c r="B15747" s="6">
        <v>262154.25</v>
      </c>
      <c r="C15747" s="7">
        <f t="shared" ref="C15747:C15810" si="246">B15747/1000</f>
        <v>262.15424999999999</v>
      </c>
    </row>
    <row r="15748" spans="1:3" x14ac:dyDescent="0.25">
      <c r="A15748" s="2" t="s">
        <v>7406</v>
      </c>
      <c r="B15748" s="6">
        <v>262170.89999999997</v>
      </c>
      <c r="C15748" s="7">
        <f t="shared" si="246"/>
        <v>262.17089999999996</v>
      </c>
    </row>
    <row r="15749" spans="1:3" x14ac:dyDescent="0.25">
      <c r="A15749" s="2" t="s">
        <v>7407</v>
      </c>
      <c r="B15749" s="6">
        <v>262187.55</v>
      </c>
      <c r="C15749" s="7">
        <f t="shared" si="246"/>
        <v>262.18754999999999</v>
      </c>
    </row>
    <row r="15750" spans="1:3" x14ac:dyDescent="0.25">
      <c r="A15750" s="2" t="s">
        <v>7408</v>
      </c>
      <c r="B15750" s="6">
        <v>262204.19999999995</v>
      </c>
      <c r="C15750" s="7">
        <f t="shared" si="246"/>
        <v>262.20419999999996</v>
      </c>
    </row>
    <row r="15751" spans="1:3" x14ac:dyDescent="0.25">
      <c r="A15751" s="2" t="s">
        <v>7409</v>
      </c>
      <c r="B15751" s="6">
        <v>262220.84999999998</v>
      </c>
      <c r="C15751" s="7">
        <f t="shared" si="246"/>
        <v>262.22084999999998</v>
      </c>
    </row>
    <row r="15752" spans="1:3" x14ac:dyDescent="0.25">
      <c r="A15752" s="2" t="s">
        <v>7410</v>
      </c>
      <c r="B15752" s="6">
        <v>262237.5</v>
      </c>
      <c r="C15752" s="7">
        <f t="shared" si="246"/>
        <v>262.23750000000001</v>
      </c>
    </row>
    <row r="15753" spans="1:3" x14ac:dyDescent="0.25">
      <c r="A15753" s="2" t="s">
        <v>7411</v>
      </c>
      <c r="B15753" s="6">
        <v>262254.14999999997</v>
      </c>
      <c r="C15753" s="7">
        <f t="shared" si="246"/>
        <v>262.25414999999998</v>
      </c>
    </row>
    <row r="15754" spans="1:3" x14ac:dyDescent="0.25">
      <c r="A15754" s="2" t="s">
        <v>7412</v>
      </c>
      <c r="B15754" s="6">
        <v>262270.8</v>
      </c>
      <c r="C15754" s="7">
        <f t="shared" si="246"/>
        <v>262.27080000000001</v>
      </c>
    </row>
    <row r="15755" spans="1:3" x14ac:dyDescent="0.25">
      <c r="A15755" s="2" t="s">
        <v>7413</v>
      </c>
      <c r="B15755" s="6">
        <v>262287.44999999995</v>
      </c>
      <c r="C15755" s="7">
        <f t="shared" si="246"/>
        <v>262.28744999999998</v>
      </c>
    </row>
    <row r="15756" spans="1:3" x14ac:dyDescent="0.25">
      <c r="A15756" s="2" t="s">
        <v>7414</v>
      </c>
      <c r="B15756" s="6">
        <v>262304.09999999998</v>
      </c>
      <c r="C15756" s="7">
        <f t="shared" si="246"/>
        <v>262.30409999999995</v>
      </c>
    </row>
    <row r="15757" spans="1:3" x14ac:dyDescent="0.25">
      <c r="A15757" s="2" t="s">
        <v>7415</v>
      </c>
      <c r="B15757" s="6">
        <v>262320.75</v>
      </c>
      <c r="C15757" s="7">
        <f t="shared" si="246"/>
        <v>262.32074999999998</v>
      </c>
    </row>
    <row r="15758" spans="1:3" x14ac:dyDescent="0.25">
      <c r="A15758" s="2" t="s">
        <v>7416</v>
      </c>
      <c r="B15758" s="6">
        <v>262337.39999999997</v>
      </c>
      <c r="C15758" s="7">
        <f t="shared" si="246"/>
        <v>262.33739999999995</v>
      </c>
    </row>
    <row r="15759" spans="1:3" x14ac:dyDescent="0.25">
      <c r="A15759" s="2" t="s">
        <v>7417</v>
      </c>
      <c r="B15759" s="6">
        <v>262354.05</v>
      </c>
      <c r="C15759" s="7">
        <f t="shared" si="246"/>
        <v>262.35404999999997</v>
      </c>
    </row>
    <row r="15760" spans="1:3" x14ac:dyDescent="0.25">
      <c r="A15760" s="2" t="s">
        <v>7418</v>
      </c>
      <c r="B15760" s="6">
        <v>262370.69999999995</v>
      </c>
      <c r="C15760" s="7">
        <f t="shared" si="246"/>
        <v>262.37069999999994</v>
      </c>
    </row>
    <row r="15761" spans="1:3" x14ac:dyDescent="0.25">
      <c r="A15761" s="2" t="s">
        <v>7419</v>
      </c>
      <c r="B15761" s="6">
        <v>262387.34999999998</v>
      </c>
      <c r="C15761" s="7">
        <f t="shared" si="246"/>
        <v>262.38734999999997</v>
      </c>
    </row>
    <row r="15762" spans="1:3" x14ac:dyDescent="0.25">
      <c r="A15762" s="2" t="s">
        <v>7420</v>
      </c>
      <c r="B15762" s="6">
        <v>262404</v>
      </c>
      <c r="C15762" s="7">
        <f t="shared" si="246"/>
        <v>262.404</v>
      </c>
    </row>
    <row r="15763" spans="1:3" x14ac:dyDescent="0.25">
      <c r="A15763" s="2" t="s">
        <v>7421</v>
      </c>
      <c r="B15763" s="6">
        <v>262420.64999999997</v>
      </c>
      <c r="C15763" s="7">
        <f t="shared" si="246"/>
        <v>262.42064999999997</v>
      </c>
    </row>
    <row r="15764" spans="1:3" x14ac:dyDescent="0.25">
      <c r="A15764" s="2" t="s">
        <v>7422</v>
      </c>
      <c r="B15764" s="6">
        <v>262437.3</v>
      </c>
      <c r="C15764" s="7">
        <f t="shared" si="246"/>
        <v>262.43729999999999</v>
      </c>
    </row>
    <row r="15765" spans="1:3" x14ac:dyDescent="0.25">
      <c r="A15765" s="2" t="s">
        <v>7423</v>
      </c>
      <c r="B15765" s="6">
        <v>262453.94999999995</v>
      </c>
      <c r="C15765" s="7">
        <f t="shared" si="246"/>
        <v>262.45394999999996</v>
      </c>
    </row>
    <row r="15766" spans="1:3" x14ac:dyDescent="0.25">
      <c r="A15766" s="2" t="s">
        <v>7424</v>
      </c>
      <c r="B15766" s="6">
        <v>262470.59999999998</v>
      </c>
      <c r="C15766" s="7">
        <f t="shared" si="246"/>
        <v>262.47059999999999</v>
      </c>
    </row>
    <row r="15767" spans="1:3" x14ac:dyDescent="0.25">
      <c r="A15767" s="2" t="s">
        <v>7425</v>
      </c>
      <c r="B15767" s="6">
        <v>262487.25</v>
      </c>
      <c r="C15767" s="7">
        <f t="shared" si="246"/>
        <v>262.48725000000002</v>
      </c>
    </row>
    <row r="15768" spans="1:3" x14ac:dyDescent="0.25">
      <c r="A15768" s="2" t="s">
        <v>7426</v>
      </c>
      <c r="B15768" s="6">
        <v>262503.89999999997</v>
      </c>
      <c r="C15768" s="7">
        <f t="shared" si="246"/>
        <v>262.50389999999999</v>
      </c>
    </row>
    <row r="15769" spans="1:3" x14ac:dyDescent="0.25">
      <c r="A15769" s="2" t="s">
        <v>7427</v>
      </c>
      <c r="B15769" s="6">
        <v>262520.55</v>
      </c>
      <c r="C15769" s="7">
        <f t="shared" si="246"/>
        <v>262.52055000000001</v>
      </c>
    </row>
    <row r="15770" spans="1:3" x14ac:dyDescent="0.25">
      <c r="A15770" s="2" t="s">
        <v>7428</v>
      </c>
      <c r="B15770" s="6">
        <v>262537.19999999995</v>
      </c>
      <c r="C15770" s="7">
        <f t="shared" si="246"/>
        <v>262.53719999999993</v>
      </c>
    </row>
    <row r="15771" spans="1:3" x14ac:dyDescent="0.25">
      <c r="A15771" s="2" t="s">
        <v>7429</v>
      </c>
      <c r="B15771" s="6">
        <v>262553.84999999998</v>
      </c>
      <c r="C15771" s="7">
        <f t="shared" si="246"/>
        <v>262.55384999999995</v>
      </c>
    </row>
    <row r="15772" spans="1:3" x14ac:dyDescent="0.25">
      <c r="A15772" s="2" t="s">
        <v>7430</v>
      </c>
      <c r="B15772" s="6">
        <v>262570.5</v>
      </c>
      <c r="C15772" s="7">
        <f t="shared" si="246"/>
        <v>262.57049999999998</v>
      </c>
    </row>
    <row r="15773" spans="1:3" x14ac:dyDescent="0.25">
      <c r="A15773" s="2" t="s">
        <v>7431</v>
      </c>
      <c r="B15773" s="6">
        <v>262587.14999999997</v>
      </c>
      <c r="C15773" s="7">
        <f t="shared" si="246"/>
        <v>262.58714999999995</v>
      </c>
    </row>
    <row r="15774" spans="1:3" x14ac:dyDescent="0.25">
      <c r="A15774" s="2" t="s">
        <v>7432</v>
      </c>
      <c r="B15774" s="6">
        <v>262603.8</v>
      </c>
      <c r="C15774" s="7">
        <f t="shared" si="246"/>
        <v>262.60379999999998</v>
      </c>
    </row>
    <row r="15775" spans="1:3" x14ac:dyDescent="0.25">
      <c r="A15775" s="2" t="s">
        <v>7433</v>
      </c>
      <c r="B15775" s="6">
        <v>262620.44999999995</v>
      </c>
      <c r="C15775" s="7">
        <f t="shared" si="246"/>
        <v>262.62044999999995</v>
      </c>
    </row>
    <row r="15776" spans="1:3" x14ac:dyDescent="0.25">
      <c r="A15776" s="2" t="s">
        <v>7434</v>
      </c>
      <c r="B15776" s="6">
        <v>262637.09999999998</v>
      </c>
      <c r="C15776" s="7">
        <f t="shared" si="246"/>
        <v>262.63709999999998</v>
      </c>
    </row>
    <row r="15777" spans="1:3" x14ac:dyDescent="0.25">
      <c r="A15777" s="2" t="s">
        <v>7435</v>
      </c>
      <c r="B15777" s="6">
        <v>262653.75</v>
      </c>
      <c r="C15777" s="7">
        <f t="shared" si="246"/>
        <v>262.65375</v>
      </c>
    </row>
    <row r="15778" spans="1:3" x14ac:dyDescent="0.25">
      <c r="A15778" s="2" t="s">
        <v>7436</v>
      </c>
      <c r="B15778" s="6">
        <v>262670.39999999997</v>
      </c>
      <c r="C15778" s="7">
        <f t="shared" si="246"/>
        <v>262.67039999999997</v>
      </c>
    </row>
    <row r="15779" spans="1:3" x14ac:dyDescent="0.25">
      <c r="A15779" s="2" t="s">
        <v>7437</v>
      </c>
      <c r="B15779" s="6">
        <v>262687.05</v>
      </c>
      <c r="C15779" s="7">
        <f t="shared" si="246"/>
        <v>262.68705</v>
      </c>
    </row>
    <row r="15780" spans="1:3" x14ac:dyDescent="0.25">
      <c r="A15780" s="2" t="s">
        <v>7438</v>
      </c>
      <c r="B15780" s="6">
        <v>262703.69999999995</v>
      </c>
      <c r="C15780" s="7">
        <f t="shared" si="246"/>
        <v>262.70369999999997</v>
      </c>
    </row>
    <row r="15781" spans="1:3" x14ac:dyDescent="0.25">
      <c r="A15781" s="2" t="s">
        <v>7439</v>
      </c>
      <c r="B15781" s="6">
        <v>262720.34999999998</v>
      </c>
      <c r="C15781" s="7">
        <f t="shared" si="246"/>
        <v>262.72035</v>
      </c>
    </row>
    <row r="15782" spans="1:3" x14ac:dyDescent="0.25">
      <c r="A15782" s="2" t="s">
        <v>7440</v>
      </c>
      <c r="B15782" s="6">
        <v>262737</v>
      </c>
      <c r="C15782" s="7">
        <f t="shared" si="246"/>
        <v>262.73700000000002</v>
      </c>
    </row>
    <row r="15783" spans="1:3" x14ac:dyDescent="0.25">
      <c r="A15783" s="2" t="s">
        <v>7441</v>
      </c>
      <c r="B15783" s="6">
        <v>262753.64999999997</v>
      </c>
      <c r="C15783" s="7">
        <f t="shared" si="246"/>
        <v>262.75364999999999</v>
      </c>
    </row>
    <row r="15784" spans="1:3" x14ac:dyDescent="0.25">
      <c r="A15784" s="2" t="s">
        <v>7442</v>
      </c>
      <c r="B15784" s="6">
        <v>262770.3</v>
      </c>
      <c r="C15784" s="7">
        <f t="shared" si="246"/>
        <v>262.77029999999996</v>
      </c>
    </row>
    <row r="15785" spans="1:3" x14ac:dyDescent="0.25">
      <c r="A15785" s="2" t="s">
        <v>7443</v>
      </c>
      <c r="B15785" s="6">
        <v>262786.94999999995</v>
      </c>
      <c r="C15785" s="7">
        <f t="shared" si="246"/>
        <v>262.78694999999993</v>
      </c>
    </row>
    <row r="15786" spans="1:3" x14ac:dyDescent="0.25">
      <c r="A15786" s="2" t="s">
        <v>7444</v>
      </c>
      <c r="B15786" s="6">
        <v>262803.59999999998</v>
      </c>
      <c r="C15786" s="7">
        <f t="shared" si="246"/>
        <v>262.80359999999996</v>
      </c>
    </row>
    <row r="15787" spans="1:3" x14ac:dyDescent="0.25">
      <c r="A15787" s="2" t="s">
        <v>7445</v>
      </c>
      <c r="B15787" s="6">
        <v>262820.25</v>
      </c>
      <c r="C15787" s="7">
        <f t="shared" si="246"/>
        <v>262.82024999999999</v>
      </c>
    </row>
    <row r="15788" spans="1:3" x14ac:dyDescent="0.25">
      <c r="A15788" s="2" t="s">
        <v>7446</v>
      </c>
      <c r="B15788" s="6">
        <v>262836.89999999997</v>
      </c>
      <c r="C15788" s="7">
        <f t="shared" si="246"/>
        <v>262.83689999999996</v>
      </c>
    </row>
    <row r="15789" spans="1:3" x14ac:dyDescent="0.25">
      <c r="A15789" s="2" t="s">
        <v>7447</v>
      </c>
      <c r="B15789" s="6">
        <v>262853.55</v>
      </c>
      <c r="C15789" s="7">
        <f t="shared" si="246"/>
        <v>262.85354999999998</v>
      </c>
    </row>
    <row r="15790" spans="1:3" x14ac:dyDescent="0.25">
      <c r="A15790" s="2" t="s">
        <v>7448</v>
      </c>
      <c r="B15790" s="6">
        <v>262870.19999999995</v>
      </c>
      <c r="C15790" s="7">
        <f t="shared" si="246"/>
        <v>262.87019999999995</v>
      </c>
    </row>
    <row r="15791" spans="1:3" x14ac:dyDescent="0.25">
      <c r="A15791" s="2" t="s">
        <v>7449</v>
      </c>
      <c r="B15791" s="6">
        <v>262886.84999999998</v>
      </c>
      <c r="C15791" s="7">
        <f t="shared" si="246"/>
        <v>262.88684999999998</v>
      </c>
    </row>
    <row r="15792" spans="1:3" x14ac:dyDescent="0.25">
      <c r="A15792" s="2" t="s">
        <v>7450</v>
      </c>
      <c r="B15792" s="6">
        <v>262903.5</v>
      </c>
      <c r="C15792" s="7">
        <f t="shared" si="246"/>
        <v>262.90350000000001</v>
      </c>
    </row>
    <row r="15793" spans="1:3" x14ac:dyDescent="0.25">
      <c r="A15793" s="2" t="s">
        <v>7451</v>
      </c>
      <c r="B15793" s="6">
        <v>262920.14999999997</v>
      </c>
      <c r="C15793" s="7">
        <f t="shared" si="246"/>
        <v>262.92014999999998</v>
      </c>
    </row>
    <row r="15794" spans="1:3" x14ac:dyDescent="0.25">
      <c r="A15794" s="2" t="s">
        <v>7452</v>
      </c>
      <c r="B15794" s="6">
        <v>262936.8</v>
      </c>
      <c r="C15794" s="7">
        <f t="shared" si="246"/>
        <v>262.93680000000001</v>
      </c>
    </row>
    <row r="15795" spans="1:3" x14ac:dyDescent="0.25">
      <c r="A15795" s="2" t="s">
        <v>7453</v>
      </c>
      <c r="B15795" s="6">
        <v>262953.44999999995</v>
      </c>
      <c r="C15795" s="7">
        <f t="shared" si="246"/>
        <v>262.95344999999998</v>
      </c>
    </row>
    <row r="15796" spans="1:3" x14ac:dyDescent="0.25">
      <c r="A15796" s="2" t="s">
        <v>7454</v>
      </c>
      <c r="B15796" s="6">
        <v>262970.09999999998</v>
      </c>
      <c r="C15796" s="7">
        <f t="shared" si="246"/>
        <v>262.9701</v>
      </c>
    </row>
    <row r="15797" spans="1:3" x14ac:dyDescent="0.25">
      <c r="A15797" s="2" t="s">
        <v>7455</v>
      </c>
      <c r="B15797" s="6">
        <v>262986.75</v>
      </c>
      <c r="C15797" s="7">
        <f t="shared" si="246"/>
        <v>262.98674999999997</v>
      </c>
    </row>
    <row r="15798" spans="1:3" x14ac:dyDescent="0.25">
      <c r="A15798" s="2" t="s">
        <v>7456</v>
      </c>
      <c r="B15798" s="6">
        <v>263003.39999999997</v>
      </c>
      <c r="C15798" s="7">
        <f t="shared" si="246"/>
        <v>263.00339999999994</v>
      </c>
    </row>
    <row r="15799" spans="1:3" x14ac:dyDescent="0.25">
      <c r="A15799" s="2" t="s">
        <v>7457</v>
      </c>
      <c r="B15799" s="6">
        <v>263020.05</v>
      </c>
      <c r="C15799" s="7">
        <f t="shared" si="246"/>
        <v>263.02004999999997</v>
      </c>
    </row>
    <row r="15800" spans="1:3" x14ac:dyDescent="0.25">
      <c r="A15800" s="2" t="s">
        <v>7458</v>
      </c>
      <c r="B15800" s="6">
        <v>263036.69999999995</v>
      </c>
      <c r="C15800" s="7">
        <f t="shared" si="246"/>
        <v>263.03669999999994</v>
      </c>
    </row>
    <row r="15801" spans="1:3" x14ac:dyDescent="0.25">
      <c r="A15801" s="2" t="s">
        <v>7459</v>
      </c>
      <c r="B15801" s="6">
        <v>263053.34999999998</v>
      </c>
      <c r="C15801" s="7">
        <f t="shared" si="246"/>
        <v>263.05334999999997</v>
      </c>
    </row>
    <row r="15802" spans="1:3" x14ac:dyDescent="0.25">
      <c r="A15802" s="2" t="s">
        <v>7460</v>
      </c>
      <c r="B15802" s="6">
        <v>263070</v>
      </c>
      <c r="C15802" s="7">
        <f t="shared" si="246"/>
        <v>263.07</v>
      </c>
    </row>
    <row r="15803" spans="1:3" x14ac:dyDescent="0.25">
      <c r="A15803" s="2" t="s">
        <v>7461</v>
      </c>
      <c r="B15803" s="6">
        <v>263086.64999999997</v>
      </c>
      <c r="C15803" s="7">
        <f t="shared" si="246"/>
        <v>263.08664999999996</v>
      </c>
    </row>
    <row r="15804" spans="1:3" x14ac:dyDescent="0.25">
      <c r="A15804" s="2" t="s">
        <v>7462</v>
      </c>
      <c r="B15804" s="6">
        <v>263103.3</v>
      </c>
      <c r="C15804" s="7">
        <f t="shared" si="246"/>
        <v>263.10329999999999</v>
      </c>
    </row>
    <row r="15805" spans="1:3" x14ac:dyDescent="0.25">
      <c r="A15805" s="2" t="s">
        <v>7463</v>
      </c>
      <c r="B15805" s="6">
        <v>263119.94999999995</v>
      </c>
      <c r="C15805" s="7">
        <f t="shared" si="246"/>
        <v>263.11994999999996</v>
      </c>
    </row>
    <row r="15806" spans="1:3" x14ac:dyDescent="0.25">
      <c r="A15806" s="2" t="s">
        <v>7464</v>
      </c>
      <c r="B15806" s="6">
        <v>263136.59999999998</v>
      </c>
      <c r="C15806" s="7">
        <f t="shared" si="246"/>
        <v>263.13659999999999</v>
      </c>
    </row>
    <row r="15807" spans="1:3" x14ac:dyDescent="0.25">
      <c r="A15807" s="2" t="s">
        <v>7465</v>
      </c>
      <c r="B15807" s="6">
        <v>263153.25</v>
      </c>
      <c r="C15807" s="7">
        <f t="shared" si="246"/>
        <v>263.15325000000001</v>
      </c>
    </row>
    <row r="15808" spans="1:3" x14ac:dyDescent="0.25">
      <c r="A15808" s="2" t="s">
        <v>7466</v>
      </c>
      <c r="B15808" s="6">
        <v>263169.89999999997</v>
      </c>
      <c r="C15808" s="7">
        <f t="shared" si="246"/>
        <v>263.16989999999998</v>
      </c>
    </row>
    <row r="15809" spans="1:3" x14ac:dyDescent="0.25">
      <c r="A15809" s="2" t="s">
        <v>7467</v>
      </c>
      <c r="B15809" s="6">
        <v>263186.55</v>
      </c>
      <c r="C15809" s="7">
        <f t="shared" si="246"/>
        <v>263.18655000000001</v>
      </c>
    </row>
    <row r="15810" spans="1:3" x14ac:dyDescent="0.25">
      <c r="A15810" s="2" t="s">
        <v>7468</v>
      </c>
      <c r="B15810" s="6">
        <v>263203.19999999995</v>
      </c>
      <c r="C15810" s="7">
        <f t="shared" si="246"/>
        <v>263.20319999999998</v>
      </c>
    </row>
    <row r="15811" spans="1:3" x14ac:dyDescent="0.25">
      <c r="A15811" s="2" t="s">
        <v>7469</v>
      </c>
      <c r="B15811" s="6">
        <v>263219.84999999998</v>
      </c>
      <c r="C15811" s="7">
        <f t="shared" ref="C15811:C15874" si="247">B15811/1000</f>
        <v>263.21984999999995</v>
      </c>
    </row>
    <row r="15812" spans="1:3" x14ac:dyDescent="0.25">
      <c r="A15812" s="2" t="s">
        <v>7470</v>
      </c>
      <c r="B15812" s="6">
        <v>263236.5</v>
      </c>
      <c r="C15812" s="7">
        <f t="shared" si="247"/>
        <v>263.23649999999998</v>
      </c>
    </row>
    <row r="15813" spans="1:3" x14ac:dyDescent="0.25">
      <c r="A15813" s="2" t="s">
        <v>7471</v>
      </c>
      <c r="B15813" s="6">
        <v>263253.14999999997</v>
      </c>
      <c r="C15813" s="7">
        <f t="shared" si="247"/>
        <v>263.25314999999995</v>
      </c>
    </row>
    <row r="15814" spans="1:3" x14ac:dyDescent="0.25">
      <c r="A15814" s="2" t="s">
        <v>7472</v>
      </c>
      <c r="B15814" s="6">
        <v>263269.8</v>
      </c>
      <c r="C15814" s="7">
        <f t="shared" si="247"/>
        <v>263.26979999999998</v>
      </c>
    </row>
    <row r="15815" spans="1:3" x14ac:dyDescent="0.25">
      <c r="A15815" s="2" t="s">
        <v>7473</v>
      </c>
      <c r="B15815" s="6">
        <v>263286.44999999995</v>
      </c>
      <c r="C15815" s="7">
        <f t="shared" si="247"/>
        <v>263.28644999999995</v>
      </c>
    </row>
    <row r="15816" spans="1:3" x14ac:dyDescent="0.25">
      <c r="A15816" s="2" t="s">
        <v>7474</v>
      </c>
      <c r="B15816" s="6">
        <v>263303.09999999998</v>
      </c>
      <c r="C15816" s="7">
        <f t="shared" si="247"/>
        <v>263.30309999999997</v>
      </c>
    </row>
    <row r="15817" spans="1:3" x14ac:dyDescent="0.25">
      <c r="A15817" s="2" t="s">
        <v>7475</v>
      </c>
      <c r="B15817" s="6">
        <v>263319.75</v>
      </c>
      <c r="C15817" s="7">
        <f t="shared" si="247"/>
        <v>263.31975</v>
      </c>
    </row>
    <row r="15818" spans="1:3" x14ac:dyDescent="0.25">
      <c r="A15818" s="2" t="s">
        <v>7476</v>
      </c>
      <c r="B15818" s="6">
        <v>263336.39999999997</v>
      </c>
      <c r="C15818" s="7">
        <f t="shared" si="247"/>
        <v>263.33639999999997</v>
      </c>
    </row>
    <row r="15819" spans="1:3" x14ac:dyDescent="0.25">
      <c r="A15819" s="2" t="s">
        <v>7477</v>
      </c>
      <c r="B15819" s="6">
        <v>263353.05</v>
      </c>
      <c r="C15819" s="7">
        <f t="shared" si="247"/>
        <v>263.35305</v>
      </c>
    </row>
    <row r="15820" spans="1:3" x14ac:dyDescent="0.25">
      <c r="A15820" s="2" t="s">
        <v>7478</v>
      </c>
      <c r="B15820" s="6">
        <v>263369.69999999995</v>
      </c>
      <c r="C15820" s="7">
        <f t="shared" si="247"/>
        <v>263.36969999999997</v>
      </c>
    </row>
    <row r="15821" spans="1:3" x14ac:dyDescent="0.25">
      <c r="A15821" s="2" t="s">
        <v>7479</v>
      </c>
      <c r="B15821" s="6">
        <v>263386.34999999998</v>
      </c>
      <c r="C15821" s="7">
        <f t="shared" si="247"/>
        <v>263.38634999999999</v>
      </c>
    </row>
    <row r="15822" spans="1:3" x14ac:dyDescent="0.25">
      <c r="A15822" s="2" t="s">
        <v>7480</v>
      </c>
      <c r="B15822" s="6">
        <v>263403</v>
      </c>
      <c r="C15822" s="7">
        <f t="shared" si="247"/>
        <v>263.40300000000002</v>
      </c>
    </row>
    <row r="15823" spans="1:3" x14ac:dyDescent="0.25">
      <c r="A15823" s="2" t="s">
        <v>7481</v>
      </c>
      <c r="B15823" s="6">
        <v>263419.64999999997</v>
      </c>
      <c r="C15823" s="7">
        <f t="shared" si="247"/>
        <v>263.41964999999999</v>
      </c>
    </row>
    <row r="15824" spans="1:3" x14ac:dyDescent="0.25">
      <c r="A15824" s="2" t="s">
        <v>7482</v>
      </c>
      <c r="B15824" s="6">
        <v>263436.3</v>
      </c>
      <c r="C15824" s="7">
        <f t="shared" si="247"/>
        <v>263.43629999999996</v>
      </c>
    </row>
    <row r="15825" spans="1:3" x14ac:dyDescent="0.25">
      <c r="A15825" s="2" t="s">
        <v>7483</v>
      </c>
      <c r="B15825" s="6">
        <v>263452.94999999995</v>
      </c>
      <c r="C15825" s="7">
        <f t="shared" si="247"/>
        <v>263.45294999999993</v>
      </c>
    </row>
    <row r="15826" spans="1:3" x14ac:dyDescent="0.25">
      <c r="A15826" s="2" t="s">
        <v>7484</v>
      </c>
      <c r="B15826" s="6">
        <v>263469.59999999998</v>
      </c>
      <c r="C15826" s="7">
        <f t="shared" si="247"/>
        <v>263.46959999999996</v>
      </c>
    </row>
    <row r="15827" spans="1:3" x14ac:dyDescent="0.25">
      <c r="A15827" s="2" t="s">
        <v>7485</v>
      </c>
      <c r="B15827" s="6">
        <v>263486.25</v>
      </c>
      <c r="C15827" s="7">
        <f t="shared" si="247"/>
        <v>263.48624999999998</v>
      </c>
    </row>
    <row r="15828" spans="1:3" x14ac:dyDescent="0.25">
      <c r="A15828" s="2" t="s">
        <v>7486</v>
      </c>
      <c r="B15828" s="6">
        <v>263502.89999999997</v>
      </c>
      <c r="C15828" s="7">
        <f t="shared" si="247"/>
        <v>263.50289999999995</v>
      </c>
    </row>
    <row r="15829" spans="1:3" x14ac:dyDescent="0.25">
      <c r="A15829" s="2" t="s">
        <v>7487</v>
      </c>
      <c r="B15829" s="6">
        <v>263519.55</v>
      </c>
      <c r="C15829" s="7">
        <f t="shared" si="247"/>
        <v>263.51954999999998</v>
      </c>
    </row>
    <row r="15830" spans="1:3" x14ac:dyDescent="0.25">
      <c r="A15830" s="2" t="s">
        <v>7488</v>
      </c>
      <c r="B15830" s="6">
        <v>263536.19999999995</v>
      </c>
      <c r="C15830" s="7">
        <f t="shared" si="247"/>
        <v>263.53619999999995</v>
      </c>
    </row>
    <row r="15831" spans="1:3" x14ac:dyDescent="0.25">
      <c r="A15831" s="2" t="s">
        <v>7489</v>
      </c>
      <c r="B15831" s="6">
        <v>263552.84999999998</v>
      </c>
      <c r="C15831" s="7">
        <f t="shared" si="247"/>
        <v>263.55284999999998</v>
      </c>
    </row>
    <row r="15832" spans="1:3" x14ac:dyDescent="0.25">
      <c r="A15832" s="2" t="s">
        <v>7490</v>
      </c>
      <c r="B15832" s="6">
        <v>263569.5</v>
      </c>
      <c r="C15832" s="7">
        <f t="shared" si="247"/>
        <v>263.56950000000001</v>
      </c>
    </row>
    <row r="15833" spans="1:3" x14ac:dyDescent="0.25">
      <c r="A15833" s="2" t="s">
        <v>7491</v>
      </c>
      <c r="B15833" s="6">
        <v>263586.14999999997</v>
      </c>
      <c r="C15833" s="7">
        <f t="shared" si="247"/>
        <v>263.58614999999998</v>
      </c>
    </row>
    <row r="15834" spans="1:3" x14ac:dyDescent="0.25">
      <c r="A15834" s="2" t="s">
        <v>7492</v>
      </c>
      <c r="B15834" s="6">
        <v>263602.8</v>
      </c>
      <c r="C15834" s="7">
        <f t="shared" si="247"/>
        <v>263.6028</v>
      </c>
    </row>
    <row r="15835" spans="1:3" x14ac:dyDescent="0.25">
      <c r="A15835" s="2" t="s">
        <v>7493</v>
      </c>
      <c r="B15835" s="6">
        <v>263619.44999999995</v>
      </c>
      <c r="C15835" s="7">
        <f t="shared" si="247"/>
        <v>263.61944999999997</v>
      </c>
    </row>
    <row r="15836" spans="1:3" x14ac:dyDescent="0.25">
      <c r="A15836" s="2" t="s">
        <v>7494</v>
      </c>
      <c r="B15836" s="6">
        <v>263636.09999999998</v>
      </c>
      <c r="C15836" s="7">
        <f t="shared" si="247"/>
        <v>263.6361</v>
      </c>
    </row>
    <row r="15837" spans="1:3" x14ac:dyDescent="0.25">
      <c r="A15837" s="2" t="s">
        <v>7495</v>
      </c>
      <c r="B15837" s="6">
        <v>263652.75</v>
      </c>
      <c r="C15837" s="7">
        <f t="shared" si="247"/>
        <v>263.65275000000003</v>
      </c>
    </row>
    <row r="15838" spans="1:3" x14ac:dyDescent="0.25">
      <c r="A15838" s="2" t="s">
        <v>7496</v>
      </c>
      <c r="B15838" s="6">
        <v>263669.39999999997</v>
      </c>
      <c r="C15838" s="7">
        <f t="shared" si="247"/>
        <v>263.66939999999994</v>
      </c>
    </row>
    <row r="15839" spans="1:3" x14ac:dyDescent="0.25">
      <c r="A15839" s="2" t="s">
        <v>7497</v>
      </c>
      <c r="B15839" s="6">
        <v>263686.05</v>
      </c>
      <c r="C15839" s="7">
        <f t="shared" si="247"/>
        <v>263.68604999999997</v>
      </c>
    </row>
    <row r="15840" spans="1:3" x14ac:dyDescent="0.25">
      <c r="A15840" s="2" t="s">
        <v>7498</v>
      </c>
      <c r="B15840" s="6">
        <v>263702.69999999995</v>
      </c>
      <c r="C15840" s="7">
        <f t="shared" si="247"/>
        <v>263.70269999999994</v>
      </c>
    </row>
    <row r="15841" spans="1:3" x14ac:dyDescent="0.25">
      <c r="A15841" s="2" t="s">
        <v>7499</v>
      </c>
      <c r="B15841" s="6">
        <v>263719.34999999998</v>
      </c>
      <c r="C15841" s="7">
        <f t="shared" si="247"/>
        <v>263.71934999999996</v>
      </c>
    </row>
    <row r="15842" spans="1:3" x14ac:dyDescent="0.25">
      <c r="A15842" s="2" t="s">
        <v>7500</v>
      </c>
      <c r="B15842" s="6">
        <v>263736</v>
      </c>
      <c r="C15842" s="7">
        <f t="shared" si="247"/>
        <v>263.73599999999999</v>
      </c>
    </row>
    <row r="15843" spans="1:3" x14ac:dyDescent="0.25">
      <c r="A15843" s="2" t="s">
        <v>7501</v>
      </c>
      <c r="B15843" s="6">
        <v>263752.64999999997</v>
      </c>
      <c r="C15843" s="7">
        <f t="shared" si="247"/>
        <v>263.75264999999996</v>
      </c>
    </row>
    <row r="15844" spans="1:3" x14ac:dyDescent="0.25">
      <c r="A15844" s="2" t="s">
        <v>7502</v>
      </c>
      <c r="B15844" s="6">
        <v>263769.3</v>
      </c>
      <c r="C15844" s="7">
        <f t="shared" si="247"/>
        <v>263.76929999999999</v>
      </c>
    </row>
    <row r="15845" spans="1:3" x14ac:dyDescent="0.25">
      <c r="A15845" s="2" t="s">
        <v>7503</v>
      </c>
      <c r="B15845" s="6">
        <v>263785.94999999995</v>
      </c>
      <c r="C15845" s="7">
        <f t="shared" si="247"/>
        <v>263.78594999999996</v>
      </c>
    </row>
    <row r="15846" spans="1:3" x14ac:dyDescent="0.25">
      <c r="A15846" s="2" t="s">
        <v>7504</v>
      </c>
      <c r="B15846" s="6">
        <v>263802.59999999998</v>
      </c>
      <c r="C15846" s="7">
        <f t="shared" si="247"/>
        <v>263.80259999999998</v>
      </c>
    </row>
    <row r="15847" spans="1:3" x14ac:dyDescent="0.25">
      <c r="A15847" s="2" t="s">
        <v>7505</v>
      </c>
      <c r="B15847" s="6">
        <v>263819.25</v>
      </c>
      <c r="C15847" s="7">
        <f t="shared" si="247"/>
        <v>263.81925000000001</v>
      </c>
    </row>
    <row r="15848" spans="1:3" x14ac:dyDescent="0.25">
      <c r="A15848" s="2" t="s">
        <v>7506</v>
      </c>
      <c r="B15848" s="6">
        <v>263835.89999999997</v>
      </c>
      <c r="C15848" s="7">
        <f t="shared" si="247"/>
        <v>263.83589999999998</v>
      </c>
    </row>
    <row r="15849" spans="1:3" x14ac:dyDescent="0.25">
      <c r="A15849" s="2" t="s">
        <v>7507</v>
      </c>
      <c r="B15849" s="6">
        <v>263852.55</v>
      </c>
      <c r="C15849" s="7">
        <f t="shared" si="247"/>
        <v>263.85255000000001</v>
      </c>
    </row>
    <row r="15850" spans="1:3" x14ac:dyDescent="0.25">
      <c r="A15850" s="2" t="s">
        <v>7508</v>
      </c>
      <c r="B15850" s="6">
        <v>263869.19999999995</v>
      </c>
      <c r="C15850" s="7">
        <f t="shared" si="247"/>
        <v>263.86919999999998</v>
      </c>
    </row>
    <row r="15851" spans="1:3" x14ac:dyDescent="0.25">
      <c r="A15851" s="2" t="s">
        <v>7509</v>
      </c>
      <c r="B15851" s="6">
        <v>263885.84999999998</v>
      </c>
      <c r="C15851" s="7">
        <f t="shared" si="247"/>
        <v>263.88585</v>
      </c>
    </row>
    <row r="15852" spans="1:3" x14ac:dyDescent="0.25">
      <c r="A15852" s="2" t="s">
        <v>7510</v>
      </c>
      <c r="B15852" s="6">
        <v>263902.5</v>
      </c>
      <c r="C15852" s="7">
        <f t="shared" si="247"/>
        <v>263.90249999999997</v>
      </c>
    </row>
    <row r="15853" spans="1:3" x14ac:dyDescent="0.25">
      <c r="A15853" s="2" t="s">
        <v>7511</v>
      </c>
      <c r="B15853" s="6">
        <v>263919.14999999997</v>
      </c>
      <c r="C15853" s="7">
        <f t="shared" si="247"/>
        <v>263.91914999999995</v>
      </c>
    </row>
    <row r="15854" spans="1:3" x14ac:dyDescent="0.25">
      <c r="A15854" s="2" t="s">
        <v>7512</v>
      </c>
      <c r="B15854" s="6">
        <v>263935.8</v>
      </c>
      <c r="C15854" s="7">
        <f t="shared" si="247"/>
        <v>263.93579999999997</v>
      </c>
    </row>
    <row r="15855" spans="1:3" x14ac:dyDescent="0.25">
      <c r="A15855" s="2" t="s">
        <v>7513</v>
      </c>
      <c r="B15855" s="6">
        <v>263952.44999999995</v>
      </c>
      <c r="C15855" s="7">
        <f t="shared" si="247"/>
        <v>263.95244999999994</v>
      </c>
    </row>
    <row r="15856" spans="1:3" x14ac:dyDescent="0.25">
      <c r="A15856" s="2" t="s">
        <v>7514</v>
      </c>
      <c r="B15856" s="6">
        <v>263969.09999999998</v>
      </c>
      <c r="C15856" s="7">
        <f t="shared" si="247"/>
        <v>263.96909999999997</v>
      </c>
    </row>
    <row r="15857" spans="1:3" x14ac:dyDescent="0.25">
      <c r="A15857" s="2" t="s">
        <v>7515</v>
      </c>
      <c r="B15857" s="6">
        <v>263985.75</v>
      </c>
      <c r="C15857" s="7">
        <f t="shared" si="247"/>
        <v>263.98575</v>
      </c>
    </row>
    <row r="15858" spans="1:3" x14ac:dyDescent="0.25">
      <c r="A15858" s="2" t="s">
        <v>7516</v>
      </c>
      <c r="B15858" s="6">
        <v>264002.39999999997</v>
      </c>
      <c r="C15858" s="7">
        <f t="shared" si="247"/>
        <v>264.00239999999997</v>
      </c>
    </row>
    <row r="15859" spans="1:3" x14ac:dyDescent="0.25">
      <c r="A15859" s="2" t="s">
        <v>7517</v>
      </c>
      <c r="B15859" s="6">
        <v>264019.05</v>
      </c>
      <c r="C15859" s="7">
        <f t="shared" si="247"/>
        <v>264.01904999999999</v>
      </c>
    </row>
    <row r="15860" spans="1:3" x14ac:dyDescent="0.25">
      <c r="A15860" s="2" t="s">
        <v>7518</v>
      </c>
      <c r="B15860" s="6">
        <v>264035.69999999995</v>
      </c>
      <c r="C15860" s="7">
        <f t="shared" si="247"/>
        <v>264.03569999999996</v>
      </c>
    </row>
    <row r="15861" spans="1:3" x14ac:dyDescent="0.25">
      <c r="A15861" s="2" t="s">
        <v>7519</v>
      </c>
      <c r="B15861" s="6">
        <v>264052.34999999998</v>
      </c>
      <c r="C15861" s="7">
        <f t="shared" si="247"/>
        <v>264.05234999999999</v>
      </c>
    </row>
    <row r="15862" spans="1:3" x14ac:dyDescent="0.25">
      <c r="A15862" s="2" t="s">
        <v>7520</v>
      </c>
      <c r="B15862" s="6">
        <v>264069</v>
      </c>
      <c r="C15862" s="7">
        <f t="shared" si="247"/>
        <v>264.06900000000002</v>
      </c>
    </row>
    <row r="15863" spans="1:3" x14ac:dyDescent="0.25">
      <c r="A15863" s="2" t="s">
        <v>7521</v>
      </c>
      <c r="B15863" s="6">
        <v>264085.64999999997</v>
      </c>
      <c r="C15863" s="7">
        <f t="shared" si="247"/>
        <v>264.08564999999999</v>
      </c>
    </row>
    <row r="15864" spans="1:3" x14ac:dyDescent="0.25">
      <c r="A15864" s="2" t="s">
        <v>7522</v>
      </c>
      <c r="B15864" s="6">
        <v>264102.3</v>
      </c>
      <c r="C15864" s="7">
        <f t="shared" si="247"/>
        <v>264.10230000000001</v>
      </c>
    </row>
    <row r="15865" spans="1:3" x14ac:dyDescent="0.25">
      <c r="A15865" s="2" t="s">
        <v>7523</v>
      </c>
      <c r="B15865" s="6">
        <v>264118.94999999995</v>
      </c>
      <c r="C15865" s="7">
        <f t="shared" si="247"/>
        <v>264.11894999999993</v>
      </c>
    </row>
    <row r="15866" spans="1:3" x14ac:dyDescent="0.25">
      <c r="A15866" s="2" t="s">
        <v>7524</v>
      </c>
      <c r="B15866" s="6">
        <v>264135.59999999998</v>
      </c>
      <c r="C15866" s="7">
        <f t="shared" si="247"/>
        <v>264.13559999999995</v>
      </c>
    </row>
    <row r="15867" spans="1:3" x14ac:dyDescent="0.25">
      <c r="A15867" s="2" t="s">
        <v>7525</v>
      </c>
      <c r="B15867" s="6">
        <v>264152.25</v>
      </c>
      <c r="C15867" s="7">
        <f t="shared" si="247"/>
        <v>264.15224999999998</v>
      </c>
    </row>
    <row r="15868" spans="1:3" x14ac:dyDescent="0.25">
      <c r="A15868" s="2" t="s">
        <v>7526</v>
      </c>
      <c r="B15868" s="6">
        <v>264168.89999999997</v>
      </c>
      <c r="C15868" s="7">
        <f t="shared" si="247"/>
        <v>264.16889999999995</v>
      </c>
    </row>
    <row r="15869" spans="1:3" x14ac:dyDescent="0.25">
      <c r="A15869" s="2" t="s">
        <v>7527</v>
      </c>
      <c r="B15869" s="6">
        <v>264185.55</v>
      </c>
      <c r="C15869" s="7">
        <f t="shared" si="247"/>
        <v>264.18554999999998</v>
      </c>
    </row>
    <row r="15870" spans="1:3" x14ac:dyDescent="0.25">
      <c r="A15870" s="2" t="s">
        <v>7528</v>
      </c>
      <c r="B15870" s="6">
        <v>264202.19999999995</v>
      </c>
      <c r="C15870" s="7">
        <f t="shared" si="247"/>
        <v>264.20219999999995</v>
      </c>
    </row>
    <row r="15871" spans="1:3" x14ac:dyDescent="0.25">
      <c r="A15871" s="2" t="s">
        <v>7529</v>
      </c>
      <c r="B15871" s="6">
        <v>264218.84999999998</v>
      </c>
      <c r="C15871" s="7">
        <f t="shared" si="247"/>
        <v>264.21884999999997</v>
      </c>
    </row>
    <row r="15872" spans="1:3" x14ac:dyDescent="0.25">
      <c r="A15872" s="2" t="s">
        <v>7530</v>
      </c>
      <c r="B15872" s="6">
        <v>264235.5</v>
      </c>
      <c r="C15872" s="7">
        <f t="shared" si="247"/>
        <v>264.2355</v>
      </c>
    </row>
    <row r="15873" spans="1:3" x14ac:dyDescent="0.25">
      <c r="A15873" s="2" t="s">
        <v>7531</v>
      </c>
      <c r="B15873" s="6">
        <v>264252.14999999997</v>
      </c>
      <c r="C15873" s="7">
        <f t="shared" si="247"/>
        <v>264.25214999999997</v>
      </c>
    </row>
    <row r="15874" spans="1:3" x14ac:dyDescent="0.25">
      <c r="A15874" s="2" t="s">
        <v>7532</v>
      </c>
      <c r="B15874" s="6">
        <v>264268.79999999999</v>
      </c>
      <c r="C15874" s="7">
        <f t="shared" si="247"/>
        <v>264.2688</v>
      </c>
    </row>
    <row r="15875" spans="1:3" x14ac:dyDescent="0.25">
      <c r="A15875" s="2" t="s">
        <v>7533</v>
      </c>
      <c r="B15875" s="6">
        <v>264285.44999999995</v>
      </c>
      <c r="C15875" s="7">
        <f t="shared" ref="C15875:C15938" si="248">B15875/1000</f>
        <v>264.28544999999997</v>
      </c>
    </row>
    <row r="15876" spans="1:3" x14ac:dyDescent="0.25">
      <c r="A15876" s="2" t="s">
        <v>7534</v>
      </c>
      <c r="B15876" s="6">
        <v>264302.09999999998</v>
      </c>
      <c r="C15876" s="7">
        <f t="shared" si="248"/>
        <v>264.3021</v>
      </c>
    </row>
    <row r="15877" spans="1:3" x14ac:dyDescent="0.25">
      <c r="A15877" s="2" t="s">
        <v>7535</v>
      </c>
      <c r="B15877" s="6">
        <v>264318.75</v>
      </c>
      <c r="C15877" s="7">
        <f t="shared" si="248"/>
        <v>264.31875000000002</v>
      </c>
    </row>
    <row r="15878" spans="1:3" x14ac:dyDescent="0.25">
      <c r="A15878" s="2" t="s">
        <v>7536</v>
      </c>
      <c r="B15878" s="6">
        <v>264335.39999999997</v>
      </c>
      <c r="C15878" s="7">
        <f t="shared" si="248"/>
        <v>264.33539999999999</v>
      </c>
    </row>
    <row r="15879" spans="1:3" x14ac:dyDescent="0.25">
      <c r="A15879" s="2" t="s">
        <v>7537</v>
      </c>
      <c r="B15879" s="6">
        <v>264352.05</v>
      </c>
      <c r="C15879" s="7">
        <f t="shared" si="248"/>
        <v>264.35204999999996</v>
      </c>
    </row>
    <row r="15880" spans="1:3" x14ac:dyDescent="0.25">
      <c r="A15880" s="2" t="s">
        <v>7538</v>
      </c>
      <c r="B15880" s="6">
        <v>264368.69999999995</v>
      </c>
      <c r="C15880" s="7">
        <f t="shared" si="248"/>
        <v>264.36869999999993</v>
      </c>
    </row>
    <row r="15881" spans="1:3" x14ac:dyDescent="0.25">
      <c r="A15881" s="2" t="s">
        <v>7539</v>
      </c>
      <c r="B15881" s="6">
        <v>264385.34999999998</v>
      </c>
      <c r="C15881" s="7">
        <f t="shared" si="248"/>
        <v>264.38534999999996</v>
      </c>
    </row>
    <row r="15882" spans="1:3" x14ac:dyDescent="0.25">
      <c r="A15882" s="2" t="s">
        <v>7540</v>
      </c>
      <c r="B15882" s="6">
        <v>264402</v>
      </c>
      <c r="C15882" s="7">
        <f t="shared" si="248"/>
        <v>264.40199999999999</v>
      </c>
    </row>
    <row r="15883" spans="1:3" x14ac:dyDescent="0.25">
      <c r="A15883" s="2" t="s">
        <v>7541</v>
      </c>
      <c r="B15883" s="6">
        <v>264418.64999999997</v>
      </c>
      <c r="C15883" s="7">
        <f t="shared" si="248"/>
        <v>264.41864999999996</v>
      </c>
    </row>
    <row r="15884" spans="1:3" x14ac:dyDescent="0.25">
      <c r="A15884" s="2" t="s">
        <v>7542</v>
      </c>
      <c r="B15884" s="6">
        <v>264435.3</v>
      </c>
      <c r="C15884" s="7">
        <f t="shared" si="248"/>
        <v>264.43529999999998</v>
      </c>
    </row>
    <row r="15885" spans="1:3" x14ac:dyDescent="0.25">
      <c r="A15885" s="2" t="s">
        <v>7543</v>
      </c>
      <c r="B15885" s="6">
        <v>264451.94999999995</v>
      </c>
      <c r="C15885" s="7">
        <f t="shared" si="248"/>
        <v>264.45194999999995</v>
      </c>
    </row>
    <row r="15886" spans="1:3" x14ac:dyDescent="0.25">
      <c r="A15886" s="2" t="s">
        <v>7544</v>
      </c>
      <c r="B15886" s="6">
        <v>264468.59999999998</v>
      </c>
      <c r="C15886" s="7">
        <f t="shared" si="248"/>
        <v>264.46859999999998</v>
      </c>
    </row>
    <row r="15887" spans="1:3" x14ac:dyDescent="0.25">
      <c r="A15887" s="2" t="s">
        <v>7545</v>
      </c>
      <c r="B15887" s="6">
        <v>264485.25</v>
      </c>
      <c r="C15887" s="7">
        <f t="shared" si="248"/>
        <v>264.48525000000001</v>
      </c>
    </row>
    <row r="15888" spans="1:3" x14ac:dyDescent="0.25">
      <c r="A15888" s="2" t="s">
        <v>7546</v>
      </c>
      <c r="B15888" s="6">
        <v>264501.89999999997</v>
      </c>
      <c r="C15888" s="7">
        <f t="shared" si="248"/>
        <v>264.50189999999998</v>
      </c>
    </row>
    <row r="15889" spans="1:3" x14ac:dyDescent="0.25">
      <c r="A15889" s="2" t="s">
        <v>7547</v>
      </c>
      <c r="B15889" s="6">
        <v>264518.55</v>
      </c>
      <c r="C15889" s="7">
        <f t="shared" si="248"/>
        <v>264.51855</v>
      </c>
    </row>
    <row r="15890" spans="1:3" x14ac:dyDescent="0.25">
      <c r="A15890" s="2" t="s">
        <v>7548</v>
      </c>
      <c r="B15890" s="6">
        <v>264535.19999999995</v>
      </c>
      <c r="C15890" s="7">
        <f t="shared" si="248"/>
        <v>264.53519999999997</v>
      </c>
    </row>
    <row r="15891" spans="1:3" x14ac:dyDescent="0.25">
      <c r="A15891" s="2" t="s">
        <v>7549</v>
      </c>
      <c r="B15891" s="6">
        <v>264551.84999999998</v>
      </c>
      <c r="C15891" s="7">
        <f t="shared" si="248"/>
        <v>264.55185</v>
      </c>
    </row>
    <row r="15892" spans="1:3" x14ac:dyDescent="0.25">
      <c r="A15892" s="2" t="s">
        <v>7550</v>
      </c>
      <c r="B15892" s="6">
        <v>264568.5</v>
      </c>
      <c r="C15892" s="7">
        <f t="shared" si="248"/>
        <v>264.56849999999997</v>
      </c>
    </row>
    <row r="15893" spans="1:3" x14ac:dyDescent="0.25">
      <c r="A15893" s="2" t="s">
        <v>7551</v>
      </c>
      <c r="B15893" s="6">
        <v>264585.14999999997</v>
      </c>
      <c r="C15893" s="7">
        <f t="shared" si="248"/>
        <v>264.58514999999994</v>
      </c>
    </row>
    <row r="15894" spans="1:3" x14ac:dyDescent="0.25">
      <c r="A15894" s="2" t="s">
        <v>7552</v>
      </c>
      <c r="B15894" s="6">
        <v>264601.8</v>
      </c>
      <c r="C15894" s="7">
        <f t="shared" si="248"/>
        <v>264.60179999999997</v>
      </c>
    </row>
    <row r="15895" spans="1:3" x14ac:dyDescent="0.25">
      <c r="A15895" s="2" t="s">
        <v>7553</v>
      </c>
      <c r="B15895" s="6">
        <v>264618.44999999995</v>
      </c>
      <c r="C15895" s="7">
        <f t="shared" si="248"/>
        <v>264.61844999999994</v>
      </c>
    </row>
    <row r="15896" spans="1:3" x14ac:dyDescent="0.25">
      <c r="A15896" s="2" t="s">
        <v>7554</v>
      </c>
      <c r="B15896" s="6">
        <v>264635.09999999998</v>
      </c>
      <c r="C15896" s="7">
        <f t="shared" si="248"/>
        <v>264.63509999999997</v>
      </c>
    </row>
    <row r="15897" spans="1:3" x14ac:dyDescent="0.25">
      <c r="A15897" s="2" t="s">
        <v>7555</v>
      </c>
      <c r="B15897" s="6">
        <v>264651.75</v>
      </c>
      <c r="C15897" s="7">
        <f t="shared" si="248"/>
        <v>264.65174999999999</v>
      </c>
    </row>
    <row r="15898" spans="1:3" x14ac:dyDescent="0.25">
      <c r="A15898" s="2" t="s">
        <v>7556</v>
      </c>
      <c r="B15898" s="6">
        <v>264668.39999999997</v>
      </c>
      <c r="C15898" s="7">
        <f t="shared" si="248"/>
        <v>264.66839999999996</v>
      </c>
    </row>
    <row r="15899" spans="1:3" x14ac:dyDescent="0.25">
      <c r="A15899" s="2" t="s">
        <v>7557</v>
      </c>
      <c r="B15899" s="6">
        <v>264685.05</v>
      </c>
      <c r="C15899" s="7">
        <f t="shared" si="248"/>
        <v>264.68504999999999</v>
      </c>
    </row>
    <row r="15900" spans="1:3" x14ac:dyDescent="0.25">
      <c r="A15900" s="2" t="s">
        <v>7558</v>
      </c>
      <c r="B15900" s="6">
        <v>264701.69999999995</v>
      </c>
      <c r="C15900" s="7">
        <f t="shared" si="248"/>
        <v>264.70169999999996</v>
      </c>
    </row>
    <row r="15901" spans="1:3" x14ac:dyDescent="0.25">
      <c r="A15901" s="2" t="s">
        <v>7559</v>
      </c>
      <c r="B15901" s="6">
        <v>264718.34999999998</v>
      </c>
      <c r="C15901" s="7">
        <f t="shared" si="248"/>
        <v>264.71834999999999</v>
      </c>
    </row>
    <row r="15902" spans="1:3" x14ac:dyDescent="0.25">
      <c r="A15902" s="2" t="s">
        <v>7560</v>
      </c>
      <c r="B15902" s="6">
        <v>264735</v>
      </c>
      <c r="C15902" s="7">
        <f t="shared" si="248"/>
        <v>264.73500000000001</v>
      </c>
    </row>
    <row r="15903" spans="1:3" x14ac:dyDescent="0.25">
      <c r="A15903" s="2" t="s">
        <v>7561</v>
      </c>
      <c r="B15903" s="6">
        <v>264751.64999999997</v>
      </c>
      <c r="C15903" s="7">
        <f t="shared" si="248"/>
        <v>264.75164999999998</v>
      </c>
    </row>
    <row r="15904" spans="1:3" x14ac:dyDescent="0.25">
      <c r="A15904" s="2" t="s">
        <v>7562</v>
      </c>
      <c r="B15904" s="6">
        <v>264768.3</v>
      </c>
      <c r="C15904" s="7">
        <f t="shared" si="248"/>
        <v>264.76830000000001</v>
      </c>
    </row>
    <row r="15905" spans="1:3" x14ac:dyDescent="0.25">
      <c r="A15905" s="2" t="s">
        <v>7563</v>
      </c>
      <c r="B15905" s="6">
        <v>264784.94999999995</v>
      </c>
      <c r="C15905" s="7">
        <f t="shared" si="248"/>
        <v>264.78494999999998</v>
      </c>
    </row>
    <row r="15906" spans="1:3" x14ac:dyDescent="0.25">
      <c r="A15906" s="2" t="s">
        <v>7564</v>
      </c>
      <c r="B15906" s="6">
        <v>264801.59999999998</v>
      </c>
      <c r="C15906" s="7">
        <f t="shared" si="248"/>
        <v>264.80159999999995</v>
      </c>
    </row>
    <row r="15907" spans="1:3" x14ac:dyDescent="0.25">
      <c r="A15907" s="2" t="s">
        <v>7565</v>
      </c>
      <c r="B15907" s="6">
        <v>264818.25</v>
      </c>
      <c r="C15907" s="7">
        <f t="shared" si="248"/>
        <v>264.81824999999998</v>
      </c>
    </row>
    <row r="15908" spans="1:3" x14ac:dyDescent="0.25">
      <c r="A15908" s="2" t="s">
        <v>7566</v>
      </c>
      <c r="B15908" s="6">
        <v>264834.89999999997</v>
      </c>
      <c r="C15908" s="7">
        <f t="shared" si="248"/>
        <v>264.83489999999995</v>
      </c>
    </row>
    <row r="15909" spans="1:3" x14ac:dyDescent="0.25">
      <c r="A15909" s="2" t="s">
        <v>7567</v>
      </c>
      <c r="B15909" s="6">
        <v>264851.55</v>
      </c>
      <c r="C15909" s="7">
        <f t="shared" si="248"/>
        <v>264.85154999999997</v>
      </c>
    </row>
    <row r="15910" spans="1:3" x14ac:dyDescent="0.25">
      <c r="A15910" s="2" t="s">
        <v>7568</v>
      </c>
      <c r="B15910" s="6">
        <v>264868.19999999995</v>
      </c>
      <c r="C15910" s="7">
        <f t="shared" si="248"/>
        <v>264.86819999999994</v>
      </c>
    </row>
    <row r="15911" spans="1:3" x14ac:dyDescent="0.25">
      <c r="A15911" s="2" t="s">
        <v>7569</v>
      </c>
      <c r="B15911" s="6">
        <v>264884.84999999998</v>
      </c>
      <c r="C15911" s="7">
        <f t="shared" si="248"/>
        <v>264.88484999999997</v>
      </c>
    </row>
    <row r="15912" spans="1:3" x14ac:dyDescent="0.25">
      <c r="A15912" s="2" t="s">
        <v>7570</v>
      </c>
      <c r="B15912" s="6">
        <v>264901.5</v>
      </c>
      <c r="C15912" s="7">
        <f t="shared" si="248"/>
        <v>264.9015</v>
      </c>
    </row>
    <row r="15913" spans="1:3" x14ac:dyDescent="0.25">
      <c r="A15913" s="2" t="s">
        <v>7571</v>
      </c>
      <c r="B15913" s="6">
        <v>264918.14999999997</v>
      </c>
      <c r="C15913" s="7">
        <f t="shared" si="248"/>
        <v>264.91814999999997</v>
      </c>
    </row>
    <row r="15914" spans="1:3" x14ac:dyDescent="0.25">
      <c r="A15914" s="2" t="s">
        <v>7572</v>
      </c>
      <c r="B15914" s="6">
        <v>264934.8</v>
      </c>
      <c r="C15914" s="7">
        <f t="shared" si="248"/>
        <v>264.9348</v>
      </c>
    </row>
    <row r="15915" spans="1:3" x14ac:dyDescent="0.25">
      <c r="A15915" s="2" t="s">
        <v>7573</v>
      </c>
      <c r="B15915" s="6">
        <v>264951.44999999995</v>
      </c>
      <c r="C15915" s="7">
        <f t="shared" si="248"/>
        <v>264.95144999999997</v>
      </c>
    </row>
    <row r="15916" spans="1:3" x14ac:dyDescent="0.25">
      <c r="A15916" s="2" t="s">
        <v>7574</v>
      </c>
      <c r="B15916" s="6">
        <v>264968.09999999998</v>
      </c>
      <c r="C15916" s="7">
        <f t="shared" si="248"/>
        <v>264.96809999999999</v>
      </c>
    </row>
    <row r="15917" spans="1:3" x14ac:dyDescent="0.25">
      <c r="A15917" s="2" t="s">
        <v>7575</v>
      </c>
      <c r="B15917" s="6">
        <v>264984.75</v>
      </c>
      <c r="C15917" s="7">
        <f t="shared" si="248"/>
        <v>264.98475000000002</v>
      </c>
    </row>
    <row r="15918" spans="1:3" x14ac:dyDescent="0.25">
      <c r="A15918" s="2" t="s">
        <v>7576</v>
      </c>
      <c r="B15918" s="6">
        <v>265001.39999999997</v>
      </c>
      <c r="C15918" s="7">
        <f t="shared" si="248"/>
        <v>265.00139999999999</v>
      </c>
    </row>
    <row r="15919" spans="1:3" x14ac:dyDescent="0.25">
      <c r="A15919" s="2" t="s">
        <v>7577</v>
      </c>
      <c r="B15919" s="6">
        <v>265018.05</v>
      </c>
      <c r="C15919" s="7">
        <f t="shared" si="248"/>
        <v>265.01805000000002</v>
      </c>
    </row>
    <row r="15920" spans="1:3" x14ac:dyDescent="0.25">
      <c r="A15920" s="2" t="s">
        <v>7578</v>
      </c>
      <c r="B15920" s="6">
        <v>265034.69999999995</v>
      </c>
      <c r="C15920" s="7">
        <f t="shared" si="248"/>
        <v>265.03469999999993</v>
      </c>
    </row>
    <row r="15921" spans="1:3" x14ac:dyDescent="0.25">
      <c r="A15921" s="2" t="s">
        <v>7579</v>
      </c>
      <c r="B15921" s="6">
        <v>265051.34999999998</v>
      </c>
      <c r="C15921" s="7">
        <f t="shared" si="248"/>
        <v>265.05134999999996</v>
      </c>
    </row>
    <row r="15922" spans="1:3" x14ac:dyDescent="0.25">
      <c r="A15922" s="2" t="s">
        <v>7580</v>
      </c>
      <c r="B15922" s="6">
        <v>265068</v>
      </c>
      <c r="C15922" s="7">
        <f t="shared" si="248"/>
        <v>265.06799999999998</v>
      </c>
    </row>
    <row r="15923" spans="1:3" x14ac:dyDescent="0.25">
      <c r="A15923" s="2" t="s">
        <v>7581</v>
      </c>
      <c r="B15923" s="6">
        <v>265084.64999999997</v>
      </c>
      <c r="C15923" s="7">
        <f t="shared" si="248"/>
        <v>265.08464999999995</v>
      </c>
    </row>
    <row r="15924" spans="1:3" x14ac:dyDescent="0.25">
      <c r="A15924" s="2" t="s">
        <v>7582</v>
      </c>
      <c r="B15924" s="6">
        <v>265101.3</v>
      </c>
      <c r="C15924" s="7">
        <f t="shared" si="248"/>
        <v>265.10129999999998</v>
      </c>
    </row>
    <row r="15925" spans="1:3" x14ac:dyDescent="0.25">
      <c r="A15925" s="2" t="s">
        <v>7583</v>
      </c>
      <c r="B15925" s="6">
        <v>265117.94999999995</v>
      </c>
      <c r="C15925" s="7">
        <f t="shared" si="248"/>
        <v>265.11794999999995</v>
      </c>
    </row>
    <row r="15926" spans="1:3" x14ac:dyDescent="0.25">
      <c r="A15926" s="2" t="s">
        <v>7584</v>
      </c>
      <c r="B15926" s="6">
        <v>265134.59999999998</v>
      </c>
      <c r="C15926" s="7">
        <f t="shared" si="248"/>
        <v>265.13459999999998</v>
      </c>
    </row>
    <row r="15927" spans="1:3" x14ac:dyDescent="0.25">
      <c r="A15927" s="2" t="s">
        <v>7585</v>
      </c>
      <c r="B15927" s="6">
        <v>265151.25</v>
      </c>
      <c r="C15927" s="7">
        <f t="shared" si="248"/>
        <v>265.15125</v>
      </c>
    </row>
    <row r="15928" spans="1:3" x14ac:dyDescent="0.25">
      <c r="A15928" s="2" t="s">
        <v>7586</v>
      </c>
      <c r="B15928" s="6">
        <v>265167.89999999997</v>
      </c>
      <c r="C15928" s="7">
        <f t="shared" si="248"/>
        <v>265.16789999999997</v>
      </c>
    </row>
    <row r="15929" spans="1:3" x14ac:dyDescent="0.25">
      <c r="A15929" s="2" t="s">
        <v>7587</v>
      </c>
      <c r="B15929" s="6">
        <v>265184.55</v>
      </c>
      <c r="C15929" s="7">
        <f t="shared" si="248"/>
        <v>265.18455</v>
      </c>
    </row>
    <row r="15930" spans="1:3" x14ac:dyDescent="0.25">
      <c r="A15930" s="2" t="s">
        <v>7588</v>
      </c>
      <c r="B15930" s="6">
        <v>265201.19999999995</v>
      </c>
      <c r="C15930" s="7">
        <f t="shared" si="248"/>
        <v>265.20119999999997</v>
      </c>
    </row>
    <row r="15931" spans="1:3" x14ac:dyDescent="0.25">
      <c r="A15931" s="2" t="s">
        <v>7589</v>
      </c>
      <c r="B15931" s="6">
        <v>265217.84999999998</v>
      </c>
      <c r="C15931" s="7">
        <f t="shared" si="248"/>
        <v>265.21785</v>
      </c>
    </row>
    <row r="15932" spans="1:3" x14ac:dyDescent="0.25">
      <c r="A15932" s="2" t="s">
        <v>7590</v>
      </c>
      <c r="B15932" s="6">
        <v>265234.5</v>
      </c>
      <c r="C15932" s="7">
        <f t="shared" si="248"/>
        <v>265.23450000000003</v>
      </c>
    </row>
    <row r="15933" spans="1:3" x14ac:dyDescent="0.25">
      <c r="A15933" s="2" t="s">
        <v>7591</v>
      </c>
      <c r="B15933" s="6">
        <v>265251.14999999997</v>
      </c>
      <c r="C15933" s="7">
        <f t="shared" si="248"/>
        <v>265.25114999999994</v>
      </c>
    </row>
    <row r="15934" spans="1:3" x14ac:dyDescent="0.25">
      <c r="A15934" s="2" t="s">
        <v>7592</v>
      </c>
      <c r="B15934" s="6">
        <v>265267.8</v>
      </c>
      <c r="C15934" s="7">
        <f t="shared" si="248"/>
        <v>265.26779999999997</v>
      </c>
    </row>
    <row r="15935" spans="1:3" x14ac:dyDescent="0.25">
      <c r="A15935" s="2" t="s">
        <v>7593</v>
      </c>
      <c r="B15935" s="6">
        <v>265284.44999999995</v>
      </c>
      <c r="C15935" s="7">
        <f t="shared" si="248"/>
        <v>265.28444999999994</v>
      </c>
    </row>
    <row r="15936" spans="1:3" x14ac:dyDescent="0.25">
      <c r="A15936" s="2" t="s">
        <v>7594</v>
      </c>
      <c r="B15936" s="6">
        <v>265301.09999999998</v>
      </c>
      <c r="C15936" s="7">
        <f t="shared" si="248"/>
        <v>265.30109999999996</v>
      </c>
    </row>
    <row r="15937" spans="1:3" x14ac:dyDescent="0.25">
      <c r="A15937" s="2" t="s">
        <v>7595</v>
      </c>
      <c r="B15937" s="6">
        <v>265317.75</v>
      </c>
      <c r="C15937" s="7">
        <f t="shared" si="248"/>
        <v>265.31774999999999</v>
      </c>
    </row>
    <row r="15938" spans="1:3" x14ac:dyDescent="0.25">
      <c r="A15938" s="2" t="s">
        <v>7596</v>
      </c>
      <c r="B15938" s="6">
        <v>265334.39999999997</v>
      </c>
      <c r="C15938" s="7">
        <f t="shared" si="248"/>
        <v>265.33439999999996</v>
      </c>
    </row>
    <row r="15939" spans="1:3" x14ac:dyDescent="0.25">
      <c r="A15939" s="2" t="s">
        <v>7597</v>
      </c>
      <c r="B15939" s="6">
        <v>265351.05</v>
      </c>
      <c r="C15939" s="7">
        <f t="shared" ref="C15939:C16002" si="249">B15939/1000</f>
        <v>265.35104999999999</v>
      </c>
    </row>
    <row r="15940" spans="1:3" x14ac:dyDescent="0.25">
      <c r="A15940" s="2" t="s">
        <v>7598</v>
      </c>
      <c r="B15940" s="6">
        <v>265367.69999999995</v>
      </c>
      <c r="C15940" s="7">
        <f t="shared" si="249"/>
        <v>265.36769999999996</v>
      </c>
    </row>
    <row r="15941" spans="1:3" x14ac:dyDescent="0.25">
      <c r="A15941" s="2" t="s">
        <v>7599</v>
      </c>
      <c r="B15941" s="6">
        <v>265384.34999999998</v>
      </c>
      <c r="C15941" s="7">
        <f t="shared" si="249"/>
        <v>265.38434999999998</v>
      </c>
    </row>
    <row r="15942" spans="1:3" x14ac:dyDescent="0.25">
      <c r="A15942" s="2" t="s">
        <v>7600</v>
      </c>
      <c r="B15942" s="6">
        <v>265401</v>
      </c>
      <c r="C15942" s="7">
        <f t="shared" si="249"/>
        <v>265.40100000000001</v>
      </c>
    </row>
    <row r="15943" spans="1:3" x14ac:dyDescent="0.25">
      <c r="A15943" s="2" t="s">
        <v>7601</v>
      </c>
      <c r="B15943" s="6">
        <v>265417.64999999997</v>
      </c>
      <c r="C15943" s="7">
        <f t="shared" si="249"/>
        <v>265.41764999999998</v>
      </c>
    </row>
    <row r="15944" spans="1:3" x14ac:dyDescent="0.25">
      <c r="A15944" s="2" t="s">
        <v>7602</v>
      </c>
      <c r="B15944" s="6">
        <v>265434.3</v>
      </c>
      <c r="C15944" s="7">
        <f t="shared" si="249"/>
        <v>265.43430000000001</v>
      </c>
    </row>
    <row r="15945" spans="1:3" x14ac:dyDescent="0.25">
      <c r="A15945" s="2" t="s">
        <v>7603</v>
      </c>
      <c r="B15945" s="6">
        <v>265450.94999999995</v>
      </c>
      <c r="C15945" s="7">
        <f t="shared" si="249"/>
        <v>265.45094999999998</v>
      </c>
    </row>
    <row r="15946" spans="1:3" x14ac:dyDescent="0.25">
      <c r="A15946" s="2" t="s">
        <v>7604</v>
      </c>
      <c r="B15946" s="6">
        <v>265467.59999999998</v>
      </c>
      <c r="C15946" s="7">
        <f t="shared" si="249"/>
        <v>265.4676</v>
      </c>
    </row>
    <row r="15947" spans="1:3" x14ac:dyDescent="0.25">
      <c r="A15947" s="2" t="s">
        <v>7605</v>
      </c>
      <c r="B15947" s="6">
        <v>265484.25</v>
      </c>
      <c r="C15947" s="7">
        <f t="shared" si="249"/>
        <v>265.48424999999997</v>
      </c>
    </row>
    <row r="15948" spans="1:3" x14ac:dyDescent="0.25">
      <c r="A15948" s="2" t="s">
        <v>7606</v>
      </c>
      <c r="B15948" s="6">
        <v>265500.89999999997</v>
      </c>
      <c r="C15948" s="7">
        <f t="shared" si="249"/>
        <v>265.50089999999994</v>
      </c>
    </row>
    <row r="15949" spans="1:3" x14ac:dyDescent="0.25">
      <c r="A15949" s="2" t="s">
        <v>7607</v>
      </c>
      <c r="B15949" s="6">
        <v>265517.55</v>
      </c>
      <c r="C15949" s="7">
        <f t="shared" si="249"/>
        <v>265.51754999999997</v>
      </c>
    </row>
    <row r="15950" spans="1:3" x14ac:dyDescent="0.25">
      <c r="A15950" s="2" t="s">
        <v>7608</v>
      </c>
      <c r="B15950" s="6">
        <v>265534.19999999995</v>
      </c>
      <c r="C15950" s="7">
        <f t="shared" si="249"/>
        <v>265.53419999999994</v>
      </c>
    </row>
    <row r="15951" spans="1:3" x14ac:dyDescent="0.25">
      <c r="A15951" s="2" t="s">
        <v>7609</v>
      </c>
      <c r="B15951" s="6">
        <v>265550.84999999998</v>
      </c>
      <c r="C15951" s="7">
        <f t="shared" si="249"/>
        <v>265.55084999999997</v>
      </c>
    </row>
    <row r="15952" spans="1:3" x14ac:dyDescent="0.25">
      <c r="A15952" s="2" t="s">
        <v>7610</v>
      </c>
      <c r="B15952" s="6">
        <v>265567.5</v>
      </c>
      <c r="C15952" s="7">
        <f t="shared" si="249"/>
        <v>265.5675</v>
      </c>
    </row>
    <row r="15953" spans="1:3" x14ac:dyDescent="0.25">
      <c r="A15953" s="2" t="s">
        <v>7611</v>
      </c>
      <c r="B15953" s="6">
        <v>265584.14999999997</v>
      </c>
      <c r="C15953" s="7">
        <f t="shared" si="249"/>
        <v>265.58414999999997</v>
      </c>
    </row>
    <row r="15954" spans="1:3" x14ac:dyDescent="0.25">
      <c r="A15954" s="2" t="s">
        <v>7612</v>
      </c>
      <c r="B15954" s="6">
        <v>265600.8</v>
      </c>
      <c r="C15954" s="7">
        <f t="shared" si="249"/>
        <v>265.60079999999999</v>
      </c>
    </row>
    <row r="15955" spans="1:3" x14ac:dyDescent="0.25">
      <c r="A15955" s="2" t="s">
        <v>7613</v>
      </c>
      <c r="B15955" s="6">
        <v>265617.44999999995</v>
      </c>
      <c r="C15955" s="7">
        <f t="shared" si="249"/>
        <v>265.61744999999996</v>
      </c>
    </row>
    <row r="15956" spans="1:3" x14ac:dyDescent="0.25">
      <c r="A15956" s="2" t="s">
        <v>7614</v>
      </c>
      <c r="B15956" s="6">
        <v>265634.09999999998</v>
      </c>
      <c r="C15956" s="7">
        <f t="shared" si="249"/>
        <v>265.63409999999999</v>
      </c>
    </row>
    <row r="15957" spans="1:3" x14ac:dyDescent="0.25">
      <c r="A15957" s="2" t="s">
        <v>7615</v>
      </c>
      <c r="B15957" s="6">
        <v>265650.75</v>
      </c>
      <c r="C15957" s="7">
        <f t="shared" si="249"/>
        <v>265.65075000000002</v>
      </c>
    </row>
    <row r="15958" spans="1:3" x14ac:dyDescent="0.25">
      <c r="A15958" s="2" t="s">
        <v>7616</v>
      </c>
      <c r="B15958" s="6">
        <v>265667.39999999997</v>
      </c>
      <c r="C15958" s="7">
        <f t="shared" si="249"/>
        <v>265.66739999999999</v>
      </c>
    </row>
    <row r="15959" spans="1:3" x14ac:dyDescent="0.25">
      <c r="A15959" s="2" t="s">
        <v>7617</v>
      </c>
      <c r="B15959" s="6">
        <v>265684.05</v>
      </c>
      <c r="C15959" s="7">
        <f t="shared" si="249"/>
        <v>265.68405000000001</v>
      </c>
    </row>
    <row r="15960" spans="1:3" x14ac:dyDescent="0.25">
      <c r="A15960" s="2" t="s">
        <v>7618</v>
      </c>
      <c r="B15960" s="6">
        <v>265700.69999999995</v>
      </c>
      <c r="C15960" s="7">
        <f t="shared" si="249"/>
        <v>265.70069999999993</v>
      </c>
    </row>
    <row r="15961" spans="1:3" x14ac:dyDescent="0.25">
      <c r="A15961" s="2" t="s">
        <v>7619</v>
      </c>
      <c r="B15961" s="6">
        <v>265717.34999999998</v>
      </c>
      <c r="C15961" s="7">
        <f t="shared" si="249"/>
        <v>265.71734999999995</v>
      </c>
    </row>
    <row r="15962" spans="1:3" x14ac:dyDescent="0.25">
      <c r="A15962" s="2" t="s">
        <v>7620</v>
      </c>
      <c r="B15962" s="6">
        <v>265734</v>
      </c>
      <c r="C15962" s="7">
        <f t="shared" si="249"/>
        <v>265.73399999999998</v>
      </c>
    </row>
    <row r="15963" spans="1:3" x14ac:dyDescent="0.25">
      <c r="A15963" s="2" t="s">
        <v>7621</v>
      </c>
      <c r="B15963" s="6">
        <v>265750.64999999997</v>
      </c>
      <c r="C15963" s="7">
        <f t="shared" si="249"/>
        <v>265.75064999999995</v>
      </c>
    </row>
    <row r="15964" spans="1:3" x14ac:dyDescent="0.25">
      <c r="A15964" s="2" t="s">
        <v>7622</v>
      </c>
      <c r="B15964" s="6">
        <v>265767.3</v>
      </c>
      <c r="C15964" s="7">
        <f t="shared" si="249"/>
        <v>265.76729999999998</v>
      </c>
    </row>
    <row r="15965" spans="1:3" x14ac:dyDescent="0.25">
      <c r="A15965" s="2" t="s">
        <v>7623</v>
      </c>
      <c r="B15965" s="6">
        <v>265783.94999999995</v>
      </c>
      <c r="C15965" s="7">
        <f t="shared" si="249"/>
        <v>265.78394999999995</v>
      </c>
    </row>
    <row r="15966" spans="1:3" x14ac:dyDescent="0.25">
      <c r="A15966" s="2" t="s">
        <v>7624</v>
      </c>
      <c r="B15966" s="6">
        <v>265800.59999999998</v>
      </c>
      <c r="C15966" s="7">
        <f t="shared" si="249"/>
        <v>265.80059999999997</v>
      </c>
    </row>
    <row r="15967" spans="1:3" x14ac:dyDescent="0.25">
      <c r="A15967" s="2" t="s">
        <v>7625</v>
      </c>
      <c r="B15967" s="6">
        <v>265817.25</v>
      </c>
      <c r="C15967" s="7">
        <f t="shared" si="249"/>
        <v>265.81725</v>
      </c>
    </row>
    <row r="15968" spans="1:3" x14ac:dyDescent="0.25">
      <c r="A15968" s="2" t="s">
        <v>7626</v>
      </c>
      <c r="B15968" s="6">
        <v>265833.89999999997</v>
      </c>
      <c r="C15968" s="7">
        <f t="shared" si="249"/>
        <v>265.83389999999997</v>
      </c>
    </row>
    <row r="15969" spans="1:3" x14ac:dyDescent="0.25">
      <c r="A15969" s="2" t="s">
        <v>7627</v>
      </c>
      <c r="B15969" s="6">
        <v>265850.55</v>
      </c>
      <c r="C15969" s="7">
        <f t="shared" si="249"/>
        <v>265.85055</v>
      </c>
    </row>
    <row r="15970" spans="1:3" x14ac:dyDescent="0.25">
      <c r="A15970" s="2" t="s">
        <v>7628</v>
      </c>
      <c r="B15970" s="6">
        <v>265867.19999999995</v>
      </c>
      <c r="C15970" s="7">
        <f t="shared" si="249"/>
        <v>265.86719999999997</v>
      </c>
    </row>
    <row r="15971" spans="1:3" x14ac:dyDescent="0.25">
      <c r="A15971" s="2" t="s">
        <v>7629</v>
      </c>
      <c r="B15971" s="6">
        <v>265883.84999999998</v>
      </c>
      <c r="C15971" s="7">
        <f t="shared" si="249"/>
        <v>265.88385</v>
      </c>
    </row>
    <row r="15972" spans="1:3" x14ac:dyDescent="0.25">
      <c r="A15972" s="2" t="s">
        <v>7630</v>
      </c>
      <c r="B15972" s="6">
        <v>265900.5</v>
      </c>
      <c r="C15972" s="7">
        <f t="shared" si="249"/>
        <v>265.90050000000002</v>
      </c>
    </row>
    <row r="15973" spans="1:3" x14ac:dyDescent="0.25">
      <c r="A15973" s="2" t="s">
        <v>7631</v>
      </c>
      <c r="B15973" s="6">
        <v>265917.14999999997</v>
      </c>
      <c r="C15973" s="7">
        <f t="shared" si="249"/>
        <v>265.91714999999999</v>
      </c>
    </row>
    <row r="15974" spans="1:3" x14ac:dyDescent="0.25">
      <c r="A15974" s="2" t="s">
        <v>7632</v>
      </c>
      <c r="B15974" s="6">
        <v>265933.8</v>
      </c>
      <c r="C15974" s="7">
        <f t="shared" si="249"/>
        <v>265.93379999999996</v>
      </c>
    </row>
    <row r="15975" spans="1:3" x14ac:dyDescent="0.25">
      <c r="A15975" s="2" t="s">
        <v>7633</v>
      </c>
      <c r="B15975" s="6">
        <v>265950.44999999995</v>
      </c>
      <c r="C15975" s="7">
        <f t="shared" si="249"/>
        <v>265.95044999999993</v>
      </c>
    </row>
    <row r="15976" spans="1:3" x14ac:dyDescent="0.25">
      <c r="A15976" s="2" t="s">
        <v>7634</v>
      </c>
      <c r="B15976" s="6">
        <v>265967.09999999998</v>
      </c>
      <c r="C15976" s="7">
        <f t="shared" si="249"/>
        <v>265.96709999999996</v>
      </c>
    </row>
    <row r="15977" spans="1:3" x14ac:dyDescent="0.25">
      <c r="A15977" s="2" t="s">
        <v>7635</v>
      </c>
      <c r="B15977" s="6">
        <v>265983.75</v>
      </c>
      <c r="C15977" s="7">
        <f t="shared" si="249"/>
        <v>265.98374999999999</v>
      </c>
    </row>
    <row r="15978" spans="1:3" x14ac:dyDescent="0.25">
      <c r="A15978" s="2" t="s">
        <v>7636</v>
      </c>
      <c r="B15978" s="6">
        <v>266000.39999999997</v>
      </c>
      <c r="C15978" s="7">
        <f t="shared" si="249"/>
        <v>266.00039999999996</v>
      </c>
    </row>
    <row r="15979" spans="1:3" x14ac:dyDescent="0.25">
      <c r="A15979" s="2" t="s">
        <v>7637</v>
      </c>
      <c r="B15979" s="6">
        <v>266017.05</v>
      </c>
      <c r="C15979" s="7">
        <f t="shared" si="249"/>
        <v>266.01704999999998</v>
      </c>
    </row>
    <row r="15980" spans="1:3" x14ac:dyDescent="0.25">
      <c r="A15980" s="2" t="s">
        <v>7638</v>
      </c>
      <c r="B15980" s="6">
        <v>266033.69999999995</v>
      </c>
      <c r="C15980" s="7">
        <f t="shared" si="249"/>
        <v>266.03369999999995</v>
      </c>
    </row>
    <row r="15981" spans="1:3" x14ac:dyDescent="0.25">
      <c r="A15981" s="2" t="s">
        <v>7639</v>
      </c>
      <c r="B15981" s="6">
        <v>266050.34999999998</v>
      </c>
      <c r="C15981" s="7">
        <f t="shared" si="249"/>
        <v>266.05034999999998</v>
      </c>
    </row>
    <row r="15982" spans="1:3" x14ac:dyDescent="0.25">
      <c r="A15982" s="2" t="s">
        <v>7640</v>
      </c>
      <c r="B15982" s="6">
        <v>266067</v>
      </c>
      <c r="C15982" s="7">
        <f t="shared" si="249"/>
        <v>266.06700000000001</v>
      </c>
    </row>
    <row r="15983" spans="1:3" x14ac:dyDescent="0.25">
      <c r="A15983" s="2" t="s">
        <v>7641</v>
      </c>
      <c r="B15983" s="6">
        <v>266083.64999999997</v>
      </c>
      <c r="C15983" s="7">
        <f t="shared" si="249"/>
        <v>266.08364999999998</v>
      </c>
    </row>
    <row r="15984" spans="1:3" x14ac:dyDescent="0.25">
      <c r="A15984" s="2" t="s">
        <v>7642</v>
      </c>
      <c r="B15984" s="6">
        <v>266100.3</v>
      </c>
      <c r="C15984" s="7">
        <f t="shared" si="249"/>
        <v>266.1003</v>
      </c>
    </row>
    <row r="15985" spans="1:3" x14ac:dyDescent="0.25">
      <c r="A15985" s="2" t="s">
        <v>7643</v>
      </c>
      <c r="B15985" s="6">
        <v>266116.94999999995</v>
      </c>
      <c r="C15985" s="7">
        <f t="shared" si="249"/>
        <v>266.11694999999997</v>
      </c>
    </row>
    <row r="15986" spans="1:3" x14ac:dyDescent="0.25">
      <c r="A15986" s="2" t="s">
        <v>7644</v>
      </c>
      <c r="B15986" s="6">
        <v>266133.59999999998</v>
      </c>
      <c r="C15986" s="7">
        <f t="shared" si="249"/>
        <v>266.1336</v>
      </c>
    </row>
    <row r="15987" spans="1:3" x14ac:dyDescent="0.25">
      <c r="A15987" s="2" t="s">
        <v>7645</v>
      </c>
      <c r="B15987" s="6">
        <v>266150.25</v>
      </c>
      <c r="C15987" s="7">
        <f t="shared" si="249"/>
        <v>266.15025000000003</v>
      </c>
    </row>
    <row r="15988" spans="1:3" x14ac:dyDescent="0.25">
      <c r="A15988" s="2" t="s">
        <v>7646</v>
      </c>
      <c r="B15988" s="6">
        <v>266166.89999999997</v>
      </c>
      <c r="C15988" s="7">
        <f t="shared" si="249"/>
        <v>266.16689999999994</v>
      </c>
    </row>
    <row r="15989" spans="1:3" x14ac:dyDescent="0.25">
      <c r="A15989" s="2" t="s">
        <v>7647</v>
      </c>
      <c r="B15989" s="6">
        <v>266183.55</v>
      </c>
      <c r="C15989" s="7">
        <f t="shared" si="249"/>
        <v>266.18354999999997</v>
      </c>
    </row>
    <row r="15990" spans="1:3" x14ac:dyDescent="0.25">
      <c r="A15990" s="2" t="s">
        <v>7648</v>
      </c>
      <c r="B15990" s="6">
        <v>266200.19999999995</v>
      </c>
      <c r="C15990" s="7">
        <f t="shared" si="249"/>
        <v>266.20019999999994</v>
      </c>
    </row>
    <row r="15991" spans="1:3" x14ac:dyDescent="0.25">
      <c r="A15991" s="2" t="s">
        <v>7649</v>
      </c>
      <c r="B15991" s="6">
        <v>266216.84999999998</v>
      </c>
      <c r="C15991" s="7">
        <f t="shared" si="249"/>
        <v>266.21684999999997</v>
      </c>
    </row>
    <row r="15992" spans="1:3" x14ac:dyDescent="0.25">
      <c r="A15992" s="2" t="s">
        <v>7650</v>
      </c>
      <c r="B15992" s="6">
        <v>266233.5</v>
      </c>
      <c r="C15992" s="7">
        <f t="shared" si="249"/>
        <v>266.23349999999999</v>
      </c>
    </row>
    <row r="15993" spans="1:3" x14ac:dyDescent="0.25">
      <c r="A15993" s="2" t="s">
        <v>7651</v>
      </c>
      <c r="B15993" s="6">
        <v>266250.14999999997</v>
      </c>
      <c r="C15993" s="7">
        <f t="shared" si="249"/>
        <v>266.25014999999996</v>
      </c>
    </row>
    <row r="15994" spans="1:3" x14ac:dyDescent="0.25">
      <c r="A15994" s="2" t="s">
        <v>7652</v>
      </c>
      <c r="B15994" s="6">
        <v>266266.8</v>
      </c>
      <c r="C15994" s="7">
        <f t="shared" si="249"/>
        <v>266.26679999999999</v>
      </c>
    </row>
    <row r="15995" spans="1:3" x14ac:dyDescent="0.25">
      <c r="A15995" s="2" t="s">
        <v>7653</v>
      </c>
      <c r="B15995" s="6">
        <v>266283.44999999995</v>
      </c>
      <c r="C15995" s="7">
        <f t="shared" si="249"/>
        <v>266.28344999999996</v>
      </c>
    </row>
    <row r="15996" spans="1:3" x14ac:dyDescent="0.25">
      <c r="A15996" s="2" t="s">
        <v>7654</v>
      </c>
      <c r="B15996" s="6">
        <v>266300.09999999998</v>
      </c>
      <c r="C15996" s="7">
        <f t="shared" si="249"/>
        <v>266.30009999999999</v>
      </c>
    </row>
    <row r="15997" spans="1:3" x14ac:dyDescent="0.25">
      <c r="A15997" s="2" t="s">
        <v>7655</v>
      </c>
      <c r="B15997" s="6">
        <v>266316.75</v>
      </c>
      <c r="C15997" s="7">
        <f t="shared" si="249"/>
        <v>266.31675000000001</v>
      </c>
    </row>
    <row r="15998" spans="1:3" x14ac:dyDescent="0.25">
      <c r="A15998" s="2" t="s">
        <v>7656</v>
      </c>
      <c r="B15998" s="6">
        <v>266333.39999999997</v>
      </c>
      <c r="C15998" s="7">
        <f t="shared" si="249"/>
        <v>266.33339999999998</v>
      </c>
    </row>
    <row r="15999" spans="1:3" x14ac:dyDescent="0.25">
      <c r="A15999" s="2" t="s">
        <v>7657</v>
      </c>
      <c r="B15999" s="6">
        <v>266350.05</v>
      </c>
      <c r="C15999" s="7">
        <f t="shared" si="249"/>
        <v>266.35005000000001</v>
      </c>
    </row>
    <row r="16000" spans="1:3" x14ac:dyDescent="0.25">
      <c r="A16000" s="2" t="s">
        <v>7658</v>
      </c>
      <c r="B16000" s="6">
        <v>266366.69999999995</v>
      </c>
      <c r="C16000" s="7">
        <f t="shared" si="249"/>
        <v>266.36669999999998</v>
      </c>
    </row>
    <row r="16001" spans="1:3" x14ac:dyDescent="0.25">
      <c r="A16001" s="2" t="s">
        <v>7659</v>
      </c>
      <c r="B16001" s="6">
        <v>266383.34999999998</v>
      </c>
      <c r="C16001" s="7">
        <f t="shared" si="249"/>
        <v>266.38334999999995</v>
      </c>
    </row>
    <row r="16002" spans="1:3" x14ac:dyDescent="0.25">
      <c r="A16002" s="2" t="s">
        <v>7660</v>
      </c>
      <c r="B16002" s="6">
        <v>266400</v>
      </c>
      <c r="C16002" s="7">
        <f t="shared" si="249"/>
        <v>266.39999999999998</v>
      </c>
    </row>
    <row r="16003" spans="1:3" x14ac:dyDescent="0.25">
      <c r="A16003" s="2" t="s">
        <v>7661</v>
      </c>
      <c r="B16003" s="6">
        <v>266416.64999999997</v>
      </c>
      <c r="C16003" s="7">
        <f t="shared" ref="C16003:C16066" si="250">B16003/1000</f>
        <v>266.41664999999995</v>
      </c>
    </row>
    <row r="16004" spans="1:3" x14ac:dyDescent="0.25">
      <c r="A16004" s="2" t="s">
        <v>7662</v>
      </c>
      <c r="B16004" s="6">
        <v>266433.3</v>
      </c>
      <c r="C16004" s="7">
        <f t="shared" si="250"/>
        <v>266.43329999999997</v>
      </c>
    </row>
    <row r="16005" spans="1:3" x14ac:dyDescent="0.25">
      <c r="A16005" s="2" t="s">
        <v>7663</v>
      </c>
      <c r="B16005" s="6">
        <v>266449.94999999995</v>
      </c>
      <c r="C16005" s="7">
        <f t="shared" si="250"/>
        <v>266.44994999999994</v>
      </c>
    </row>
    <row r="16006" spans="1:3" x14ac:dyDescent="0.25">
      <c r="A16006" s="2" t="s">
        <v>7664</v>
      </c>
      <c r="B16006" s="6">
        <v>266466.59999999998</v>
      </c>
      <c r="C16006" s="7">
        <f t="shared" si="250"/>
        <v>266.46659999999997</v>
      </c>
    </row>
    <row r="16007" spans="1:3" x14ac:dyDescent="0.25">
      <c r="A16007" s="2" t="s">
        <v>7665</v>
      </c>
      <c r="B16007" s="6">
        <v>266483.25</v>
      </c>
      <c r="C16007" s="7">
        <f t="shared" si="250"/>
        <v>266.48325</v>
      </c>
    </row>
    <row r="16008" spans="1:3" x14ac:dyDescent="0.25">
      <c r="A16008" s="2" t="s">
        <v>7666</v>
      </c>
      <c r="B16008" s="6">
        <v>266499.89999999997</v>
      </c>
      <c r="C16008" s="7">
        <f t="shared" si="250"/>
        <v>266.49989999999997</v>
      </c>
    </row>
    <row r="16009" spans="1:3" x14ac:dyDescent="0.25">
      <c r="A16009" s="2" t="s">
        <v>7667</v>
      </c>
      <c r="B16009" s="6">
        <v>266516.55</v>
      </c>
      <c r="C16009" s="7">
        <f t="shared" si="250"/>
        <v>266.51655</v>
      </c>
    </row>
    <row r="16010" spans="1:3" x14ac:dyDescent="0.25">
      <c r="A16010" s="2" t="s">
        <v>7668</v>
      </c>
      <c r="B16010" s="6">
        <v>266533.19999999995</v>
      </c>
      <c r="C16010" s="7">
        <f t="shared" si="250"/>
        <v>266.53319999999997</v>
      </c>
    </row>
    <row r="16011" spans="1:3" x14ac:dyDescent="0.25">
      <c r="A16011" s="2" t="s">
        <v>7669</v>
      </c>
      <c r="B16011" s="6">
        <v>266549.84999999998</v>
      </c>
      <c r="C16011" s="7">
        <f t="shared" si="250"/>
        <v>266.54984999999999</v>
      </c>
    </row>
    <row r="16012" spans="1:3" x14ac:dyDescent="0.25">
      <c r="A16012" s="2" t="s">
        <v>7670</v>
      </c>
      <c r="B16012" s="6">
        <v>266566.5</v>
      </c>
      <c r="C16012" s="7">
        <f t="shared" si="250"/>
        <v>266.56650000000002</v>
      </c>
    </row>
    <row r="16013" spans="1:3" x14ac:dyDescent="0.25">
      <c r="A16013" s="2" t="s">
        <v>7671</v>
      </c>
      <c r="B16013" s="6">
        <v>266583.14999999997</v>
      </c>
      <c r="C16013" s="7">
        <f t="shared" si="250"/>
        <v>266.58314999999999</v>
      </c>
    </row>
    <row r="16014" spans="1:3" x14ac:dyDescent="0.25">
      <c r="A16014" s="2" t="s">
        <v>7672</v>
      </c>
      <c r="B16014" s="6">
        <v>266599.8</v>
      </c>
      <c r="C16014" s="7">
        <f t="shared" si="250"/>
        <v>266.59980000000002</v>
      </c>
    </row>
    <row r="16015" spans="1:3" x14ac:dyDescent="0.25">
      <c r="A16015" s="2" t="s">
        <v>7673</v>
      </c>
      <c r="B16015" s="6">
        <v>266616.44999999995</v>
      </c>
      <c r="C16015" s="7">
        <f t="shared" si="250"/>
        <v>266.61644999999993</v>
      </c>
    </row>
    <row r="16016" spans="1:3" x14ac:dyDescent="0.25">
      <c r="A16016" s="2" t="s">
        <v>7674</v>
      </c>
      <c r="B16016" s="6">
        <v>266633.09999999998</v>
      </c>
      <c r="C16016" s="7">
        <f t="shared" si="250"/>
        <v>266.63309999999996</v>
      </c>
    </row>
    <row r="16017" spans="1:3" x14ac:dyDescent="0.25">
      <c r="A16017" s="2" t="s">
        <v>7675</v>
      </c>
      <c r="B16017" s="6">
        <v>266649.75</v>
      </c>
      <c r="C16017" s="7">
        <f t="shared" si="250"/>
        <v>266.64974999999998</v>
      </c>
    </row>
    <row r="16018" spans="1:3" x14ac:dyDescent="0.25">
      <c r="A16018" s="2" t="s">
        <v>7676</v>
      </c>
      <c r="B16018" s="6">
        <v>266666.39999999997</v>
      </c>
      <c r="C16018" s="7">
        <f t="shared" si="250"/>
        <v>266.66639999999995</v>
      </c>
    </row>
    <row r="16019" spans="1:3" x14ac:dyDescent="0.25">
      <c r="A16019" s="2" t="s">
        <v>7677</v>
      </c>
      <c r="B16019" s="6">
        <v>266683.05</v>
      </c>
      <c r="C16019" s="7">
        <f t="shared" si="250"/>
        <v>266.68304999999998</v>
      </c>
    </row>
    <row r="16020" spans="1:3" x14ac:dyDescent="0.25">
      <c r="A16020" s="2" t="s">
        <v>7678</v>
      </c>
      <c r="B16020" s="6">
        <v>266699.69999999995</v>
      </c>
      <c r="C16020" s="7">
        <f t="shared" si="250"/>
        <v>266.69969999999995</v>
      </c>
    </row>
    <row r="16021" spans="1:3" x14ac:dyDescent="0.25">
      <c r="A16021" s="2" t="s">
        <v>7679</v>
      </c>
      <c r="B16021" s="6">
        <v>266716.34999999998</v>
      </c>
      <c r="C16021" s="7">
        <f t="shared" si="250"/>
        <v>266.71634999999998</v>
      </c>
    </row>
    <row r="16022" spans="1:3" x14ac:dyDescent="0.25">
      <c r="A16022" s="2" t="s">
        <v>7680</v>
      </c>
      <c r="B16022" s="6">
        <v>266733</v>
      </c>
      <c r="C16022" s="7">
        <f t="shared" si="250"/>
        <v>266.733</v>
      </c>
    </row>
    <row r="16023" spans="1:3" x14ac:dyDescent="0.25">
      <c r="A16023" s="2" t="s">
        <v>7681</v>
      </c>
      <c r="B16023" s="6">
        <v>266749.64999999997</v>
      </c>
      <c r="C16023" s="7">
        <f t="shared" si="250"/>
        <v>266.74964999999997</v>
      </c>
    </row>
    <row r="16024" spans="1:3" x14ac:dyDescent="0.25">
      <c r="A16024" s="2" t="s">
        <v>7682</v>
      </c>
      <c r="B16024" s="6">
        <v>266766.3</v>
      </c>
      <c r="C16024" s="7">
        <f t="shared" si="250"/>
        <v>266.7663</v>
      </c>
    </row>
    <row r="16025" spans="1:3" x14ac:dyDescent="0.25">
      <c r="A16025" s="2" t="s">
        <v>7683</v>
      </c>
      <c r="B16025" s="6">
        <v>266782.94999999995</v>
      </c>
      <c r="C16025" s="7">
        <f t="shared" si="250"/>
        <v>266.78294999999997</v>
      </c>
    </row>
    <row r="16026" spans="1:3" x14ac:dyDescent="0.25">
      <c r="A16026" s="2" t="s">
        <v>7684</v>
      </c>
      <c r="B16026" s="6">
        <v>266799.59999999998</v>
      </c>
      <c r="C16026" s="7">
        <f t="shared" si="250"/>
        <v>266.7996</v>
      </c>
    </row>
    <row r="16027" spans="1:3" x14ac:dyDescent="0.25">
      <c r="A16027" s="2" t="s">
        <v>7685</v>
      </c>
      <c r="B16027" s="6">
        <v>266816.25</v>
      </c>
      <c r="C16027" s="7">
        <f t="shared" si="250"/>
        <v>266.81625000000003</v>
      </c>
    </row>
    <row r="16028" spans="1:3" x14ac:dyDescent="0.25">
      <c r="A16028" s="2" t="s">
        <v>7686</v>
      </c>
      <c r="B16028" s="6">
        <v>266832.89999999997</v>
      </c>
      <c r="C16028" s="7">
        <f t="shared" si="250"/>
        <v>266.83289999999994</v>
      </c>
    </row>
    <row r="16029" spans="1:3" x14ac:dyDescent="0.25">
      <c r="A16029" s="2" t="s">
        <v>7687</v>
      </c>
      <c r="B16029" s="6">
        <v>266849.55</v>
      </c>
      <c r="C16029" s="7">
        <f t="shared" si="250"/>
        <v>266.84954999999997</v>
      </c>
    </row>
    <row r="16030" spans="1:3" x14ac:dyDescent="0.25">
      <c r="A16030" s="2" t="s">
        <v>7688</v>
      </c>
      <c r="B16030" s="6">
        <v>266866.19999999995</v>
      </c>
      <c r="C16030" s="7">
        <f t="shared" si="250"/>
        <v>266.86619999999994</v>
      </c>
    </row>
    <row r="16031" spans="1:3" x14ac:dyDescent="0.25">
      <c r="A16031" s="2" t="s">
        <v>7689</v>
      </c>
      <c r="B16031" s="6">
        <v>266882.84999999998</v>
      </c>
      <c r="C16031" s="7">
        <f t="shared" si="250"/>
        <v>266.88284999999996</v>
      </c>
    </row>
    <row r="16032" spans="1:3" x14ac:dyDescent="0.25">
      <c r="A16032" s="2" t="s">
        <v>7690</v>
      </c>
      <c r="B16032" s="6">
        <v>266899.5</v>
      </c>
      <c r="C16032" s="7">
        <f t="shared" si="250"/>
        <v>266.89949999999999</v>
      </c>
    </row>
    <row r="16033" spans="1:3" x14ac:dyDescent="0.25">
      <c r="A16033" s="2" t="s">
        <v>7691</v>
      </c>
      <c r="B16033" s="6">
        <v>266916.14999999997</v>
      </c>
      <c r="C16033" s="7">
        <f t="shared" si="250"/>
        <v>266.91614999999996</v>
      </c>
    </row>
    <row r="16034" spans="1:3" x14ac:dyDescent="0.25">
      <c r="A16034" s="2" t="s">
        <v>7692</v>
      </c>
      <c r="B16034" s="6">
        <v>266932.8</v>
      </c>
      <c r="C16034" s="7">
        <f t="shared" si="250"/>
        <v>266.93279999999999</v>
      </c>
    </row>
    <row r="16035" spans="1:3" x14ac:dyDescent="0.25">
      <c r="A16035" s="2" t="s">
        <v>7693</v>
      </c>
      <c r="B16035" s="6">
        <v>266949.44999999995</v>
      </c>
      <c r="C16035" s="7">
        <f t="shared" si="250"/>
        <v>266.94944999999996</v>
      </c>
    </row>
    <row r="16036" spans="1:3" x14ac:dyDescent="0.25">
      <c r="A16036" s="2" t="s">
        <v>7694</v>
      </c>
      <c r="B16036" s="6">
        <v>266966.09999999998</v>
      </c>
      <c r="C16036" s="7">
        <f t="shared" si="250"/>
        <v>266.96609999999998</v>
      </c>
    </row>
    <row r="16037" spans="1:3" x14ac:dyDescent="0.25">
      <c r="A16037" s="2" t="s">
        <v>7695</v>
      </c>
      <c r="B16037" s="6">
        <v>266982.75</v>
      </c>
      <c r="C16037" s="7">
        <f t="shared" si="250"/>
        <v>266.98275000000001</v>
      </c>
    </row>
    <row r="16038" spans="1:3" x14ac:dyDescent="0.25">
      <c r="A16038" s="2" t="s">
        <v>7696</v>
      </c>
      <c r="B16038" s="6">
        <v>266999.39999999997</v>
      </c>
      <c r="C16038" s="7">
        <f t="shared" si="250"/>
        <v>266.99939999999998</v>
      </c>
    </row>
    <row r="16039" spans="1:3" x14ac:dyDescent="0.25">
      <c r="A16039" s="2" t="s">
        <v>7697</v>
      </c>
      <c r="B16039" s="6">
        <v>267016.05</v>
      </c>
      <c r="C16039" s="7">
        <f t="shared" si="250"/>
        <v>267.01605000000001</v>
      </c>
    </row>
    <row r="16040" spans="1:3" x14ac:dyDescent="0.25">
      <c r="A16040" s="2" t="s">
        <v>7698</v>
      </c>
      <c r="B16040" s="6">
        <v>267032.69999999995</v>
      </c>
      <c r="C16040" s="7">
        <f t="shared" si="250"/>
        <v>267.03269999999998</v>
      </c>
    </row>
    <row r="16041" spans="1:3" x14ac:dyDescent="0.25">
      <c r="A16041" s="2" t="s">
        <v>7699</v>
      </c>
      <c r="B16041" s="6">
        <v>267049.34999999998</v>
      </c>
      <c r="C16041" s="7">
        <f t="shared" si="250"/>
        <v>267.04935</v>
      </c>
    </row>
    <row r="16042" spans="1:3" x14ac:dyDescent="0.25">
      <c r="A16042" s="2" t="s">
        <v>7700</v>
      </c>
      <c r="B16042" s="6">
        <v>267066</v>
      </c>
      <c r="C16042" s="7">
        <f t="shared" si="250"/>
        <v>267.06599999999997</v>
      </c>
    </row>
    <row r="16043" spans="1:3" x14ac:dyDescent="0.25">
      <c r="A16043" s="2" t="s">
        <v>7701</v>
      </c>
      <c r="B16043" s="6">
        <v>267082.64999999997</v>
      </c>
      <c r="C16043" s="7">
        <f t="shared" si="250"/>
        <v>267.08264999999994</v>
      </c>
    </row>
    <row r="16044" spans="1:3" x14ac:dyDescent="0.25">
      <c r="A16044" s="2" t="s">
        <v>7702</v>
      </c>
      <c r="B16044" s="6">
        <v>267099.3</v>
      </c>
      <c r="C16044" s="7">
        <f t="shared" si="250"/>
        <v>267.09929999999997</v>
      </c>
    </row>
    <row r="16045" spans="1:3" x14ac:dyDescent="0.25">
      <c r="A16045" s="2" t="s">
        <v>7703</v>
      </c>
      <c r="B16045" s="6">
        <v>267115.94999999995</v>
      </c>
      <c r="C16045" s="7">
        <f t="shared" si="250"/>
        <v>267.11594999999994</v>
      </c>
    </row>
    <row r="16046" spans="1:3" x14ac:dyDescent="0.25">
      <c r="A16046" s="2" t="s">
        <v>7704</v>
      </c>
      <c r="B16046" s="6">
        <v>267132.59999999998</v>
      </c>
      <c r="C16046" s="7">
        <f t="shared" si="250"/>
        <v>267.13259999999997</v>
      </c>
    </row>
    <row r="16047" spans="1:3" x14ac:dyDescent="0.25">
      <c r="A16047" s="2" t="s">
        <v>7705</v>
      </c>
      <c r="B16047" s="6">
        <v>267149.25</v>
      </c>
      <c r="C16047" s="7">
        <f t="shared" si="250"/>
        <v>267.14924999999999</v>
      </c>
    </row>
    <row r="16048" spans="1:3" x14ac:dyDescent="0.25">
      <c r="A16048" s="2" t="s">
        <v>7706</v>
      </c>
      <c r="B16048" s="6">
        <v>267165.89999999997</v>
      </c>
      <c r="C16048" s="7">
        <f t="shared" si="250"/>
        <v>267.16589999999997</v>
      </c>
    </row>
    <row r="16049" spans="1:3" x14ac:dyDescent="0.25">
      <c r="A16049" s="2" t="s">
        <v>7707</v>
      </c>
      <c r="B16049" s="6">
        <v>267182.55</v>
      </c>
      <c r="C16049" s="7">
        <f t="shared" si="250"/>
        <v>267.18254999999999</v>
      </c>
    </row>
    <row r="16050" spans="1:3" x14ac:dyDescent="0.25">
      <c r="A16050" s="2" t="s">
        <v>7708</v>
      </c>
      <c r="B16050" s="6">
        <v>267199.19999999995</v>
      </c>
      <c r="C16050" s="7">
        <f t="shared" si="250"/>
        <v>267.19919999999996</v>
      </c>
    </row>
    <row r="16051" spans="1:3" x14ac:dyDescent="0.25">
      <c r="A16051" s="2" t="s">
        <v>7709</v>
      </c>
      <c r="B16051" s="6">
        <v>267215.84999999998</v>
      </c>
      <c r="C16051" s="7">
        <f t="shared" si="250"/>
        <v>267.21584999999999</v>
      </c>
    </row>
    <row r="16052" spans="1:3" x14ac:dyDescent="0.25">
      <c r="A16052" s="2" t="s">
        <v>7710</v>
      </c>
      <c r="B16052" s="6">
        <v>267232.5</v>
      </c>
      <c r="C16052" s="7">
        <f t="shared" si="250"/>
        <v>267.23250000000002</v>
      </c>
    </row>
    <row r="16053" spans="1:3" x14ac:dyDescent="0.25">
      <c r="A16053" s="2" t="s">
        <v>7711</v>
      </c>
      <c r="B16053" s="6">
        <v>267249.14999999997</v>
      </c>
      <c r="C16053" s="7">
        <f t="shared" si="250"/>
        <v>267.24914999999999</v>
      </c>
    </row>
    <row r="16054" spans="1:3" x14ac:dyDescent="0.25">
      <c r="A16054" s="2" t="s">
        <v>7712</v>
      </c>
      <c r="B16054" s="6">
        <v>267265.8</v>
      </c>
      <c r="C16054" s="7">
        <f t="shared" si="250"/>
        <v>267.26580000000001</v>
      </c>
    </row>
    <row r="16055" spans="1:3" x14ac:dyDescent="0.25">
      <c r="A16055" s="2" t="s">
        <v>7713</v>
      </c>
      <c r="B16055" s="6">
        <v>267282.44999999995</v>
      </c>
      <c r="C16055" s="7">
        <f t="shared" si="250"/>
        <v>267.28244999999993</v>
      </c>
    </row>
    <row r="16056" spans="1:3" x14ac:dyDescent="0.25">
      <c r="A16056" s="2" t="s">
        <v>7714</v>
      </c>
      <c r="B16056" s="6">
        <v>267299.09999999998</v>
      </c>
      <c r="C16056" s="7">
        <f t="shared" si="250"/>
        <v>267.29909999999995</v>
      </c>
    </row>
    <row r="16057" spans="1:3" x14ac:dyDescent="0.25">
      <c r="A16057" s="2" t="s">
        <v>7715</v>
      </c>
      <c r="B16057" s="6">
        <v>267315.75</v>
      </c>
      <c r="C16057" s="7">
        <f t="shared" si="250"/>
        <v>267.31574999999998</v>
      </c>
    </row>
    <row r="16058" spans="1:3" x14ac:dyDescent="0.25">
      <c r="A16058" s="2" t="s">
        <v>7716</v>
      </c>
      <c r="B16058" s="6">
        <v>267332.39999999997</v>
      </c>
      <c r="C16058" s="7">
        <f t="shared" si="250"/>
        <v>267.33239999999995</v>
      </c>
    </row>
    <row r="16059" spans="1:3" x14ac:dyDescent="0.25">
      <c r="A16059" s="2" t="s">
        <v>7717</v>
      </c>
      <c r="B16059" s="6">
        <v>267349.05</v>
      </c>
      <c r="C16059" s="7">
        <f t="shared" si="250"/>
        <v>267.34904999999998</v>
      </c>
    </row>
    <row r="16060" spans="1:3" x14ac:dyDescent="0.25">
      <c r="A16060" s="2" t="s">
        <v>7718</v>
      </c>
      <c r="B16060" s="6">
        <v>267365.69999999995</v>
      </c>
      <c r="C16060" s="7">
        <f t="shared" si="250"/>
        <v>267.36569999999995</v>
      </c>
    </row>
    <row r="16061" spans="1:3" x14ac:dyDescent="0.25">
      <c r="A16061" s="2" t="s">
        <v>7719</v>
      </c>
      <c r="B16061" s="6">
        <v>267382.34999999998</v>
      </c>
      <c r="C16061" s="7">
        <f t="shared" si="250"/>
        <v>267.38234999999997</v>
      </c>
    </row>
    <row r="16062" spans="1:3" x14ac:dyDescent="0.25">
      <c r="A16062" s="2" t="s">
        <v>7720</v>
      </c>
      <c r="B16062" s="6">
        <v>267399</v>
      </c>
      <c r="C16062" s="7">
        <f t="shared" si="250"/>
        <v>267.399</v>
      </c>
    </row>
    <row r="16063" spans="1:3" x14ac:dyDescent="0.25">
      <c r="A16063" s="2" t="s">
        <v>7721</v>
      </c>
      <c r="B16063" s="6">
        <v>267415.64999999997</v>
      </c>
      <c r="C16063" s="7">
        <f t="shared" si="250"/>
        <v>267.41564999999997</v>
      </c>
    </row>
    <row r="16064" spans="1:3" x14ac:dyDescent="0.25">
      <c r="A16064" s="2" t="s">
        <v>7722</v>
      </c>
      <c r="B16064" s="6">
        <v>267432.3</v>
      </c>
      <c r="C16064" s="7">
        <f t="shared" si="250"/>
        <v>267.4323</v>
      </c>
    </row>
    <row r="16065" spans="1:3" x14ac:dyDescent="0.25">
      <c r="A16065" s="2" t="s">
        <v>7723</v>
      </c>
      <c r="B16065" s="6">
        <v>267448.94999999995</v>
      </c>
      <c r="C16065" s="7">
        <f t="shared" si="250"/>
        <v>267.44894999999997</v>
      </c>
    </row>
    <row r="16066" spans="1:3" x14ac:dyDescent="0.25">
      <c r="A16066" s="2" t="s">
        <v>7724</v>
      </c>
      <c r="B16066" s="6">
        <v>267465.59999999998</v>
      </c>
      <c r="C16066" s="7">
        <f t="shared" si="250"/>
        <v>267.46559999999999</v>
      </c>
    </row>
    <row r="16067" spans="1:3" x14ac:dyDescent="0.25">
      <c r="A16067" s="2" t="s">
        <v>7725</v>
      </c>
      <c r="B16067" s="6">
        <v>267482.25</v>
      </c>
      <c r="C16067" s="7">
        <f t="shared" ref="C16067:C16130" si="251">B16067/1000</f>
        <v>267.48225000000002</v>
      </c>
    </row>
    <row r="16068" spans="1:3" x14ac:dyDescent="0.25">
      <c r="A16068" s="2" t="s">
        <v>7726</v>
      </c>
      <c r="B16068" s="6">
        <v>267498.89999999997</v>
      </c>
      <c r="C16068" s="7">
        <f t="shared" si="251"/>
        <v>267.49889999999999</v>
      </c>
    </row>
    <row r="16069" spans="1:3" x14ac:dyDescent="0.25">
      <c r="A16069" s="2" t="s">
        <v>7727</v>
      </c>
      <c r="B16069" s="6">
        <v>267515.55</v>
      </c>
      <c r="C16069" s="7">
        <f t="shared" si="251"/>
        <v>267.51554999999996</v>
      </c>
    </row>
    <row r="16070" spans="1:3" x14ac:dyDescent="0.25">
      <c r="A16070" s="2" t="s">
        <v>7728</v>
      </c>
      <c r="B16070" s="6">
        <v>267532.19999999995</v>
      </c>
      <c r="C16070" s="7">
        <f t="shared" si="251"/>
        <v>267.53219999999993</v>
      </c>
    </row>
    <row r="16071" spans="1:3" x14ac:dyDescent="0.25">
      <c r="A16071" s="2" t="s">
        <v>7729</v>
      </c>
      <c r="B16071" s="6">
        <v>267548.84999999998</v>
      </c>
      <c r="C16071" s="7">
        <f t="shared" si="251"/>
        <v>267.54884999999996</v>
      </c>
    </row>
    <row r="16072" spans="1:3" x14ac:dyDescent="0.25">
      <c r="A16072" s="2" t="s">
        <v>7730</v>
      </c>
      <c r="B16072" s="6">
        <v>267565.5</v>
      </c>
      <c r="C16072" s="7">
        <f t="shared" si="251"/>
        <v>267.56549999999999</v>
      </c>
    </row>
    <row r="16073" spans="1:3" x14ac:dyDescent="0.25">
      <c r="A16073" s="2" t="s">
        <v>7731</v>
      </c>
      <c r="B16073" s="6">
        <v>267582.14999999997</v>
      </c>
      <c r="C16073" s="7">
        <f t="shared" si="251"/>
        <v>267.58214999999996</v>
      </c>
    </row>
    <row r="16074" spans="1:3" x14ac:dyDescent="0.25">
      <c r="A16074" s="2" t="s">
        <v>7732</v>
      </c>
      <c r="B16074" s="6">
        <v>267598.8</v>
      </c>
      <c r="C16074" s="7">
        <f t="shared" si="251"/>
        <v>267.59879999999998</v>
      </c>
    </row>
    <row r="16075" spans="1:3" x14ac:dyDescent="0.25">
      <c r="A16075" s="2" t="s">
        <v>7733</v>
      </c>
      <c r="B16075" s="6">
        <v>267615.44999999995</v>
      </c>
      <c r="C16075" s="7">
        <f t="shared" si="251"/>
        <v>267.61544999999995</v>
      </c>
    </row>
    <row r="16076" spans="1:3" x14ac:dyDescent="0.25">
      <c r="A16076" s="2" t="s">
        <v>7734</v>
      </c>
      <c r="B16076" s="6">
        <v>267632.09999999998</v>
      </c>
      <c r="C16076" s="7">
        <f t="shared" si="251"/>
        <v>267.63209999999998</v>
      </c>
    </row>
    <row r="16077" spans="1:3" x14ac:dyDescent="0.25">
      <c r="A16077" s="2" t="s">
        <v>7735</v>
      </c>
      <c r="B16077" s="6">
        <v>267648.75</v>
      </c>
      <c r="C16077" s="7">
        <f t="shared" si="251"/>
        <v>267.64875000000001</v>
      </c>
    </row>
    <row r="16078" spans="1:3" x14ac:dyDescent="0.25">
      <c r="A16078" s="2" t="s">
        <v>7736</v>
      </c>
      <c r="B16078" s="6">
        <v>267665.39999999997</v>
      </c>
      <c r="C16078" s="7">
        <f t="shared" si="251"/>
        <v>267.66539999999998</v>
      </c>
    </row>
    <row r="16079" spans="1:3" x14ac:dyDescent="0.25">
      <c r="A16079" s="2" t="s">
        <v>7737</v>
      </c>
      <c r="B16079" s="6">
        <v>267682.05</v>
      </c>
      <c r="C16079" s="7">
        <f t="shared" si="251"/>
        <v>267.68205</v>
      </c>
    </row>
    <row r="16080" spans="1:3" x14ac:dyDescent="0.25">
      <c r="A16080" s="2" t="s">
        <v>7738</v>
      </c>
      <c r="B16080" s="6">
        <v>267698.69999999995</v>
      </c>
      <c r="C16080" s="7">
        <f t="shared" si="251"/>
        <v>267.69869999999997</v>
      </c>
    </row>
    <row r="16081" spans="1:3" x14ac:dyDescent="0.25">
      <c r="A16081" s="2" t="s">
        <v>7739</v>
      </c>
      <c r="B16081" s="6">
        <v>267715.34999999998</v>
      </c>
      <c r="C16081" s="7">
        <f t="shared" si="251"/>
        <v>267.71535</v>
      </c>
    </row>
    <row r="16082" spans="1:3" x14ac:dyDescent="0.25">
      <c r="A16082" s="2" t="s">
        <v>7740</v>
      </c>
      <c r="B16082" s="6">
        <v>267732</v>
      </c>
      <c r="C16082" s="7">
        <f t="shared" si="251"/>
        <v>267.73200000000003</v>
      </c>
    </row>
    <row r="16083" spans="1:3" x14ac:dyDescent="0.25">
      <c r="A16083" s="2" t="s">
        <v>7741</v>
      </c>
      <c r="B16083" s="6">
        <v>267748.64999999997</v>
      </c>
      <c r="C16083" s="7">
        <f t="shared" si="251"/>
        <v>267.74864999999994</v>
      </c>
    </row>
    <row r="16084" spans="1:3" x14ac:dyDescent="0.25">
      <c r="A16084" s="2" t="s">
        <v>7742</v>
      </c>
      <c r="B16084" s="6">
        <v>267765.3</v>
      </c>
      <c r="C16084" s="7">
        <f t="shared" si="251"/>
        <v>267.76529999999997</v>
      </c>
    </row>
    <row r="16085" spans="1:3" x14ac:dyDescent="0.25">
      <c r="A16085" s="2" t="s">
        <v>7743</v>
      </c>
      <c r="B16085" s="6">
        <v>267781.94999999995</v>
      </c>
      <c r="C16085" s="7">
        <f t="shared" si="251"/>
        <v>267.78194999999994</v>
      </c>
    </row>
    <row r="16086" spans="1:3" x14ac:dyDescent="0.25">
      <c r="A16086" s="2" t="s">
        <v>7744</v>
      </c>
      <c r="B16086" s="6">
        <v>267798.59999999998</v>
      </c>
      <c r="C16086" s="7">
        <f t="shared" si="251"/>
        <v>267.79859999999996</v>
      </c>
    </row>
    <row r="16087" spans="1:3" x14ac:dyDescent="0.25">
      <c r="A16087" s="2" t="s">
        <v>7745</v>
      </c>
      <c r="B16087" s="6">
        <v>267815.25</v>
      </c>
      <c r="C16087" s="7">
        <f t="shared" si="251"/>
        <v>267.81524999999999</v>
      </c>
    </row>
    <row r="16088" spans="1:3" x14ac:dyDescent="0.25">
      <c r="A16088" s="2" t="s">
        <v>7746</v>
      </c>
      <c r="B16088" s="6">
        <v>267831.89999999997</v>
      </c>
      <c r="C16088" s="7">
        <f t="shared" si="251"/>
        <v>267.83189999999996</v>
      </c>
    </row>
    <row r="16089" spans="1:3" x14ac:dyDescent="0.25">
      <c r="A16089" s="2" t="s">
        <v>7747</v>
      </c>
      <c r="B16089" s="6">
        <v>267848.55</v>
      </c>
      <c r="C16089" s="7">
        <f t="shared" si="251"/>
        <v>267.84854999999999</v>
      </c>
    </row>
    <row r="16090" spans="1:3" x14ac:dyDescent="0.25">
      <c r="A16090" s="2" t="s">
        <v>7748</v>
      </c>
      <c r="B16090" s="6">
        <v>267865.19999999995</v>
      </c>
      <c r="C16090" s="7">
        <f t="shared" si="251"/>
        <v>267.86519999999996</v>
      </c>
    </row>
    <row r="16091" spans="1:3" x14ac:dyDescent="0.25">
      <c r="A16091" s="2" t="s">
        <v>7749</v>
      </c>
      <c r="B16091" s="6">
        <v>267881.84999999998</v>
      </c>
      <c r="C16091" s="7">
        <f t="shared" si="251"/>
        <v>267.88184999999999</v>
      </c>
    </row>
    <row r="16092" spans="1:3" x14ac:dyDescent="0.25">
      <c r="A16092" s="2" t="s">
        <v>7750</v>
      </c>
      <c r="B16092" s="6">
        <v>267898.5</v>
      </c>
      <c r="C16092" s="7">
        <f t="shared" si="251"/>
        <v>267.89850000000001</v>
      </c>
    </row>
    <row r="16093" spans="1:3" x14ac:dyDescent="0.25">
      <c r="A16093" s="2" t="s">
        <v>7751</v>
      </c>
      <c r="B16093" s="6">
        <v>267915.14999999997</v>
      </c>
      <c r="C16093" s="7">
        <f t="shared" si="251"/>
        <v>267.91514999999998</v>
      </c>
    </row>
    <row r="16094" spans="1:3" x14ac:dyDescent="0.25">
      <c r="A16094" s="2" t="s">
        <v>7752</v>
      </c>
      <c r="B16094" s="6">
        <v>267931.8</v>
      </c>
      <c r="C16094" s="7">
        <f t="shared" si="251"/>
        <v>267.93180000000001</v>
      </c>
    </row>
    <row r="16095" spans="1:3" x14ac:dyDescent="0.25">
      <c r="A16095" s="2" t="s">
        <v>7753</v>
      </c>
      <c r="B16095" s="6">
        <v>267948.44999999995</v>
      </c>
      <c r="C16095" s="7">
        <f t="shared" si="251"/>
        <v>267.94844999999998</v>
      </c>
    </row>
    <row r="16096" spans="1:3" x14ac:dyDescent="0.25">
      <c r="A16096" s="2" t="s">
        <v>7754</v>
      </c>
      <c r="B16096" s="6">
        <v>267965.09999999998</v>
      </c>
      <c r="C16096" s="7">
        <f t="shared" si="251"/>
        <v>267.96509999999995</v>
      </c>
    </row>
    <row r="16097" spans="1:3" x14ac:dyDescent="0.25">
      <c r="A16097" s="2" t="s">
        <v>7755</v>
      </c>
      <c r="B16097" s="6">
        <v>267981.75</v>
      </c>
      <c r="C16097" s="7">
        <f t="shared" si="251"/>
        <v>267.98174999999998</v>
      </c>
    </row>
    <row r="16098" spans="1:3" x14ac:dyDescent="0.25">
      <c r="A16098" s="2" t="s">
        <v>7756</v>
      </c>
      <c r="B16098" s="6">
        <v>267998.39999999997</v>
      </c>
      <c r="C16098" s="7">
        <f t="shared" si="251"/>
        <v>267.99839999999995</v>
      </c>
    </row>
    <row r="16099" spans="1:3" x14ac:dyDescent="0.25">
      <c r="A16099" s="2" t="s">
        <v>7757</v>
      </c>
      <c r="B16099" s="6">
        <v>268015.05</v>
      </c>
      <c r="C16099" s="7">
        <f t="shared" si="251"/>
        <v>268.01504999999997</v>
      </c>
    </row>
    <row r="16100" spans="1:3" x14ac:dyDescent="0.25">
      <c r="A16100" s="2" t="s">
        <v>7758</v>
      </c>
      <c r="B16100" s="6">
        <v>268031.69999999995</v>
      </c>
      <c r="C16100" s="7">
        <f t="shared" si="251"/>
        <v>268.03169999999994</v>
      </c>
    </row>
    <row r="16101" spans="1:3" x14ac:dyDescent="0.25">
      <c r="A16101" s="2" t="s">
        <v>7759</v>
      </c>
      <c r="B16101" s="6">
        <v>268048.34999999998</v>
      </c>
      <c r="C16101" s="7">
        <f t="shared" si="251"/>
        <v>268.04834999999997</v>
      </c>
    </row>
    <row r="16102" spans="1:3" x14ac:dyDescent="0.25">
      <c r="A16102" s="2" t="s">
        <v>7760</v>
      </c>
      <c r="B16102" s="6">
        <v>268065</v>
      </c>
      <c r="C16102" s="7">
        <f t="shared" si="251"/>
        <v>268.065</v>
      </c>
    </row>
    <row r="16103" spans="1:3" x14ac:dyDescent="0.25">
      <c r="A16103" s="2" t="s">
        <v>7761</v>
      </c>
      <c r="B16103" s="6">
        <v>268081.64999999997</v>
      </c>
      <c r="C16103" s="7">
        <f t="shared" si="251"/>
        <v>268.08164999999997</v>
      </c>
    </row>
    <row r="16104" spans="1:3" x14ac:dyDescent="0.25">
      <c r="A16104" s="2" t="s">
        <v>7762</v>
      </c>
      <c r="B16104" s="6">
        <v>268098.3</v>
      </c>
      <c r="C16104" s="7">
        <f t="shared" si="251"/>
        <v>268.09829999999999</v>
      </c>
    </row>
    <row r="16105" spans="1:3" x14ac:dyDescent="0.25">
      <c r="A16105" s="2" t="s">
        <v>7763</v>
      </c>
      <c r="B16105" s="6">
        <v>268114.94999999995</v>
      </c>
      <c r="C16105" s="7">
        <f t="shared" si="251"/>
        <v>268.11494999999996</v>
      </c>
    </row>
    <row r="16106" spans="1:3" x14ac:dyDescent="0.25">
      <c r="A16106" s="2" t="s">
        <v>7764</v>
      </c>
      <c r="B16106" s="6">
        <v>268131.59999999998</v>
      </c>
      <c r="C16106" s="7">
        <f t="shared" si="251"/>
        <v>268.13159999999999</v>
      </c>
    </row>
    <row r="16107" spans="1:3" x14ac:dyDescent="0.25">
      <c r="A16107" s="2" t="s">
        <v>7765</v>
      </c>
      <c r="B16107" s="6">
        <v>268148.25</v>
      </c>
      <c r="C16107" s="7">
        <f t="shared" si="251"/>
        <v>268.14825000000002</v>
      </c>
    </row>
    <row r="16108" spans="1:3" x14ac:dyDescent="0.25">
      <c r="A16108" s="2" t="s">
        <v>7766</v>
      </c>
      <c r="B16108" s="6">
        <v>268164.89999999997</v>
      </c>
      <c r="C16108" s="7">
        <f t="shared" si="251"/>
        <v>268.16489999999999</v>
      </c>
    </row>
    <row r="16109" spans="1:3" x14ac:dyDescent="0.25">
      <c r="A16109" s="2" t="s">
        <v>7767</v>
      </c>
      <c r="B16109" s="6">
        <v>268181.55</v>
      </c>
      <c r="C16109" s="7">
        <f t="shared" si="251"/>
        <v>268.18155000000002</v>
      </c>
    </row>
    <row r="16110" spans="1:3" x14ac:dyDescent="0.25">
      <c r="A16110" s="2" t="s">
        <v>7768</v>
      </c>
      <c r="B16110" s="6">
        <v>268198.19999999995</v>
      </c>
      <c r="C16110" s="7">
        <f t="shared" si="251"/>
        <v>268.19819999999993</v>
      </c>
    </row>
    <row r="16111" spans="1:3" x14ac:dyDescent="0.25">
      <c r="A16111" s="2" t="s">
        <v>7769</v>
      </c>
      <c r="B16111" s="6">
        <v>268214.84999999998</v>
      </c>
      <c r="C16111" s="7">
        <f t="shared" si="251"/>
        <v>268.21484999999996</v>
      </c>
    </row>
    <row r="16112" spans="1:3" x14ac:dyDescent="0.25">
      <c r="A16112" s="2" t="s">
        <v>7770</v>
      </c>
      <c r="B16112" s="6">
        <v>268231.5</v>
      </c>
      <c r="C16112" s="7">
        <f t="shared" si="251"/>
        <v>268.23149999999998</v>
      </c>
    </row>
    <row r="16113" spans="1:3" x14ac:dyDescent="0.25">
      <c r="A16113" s="2" t="s">
        <v>7771</v>
      </c>
      <c r="B16113" s="6">
        <v>268248.14999999997</v>
      </c>
      <c r="C16113" s="7">
        <f t="shared" si="251"/>
        <v>268.24814999999995</v>
      </c>
    </row>
    <row r="16114" spans="1:3" x14ac:dyDescent="0.25">
      <c r="A16114" s="2" t="s">
        <v>7772</v>
      </c>
      <c r="B16114" s="6">
        <v>268264.8</v>
      </c>
      <c r="C16114" s="7">
        <f t="shared" si="251"/>
        <v>268.26479999999998</v>
      </c>
    </row>
    <row r="16115" spans="1:3" x14ac:dyDescent="0.25">
      <c r="A16115" s="2" t="s">
        <v>7773</v>
      </c>
      <c r="B16115" s="6">
        <v>268281.44999999995</v>
      </c>
      <c r="C16115" s="7">
        <f t="shared" si="251"/>
        <v>268.28144999999995</v>
      </c>
    </row>
    <row r="16116" spans="1:3" x14ac:dyDescent="0.25">
      <c r="A16116" s="2" t="s">
        <v>7774</v>
      </c>
      <c r="B16116" s="6">
        <v>268298.09999999998</v>
      </c>
      <c r="C16116" s="7">
        <f t="shared" si="251"/>
        <v>268.29809999999998</v>
      </c>
    </row>
    <row r="16117" spans="1:3" x14ac:dyDescent="0.25">
      <c r="A16117" s="2" t="s">
        <v>7775</v>
      </c>
      <c r="B16117" s="6">
        <v>268314.75</v>
      </c>
      <c r="C16117" s="7">
        <f t="shared" si="251"/>
        <v>268.31475</v>
      </c>
    </row>
    <row r="16118" spans="1:3" x14ac:dyDescent="0.25">
      <c r="A16118" s="2" t="s">
        <v>7776</v>
      </c>
      <c r="B16118" s="6">
        <v>268331.39999999997</v>
      </c>
      <c r="C16118" s="7">
        <f t="shared" si="251"/>
        <v>268.33139999999997</v>
      </c>
    </row>
    <row r="16119" spans="1:3" x14ac:dyDescent="0.25">
      <c r="A16119" s="2" t="s">
        <v>7777</v>
      </c>
      <c r="B16119" s="6">
        <v>268348.05</v>
      </c>
      <c r="C16119" s="7">
        <f t="shared" si="251"/>
        <v>268.34805</v>
      </c>
    </row>
    <row r="16120" spans="1:3" x14ac:dyDescent="0.25">
      <c r="A16120" s="2" t="s">
        <v>7778</v>
      </c>
      <c r="B16120" s="6">
        <v>268364.69999999995</v>
      </c>
      <c r="C16120" s="7">
        <f t="shared" si="251"/>
        <v>268.36469999999997</v>
      </c>
    </row>
    <row r="16121" spans="1:3" x14ac:dyDescent="0.25">
      <c r="A16121" s="2" t="s">
        <v>7779</v>
      </c>
      <c r="B16121" s="6">
        <v>268381.34999999998</v>
      </c>
      <c r="C16121" s="7">
        <f t="shared" si="251"/>
        <v>268.38135</v>
      </c>
    </row>
    <row r="16122" spans="1:3" x14ac:dyDescent="0.25">
      <c r="A16122" s="2" t="s">
        <v>7780</v>
      </c>
      <c r="B16122" s="6">
        <v>268398</v>
      </c>
      <c r="C16122" s="7">
        <f t="shared" si="251"/>
        <v>268.39800000000002</v>
      </c>
    </row>
    <row r="16123" spans="1:3" x14ac:dyDescent="0.25">
      <c r="A16123" s="2" t="s">
        <v>7781</v>
      </c>
      <c r="B16123" s="6">
        <v>268414.64999999997</v>
      </c>
      <c r="C16123" s="7">
        <f t="shared" si="251"/>
        <v>268.41464999999994</v>
      </c>
    </row>
    <row r="16124" spans="1:3" x14ac:dyDescent="0.25">
      <c r="A16124" s="2" t="s">
        <v>7782</v>
      </c>
      <c r="B16124" s="6">
        <v>268431.3</v>
      </c>
      <c r="C16124" s="7">
        <f t="shared" si="251"/>
        <v>268.43129999999996</v>
      </c>
    </row>
    <row r="16125" spans="1:3" x14ac:dyDescent="0.25">
      <c r="A16125" s="2" t="s">
        <v>7783</v>
      </c>
      <c r="B16125" s="6">
        <v>268447.94999999995</v>
      </c>
      <c r="C16125" s="7">
        <f t="shared" si="251"/>
        <v>268.44794999999993</v>
      </c>
    </row>
    <row r="16126" spans="1:3" x14ac:dyDescent="0.25">
      <c r="A16126" s="2" t="s">
        <v>7784</v>
      </c>
      <c r="B16126" s="6">
        <v>268464.59999999998</v>
      </c>
      <c r="C16126" s="7">
        <f t="shared" si="251"/>
        <v>268.46459999999996</v>
      </c>
    </row>
    <row r="16127" spans="1:3" x14ac:dyDescent="0.25">
      <c r="A16127" s="2" t="s">
        <v>7785</v>
      </c>
      <c r="B16127" s="6">
        <v>268481.25</v>
      </c>
      <c r="C16127" s="7">
        <f t="shared" si="251"/>
        <v>268.48124999999999</v>
      </c>
    </row>
    <row r="16128" spans="1:3" x14ac:dyDescent="0.25">
      <c r="A16128" s="2" t="s">
        <v>7786</v>
      </c>
      <c r="B16128" s="6">
        <v>268497.89999999997</v>
      </c>
      <c r="C16128" s="7">
        <f t="shared" si="251"/>
        <v>268.49789999999996</v>
      </c>
    </row>
    <row r="16129" spans="1:3" x14ac:dyDescent="0.25">
      <c r="A16129" s="2" t="s">
        <v>7787</v>
      </c>
      <c r="B16129" s="6">
        <v>268514.55</v>
      </c>
      <c r="C16129" s="7">
        <f t="shared" si="251"/>
        <v>268.51454999999999</v>
      </c>
    </row>
    <row r="16130" spans="1:3" x14ac:dyDescent="0.25">
      <c r="A16130" s="2" t="s">
        <v>7788</v>
      </c>
      <c r="B16130" s="6">
        <v>268531.19999999995</v>
      </c>
      <c r="C16130" s="7">
        <f t="shared" si="251"/>
        <v>268.53119999999996</v>
      </c>
    </row>
    <row r="16131" spans="1:3" x14ac:dyDescent="0.25">
      <c r="A16131" s="2" t="s">
        <v>7789</v>
      </c>
      <c r="B16131" s="6">
        <v>268547.84999999998</v>
      </c>
      <c r="C16131" s="7">
        <f t="shared" ref="C16131:C16194" si="252">B16131/1000</f>
        <v>268.54784999999998</v>
      </c>
    </row>
    <row r="16132" spans="1:3" x14ac:dyDescent="0.25">
      <c r="A16132" s="2" t="s">
        <v>7790</v>
      </c>
      <c r="B16132" s="6">
        <v>268564.5</v>
      </c>
      <c r="C16132" s="7">
        <f t="shared" si="252"/>
        <v>268.56450000000001</v>
      </c>
    </row>
    <row r="16133" spans="1:3" x14ac:dyDescent="0.25">
      <c r="A16133" s="2" t="s">
        <v>7791</v>
      </c>
      <c r="B16133" s="6">
        <v>268581.14999999997</v>
      </c>
      <c r="C16133" s="7">
        <f t="shared" si="252"/>
        <v>268.58114999999998</v>
      </c>
    </row>
    <row r="16134" spans="1:3" x14ac:dyDescent="0.25">
      <c r="A16134" s="2" t="s">
        <v>7792</v>
      </c>
      <c r="B16134" s="6">
        <v>268597.8</v>
      </c>
      <c r="C16134" s="7">
        <f t="shared" si="252"/>
        <v>268.59780000000001</v>
      </c>
    </row>
    <row r="16135" spans="1:3" x14ac:dyDescent="0.25">
      <c r="A16135" s="2" t="s">
        <v>7793</v>
      </c>
      <c r="B16135" s="6">
        <v>268614.44999999995</v>
      </c>
      <c r="C16135" s="7">
        <f t="shared" si="252"/>
        <v>268.61444999999998</v>
      </c>
    </row>
    <row r="16136" spans="1:3" x14ac:dyDescent="0.25">
      <c r="A16136" s="2" t="s">
        <v>7794</v>
      </c>
      <c r="B16136" s="6">
        <v>268631.09999999998</v>
      </c>
      <c r="C16136" s="7">
        <f t="shared" si="252"/>
        <v>268.6311</v>
      </c>
    </row>
    <row r="16137" spans="1:3" x14ac:dyDescent="0.25">
      <c r="A16137" s="2" t="s">
        <v>7795</v>
      </c>
      <c r="B16137" s="6">
        <v>268647.75</v>
      </c>
      <c r="C16137" s="7">
        <f t="shared" si="252"/>
        <v>268.64774999999997</v>
      </c>
    </row>
    <row r="16138" spans="1:3" x14ac:dyDescent="0.25">
      <c r="A16138" s="2" t="s">
        <v>7796</v>
      </c>
      <c r="B16138" s="6">
        <v>268664.39999999997</v>
      </c>
      <c r="C16138" s="7">
        <f t="shared" si="252"/>
        <v>268.66439999999994</v>
      </c>
    </row>
    <row r="16139" spans="1:3" x14ac:dyDescent="0.25">
      <c r="A16139" s="2" t="s">
        <v>7797</v>
      </c>
      <c r="B16139" s="6">
        <v>268681.05</v>
      </c>
      <c r="C16139" s="7">
        <f t="shared" si="252"/>
        <v>268.68104999999997</v>
      </c>
    </row>
    <row r="16140" spans="1:3" x14ac:dyDescent="0.25">
      <c r="A16140" s="2" t="s">
        <v>7798</v>
      </c>
      <c r="B16140" s="6">
        <v>268697.69999999995</v>
      </c>
      <c r="C16140" s="7">
        <f t="shared" si="252"/>
        <v>268.69769999999994</v>
      </c>
    </row>
    <row r="16141" spans="1:3" x14ac:dyDescent="0.25">
      <c r="A16141" s="2" t="s">
        <v>7799</v>
      </c>
      <c r="B16141" s="6">
        <v>268714.34999999998</v>
      </c>
      <c r="C16141" s="7">
        <f t="shared" si="252"/>
        <v>268.71434999999997</v>
      </c>
    </row>
    <row r="16142" spans="1:3" x14ac:dyDescent="0.25">
      <c r="A16142" s="2" t="s">
        <v>7800</v>
      </c>
      <c r="B16142" s="6">
        <v>268731</v>
      </c>
      <c r="C16142" s="7">
        <f t="shared" si="252"/>
        <v>268.73099999999999</v>
      </c>
    </row>
    <row r="16143" spans="1:3" x14ac:dyDescent="0.25">
      <c r="A16143" s="2" t="s">
        <v>7801</v>
      </c>
      <c r="B16143" s="6">
        <v>268747.64999999997</v>
      </c>
      <c r="C16143" s="7">
        <f t="shared" si="252"/>
        <v>268.74764999999996</v>
      </c>
    </row>
    <row r="16144" spans="1:3" x14ac:dyDescent="0.25">
      <c r="A16144" s="2" t="s">
        <v>7802</v>
      </c>
      <c r="B16144" s="6">
        <v>268764.3</v>
      </c>
      <c r="C16144" s="7">
        <f t="shared" si="252"/>
        <v>268.76429999999999</v>
      </c>
    </row>
    <row r="16145" spans="1:3" x14ac:dyDescent="0.25">
      <c r="A16145" s="2" t="s">
        <v>7803</v>
      </c>
      <c r="B16145" s="6">
        <v>268780.94999999995</v>
      </c>
      <c r="C16145" s="7">
        <f t="shared" si="252"/>
        <v>268.78094999999996</v>
      </c>
    </row>
    <row r="16146" spans="1:3" x14ac:dyDescent="0.25">
      <c r="A16146" s="2" t="s">
        <v>7804</v>
      </c>
      <c r="B16146" s="6">
        <v>268797.59999999998</v>
      </c>
      <c r="C16146" s="7">
        <f t="shared" si="252"/>
        <v>268.79759999999999</v>
      </c>
    </row>
    <row r="16147" spans="1:3" x14ac:dyDescent="0.25">
      <c r="A16147" s="2" t="s">
        <v>7805</v>
      </c>
      <c r="B16147" s="6">
        <v>268814.25</v>
      </c>
      <c r="C16147" s="7">
        <f t="shared" si="252"/>
        <v>268.81425000000002</v>
      </c>
    </row>
    <row r="16148" spans="1:3" x14ac:dyDescent="0.25">
      <c r="A16148" s="2" t="s">
        <v>7806</v>
      </c>
      <c r="B16148" s="6">
        <v>268830.89999999997</v>
      </c>
      <c r="C16148" s="7">
        <f t="shared" si="252"/>
        <v>268.83089999999999</v>
      </c>
    </row>
    <row r="16149" spans="1:3" x14ac:dyDescent="0.25">
      <c r="A16149" s="2" t="s">
        <v>7807</v>
      </c>
      <c r="B16149" s="6">
        <v>268847.55</v>
      </c>
      <c r="C16149" s="7">
        <f t="shared" si="252"/>
        <v>268.84755000000001</v>
      </c>
    </row>
    <row r="16150" spans="1:3" x14ac:dyDescent="0.25">
      <c r="A16150" s="2" t="s">
        <v>7808</v>
      </c>
      <c r="B16150" s="6">
        <v>268864.19999999995</v>
      </c>
      <c r="C16150" s="7">
        <f t="shared" si="252"/>
        <v>268.86419999999993</v>
      </c>
    </row>
    <row r="16151" spans="1:3" x14ac:dyDescent="0.25">
      <c r="A16151" s="2" t="s">
        <v>7809</v>
      </c>
      <c r="B16151" s="6">
        <v>268880.84999999998</v>
      </c>
      <c r="C16151" s="7">
        <f t="shared" si="252"/>
        <v>268.88084999999995</v>
      </c>
    </row>
    <row r="16152" spans="1:3" x14ac:dyDescent="0.25">
      <c r="A16152" s="2" t="s">
        <v>7810</v>
      </c>
      <c r="B16152" s="6">
        <v>268897.5</v>
      </c>
      <c r="C16152" s="7">
        <f t="shared" si="252"/>
        <v>268.89749999999998</v>
      </c>
    </row>
    <row r="16153" spans="1:3" x14ac:dyDescent="0.25">
      <c r="A16153" s="2" t="s">
        <v>7811</v>
      </c>
      <c r="B16153" s="6">
        <v>268914.14999999997</v>
      </c>
      <c r="C16153" s="7">
        <f t="shared" si="252"/>
        <v>268.91414999999995</v>
      </c>
    </row>
    <row r="16154" spans="1:3" x14ac:dyDescent="0.25">
      <c r="A16154" s="2" t="s">
        <v>7812</v>
      </c>
      <c r="B16154" s="6">
        <v>268930.8</v>
      </c>
      <c r="C16154" s="7">
        <f t="shared" si="252"/>
        <v>268.93079999999998</v>
      </c>
    </row>
    <row r="16155" spans="1:3" x14ac:dyDescent="0.25">
      <c r="A16155" s="2" t="s">
        <v>7813</v>
      </c>
      <c r="B16155" s="6">
        <v>268947.44999999995</v>
      </c>
      <c r="C16155" s="7">
        <f t="shared" si="252"/>
        <v>268.94744999999995</v>
      </c>
    </row>
    <row r="16156" spans="1:3" x14ac:dyDescent="0.25">
      <c r="A16156" s="2" t="s">
        <v>7814</v>
      </c>
      <c r="B16156" s="6">
        <v>268964.09999999998</v>
      </c>
      <c r="C16156" s="7">
        <f t="shared" si="252"/>
        <v>268.96409999999997</v>
      </c>
    </row>
    <row r="16157" spans="1:3" x14ac:dyDescent="0.25">
      <c r="A16157" s="2" t="s">
        <v>7815</v>
      </c>
      <c r="B16157" s="6">
        <v>268980.75</v>
      </c>
      <c r="C16157" s="7">
        <f t="shared" si="252"/>
        <v>268.98075</v>
      </c>
    </row>
    <row r="16158" spans="1:3" x14ac:dyDescent="0.25">
      <c r="A16158" s="2" t="s">
        <v>7816</v>
      </c>
      <c r="B16158" s="6">
        <v>268997.39999999997</v>
      </c>
      <c r="C16158" s="7">
        <f t="shared" si="252"/>
        <v>268.99739999999997</v>
      </c>
    </row>
    <row r="16159" spans="1:3" x14ac:dyDescent="0.25">
      <c r="A16159" s="2" t="s">
        <v>7817</v>
      </c>
      <c r="B16159" s="6">
        <v>269014.05</v>
      </c>
      <c r="C16159" s="7">
        <f t="shared" si="252"/>
        <v>269.01405</v>
      </c>
    </row>
    <row r="16160" spans="1:3" x14ac:dyDescent="0.25">
      <c r="A16160" s="2" t="s">
        <v>7818</v>
      </c>
      <c r="B16160" s="6">
        <v>269030.69999999995</v>
      </c>
      <c r="C16160" s="7">
        <f t="shared" si="252"/>
        <v>269.03069999999997</v>
      </c>
    </row>
    <row r="16161" spans="1:3" x14ac:dyDescent="0.25">
      <c r="A16161" s="2" t="s">
        <v>7819</v>
      </c>
      <c r="B16161" s="6">
        <v>269047.34999999998</v>
      </c>
      <c r="C16161" s="7">
        <f t="shared" si="252"/>
        <v>269.04734999999999</v>
      </c>
    </row>
    <row r="16162" spans="1:3" x14ac:dyDescent="0.25">
      <c r="A16162" s="2" t="s">
        <v>7820</v>
      </c>
      <c r="B16162" s="6">
        <v>269064</v>
      </c>
      <c r="C16162" s="7">
        <f t="shared" si="252"/>
        <v>269.06400000000002</v>
      </c>
    </row>
    <row r="16163" spans="1:3" x14ac:dyDescent="0.25">
      <c r="A16163" s="2" t="s">
        <v>7821</v>
      </c>
      <c r="B16163" s="6">
        <v>269080.64999999997</v>
      </c>
      <c r="C16163" s="7">
        <f t="shared" si="252"/>
        <v>269.08064999999999</v>
      </c>
    </row>
    <row r="16164" spans="1:3" x14ac:dyDescent="0.25">
      <c r="A16164" s="2" t="s">
        <v>7822</v>
      </c>
      <c r="B16164" s="6">
        <v>269097.3</v>
      </c>
      <c r="C16164" s="7">
        <f t="shared" si="252"/>
        <v>269.09729999999996</v>
      </c>
    </row>
    <row r="16165" spans="1:3" x14ac:dyDescent="0.25">
      <c r="A16165" s="2" t="s">
        <v>7823</v>
      </c>
      <c r="B16165" s="6">
        <v>269113.94999999995</v>
      </c>
      <c r="C16165" s="7">
        <f t="shared" si="252"/>
        <v>269.11394999999993</v>
      </c>
    </row>
    <row r="16166" spans="1:3" x14ac:dyDescent="0.25">
      <c r="A16166" s="2" t="s">
        <v>7824</v>
      </c>
      <c r="B16166" s="6">
        <v>269130.59999999998</v>
      </c>
      <c r="C16166" s="7">
        <f t="shared" si="252"/>
        <v>269.13059999999996</v>
      </c>
    </row>
    <row r="16167" spans="1:3" x14ac:dyDescent="0.25">
      <c r="A16167" s="2" t="s">
        <v>7825</v>
      </c>
      <c r="B16167" s="6">
        <v>269147.25</v>
      </c>
      <c r="C16167" s="7">
        <f t="shared" si="252"/>
        <v>269.14724999999999</v>
      </c>
    </row>
    <row r="16168" spans="1:3" x14ac:dyDescent="0.25">
      <c r="A16168" s="2" t="s">
        <v>7826</v>
      </c>
      <c r="B16168" s="6">
        <v>269163.89999999997</v>
      </c>
      <c r="C16168" s="7">
        <f t="shared" si="252"/>
        <v>269.16389999999996</v>
      </c>
    </row>
    <row r="16169" spans="1:3" x14ac:dyDescent="0.25">
      <c r="A16169" s="2" t="s">
        <v>7827</v>
      </c>
      <c r="B16169" s="6">
        <v>269180.55</v>
      </c>
      <c r="C16169" s="7">
        <f t="shared" si="252"/>
        <v>269.18054999999998</v>
      </c>
    </row>
    <row r="16170" spans="1:3" x14ac:dyDescent="0.25">
      <c r="A16170" s="2" t="s">
        <v>7828</v>
      </c>
      <c r="B16170" s="6">
        <v>269197.19999999995</v>
      </c>
      <c r="C16170" s="7">
        <f t="shared" si="252"/>
        <v>269.19719999999995</v>
      </c>
    </row>
    <row r="16171" spans="1:3" x14ac:dyDescent="0.25">
      <c r="A16171" s="2" t="s">
        <v>7829</v>
      </c>
      <c r="B16171" s="6">
        <v>269213.84999999998</v>
      </c>
      <c r="C16171" s="7">
        <f t="shared" si="252"/>
        <v>269.21384999999998</v>
      </c>
    </row>
    <row r="16172" spans="1:3" x14ac:dyDescent="0.25">
      <c r="A16172" s="2" t="s">
        <v>7830</v>
      </c>
      <c r="B16172" s="6">
        <v>269230.5</v>
      </c>
      <c r="C16172" s="7">
        <f t="shared" si="252"/>
        <v>269.23050000000001</v>
      </c>
    </row>
    <row r="16173" spans="1:3" x14ac:dyDescent="0.25">
      <c r="A16173" s="2" t="s">
        <v>7831</v>
      </c>
      <c r="B16173" s="6">
        <v>269247.14999999997</v>
      </c>
      <c r="C16173" s="7">
        <f t="shared" si="252"/>
        <v>269.24714999999998</v>
      </c>
    </row>
    <row r="16174" spans="1:3" x14ac:dyDescent="0.25">
      <c r="A16174" s="2" t="s">
        <v>7832</v>
      </c>
      <c r="B16174" s="6">
        <v>269263.8</v>
      </c>
      <c r="C16174" s="7">
        <f t="shared" si="252"/>
        <v>269.2638</v>
      </c>
    </row>
    <row r="16175" spans="1:3" x14ac:dyDescent="0.25">
      <c r="A16175" s="2" t="s">
        <v>7833</v>
      </c>
      <c r="B16175" s="6">
        <v>269280.44999999995</v>
      </c>
      <c r="C16175" s="7">
        <f t="shared" si="252"/>
        <v>269.28044999999997</v>
      </c>
    </row>
    <row r="16176" spans="1:3" x14ac:dyDescent="0.25">
      <c r="A16176" s="2" t="s">
        <v>7834</v>
      </c>
      <c r="B16176" s="6">
        <v>269297.09999999998</v>
      </c>
      <c r="C16176" s="7">
        <f t="shared" si="252"/>
        <v>269.2971</v>
      </c>
    </row>
    <row r="16177" spans="1:3" x14ac:dyDescent="0.25">
      <c r="A16177" s="2" t="s">
        <v>7835</v>
      </c>
      <c r="B16177" s="6">
        <v>269313.75</v>
      </c>
      <c r="C16177" s="7">
        <f t="shared" si="252"/>
        <v>269.31375000000003</v>
      </c>
    </row>
    <row r="16178" spans="1:3" x14ac:dyDescent="0.25">
      <c r="A16178" s="2" t="s">
        <v>7836</v>
      </c>
      <c r="B16178" s="6">
        <v>269330.39999999997</v>
      </c>
      <c r="C16178" s="7">
        <f t="shared" si="252"/>
        <v>269.33039999999994</v>
      </c>
    </row>
    <row r="16179" spans="1:3" x14ac:dyDescent="0.25">
      <c r="A16179" s="2" t="s">
        <v>7837</v>
      </c>
      <c r="B16179" s="6">
        <v>269347.05</v>
      </c>
      <c r="C16179" s="7">
        <f t="shared" si="252"/>
        <v>269.34704999999997</v>
      </c>
    </row>
    <row r="16180" spans="1:3" x14ac:dyDescent="0.25">
      <c r="A16180" s="2" t="s">
        <v>7838</v>
      </c>
      <c r="B16180" s="6">
        <v>269363.69999999995</v>
      </c>
      <c r="C16180" s="7">
        <f t="shared" si="252"/>
        <v>269.36369999999994</v>
      </c>
    </row>
    <row r="16181" spans="1:3" x14ac:dyDescent="0.25">
      <c r="A16181" s="2" t="s">
        <v>7839</v>
      </c>
      <c r="B16181" s="6">
        <v>269380.34999999998</v>
      </c>
      <c r="C16181" s="7">
        <f t="shared" si="252"/>
        <v>269.38034999999996</v>
      </c>
    </row>
    <row r="16182" spans="1:3" x14ac:dyDescent="0.25">
      <c r="A16182" s="2" t="s">
        <v>7840</v>
      </c>
      <c r="B16182" s="6">
        <v>269397</v>
      </c>
      <c r="C16182" s="7">
        <f t="shared" si="252"/>
        <v>269.39699999999999</v>
      </c>
    </row>
    <row r="16183" spans="1:3" x14ac:dyDescent="0.25">
      <c r="A16183" s="2" t="s">
        <v>7841</v>
      </c>
      <c r="B16183" s="6">
        <v>269413.64999999997</v>
      </c>
      <c r="C16183" s="7">
        <f t="shared" si="252"/>
        <v>269.41364999999996</v>
      </c>
    </row>
    <row r="16184" spans="1:3" x14ac:dyDescent="0.25">
      <c r="A16184" s="2" t="s">
        <v>7842</v>
      </c>
      <c r="B16184" s="6">
        <v>269430.3</v>
      </c>
      <c r="C16184" s="7">
        <f t="shared" si="252"/>
        <v>269.43029999999999</v>
      </c>
    </row>
    <row r="16185" spans="1:3" x14ac:dyDescent="0.25">
      <c r="A16185" s="2" t="s">
        <v>7843</v>
      </c>
      <c r="B16185" s="6">
        <v>269446.94999999995</v>
      </c>
      <c r="C16185" s="7">
        <f t="shared" si="252"/>
        <v>269.44694999999996</v>
      </c>
    </row>
    <row r="16186" spans="1:3" x14ac:dyDescent="0.25">
      <c r="A16186" s="2" t="s">
        <v>7844</v>
      </c>
      <c r="B16186" s="6">
        <v>269463.59999999998</v>
      </c>
      <c r="C16186" s="7">
        <f t="shared" si="252"/>
        <v>269.46359999999999</v>
      </c>
    </row>
    <row r="16187" spans="1:3" x14ac:dyDescent="0.25">
      <c r="A16187" s="2" t="s">
        <v>7845</v>
      </c>
      <c r="B16187" s="6">
        <v>269480.25</v>
      </c>
      <c r="C16187" s="7">
        <f t="shared" si="252"/>
        <v>269.48025000000001</v>
      </c>
    </row>
    <row r="16188" spans="1:3" x14ac:dyDescent="0.25">
      <c r="A16188" s="2" t="s">
        <v>7846</v>
      </c>
      <c r="B16188" s="6">
        <v>269496.89999999997</v>
      </c>
      <c r="C16188" s="7">
        <f t="shared" si="252"/>
        <v>269.49689999999998</v>
      </c>
    </row>
    <row r="16189" spans="1:3" x14ac:dyDescent="0.25">
      <c r="A16189" s="2" t="s">
        <v>7847</v>
      </c>
      <c r="B16189" s="6">
        <v>269513.55</v>
      </c>
      <c r="C16189" s="7">
        <f t="shared" si="252"/>
        <v>269.51355000000001</v>
      </c>
    </row>
    <row r="16190" spans="1:3" x14ac:dyDescent="0.25">
      <c r="A16190" s="2" t="s">
        <v>7848</v>
      </c>
      <c r="B16190" s="6">
        <v>269530.19999999995</v>
      </c>
      <c r="C16190" s="7">
        <f t="shared" si="252"/>
        <v>269.53019999999998</v>
      </c>
    </row>
    <row r="16191" spans="1:3" x14ac:dyDescent="0.25">
      <c r="A16191" s="2" t="s">
        <v>7849</v>
      </c>
      <c r="B16191" s="6">
        <v>269546.84999999998</v>
      </c>
      <c r="C16191" s="7">
        <f t="shared" si="252"/>
        <v>269.54684999999995</v>
      </c>
    </row>
    <row r="16192" spans="1:3" x14ac:dyDescent="0.25">
      <c r="A16192" s="2" t="s">
        <v>7850</v>
      </c>
      <c r="B16192" s="6">
        <v>269563.5</v>
      </c>
      <c r="C16192" s="7">
        <f t="shared" si="252"/>
        <v>269.56349999999998</v>
      </c>
    </row>
    <row r="16193" spans="1:3" x14ac:dyDescent="0.25">
      <c r="A16193" s="2" t="s">
        <v>7851</v>
      </c>
      <c r="B16193" s="6">
        <v>269580.14999999997</v>
      </c>
      <c r="C16193" s="7">
        <f t="shared" si="252"/>
        <v>269.58014999999995</v>
      </c>
    </row>
    <row r="16194" spans="1:3" x14ac:dyDescent="0.25">
      <c r="A16194" s="2" t="s">
        <v>7852</v>
      </c>
      <c r="B16194" s="6">
        <v>269596.79999999999</v>
      </c>
      <c r="C16194" s="7">
        <f t="shared" si="252"/>
        <v>269.59679999999997</v>
      </c>
    </row>
    <row r="16195" spans="1:3" x14ac:dyDescent="0.25">
      <c r="A16195" s="2" t="s">
        <v>7853</v>
      </c>
      <c r="B16195" s="6">
        <v>269613.44999999995</v>
      </c>
      <c r="C16195" s="7">
        <f t="shared" ref="C16195:C16258" si="253">B16195/1000</f>
        <v>269.61344999999994</v>
      </c>
    </row>
    <row r="16196" spans="1:3" x14ac:dyDescent="0.25">
      <c r="A16196" s="2" t="s">
        <v>7854</v>
      </c>
      <c r="B16196" s="6">
        <v>269630.09999999998</v>
      </c>
      <c r="C16196" s="7">
        <f t="shared" si="253"/>
        <v>269.63009999999997</v>
      </c>
    </row>
    <row r="16197" spans="1:3" x14ac:dyDescent="0.25">
      <c r="A16197" s="2" t="s">
        <v>7855</v>
      </c>
      <c r="B16197" s="6">
        <v>269646.75</v>
      </c>
      <c r="C16197" s="7">
        <f t="shared" si="253"/>
        <v>269.64675</v>
      </c>
    </row>
    <row r="16198" spans="1:3" x14ac:dyDescent="0.25">
      <c r="A16198" s="2" t="s">
        <v>7856</v>
      </c>
      <c r="B16198" s="6">
        <v>269663.39999999997</v>
      </c>
      <c r="C16198" s="7">
        <f t="shared" si="253"/>
        <v>269.66339999999997</v>
      </c>
    </row>
    <row r="16199" spans="1:3" x14ac:dyDescent="0.25">
      <c r="A16199" s="2" t="s">
        <v>7857</v>
      </c>
      <c r="B16199" s="6">
        <v>269680.05</v>
      </c>
      <c r="C16199" s="7">
        <f t="shared" si="253"/>
        <v>269.68004999999999</v>
      </c>
    </row>
    <row r="16200" spans="1:3" x14ac:dyDescent="0.25">
      <c r="A16200" s="2" t="s">
        <v>7858</v>
      </c>
      <c r="B16200" s="6">
        <v>269696.69999999995</v>
      </c>
      <c r="C16200" s="7">
        <f t="shared" si="253"/>
        <v>269.69669999999996</v>
      </c>
    </row>
    <row r="16201" spans="1:3" x14ac:dyDescent="0.25">
      <c r="A16201" s="2" t="s">
        <v>7859</v>
      </c>
      <c r="B16201" s="6">
        <v>269713.34999999998</v>
      </c>
      <c r="C16201" s="7">
        <f t="shared" si="253"/>
        <v>269.71334999999999</v>
      </c>
    </row>
    <row r="16202" spans="1:3" x14ac:dyDescent="0.25">
      <c r="A16202" s="2" t="s">
        <v>7860</v>
      </c>
      <c r="B16202" s="6">
        <v>269730</v>
      </c>
      <c r="C16202" s="7">
        <f t="shared" si="253"/>
        <v>269.73</v>
      </c>
    </row>
    <row r="16203" spans="1:3" x14ac:dyDescent="0.25">
      <c r="A16203" s="2" t="s">
        <v>7861</v>
      </c>
      <c r="B16203" s="6">
        <v>269746.64999999997</v>
      </c>
      <c r="C16203" s="7">
        <f t="shared" si="253"/>
        <v>269.74664999999999</v>
      </c>
    </row>
    <row r="16204" spans="1:3" x14ac:dyDescent="0.25">
      <c r="A16204" s="2" t="s">
        <v>7862</v>
      </c>
      <c r="B16204" s="6">
        <v>269763.3</v>
      </c>
      <c r="C16204" s="7">
        <f t="shared" si="253"/>
        <v>269.76330000000002</v>
      </c>
    </row>
    <row r="16205" spans="1:3" x14ac:dyDescent="0.25">
      <c r="A16205" s="2" t="s">
        <v>7863</v>
      </c>
      <c r="B16205" s="6">
        <v>269779.94999999995</v>
      </c>
      <c r="C16205" s="7">
        <f t="shared" si="253"/>
        <v>269.77994999999993</v>
      </c>
    </row>
    <row r="16206" spans="1:3" x14ac:dyDescent="0.25">
      <c r="A16206" s="2" t="s">
        <v>7864</v>
      </c>
      <c r="B16206" s="6">
        <v>269796.59999999998</v>
      </c>
      <c r="C16206" s="7">
        <f t="shared" si="253"/>
        <v>269.79659999999996</v>
      </c>
    </row>
    <row r="16207" spans="1:3" x14ac:dyDescent="0.25">
      <c r="A16207" s="2" t="s">
        <v>7865</v>
      </c>
      <c r="B16207" s="6">
        <v>269813.25</v>
      </c>
      <c r="C16207" s="7">
        <f t="shared" si="253"/>
        <v>269.81324999999998</v>
      </c>
    </row>
    <row r="16208" spans="1:3" x14ac:dyDescent="0.25">
      <c r="A16208" s="2" t="s">
        <v>7866</v>
      </c>
      <c r="B16208" s="6">
        <v>269829.89999999997</v>
      </c>
      <c r="C16208" s="7">
        <f t="shared" si="253"/>
        <v>269.82989999999995</v>
      </c>
    </row>
    <row r="16209" spans="1:3" x14ac:dyDescent="0.25">
      <c r="A16209" s="2" t="s">
        <v>7867</v>
      </c>
      <c r="B16209" s="6">
        <v>269846.55</v>
      </c>
      <c r="C16209" s="7">
        <f t="shared" si="253"/>
        <v>269.84654999999998</v>
      </c>
    </row>
    <row r="16210" spans="1:3" x14ac:dyDescent="0.25">
      <c r="A16210" s="2" t="s">
        <v>7868</v>
      </c>
      <c r="B16210" s="6">
        <v>269863.19999999995</v>
      </c>
      <c r="C16210" s="7">
        <f t="shared" si="253"/>
        <v>269.86319999999995</v>
      </c>
    </row>
    <row r="16211" spans="1:3" x14ac:dyDescent="0.25">
      <c r="A16211" s="2" t="s">
        <v>7869</v>
      </c>
      <c r="B16211" s="6">
        <v>269879.84999999998</v>
      </c>
      <c r="C16211" s="7">
        <f t="shared" si="253"/>
        <v>269.87984999999998</v>
      </c>
    </row>
    <row r="16212" spans="1:3" x14ac:dyDescent="0.25">
      <c r="A16212" s="2" t="s">
        <v>7870</v>
      </c>
      <c r="B16212" s="6">
        <v>269896.5</v>
      </c>
      <c r="C16212" s="7">
        <f t="shared" si="253"/>
        <v>269.8965</v>
      </c>
    </row>
    <row r="16213" spans="1:3" x14ac:dyDescent="0.25">
      <c r="A16213" s="2" t="s">
        <v>7871</v>
      </c>
      <c r="B16213" s="6">
        <v>269913.14999999997</v>
      </c>
      <c r="C16213" s="7">
        <f t="shared" si="253"/>
        <v>269.91314999999997</v>
      </c>
    </row>
    <row r="16214" spans="1:3" x14ac:dyDescent="0.25">
      <c r="A16214" s="2" t="s">
        <v>7872</v>
      </c>
      <c r="B16214" s="6">
        <v>269929.8</v>
      </c>
      <c r="C16214" s="7">
        <f t="shared" si="253"/>
        <v>269.9298</v>
      </c>
    </row>
    <row r="16215" spans="1:3" x14ac:dyDescent="0.25">
      <c r="A16215" s="2" t="s">
        <v>7873</v>
      </c>
      <c r="B16215" s="6">
        <v>269946.44999999995</v>
      </c>
      <c r="C16215" s="7">
        <f t="shared" si="253"/>
        <v>269.94644999999997</v>
      </c>
    </row>
    <row r="16216" spans="1:3" x14ac:dyDescent="0.25">
      <c r="A16216" s="2" t="s">
        <v>7874</v>
      </c>
      <c r="B16216" s="6">
        <v>269963.09999999998</v>
      </c>
      <c r="C16216" s="7">
        <f t="shared" si="253"/>
        <v>269.9631</v>
      </c>
    </row>
    <row r="16217" spans="1:3" x14ac:dyDescent="0.25">
      <c r="A16217" s="2" t="s">
        <v>7875</v>
      </c>
      <c r="B16217" s="6">
        <v>269979.75</v>
      </c>
      <c r="C16217" s="7">
        <f t="shared" si="253"/>
        <v>269.97975000000002</v>
      </c>
    </row>
    <row r="16218" spans="1:3" x14ac:dyDescent="0.25">
      <c r="A16218" s="2" t="s">
        <v>7876</v>
      </c>
      <c r="B16218" s="6">
        <v>269996.39999999997</v>
      </c>
      <c r="C16218" s="7">
        <f t="shared" si="253"/>
        <v>269.99639999999994</v>
      </c>
    </row>
    <row r="16219" spans="1:3" x14ac:dyDescent="0.25">
      <c r="A16219" s="2" t="s">
        <v>7877</v>
      </c>
      <c r="B16219" s="6">
        <v>270013.05</v>
      </c>
      <c r="C16219" s="7">
        <f t="shared" si="253"/>
        <v>270.01304999999996</v>
      </c>
    </row>
    <row r="16220" spans="1:3" x14ac:dyDescent="0.25">
      <c r="A16220" s="2" t="s">
        <v>7878</v>
      </c>
      <c r="B16220" s="6">
        <v>270029.69999999995</v>
      </c>
      <c r="C16220" s="7">
        <f t="shared" si="253"/>
        <v>270.02969999999993</v>
      </c>
    </row>
    <row r="16221" spans="1:3" x14ac:dyDescent="0.25">
      <c r="A16221" s="2" t="s">
        <v>7879</v>
      </c>
      <c r="B16221" s="6">
        <v>270046.34999999998</v>
      </c>
      <c r="C16221" s="7">
        <f t="shared" si="253"/>
        <v>270.04634999999996</v>
      </c>
    </row>
    <row r="16222" spans="1:3" x14ac:dyDescent="0.25">
      <c r="A16222" s="2" t="s">
        <v>7880</v>
      </c>
      <c r="B16222" s="6">
        <v>270063</v>
      </c>
      <c r="C16222" s="7">
        <f t="shared" si="253"/>
        <v>270.06299999999999</v>
      </c>
    </row>
    <row r="16223" spans="1:3" x14ac:dyDescent="0.25">
      <c r="A16223" s="2" t="s">
        <v>7881</v>
      </c>
      <c r="B16223" s="6">
        <v>270079.64999999997</v>
      </c>
      <c r="C16223" s="7">
        <f t="shared" si="253"/>
        <v>270.07964999999996</v>
      </c>
    </row>
    <row r="16224" spans="1:3" x14ac:dyDescent="0.25">
      <c r="A16224" s="2" t="s">
        <v>7882</v>
      </c>
      <c r="B16224" s="6">
        <v>270096.3</v>
      </c>
      <c r="C16224" s="7">
        <f t="shared" si="253"/>
        <v>270.09629999999999</v>
      </c>
    </row>
    <row r="16225" spans="1:3" x14ac:dyDescent="0.25">
      <c r="A16225" s="2" t="s">
        <v>7883</v>
      </c>
      <c r="B16225" s="6">
        <v>270112.94999999995</v>
      </c>
      <c r="C16225" s="7">
        <f t="shared" si="253"/>
        <v>270.11294999999996</v>
      </c>
    </row>
    <row r="16226" spans="1:3" x14ac:dyDescent="0.25">
      <c r="A16226" s="2" t="s">
        <v>7884</v>
      </c>
      <c r="B16226" s="6">
        <v>270129.59999999998</v>
      </c>
      <c r="C16226" s="7">
        <f t="shared" si="253"/>
        <v>270.12959999999998</v>
      </c>
    </row>
    <row r="16227" spans="1:3" x14ac:dyDescent="0.25">
      <c r="A16227" s="2" t="s">
        <v>7885</v>
      </c>
      <c r="B16227" s="6">
        <v>270146.25</v>
      </c>
      <c r="C16227" s="7">
        <f t="shared" si="253"/>
        <v>270.14625000000001</v>
      </c>
    </row>
    <row r="16228" spans="1:3" x14ac:dyDescent="0.25">
      <c r="A16228" s="2" t="s">
        <v>7886</v>
      </c>
      <c r="B16228" s="6">
        <v>270162.89999999997</v>
      </c>
      <c r="C16228" s="7">
        <f t="shared" si="253"/>
        <v>270.16289999999998</v>
      </c>
    </row>
    <row r="16229" spans="1:3" x14ac:dyDescent="0.25">
      <c r="A16229" s="2" t="s">
        <v>7887</v>
      </c>
      <c r="B16229" s="6">
        <v>270179.55</v>
      </c>
      <c r="C16229" s="7">
        <f t="shared" si="253"/>
        <v>270.17955000000001</v>
      </c>
    </row>
    <row r="16230" spans="1:3" x14ac:dyDescent="0.25">
      <c r="A16230" s="2" t="s">
        <v>7888</v>
      </c>
      <c r="B16230" s="6">
        <v>270196.19999999995</v>
      </c>
      <c r="C16230" s="7">
        <f t="shared" si="253"/>
        <v>270.19619999999998</v>
      </c>
    </row>
    <row r="16231" spans="1:3" x14ac:dyDescent="0.25">
      <c r="A16231" s="2" t="s">
        <v>7889</v>
      </c>
      <c r="B16231" s="6">
        <v>270212.84999999998</v>
      </c>
      <c r="C16231" s="7">
        <f t="shared" si="253"/>
        <v>270.21285</v>
      </c>
    </row>
    <row r="16232" spans="1:3" x14ac:dyDescent="0.25">
      <c r="A16232" s="2" t="s">
        <v>7890</v>
      </c>
      <c r="B16232" s="6">
        <v>270229.5</v>
      </c>
      <c r="C16232" s="7">
        <f t="shared" si="253"/>
        <v>270.22949999999997</v>
      </c>
    </row>
    <row r="16233" spans="1:3" x14ac:dyDescent="0.25">
      <c r="A16233" s="2" t="s">
        <v>7891</v>
      </c>
      <c r="B16233" s="6">
        <v>270246.14999999997</v>
      </c>
      <c r="C16233" s="7">
        <f t="shared" si="253"/>
        <v>270.24614999999994</v>
      </c>
    </row>
    <row r="16234" spans="1:3" x14ac:dyDescent="0.25">
      <c r="A16234" s="2" t="s">
        <v>7892</v>
      </c>
      <c r="B16234" s="6">
        <v>270262.8</v>
      </c>
      <c r="C16234" s="7">
        <f t="shared" si="253"/>
        <v>270.26279999999997</v>
      </c>
    </row>
    <row r="16235" spans="1:3" x14ac:dyDescent="0.25">
      <c r="A16235" s="2" t="s">
        <v>7893</v>
      </c>
      <c r="B16235" s="6">
        <v>270279.44999999995</v>
      </c>
      <c r="C16235" s="7">
        <f t="shared" si="253"/>
        <v>270.27944999999994</v>
      </c>
    </row>
    <row r="16236" spans="1:3" x14ac:dyDescent="0.25">
      <c r="A16236" s="2" t="s">
        <v>7894</v>
      </c>
      <c r="B16236" s="6">
        <v>270296.09999999998</v>
      </c>
      <c r="C16236" s="7">
        <f t="shared" si="253"/>
        <v>270.29609999999997</v>
      </c>
    </row>
    <row r="16237" spans="1:3" x14ac:dyDescent="0.25">
      <c r="A16237" s="2" t="s">
        <v>7895</v>
      </c>
      <c r="B16237" s="6">
        <v>270312.75</v>
      </c>
      <c r="C16237" s="7">
        <f t="shared" si="253"/>
        <v>270.31274999999999</v>
      </c>
    </row>
    <row r="16238" spans="1:3" x14ac:dyDescent="0.25">
      <c r="A16238" s="2" t="s">
        <v>7896</v>
      </c>
      <c r="B16238" s="6">
        <v>270329.39999999997</v>
      </c>
      <c r="C16238" s="7">
        <f t="shared" si="253"/>
        <v>270.32939999999996</v>
      </c>
    </row>
    <row r="16239" spans="1:3" x14ac:dyDescent="0.25">
      <c r="A16239" s="2" t="s">
        <v>7897</v>
      </c>
      <c r="B16239" s="6">
        <v>270346.05</v>
      </c>
      <c r="C16239" s="7">
        <f t="shared" si="253"/>
        <v>270.34604999999999</v>
      </c>
    </row>
    <row r="16240" spans="1:3" x14ac:dyDescent="0.25">
      <c r="A16240" s="2" t="s">
        <v>7898</v>
      </c>
      <c r="B16240" s="6">
        <v>270362.69999999995</v>
      </c>
      <c r="C16240" s="7">
        <f t="shared" si="253"/>
        <v>270.36269999999996</v>
      </c>
    </row>
    <row r="16241" spans="1:3" x14ac:dyDescent="0.25">
      <c r="A16241" s="2" t="s">
        <v>7899</v>
      </c>
      <c r="B16241" s="6">
        <v>270379.34999999998</v>
      </c>
      <c r="C16241" s="7">
        <f t="shared" si="253"/>
        <v>270.37934999999999</v>
      </c>
    </row>
    <row r="16242" spans="1:3" x14ac:dyDescent="0.25">
      <c r="A16242" s="2" t="s">
        <v>7900</v>
      </c>
      <c r="B16242" s="6">
        <v>270396</v>
      </c>
      <c r="C16242" s="7">
        <f t="shared" si="253"/>
        <v>270.39600000000002</v>
      </c>
    </row>
    <row r="16243" spans="1:3" x14ac:dyDescent="0.25">
      <c r="A16243" s="2" t="s">
        <v>7901</v>
      </c>
      <c r="B16243" s="6">
        <v>270412.64999999997</v>
      </c>
      <c r="C16243" s="7">
        <f t="shared" si="253"/>
        <v>270.41264999999999</v>
      </c>
    </row>
    <row r="16244" spans="1:3" x14ac:dyDescent="0.25">
      <c r="A16244" s="2" t="s">
        <v>7902</v>
      </c>
      <c r="B16244" s="6">
        <v>270429.3</v>
      </c>
      <c r="C16244" s="7">
        <f t="shared" si="253"/>
        <v>270.42930000000001</v>
      </c>
    </row>
    <row r="16245" spans="1:3" x14ac:dyDescent="0.25">
      <c r="A16245" s="2" t="s">
        <v>7903</v>
      </c>
      <c r="B16245" s="6">
        <v>270445.94999999995</v>
      </c>
      <c r="C16245" s="7">
        <f t="shared" si="253"/>
        <v>270.44594999999993</v>
      </c>
    </row>
    <row r="16246" spans="1:3" x14ac:dyDescent="0.25">
      <c r="A16246" s="2" t="s">
        <v>7904</v>
      </c>
      <c r="B16246" s="6">
        <v>270462.59999999998</v>
      </c>
      <c r="C16246" s="7">
        <f t="shared" si="253"/>
        <v>270.46259999999995</v>
      </c>
    </row>
    <row r="16247" spans="1:3" x14ac:dyDescent="0.25">
      <c r="A16247" s="2" t="s">
        <v>7905</v>
      </c>
      <c r="B16247" s="6">
        <v>270479.25</v>
      </c>
      <c r="C16247" s="7">
        <f t="shared" si="253"/>
        <v>270.47924999999998</v>
      </c>
    </row>
    <row r="16248" spans="1:3" x14ac:dyDescent="0.25">
      <c r="A16248" s="2" t="s">
        <v>7906</v>
      </c>
      <c r="B16248" s="6">
        <v>270495.89999999997</v>
      </c>
      <c r="C16248" s="7">
        <f t="shared" si="253"/>
        <v>270.49589999999995</v>
      </c>
    </row>
    <row r="16249" spans="1:3" x14ac:dyDescent="0.25">
      <c r="A16249" s="2" t="s">
        <v>7907</v>
      </c>
      <c r="B16249" s="6">
        <v>270512.55</v>
      </c>
      <c r="C16249" s="7">
        <f t="shared" si="253"/>
        <v>270.51254999999998</v>
      </c>
    </row>
    <row r="16250" spans="1:3" x14ac:dyDescent="0.25">
      <c r="A16250" s="2" t="s">
        <v>7908</v>
      </c>
      <c r="B16250" s="6">
        <v>270529.19999999995</v>
      </c>
      <c r="C16250" s="7">
        <f t="shared" si="253"/>
        <v>270.52919999999995</v>
      </c>
    </row>
    <row r="16251" spans="1:3" x14ac:dyDescent="0.25">
      <c r="A16251" s="2" t="s">
        <v>7909</v>
      </c>
      <c r="B16251" s="6">
        <v>270545.84999999998</v>
      </c>
      <c r="C16251" s="7">
        <f t="shared" si="253"/>
        <v>270.54584999999997</v>
      </c>
    </row>
    <row r="16252" spans="1:3" x14ac:dyDescent="0.25">
      <c r="A16252" s="2" t="s">
        <v>7910</v>
      </c>
      <c r="B16252" s="6">
        <v>270562.5</v>
      </c>
      <c r="C16252" s="7">
        <f t="shared" si="253"/>
        <v>270.5625</v>
      </c>
    </row>
    <row r="16253" spans="1:3" x14ac:dyDescent="0.25">
      <c r="A16253" s="2" t="s">
        <v>7911</v>
      </c>
      <c r="B16253" s="6">
        <v>270579.14999999997</v>
      </c>
      <c r="C16253" s="7">
        <f t="shared" si="253"/>
        <v>270.57914999999997</v>
      </c>
    </row>
    <row r="16254" spans="1:3" x14ac:dyDescent="0.25">
      <c r="A16254" s="2" t="s">
        <v>7912</v>
      </c>
      <c r="B16254" s="6">
        <v>270595.8</v>
      </c>
      <c r="C16254" s="7">
        <f t="shared" si="253"/>
        <v>270.5958</v>
      </c>
    </row>
    <row r="16255" spans="1:3" x14ac:dyDescent="0.25">
      <c r="A16255" s="2" t="s">
        <v>7913</v>
      </c>
      <c r="B16255" s="6">
        <v>270612.44999999995</v>
      </c>
      <c r="C16255" s="7">
        <f t="shared" si="253"/>
        <v>270.61244999999997</v>
      </c>
    </row>
    <row r="16256" spans="1:3" x14ac:dyDescent="0.25">
      <c r="A16256" s="2" t="s">
        <v>7914</v>
      </c>
      <c r="B16256" s="6">
        <v>270629.09999999998</v>
      </c>
      <c r="C16256" s="7">
        <f t="shared" si="253"/>
        <v>270.62909999999999</v>
      </c>
    </row>
    <row r="16257" spans="1:3" x14ac:dyDescent="0.25">
      <c r="A16257" s="2" t="s">
        <v>7915</v>
      </c>
      <c r="B16257" s="6">
        <v>270645.75</v>
      </c>
      <c r="C16257" s="7">
        <f t="shared" si="253"/>
        <v>270.64575000000002</v>
      </c>
    </row>
    <row r="16258" spans="1:3" x14ac:dyDescent="0.25">
      <c r="A16258" s="2" t="s">
        <v>7916</v>
      </c>
      <c r="B16258" s="6">
        <v>270662.39999999997</v>
      </c>
      <c r="C16258" s="7">
        <f t="shared" si="253"/>
        <v>270.66239999999999</v>
      </c>
    </row>
    <row r="16259" spans="1:3" x14ac:dyDescent="0.25">
      <c r="A16259" s="2" t="s">
        <v>7917</v>
      </c>
      <c r="B16259" s="6">
        <v>270679.05</v>
      </c>
      <c r="C16259" s="7">
        <f t="shared" ref="C16259:C16322" si="254">B16259/1000</f>
        <v>270.67904999999996</v>
      </c>
    </row>
    <row r="16260" spans="1:3" x14ac:dyDescent="0.25">
      <c r="A16260" s="2" t="s">
        <v>7918</v>
      </c>
      <c r="B16260" s="6">
        <v>270695.69999999995</v>
      </c>
      <c r="C16260" s="7">
        <f t="shared" si="254"/>
        <v>270.69569999999993</v>
      </c>
    </row>
    <row r="16261" spans="1:3" x14ac:dyDescent="0.25">
      <c r="A16261" s="2" t="s">
        <v>7919</v>
      </c>
      <c r="B16261" s="6">
        <v>270712.34999999998</v>
      </c>
      <c r="C16261" s="7">
        <f t="shared" si="254"/>
        <v>270.71234999999996</v>
      </c>
    </row>
    <row r="16262" spans="1:3" x14ac:dyDescent="0.25">
      <c r="A16262" s="2" t="s">
        <v>7920</v>
      </c>
      <c r="B16262" s="6">
        <v>270729</v>
      </c>
      <c r="C16262" s="7">
        <f t="shared" si="254"/>
        <v>270.72899999999998</v>
      </c>
    </row>
    <row r="16263" spans="1:3" x14ac:dyDescent="0.25">
      <c r="A16263" s="2" t="s">
        <v>7921</v>
      </c>
      <c r="B16263" s="6">
        <v>270745.64999999997</v>
      </c>
      <c r="C16263" s="7">
        <f t="shared" si="254"/>
        <v>270.74564999999996</v>
      </c>
    </row>
    <row r="16264" spans="1:3" x14ac:dyDescent="0.25">
      <c r="A16264" s="2" t="s">
        <v>7922</v>
      </c>
      <c r="B16264" s="6">
        <v>270762.3</v>
      </c>
      <c r="C16264" s="7">
        <f t="shared" si="254"/>
        <v>270.76229999999998</v>
      </c>
    </row>
    <row r="16265" spans="1:3" x14ac:dyDescent="0.25">
      <c r="A16265" s="2" t="s">
        <v>7923</v>
      </c>
      <c r="B16265" s="6">
        <v>270778.94999999995</v>
      </c>
      <c r="C16265" s="7">
        <f t="shared" si="254"/>
        <v>270.77894999999995</v>
      </c>
    </row>
    <row r="16266" spans="1:3" x14ac:dyDescent="0.25">
      <c r="A16266" s="2" t="s">
        <v>7924</v>
      </c>
      <c r="B16266" s="6">
        <v>270795.59999999998</v>
      </c>
      <c r="C16266" s="7">
        <f t="shared" si="254"/>
        <v>270.79559999999998</v>
      </c>
    </row>
    <row r="16267" spans="1:3" x14ac:dyDescent="0.25">
      <c r="A16267" s="2" t="s">
        <v>7925</v>
      </c>
      <c r="B16267" s="6">
        <v>270812.25</v>
      </c>
      <c r="C16267" s="7">
        <f t="shared" si="254"/>
        <v>270.81225000000001</v>
      </c>
    </row>
    <row r="16268" spans="1:3" x14ac:dyDescent="0.25">
      <c r="A16268" s="2" t="s">
        <v>7926</v>
      </c>
      <c r="B16268" s="6">
        <v>270828.89999999997</v>
      </c>
      <c r="C16268" s="7">
        <f t="shared" si="254"/>
        <v>270.82889999999998</v>
      </c>
    </row>
    <row r="16269" spans="1:3" x14ac:dyDescent="0.25">
      <c r="A16269" s="2" t="s">
        <v>7927</v>
      </c>
      <c r="B16269" s="6">
        <v>270845.55</v>
      </c>
      <c r="C16269" s="7">
        <f t="shared" si="254"/>
        <v>270.84555</v>
      </c>
    </row>
    <row r="16270" spans="1:3" x14ac:dyDescent="0.25">
      <c r="A16270" s="2" t="s">
        <v>7928</v>
      </c>
      <c r="B16270" s="6">
        <v>270862.19999999995</v>
      </c>
      <c r="C16270" s="7">
        <f t="shared" si="254"/>
        <v>270.86219999999997</v>
      </c>
    </row>
    <row r="16271" spans="1:3" x14ac:dyDescent="0.25">
      <c r="A16271" s="2" t="s">
        <v>7929</v>
      </c>
      <c r="B16271" s="6">
        <v>270878.84999999998</v>
      </c>
      <c r="C16271" s="7">
        <f t="shared" si="254"/>
        <v>270.87885</v>
      </c>
    </row>
    <row r="16272" spans="1:3" x14ac:dyDescent="0.25">
      <c r="A16272" s="2" t="s">
        <v>7930</v>
      </c>
      <c r="B16272" s="6">
        <v>270895.5</v>
      </c>
      <c r="C16272" s="7">
        <f t="shared" si="254"/>
        <v>270.89550000000003</v>
      </c>
    </row>
    <row r="16273" spans="1:3" x14ac:dyDescent="0.25">
      <c r="A16273" s="2" t="s">
        <v>7931</v>
      </c>
      <c r="B16273" s="6">
        <v>270912.14999999997</v>
      </c>
      <c r="C16273" s="7">
        <f t="shared" si="254"/>
        <v>270.91214999999994</v>
      </c>
    </row>
    <row r="16274" spans="1:3" x14ac:dyDescent="0.25">
      <c r="A16274" s="2" t="s">
        <v>7932</v>
      </c>
      <c r="B16274" s="6">
        <v>270928.8</v>
      </c>
      <c r="C16274" s="7">
        <f t="shared" si="254"/>
        <v>270.92879999999997</v>
      </c>
    </row>
    <row r="16275" spans="1:3" x14ac:dyDescent="0.25">
      <c r="A16275" s="2" t="s">
        <v>7933</v>
      </c>
      <c r="B16275" s="6">
        <v>270945.44999999995</v>
      </c>
      <c r="C16275" s="7">
        <f t="shared" si="254"/>
        <v>270.94544999999994</v>
      </c>
    </row>
    <row r="16276" spans="1:3" x14ac:dyDescent="0.25">
      <c r="A16276" s="2" t="s">
        <v>7934</v>
      </c>
      <c r="B16276" s="6">
        <v>270962.09999999998</v>
      </c>
      <c r="C16276" s="7">
        <f t="shared" si="254"/>
        <v>270.96209999999996</v>
      </c>
    </row>
    <row r="16277" spans="1:3" x14ac:dyDescent="0.25">
      <c r="A16277" s="2" t="s">
        <v>7935</v>
      </c>
      <c r="B16277" s="6">
        <v>270978.75</v>
      </c>
      <c r="C16277" s="7">
        <f t="shared" si="254"/>
        <v>270.97874999999999</v>
      </c>
    </row>
    <row r="16278" spans="1:3" x14ac:dyDescent="0.25">
      <c r="A16278" s="2" t="s">
        <v>7936</v>
      </c>
      <c r="B16278" s="6">
        <v>270995.39999999997</v>
      </c>
      <c r="C16278" s="7">
        <f t="shared" si="254"/>
        <v>270.99539999999996</v>
      </c>
    </row>
    <row r="16279" spans="1:3" x14ac:dyDescent="0.25">
      <c r="A16279" s="2" t="s">
        <v>7937</v>
      </c>
      <c r="B16279" s="6">
        <v>271012.05</v>
      </c>
      <c r="C16279" s="7">
        <f t="shared" si="254"/>
        <v>271.01204999999999</v>
      </c>
    </row>
    <row r="16280" spans="1:3" x14ac:dyDescent="0.25">
      <c r="A16280" s="2" t="s">
        <v>7938</v>
      </c>
      <c r="B16280" s="6">
        <v>271028.69999999995</v>
      </c>
      <c r="C16280" s="7">
        <f t="shared" si="254"/>
        <v>271.02869999999996</v>
      </c>
    </row>
    <row r="16281" spans="1:3" x14ac:dyDescent="0.25">
      <c r="A16281" s="2" t="s">
        <v>7939</v>
      </c>
      <c r="B16281" s="6">
        <v>271045.34999999998</v>
      </c>
      <c r="C16281" s="7">
        <f t="shared" si="254"/>
        <v>271.04534999999998</v>
      </c>
    </row>
    <row r="16282" spans="1:3" x14ac:dyDescent="0.25">
      <c r="A16282" s="2" t="s">
        <v>7940</v>
      </c>
      <c r="B16282" s="6">
        <v>271062</v>
      </c>
      <c r="C16282" s="7">
        <f t="shared" si="254"/>
        <v>271.06200000000001</v>
      </c>
    </row>
    <row r="16283" spans="1:3" x14ac:dyDescent="0.25">
      <c r="A16283" s="2" t="s">
        <v>7941</v>
      </c>
      <c r="B16283" s="6">
        <v>271078.64999999997</v>
      </c>
      <c r="C16283" s="7">
        <f t="shared" si="254"/>
        <v>271.07864999999998</v>
      </c>
    </row>
    <row r="16284" spans="1:3" x14ac:dyDescent="0.25">
      <c r="A16284" s="2" t="s">
        <v>7942</v>
      </c>
      <c r="B16284" s="6">
        <v>271095.3</v>
      </c>
      <c r="C16284" s="7">
        <f t="shared" si="254"/>
        <v>271.09530000000001</v>
      </c>
    </row>
    <row r="16285" spans="1:3" x14ac:dyDescent="0.25">
      <c r="A16285" s="2" t="s">
        <v>7943</v>
      </c>
      <c r="B16285" s="6">
        <v>271111.94999999995</v>
      </c>
      <c r="C16285" s="7">
        <f t="shared" si="254"/>
        <v>271.11194999999998</v>
      </c>
    </row>
    <row r="16286" spans="1:3" x14ac:dyDescent="0.25">
      <c r="A16286" s="2" t="s">
        <v>7944</v>
      </c>
      <c r="B16286" s="6">
        <v>271128.59999999998</v>
      </c>
      <c r="C16286" s="7">
        <f t="shared" si="254"/>
        <v>271.12859999999995</v>
      </c>
    </row>
    <row r="16287" spans="1:3" x14ac:dyDescent="0.25">
      <c r="A16287" s="2" t="s">
        <v>7945</v>
      </c>
      <c r="B16287" s="6">
        <v>271145.25</v>
      </c>
      <c r="C16287" s="7">
        <f t="shared" si="254"/>
        <v>271.14524999999998</v>
      </c>
    </row>
    <row r="16288" spans="1:3" x14ac:dyDescent="0.25">
      <c r="A16288" s="2" t="s">
        <v>7946</v>
      </c>
      <c r="B16288" s="6">
        <v>271161.89999999997</v>
      </c>
      <c r="C16288" s="7">
        <f t="shared" si="254"/>
        <v>271.16189999999995</v>
      </c>
    </row>
    <row r="16289" spans="1:3" x14ac:dyDescent="0.25">
      <c r="A16289" s="2" t="s">
        <v>7947</v>
      </c>
      <c r="B16289" s="6">
        <v>271178.55</v>
      </c>
      <c r="C16289" s="7">
        <f t="shared" si="254"/>
        <v>271.17854999999997</v>
      </c>
    </row>
    <row r="16290" spans="1:3" x14ac:dyDescent="0.25">
      <c r="A16290" s="2" t="s">
        <v>7948</v>
      </c>
      <c r="B16290" s="6">
        <v>271195.19999999995</v>
      </c>
      <c r="C16290" s="7">
        <f t="shared" si="254"/>
        <v>271.19519999999994</v>
      </c>
    </row>
    <row r="16291" spans="1:3" x14ac:dyDescent="0.25">
      <c r="A16291" s="2" t="s">
        <v>7949</v>
      </c>
      <c r="B16291" s="6">
        <v>271211.84999999998</v>
      </c>
      <c r="C16291" s="7">
        <f t="shared" si="254"/>
        <v>271.21184999999997</v>
      </c>
    </row>
    <row r="16292" spans="1:3" x14ac:dyDescent="0.25">
      <c r="A16292" s="2" t="s">
        <v>7950</v>
      </c>
      <c r="B16292" s="6">
        <v>271228.5</v>
      </c>
      <c r="C16292" s="7">
        <f t="shared" si="254"/>
        <v>271.2285</v>
      </c>
    </row>
    <row r="16293" spans="1:3" x14ac:dyDescent="0.25">
      <c r="A16293" s="2" t="s">
        <v>7951</v>
      </c>
      <c r="B16293" s="6">
        <v>271245.14999999997</v>
      </c>
      <c r="C16293" s="7">
        <f t="shared" si="254"/>
        <v>271.24514999999997</v>
      </c>
    </row>
    <row r="16294" spans="1:3" x14ac:dyDescent="0.25">
      <c r="A16294" s="2" t="s">
        <v>7952</v>
      </c>
      <c r="B16294" s="6">
        <v>271261.8</v>
      </c>
      <c r="C16294" s="7">
        <f t="shared" si="254"/>
        <v>271.26179999999999</v>
      </c>
    </row>
    <row r="16295" spans="1:3" x14ac:dyDescent="0.25">
      <c r="A16295" s="2" t="s">
        <v>7953</v>
      </c>
      <c r="B16295" s="6">
        <v>271278.44999999995</v>
      </c>
      <c r="C16295" s="7">
        <f t="shared" si="254"/>
        <v>271.27844999999996</v>
      </c>
    </row>
    <row r="16296" spans="1:3" x14ac:dyDescent="0.25">
      <c r="A16296" s="2" t="s">
        <v>7954</v>
      </c>
      <c r="B16296" s="6">
        <v>271295.09999999998</v>
      </c>
      <c r="C16296" s="7">
        <f t="shared" si="254"/>
        <v>271.29509999999999</v>
      </c>
    </row>
    <row r="16297" spans="1:3" x14ac:dyDescent="0.25">
      <c r="A16297" s="2" t="s">
        <v>7955</v>
      </c>
      <c r="B16297" s="6">
        <v>271311.75</v>
      </c>
      <c r="C16297" s="7">
        <f t="shared" si="254"/>
        <v>271.31175000000002</v>
      </c>
    </row>
    <row r="16298" spans="1:3" x14ac:dyDescent="0.25">
      <c r="A16298" s="2" t="s">
        <v>7956</v>
      </c>
      <c r="B16298" s="6">
        <v>271328.39999999997</v>
      </c>
      <c r="C16298" s="7">
        <f t="shared" si="254"/>
        <v>271.32839999999999</v>
      </c>
    </row>
    <row r="16299" spans="1:3" x14ac:dyDescent="0.25">
      <c r="A16299" s="2" t="s">
        <v>7957</v>
      </c>
      <c r="B16299" s="6">
        <v>271345.05</v>
      </c>
      <c r="C16299" s="7">
        <f t="shared" si="254"/>
        <v>271.34505000000001</v>
      </c>
    </row>
    <row r="16300" spans="1:3" x14ac:dyDescent="0.25">
      <c r="A16300" s="2" t="s">
        <v>7958</v>
      </c>
      <c r="B16300" s="6">
        <v>271361.69999999995</v>
      </c>
      <c r="C16300" s="7">
        <f t="shared" si="254"/>
        <v>271.36169999999993</v>
      </c>
    </row>
    <row r="16301" spans="1:3" x14ac:dyDescent="0.25">
      <c r="A16301" s="2" t="s">
        <v>7959</v>
      </c>
      <c r="B16301" s="6">
        <v>271378.34999999998</v>
      </c>
      <c r="C16301" s="7">
        <f t="shared" si="254"/>
        <v>271.37834999999995</v>
      </c>
    </row>
    <row r="16302" spans="1:3" x14ac:dyDescent="0.25">
      <c r="A16302" s="2" t="s">
        <v>7960</v>
      </c>
      <c r="B16302" s="6">
        <v>271395</v>
      </c>
      <c r="C16302" s="7">
        <f t="shared" si="254"/>
        <v>271.39499999999998</v>
      </c>
    </row>
    <row r="16303" spans="1:3" x14ac:dyDescent="0.25">
      <c r="A16303" s="2" t="s">
        <v>7961</v>
      </c>
      <c r="B16303" s="6">
        <v>271411.64999999997</v>
      </c>
      <c r="C16303" s="7">
        <f t="shared" si="254"/>
        <v>271.41164999999995</v>
      </c>
    </row>
    <row r="16304" spans="1:3" x14ac:dyDescent="0.25">
      <c r="A16304" s="2" t="s">
        <v>7962</v>
      </c>
      <c r="B16304" s="6">
        <v>271428.3</v>
      </c>
      <c r="C16304" s="7">
        <f t="shared" si="254"/>
        <v>271.42829999999998</v>
      </c>
    </row>
    <row r="16305" spans="1:3" x14ac:dyDescent="0.25">
      <c r="A16305" s="2" t="s">
        <v>7963</v>
      </c>
      <c r="B16305" s="6">
        <v>271444.94999999995</v>
      </c>
      <c r="C16305" s="7">
        <f t="shared" si="254"/>
        <v>271.44494999999995</v>
      </c>
    </row>
    <row r="16306" spans="1:3" x14ac:dyDescent="0.25">
      <c r="A16306" s="2" t="s">
        <v>7964</v>
      </c>
      <c r="B16306" s="6">
        <v>271461.59999999998</v>
      </c>
      <c r="C16306" s="7">
        <f t="shared" si="254"/>
        <v>271.46159999999998</v>
      </c>
    </row>
    <row r="16307" spans="1:3" x14ac:dyDescent="0.25">
      <c r="A16307" s="2" t="s">
        <v>7965</v>
      </c>
      <c r="B16307" s="6">
        <v>271478.25</v>
      </c>
      <c r="C16307" s="7">
        <f t="shared" si="254"/>
        <v>271.47825</v>
      </c>
    </row>
    <row r="16308" spans="1:3" x14ac:dyDescent="0.25">
      <c r="A16308" s="2" t="s">
        <v>7966</v>
      </c>
      <c r="B16308" s="6">
        <v>271494.89999999997</v>
      </c>
      <c r="C16308" s="7">
        <f t="shared" si="254"/>
        <v>271.49489999999997</v>
      </c>
    </row>
    <row r="16309" spans="1:3" x14ac:dyDescent="0.25">
      <c r="A16309" s="2" t="s">
        <v>7967</v>
      </c>
      <c r="B16309" s="6">
        <v>271511.55</v>
      </c>
      <c r="C16309" s="7">
        <f t="shared" si="254"/>
        <v>271.51155</v>
      </c>
    </row>
    <row r="16310" spans="1:3" x14ac:dyDescent="0.25">
      <c r="A16310" s="2" t="s">
        <v>7968</v>
      </c>
      <c r="B16310" s="6">
        <v>271528.19999999995</v>
      </c>
      <c r="C16310" s="7">
        <f t="shared" si="254"/>
        <v>271.52819999999997</v>
      </c>
    </row>
    <row r="16311" spans="1:3" x14ac:dyDescent="0.25">
      <c r="A16311" s="2" t="s">
        <v>7969</v>
      </c>
      <c r="B16311" s="6">
        <v>271544.84999999998</v>
      </c>
      <c r="C16311" s="7">
        <f t="shared" si="254"/>
        <v>271.54485</v>
      </c>
    </row>
    <row r="16312" spans="1:3" x14ac:dyDescent="0.25">
      <c r="A16312" s="2" t="s">
        <v>7970</v>
      </c>
      <c r="B16312" s="6">
        <v>271561.5</v>
      </c>
      <c r="C16312" s="7">
        <f t="shared" si="254"/>
        <v>271.56150000000002</v>
      </c>
    </row>
    <row r="16313" spans="1:3" x14ac:dyDescent="0.25">
      <c r="A16313" s="2" t="s">
        <v>7971</v>
      </c>
      <c r="B16313" s="6">
        <v>271578.14999999997</v>
      </c>
      <c r="C16313" s="7">
        <f t="shared" si="254"/>
        <v>271.57814999999994</v>
      </c>
    </row>
    <row r="16314" spans="1:3" x14ac:dyDescent="0.25">
      <c r="A16314" s="2" t="s">
        <v>7972</v>
      </c>
      <c r="B16314" s="6">
        <v>271594.8</v>
      </c>
      <c r="C16314" s="7">
        <f t="shared" si="254"/>
        <v>271.59479999999996</v>
      </c>
    </row>
    <row r="16315" spans="1:3" x14ac:dyDescent="0.25">
      <c r="A16315" s="2" t="s">
        <v>7973</v>
      </c>
      <c r="B16315" s="6">
        <v>271611.44999999995</v>
      </c>
      <c r="C16315" s="7">
        <f t="shared" si="254"/>
        <v>271.61144999999993</v>
      </c>
    </row>
    <row r="16316" spans="1:3" x14ac:dyDescent="0.25">
      <c r="A16316" s="2" t="s">
        <v>7974</v>
      </c>
      <c r="B16316" s="6">
        <v>271628.09999999998</v>
      </c>
      <c r="C16316" s="7">
        <f t="shared" si="254"/>
        <v>271.62809999999996</v>
      </c>
    </row>
    <row r="16317" spans="1:3" x14ac:dyDescent="0.25">
      <c r="A16317" s="2" t="s">
        <v>7975</v>
      </c>
      <c r="B16317" s="6">
        <v>271644.75</v>
      </c>
      <c r="C16317" s="7">
        <f t="shared" si="254"/>
        <v>271.64474999999999</v>
      </c>
    </row>
    <row r="16318" spans="1:3" x14ac:dyDescent="0.25">
      <c r="A16318" s="2" t="s">
        <v>7976</v>
      </c>
      <c r="B16318" s="6">
        <v>271661.39999999997</v>
      </c>
      <c r="C16318" s="7">
        <f t="shared" si="254"/>
        <v>271.66139999999996</v>
      </c>
    </row>
    <row r="16319" spans="1:3" x14ac:dyDescent="0.25">
      <c r="A16319" s="2" t="s">
        <v>7977</v>
      </c>
      <c r="B16319" s="6">
        <v>271678.05</v>
      </c>
      <c r="C16319" s="7">
        <f t="shared" si="254"/>
        <v>271.67804999999998</v>
      </c>
    </row>
    <row r="16320" spans="1:3" x14ac:dyDescent="0.25">
      <c r="A16320" s="2" t="s">
        <v>7978</v>
      </c>
      <c r="B16320" s="6">
        <v>271694.69999999995</v>
      </c>
      <c r="C16320" s="7">
        <f t="shared" si="254"/>
        <v>271.69469999999995</v>
      </c>
    </row>
    <row r="16321" spans="1:3" x14ac:dyDescent="0.25">
      <c r="A16321" s="2" t="s">
        <v>7979</v>
      </c>
      <c r="B16321" s="6">
        <v>271711.34999999998</v>
      </c>
      <c r="C16321" s="7">
        <f t="shared" si="254"/>
        <v>271.71134999999998</v>
      </c>
    </row>
    <row r="16322" spans="1:3" x14ac:dyDescent="0.25">
      <c r="A16322" s="2" t="s">
        <v>7980</v>
      </c>
      <c r="B16322" s="6">
        <v>271728</v>
      </c>
      <c r="C16322" s="7">
        <f t="shared" si="254"/>
        <v>271.72800000000001</v>
      </c>
    </row>
    <row r="16323" spans="1:3" x14ac:dyDescent="0.25">
      <c r="A16323" s="2" t="s">
        <v>7981</v>
      </c>
      <c r="B16323" s="6">
        <v>271744.64999999997</v>
      </c>
      <c r="C16323" s="7">
        <f t="shared" ref="C16323:C16386" si="255">B16323/1000</f>
        <v>271.74464999999998</v>
      </c>
    </row>
    <row r="16324" spans="1:3" x14ac:dyDescent="0.25">
      <c r="A16324" s="2" t="s">
        <v>7982</v>
      </c>
      <c r="B16324" s="6">
        <v>271761.3</v>
      </c>
      <c r="C16324" s="7">
        <f t="shared" si="255"/>
        <v>271.76130000000001</v>
      </c>
    </row>
    <row r="16325" spans="1:3" x14ac:dyDescent="0.25">
      <c r="A16325" s="2" t="s">
        <v>7983</v>
      </c>
      <c r="B16325" s="6">
        <v>271777.94999999995</v>
      </c>
      <c r="C16325" s="7">
        <f t="shared" si="255"/>
        <v>271.77794999999998</v>
      </c>
    </row>
    <row r="16326" spans="1:3" x14ac:dyDescent="0.25">
      <c r="A16326" s="2" t="s">
        <v>7984</v>
      </c>
      <c r="B16326" s="6">
        <v>271794.59999999998</v>
      </c>
      <c r="C16326" s="7">
        <f t="shared" si="255"/>
        <v>271.7946</v>
      </c>
    </row>
    <row r="16327" spans="1:3" x14ac:dyDescent="0.25">
      <c r="A16327" s="2" t="s">
        <v>7985</v>
      </c>
      <c r="B16327" s="6">
        <v>271811.25</v>
      </c>
      <c r="C16327" s="7">
        <f t="shared" si="255"/>
        <v>271.81124999999997</v>
      </c>
    </row>
    <row r="16328" spans="1:3" x14ac:dyDescent="0.25">
      <c r="A16328" s="2" t="s">
        <v>7986</v>
      </c>
      <c r="B16328" s="6">
        <v>271827.89999999997</v>
      </c>
      <c r="C16328" s="7">
        <f t="shared" si="255"/>
        <v>271.82789999999994</v>
      </c>
    </row>
    <row r="16329" spans="1:3" x14ac:dyDescent="0.25">
      <c r="A16329" s="2" t="s">
        <v>7987</v>
      </c>
      <c r="B16329" s="6">
        <v>271844.55</v>
      </c>
      <c r="C16329" s="7">
        <f t="shared" si="255"/>
        <v>271.84454999999997</v>
      </c>
    </row>
    <row r="16330" spans="1:3" x14ac:dyDescent="0.25">
      <c r="A16330" s="2" t="s">
        <v>7988</v>
      </c>
      <c r="B16330" s="6">
        <v>271861.19999999995</v>
      </c>
      <c r="C16330" s="7">
        <f t="shared" si="255"/>
        <v>271.86119999999994</v>
      </c>
    </row>
    <row r="16331" spans="1:3" x14ac:dyDescent="0.25">
      <c r="A16331" s="2" t="s">
        <v>7989</v>
      </c>
      <c r="B16331" s="6">
        <v>271877.84999999998</v>
      </c>
      <c r="C16331" s="7">
        <f t="shared" si="255"/>
        <v>271.87784999999997</v>
      </c>
    </row>
    <row r="16332" spans="1:3" x14ac:dyDescent="0.25">
      <c r="A16332" s="2" t="s">
        <v>7990</v>
      </c>
      <c r="B16332" s="6">
        <v>271894.5</v>
      </c>
      <c r="C16332" s="7">
        <f t="shared" si="255"/>
        <v>271.89449999999999</v>
      </c>
    </row>
    <row r="16333" spans="1:3" x14ac:dyDescent="0.25">
      <c r="A16333" s="2" t="s">
        <v>7991</v>
      </c>
      <c r="B16333" s="6">
        <v>271911.14999999997</v>
      </c>
      <c r="C16333" s="7">
        <f t="shared" si="255"/>
        <v>271.91114999999996</v>
      </c>
    </row>
    <row r="16334" spans="1:3" x14ac:dyDescent="0.25">
      <c r="A16334" s="2" t="s">
        <v>7992</v>
      </c>
      <c r="B16334" s="6">
        <v>271927.8</v>
      </c>
      <c r="C16334" s="7">
        <f t="shared" si="255"/>
        <v>271.92779999999999</v>
      </c>
    </row>
    <row r="16335" spans="1:3" x14ac:dyDescent="0.25">
      <c r="A16335" s="2" t="s">
        <v>7993</v>
      </c>
      <c r="B16335" s="6">
        <v>271944.44999999995</v>
      </c>
      <c r="C16335" s="7">
        <f t="shared" si="255"/>
        <v>271.94444999999996</v>
      </c>
    </row>
    <row r="16336" spans="1:3" x14ac:dyDescent="0.25">
      <c r="A16336" s="2" t="s">
        <v>7994</v>
      </c>
      <c r="B16336" s="6">
        <v>271961.09999999998</v>
      </c>
      <c r="C16336" s="7">
        <f t="shared" si="255"/>
        <v>271.96109999999999</v>
      </c>
    </row>
    <row r="16337" spans="1:3" x14ac:dyDescent="0.25">
      <c r="A16337" s="2" t="s">
        <v>7995</v>
      </c>
      <c r="B16337" s="6">
        <v>271977.75</v>
      </c>
      <c r="C16337" s="7">
        <f t="shared" si="255"/>
        <v>271.97775000000001</v>
      </c>
    </row>
    <row r="16338" spans="1:3" x14ac:dyDescent="0.25">
      <c r="A16338" s="2" t="s">
        <v>7996</v>
      </c>
      <c r="B16338" s="6">
        <v>271994.39999999997</v>
      </c>
      <c r="C16338" s="7">
        <f t="shared" si="255"/>
        <v>271.99439999999998</v>
      </c>
    </row>
    <row r="16339" spans="1:3" x14ac:dyDescent="0.25">
      <c r="A16339" s="2" t="s">
        <v>7997</v>
      </c>
      <c r="B16339" s="6">
        <v>272011.05</v>
      </c>
      <c r="C16339" s="7">
        <f t="shared" si="255"/>
        <v>272.01105000000001</v>
      </c>
    </row>
    <row r="16340" spans="1:3" x14ac:dyDescent="0.25">
      <c r="A16340" s="2" t="s">
        <v>7998</v>
      </c>
      <c r="B16340" s="6">
        <v>272027.69999999995</v>
      </c>
      <c r="C16340" s="7">
        <f t="shared" si="255"/>
        <v>272.02769999999998</v>
      </c>
    </row>
    <row r="16341" spans="1:3" x14ac:dyDescent="0.25">
      <c r="A16341" s="2" t="s">
        <v>7999</v>
      </c>
      <c r="B16341" s="6">
        <v>272044.34999999998</v>
      </c>
      <c r="C16341" s="7">
        <f t="shared" si="255"/>
        <v>272.04434999999995</v>
      </c>
    </row>
    <row r="16342" spans="1:3" x14ac:dyDescent="0.25">
      <c r="A16342" s="2" t="s">
        <v>8000</v>
      </c>
      <c r="B16342" s="6">
        <v>272061</v>
      </c>
      <c r="C16342" s="7">
        <f t="shared" si="255"/>
        <v>272.06099999999998</v>
      </c>
    </row>
    <row r="16343" spans="1:3" x14ac:dyDescent="0.25">
      <c r="A16343" s="2" t="s">
        <v>8001</v>
      </c>
      <c r="B16343" s="6">
        <v>272077.64999999997</v>
      </c>
      <c r="C16343" s="7">
        <f t="shared" si="255"/>
        <v>272.07764999999995</v>
      </c>
    </row>
    <row r="16344" spans="1:3" x14ac:dyDescent="0.25">
      <c r="A16344" s="2" t="s">
        <v>8002</v>
      </c>
      <c r="B16344" s="6">
        <v>272094.3</v>
      </c>
      <c r="C16344" s="7">
        <f t="shared" si="255"/>
        <v>272.09429999999998</v>
      </c>
    </row>
    <row r="16345" spans="1:3" x14ac:dyDescent="0.25">
      <c r="A16345" s="2" t="s">
        <v>8003</v>
      </c>
      <c r="B16345" s="6">
        <v>272110.94999999995</v>
      </c>
      <c r="C16345" s="7">
        <f t="shared" si="255"/>
        <v>272.11094999999995</v>
      </c>
    </row>
    <row r="16346" spans="1:3" x14ac:dyDescent="0.25">
      <c r="A16346" s="2" t="s">
        <v>8004</v>
      </c>
      <c r="B16346" s="6">
        <v>272127.59999999998</v>
      </c>
      <c r="C16346" s="7">
        <f t="shared" si="255"/>
        <v>272.12759999999997</v>
      </c>
    </row>
    <row r="16347" spans="1:3" x14ac:dyDescent="0.25">
      <c r="A16347" s="2" t="s">
        <v>8005</v>
      </c>
      <c r="B16347" s="6">
        <v>272144.25</v>
      </c>
      <c r="C16347" s="7">
        <f t="shared" si="255"/>
        <v>272.14425</v>
      </c>
    </row>
    <row r="16348" spans="1:3" x14ac:dyDescent="0.25">
      <c r="A16348" s="2" t="s">
        <v>8006</v>
      </c>
      <c r="B16348" s="6">
        <v>272160.89999999997</v>
      </c>
      <c r="C16348" s="7">
        <f t="shared" si="255"/>
        <v>272.16089999999997</v>
      </c>
    </row>
    <row r="16349" spans="1:3" x14ac:dyDescent="0.25">
      <c r="A16349" s="2" t="s">
        <v>8007</v>
      </c>
      <c r="B16349" s="6">
        <v>272177.55</v>
      </c>
      <c r="C16349" s="7">
        <f t="shared" si="255"/>
        <v>272.17755</v>
      </c>
    </row>
    <row r="16350" spans="1:3" x14ac:dyDescent="0.25">
      <c r="A16350" s="2" t="s">
        <v>8008</v>
      </c>
      <c r="B16350" s="6">
        <v>272194.19999999995</v>
      </c>
      <c r="C16350" s="7">
        <f t="shared" si="255"/>
        <v>272.19419999999997</v>
      </c>
    </row>
    <row r="16351" spans="1:3" x14ac:dyDescent="0.25">
      <c r="A16351" s="2" t="s">
        <v>8009</v>
      </c>
      <c r="B16351" s="6">
        <v>272210.84999999998</v>
      </c>
      <c r="C16351" s="7">
        <f t="shared" si="255"/>
        <v>272.21084999999999</v>
      </c>
    </row>
    <row r="16352" spans="1:3" x14ac:dyDescent="0.25">
      <c r="A16352" s="2" t="s">
        <v>8010</v>
      </c>
      <c r="B16352" s="6">
        <v>272227.5</v>
      </c>
      <c r="C16352" s="7">
        <f t="shared" si="255"/>
        <v>272.22750000000002</v>
      </c>
    </row>
    <row r="16353" spans="1:3" x14ac:dyDescent="0.25">
      <c r="A16353" s="2" t="s">
        <v>8011</v>
      </c>
      <c r="B16353" s="6">
        <v>272244.14999999997</v>
      </c>
      <c r="C16353" s="7">
        <f t="shared" si="255"/>
        <v>272.24414999999999</v>
      </c>
    </row>
    <row r="16354" spans="1:3" x14ac:dyDescent="0.25">
      <c r="A16354" s="2" t="s">
        <v>8012</v>
      </c>
      <c r="B16354" s="6">
        <v>272260.8</v>
      </c>
      <c r="C16354" s="7">
        <f t="shared" si="255"/>
        <v>272.26079999999996</v>
      </c>
    </row>
    <row r="16355" spans="1:3" x14ac:dyDescent="0.25">
      <c r="A16355" s="2" t="s">
        <v>8013</v>
      </c>
      <c r="B16355" s="6">
        <v>272277.44999999995</v>
      </c>
      <c r="C16355" s="7">
        <f t="shared" si="255"/>
        <v>272.27744999999993</v>
      </c>
    </row>
    <row r="16356" spans="1:3" x14ac:dyDescent="0.25">
      <c r="A16356" s="2" t="s">
        <v>8014</v>
      </c>
      <c r="B16356" s="6">
        <v>272294.09999999998</v>
      </c>
      <c r="C16356" s="7">
        <f t="shared" si="255"/>
        <v>272.29409999999996</v>
      </c>
    </row>
    <row r="16357" spans="1:3" x14ac:dyDescent="0.25">
      <c r="A16357" s="2" t="s">
        <v>8015</v>
      </c>
      <c r="B16357" s="6">
        <v>272310.75</v>
      </c>
      <c r="C16357" s="7">
        <f t="shared" si="255"/>
        <v>272.31074999999998</v>
      </c>
    </row>
    <row r="16358" spans="1:3" x14ac:dyDescent="0.25">
      <c r="A16358" s="2" t="s">
        <v>8016</v>
      </c>
      <c r="B16358" s="6">
        <v>272327.39999999997</v>
      </c>
      <c r="C16358" s="7">
        <f t="shared" si="255"/>
        <v>272.32739999999995</v>
      </c>
    </row>
    <row r="16359" spans="1:3" x14ac:dyDescent="0.25">
      <c r="A16359" s="2" t="s">
        <v>8017</v>
      </c>
      <c r="B16359" s="6">
        <v>272344.05</v>
      </c>
      <c r="C16359" s="7">
        <f t="shared" si="255"/>
        <v>272.34404999999998</v>
      </c>
    </row>
    <row r="16360" spans="1:3" x14ac:dyDescent="0.25">
      <c r="A16360" s="2" t="s">
        <v>8018</v>
      </c>
      <c r="B16360" s="6">
        <v>272360.69999999995</v>
      </c>
      <c r="C16360" s="7">
        <f t="shared" si="255"/>
        <v>272.36069999999995</v>
      </c>
    </row>
    <row r="16361" spans="1:3" x14ac:dyDescent="0.25">
      <c r="A16361" s="2" t="s">
        <v>8019</v>
      </c>
      <c r="B16361" s="6">
        <v>272377.34999999998</v>
      </c>
      <c r="C16361" s="7">
        <f t="shared" si="255"/>
        <v>272.37734999999998</v>
      </c>
    </row>
    <row r="16362" spans="1:3" x14ac:dyDescent="0.25">
      <c r="A16362" s="2" t="s">
        <v>8020</v>
      </c>
      <c r="B16362" s="6">
        <v>272394</v>
      </c>
      <c r="C16362" s="7">
        <f t="shared" si="255"/>
        <v>272.39400000000001</v>
      </c>
    </row>
    <row r="16363" spans="1:3" x14ac:dyDescent="0.25">
      <c r="A16363" s="2" t="s">
        <v>8021</v>
      </c>
      <c r="B16363" s="6">
        <v>272410.64999999997</v>
      </c>
      <c r="C16363" s="7">
        <f t="shared" si="255"/>
        <v>272.41064999999998</v>
      </c>
    </row>
    <row r="16364" spans="1:3" x14ac:dyDescent="0.25">
      <c r="A16364" s="2" t="s">
        <v>8022</v>
      </c>
      <c r="B16364" s="6">
        <v>272427.3</v>
      </c>
      <c r="C16364" s="7">
        <f t="shared" si="255"/>
        <v>272.4273</v>
      </c>
    </row>
    <row r="16365" spans="1:3" x14ac:dyDescent="0.25">
      <c r="A16365" s="2" t="s">
        <v>8023</v>
      </c>
      <c r="B16365" s="6">
        <v>272443.94999999995</v>
      </c>
      <c r="C16365" s="7">
        <f t="shared" si="255"/>
        <v>272.44394999999997</v>
      </c>
    </row>
    <row r="16366" spans="1:3" x14ac:dyDescent="0.25">
      <c r="A16366" s="2" t="s">
        <v>8024</v>
      </c>
      <c r="B16366" s="6">
        <v>272460.59999999998</v>
      </c>
      <c r="C16366" s="7">
        <f t="shared" si="255"/>
        <v>272.4606</v>
      </c>
    </row>
    <row r="16367" spans="1:3" x14ac:dyDescent="0.25">
      <c r="A16367" s="2" t="s">
        <v>8025</v>
      </c>
      <c r="B16367" s="6">
        <v>272477.25</v>
      </c>
      <c r="C16367" s="7">
        <f t="shared" si="255"/>
        <v>272.47725000000003</v>
      </c>
    </row>
    <row r="16368" spans="1:3" x14ac:dyDescent="0.25">
      <c r="A16368" s="2" t="s">
        <v>8026</v>
      </c>
      <c r="B16368" s="6">
        <v>272493.89999999997</v>
      </c>
      <c r="C16368" s="7">
        <f t="shared" si="255"/>
        <v>272.49389999999994</v>
      </c>
    </row>
    <row r="16369" spans="1:3" x14ac:dyDescent="0.25">
      <c r="A16369" s="2" t="s">
        <v>8027</v>
      </c>
      <c r="B16369" s="6">
        <v>272510.55</v>
      </c>
      <c r="C16369" s="7">
        <f t="shared" si="255"/>
        <v>272.51054999999997</v>
      </c>
    </row>
    <row r="16370" spans="1:3" x14ac:dyDescent="0.25">
      <c r="A16370" s="2" t="s">
        <v>8028</v>
      </c>
      <c r="B16370" s="6">
        <v>272527.19999999995</v>
      </c>
      <c r="C16370" s="7">
        <f t="shared" si="255"/>
        <v>272.52719999999994</v>
      </c>
    </row>
    <row r="16371" spans="1:3" x14ac:dyDescent="0.25">
      <c r="A16371" s="2" t="s">
        <v>8029</v>
      </c>
      <c r="B16371" s="6">
        <v>272543.84999999998</v>
      </c>
      <c r="C16371" s="7">
        <f t="shared" si="255"/>
        <v>272.54384999999996</v>
      </c>
    </row>
    <row r="16372" spans="1:3" x14ac:dyDescent="0.25">
      <c r="A16372" s="2" t="s">
        <v>8030</v>
      </c>
      <c r="B16372" s="6">
        <v>272560.5</v>
      </c>
      <c r="C16372" s="7">
        <f t="shared" si="255"/>
        <v>272.56049999999999</v>
      </c>
    </row>
    <row r="16373" spans="1:3" x14ac:dyDescent="0.25">
      <c r="A16373" s="2" t="s">
        <v>8031</v>
      </c>
      <c r="B16373" s="6">
        <v>272577.14999999997</v>
      </c>
      <c r="C16373" s="7">
        <f t="shared" si="255"/>
        <v>272.57714999999996</v>
      </c>
    </row>
    <row r="16374" spans="1:3" x14ac:dyDescent="0.25">
      <c r="A16374" s="2" t="s">
        <v>8032</v>
      </c>
      <c r="B16374" s="6">
        <v>272593.8</v>
      </c>
      <c r="C16374" s="7">
        <f t="shared" si="255"/>
        <v>272.59379999999999</v>
      </c>
    </row>
    <row r="16375" spans="1:3" x14ac:dyDescent="0.25">
      <c r="A16375" s="2" t="s">
        <v>8033</v>
      </c>
      <c r="B16375" s="6">
        <v>272610.44999999995</v>
      </c>
      <c r="C16375" s="7">
        <f t="shared" si="255"/>
        <v>272.61044999999996</v>
      </c>
    </row>
    <row r="16376" spans="1:3" x14ac:dyDescent="0.25">
      <c r="A16376" s="2" t="s">
        <v>8034</v>
      </c>
      <c r="B16376" s="6">
        <v>272627.09999999998</v>
      </c>
      <c r="C16376" s="7">
        <f t="shared" si="255"/>
        <v>272.62709999999998</v>
      </c>
    </row>
    <row r="16377" spans="1:3" x14ac:dyDescent="0.25">
      <c r="A16377" s="2" t="s">
        <v>8035</v>
      </c>
      <c r="B16377" s="6">
        <v>272643.75</v>
      </c>
      <c r="C16377" s="7">
        <f t="shared" si="255"/>
        <v>272.64375000000001</v>
      </c>
    </row>
    <row r="16378" spans="1:3" x14ac:dyDescent="0.25">
      <c r="A16378" s="2" t="s">
        <v>8036</v>
      </c>
      <c r="B16378" s="6">
        <v>272660.39999999997</v>
      </c>
      <c r="C16378" s="7">
        <f t="shared" si="255"/>
        <v>272.66039999999998</v>
      </c>
    </row>
    <row r="16379" spans="1:3" x14ac:dyDescent="0.25">
      <c r="A16379" s="2" t="s">
        <v>8037</v>
      </c>
      <c r="B16379" s="6">
        <v>272677.05</v>
      </c>
      <c r="C16379" s="7">
        <f t="shared" si="255"/>
        <v>272.67705000000001</v>
      </c>
    </row>
    <row r="16380" spans="1:3" x14ac:dyDescent="0.25">
      <c r="A16380" s="2" t="s">
        <v>8038</v>
      </c>
      <c r="B16380" s="6">
        <v>272693.69999999995</v>
      </c>
      <c r="C16380" s="7">
        <f t="shared" si="255"/>
        <v>272.69369999999998</v>
      </c>
    </row>
    <row r="16381" spans="1:3" x14ac:dyDescent="0.25">
      <c r="A16381" s="2" t="s">
        <v>8039</v>
      </c>
      <c r="B16381" s="6">
        <v>272710.34999999998</v>
      </c>
      <c r="C16381" s="7">
        <f t="shared" si="255"/>
        <v>272.71034999999995</v>
      </c>
    </row>
    <row r="16382" spans="1:3" x14ac:dyDescent="0.25">
      <c r="A16382" s="2" t="s">
        <v>8040</v>
      </c>
      <c r="B16382" s="6">
        <v>272727</v>
      </c>
      <c r="C16382" s="7">
        <f t="shared" si="255"/>
        <v>272.72699999999998</v>
      </c>
    </row>
    <row r="16383" spans="1:3" x14ac:dyDescent="0.25">
      <c r="A16383" s="2" t="s">
        <v>8041</v>
      </c>
      <c r="B16383" s="6">
        <v>272743.64999999997</v>
      </c>
      <c r="C16383" s="7">
        <f t="shared" si="255"/>
        <v>272.74364999999995</v>
      </c>
    </row>
    <row r="16384" spans="1:3" x14ac:dyDescent="0.25">
      <c r="A16384" s="2" t="s">
        <v>8042</v>
      </c>
      <c r="B16384" s="6">
        <v>272760.3</v>
      </c>
      <c r="C16384" s="7">
        <f t="shared" si="255"/>
        <v>272.76029999999997</v>
      </c>
    </row>
    <row r="16385" spans="1:3" x14ac:dyDescent="0.25">
      <c r="A16385" s="2" t="s">
        <v>8043</v>
      </c>
      <c r="B16385" s="6">
        <v>272776.94999999995</v>
      </c>
      <c r="C16385" s="7">
        <f t="shared" si="255"/>
        <v>272.77694999999994</v>
      </c>
    </row>
    <row r="16386" spans="1:3" x14ac:dyDescent="0.25">
      <c r="A16386" s="2" t="s">
        <v>8044</v>
      </c>
      <c r="B16386" s="6">
        <v>272793.59999999998</v>
      </c>
      <c r="C16386" s="7">
        <f t="shared" si="255"/>
        <v>272.79359999999997</v>
      </c>
    </row>
    <row r="16387" spans="1:3" x14ac:dyDescent="0.25">
      <c r="A16387" s="2" t="s">
        <v>8045</v>
      </c>
      <c r="B16387" s="6">
        <v>272810.25</v>
      </c>
      <c r="C16387" s="7">
        <f t="shared" ref="C16387:C16450" si="256">B16387/1000</f>
        <v>272.81025</v>
      </c>
    </row>
    <row r="16388" spans="1:3" x14ac:dyDescent="0.25">
      <c r="A16388" s="2" t="s">
        <v>8046</v>
      </c>
      <c r="B16388" s="6">
        <v>272826.89999999997</v>
      </c>
      <c r="C16388" s="7">
        <f t="shared" si="256"/>
        <v>272.82689999999997</v>
      </c>
    </row>
    <row r="16389" spans="1:3" x14ac:dyDescent="0.25">
      <c r="A16389" s="2" t="s">
        <v>8047</v>
      </c>
      <c r="B16389" s="6">
        <v>272843.55</v>
      </c>
      <c r="C16389" s="7">
        <f t="shared" si="256"/>
        <v>272.84354999999999</v>
      </c>
    </row>
    <row r="16390" spans="1:3" x14ac:dyDescent="0.25">
      <c r="A16390" s="2" t="s">
        <v>8048</v>
      </c>
      <c r="B16390" s="6">
        <v>272860.19999999995</v>
      </c>
      <c r="C16390" s="7">
        <f t="shared" si="256"/>
        <v>272.86019999999996</v>
      </c>
    </row>
    <row r="16391" spans="1:3" x14ac:dyDescent="0.25">
      <c r="A16391" s="2" t="s">
        <v>8049</v>
      </c>
      <c r="B16391" s="6">
        <v>272876.84999999998</v>
      </c>
      <c r="C16391" s="7">
        <f t="shared" si="256"/>
        <v>272.87684999999999</v>
      </c>
    </row>
    <row r="16392" spans="1:3" x14ac:dyDescent="0.25">
      <c r="A16392" s="2" t="s">
        <v>8050</v>
      </c>
      <c r="B16392" s="6">
        <v>272893.5</v>
      </c>
      <c r="C16392" s="7">
        <f t="shared" si="256"/>
        <v>272.89350000000002</v>
      </c>
    </row>
    <row r="16393" spans="1:3" x14ac:dyDescent="0.25">
      <c r="A16393" s="2" t="s">
        <v>8051</v>
      </c>
      <c r="B16393" s="6">
        <v>272910.14999999997</v>
      </c>
      <c r="C16393" s="7">
        <f t="shared" si="256"/>
        <v>272.91014999999999</v>
      </c>
    </row>
    <row r="16394" spans="1:3" x14ac:dyDescent="0.25">
      <c r="A16394" s="2" t="s">
        <v>8052</v>
      </c>
      <c r="B16394" s="6">
        <v>272926.8</v>
      </c>
      <c r="C16394" s="7">
        <f t="shared" si="256"/>
        <v>272.92680000000001</v>
      </c>
    </row>
    <row r="16395" spans="1:3" x14ac:dyDescent="0.25">
      <c r="A16395" s="2" t="s">
        <v>8053</v>
      </c>
      <c r="B16395" s="6">
        <v>272943.44999999995</v>
      </c>
      <c r="C16395" s="7">
        <f t="shared" si="256"/>
        <v>272.94344999999993</v>
      </c>
    </row>
    <row r="16396" spans="1:3" x14ac:dyDescent="0.25">
      <c r="A16396" s="2" t="s">
        <v>8054</v>
      </c>
      <c r="B16396" s="6">
        <v>272960.09999999998</v>
      </c>
      <c r="C16396" s="7">
        <f t="shared" si="256"/>
        <v>272.96009999999995</v>
      </c>
    </row>
    <row r="16397" spans="1:3" x14ac:dyDescent="0.25">
      <c r="A16397" s="2" t="s">
        <v>8055</v>
      </c>
      <c r="B16397" s="6">
        <v>272976.75</v>
      </c>
      <c r="C16397" s="7">
        <f t="shared" si="256"/>
        <v>272.97674999999998</v>
      </c>
    </row>
    <row r="16398" spans="1:3" x14ac:dyDescent="0.25">
      <c r="A16398" s="2" t="s">
        <v>8056</v>
      </c>
      <c r="B16398" s="6">
        <v>272993.39999999997</v>
      </c>
      <c r="C16398" s="7">
        <f t="shared" si="256"/>
        <v>272.99339999999995</v>
      </c>
    </row>
    <row r="16399" spans="1:3" x14ac:dyDescent="0.25">
      <c r="A16399" s="2" t="s">
        <v>8057</v>
      </c>
      <c r="B16399" s="6">
        <v>273010.05</v>
      </c>
      <c r="C16399" s="7">
        <f t="shared" si="256"/>
        <v>273.01004999999998</v>
      </c>
    </row>
    <row r="16400" spans="1:3" x14ac:dyDescent="0.25">
      <c r="A16400" s="2" t="s">
        <v>8058</v>
      </c>
      <c r="B16400" s="6">
        <v>273026.69999999995</v>
      </c>
      <c r="C16400" s="7">
        <f t="shared" si="256"/>
        <v>273.02669999999995</v>
      </c>
    </row>
    <row r="16401" spans="1:3" x14ac:dyDescent="0.25">
      <c r="A16401" s="2" t="s">
        <v>8059</v>
      </c>
      <c r="B16401" s="6">
        <v>273043.34999999998</v>
      </c>
      <c r="C16401" s="7">
        <f t="shared" si="256"/>
        <v>273.04334999999998</v>
      </c>
    </row>
    <row r="16402" spans="1:3" x14ac:dyDescent="0.25">
      <c r="A16402" s="2" t="s">
        <v>8060</v>
      </c>
      <c r="B16402" s="6">
        <v>273060</v>
      </c>
      <c r="C16402" s="7">
        <f t="shared" si="256"/>
        <v>273.06</v>
      </c>
    </row>
    <row r="16403" spans="1:3" x14ac:dyDescent="0.25">
      <c r="A16403" s="2" t="s">
        <v>8061</v>
      </c>
      <c r="B16403" s="6">
        <v>273076.64999999997</v>
      </c>
      <c r="C16403" s="7">
        <f t="shared" si="256"/>
        <v>273.07664999999997</v>
      </c>
    </row>
    <row r="16404" spans="1:3" x14ac:dyDescent="0.25">
      <c r="A16404" s="2" t="s">
        <v>8062</v>
      </c>
      <c r="B16404" s="6">
        <v>273093.3</v>
      </c>
      <c r="C16404" s="7">
        <f t="shared" si="256"/>
        <v>273.0933</v>
      </c>
    </row>
    <row r="16405" spans="1:3" x14ac:dyDescent="0.25">
      <c r="A16405" s="2" t="s">
        <v>8063</v>
      </c>
      <c r="B16405" s="6">
        <v>273109.94999999995</v>
      </c>
      <c r="C16405" s="7">
        <f t="shared" si="256"/>
        <v>273.10994999999997</v>
      </c>
    </row>
    <row r="16406" spans="1:3" x14ac:dyDescent="0.25">
      <c r="A16406" s="2" t="s">
        <v>8064</v>
      </c>
      <c r="B16406" s="6">
        <v>273126.59999999998</v>
      </c>
      <c r="C16406" s="7">
        <f t="shared" si="256"/>
        <v>273.1266</v>
      </c>
    </row>
    <row r="16407" spans="1:3" x14ac:dyDescent="0.25">
      <c r="A16407" s="2" t="s">
        <v>8065</v>
      </c>
      <c r="B16407" s="6">
        <v>273143.25</v>
      </c>
      <c r="C16407" s="7">
        <f t="shared" si="256"/>
        <v>273.14325000000002</v>
      </c>
    </row>
    <row r="16408" spans="1:3" x14ac:dyDescent="0.25">
      <c r="A16408" s="2" t="s">
        <v>8066</v>
      </c>
      <c r="B16408" s="6">
        <v>273159.89999999997</v>
      </c>
      <c r="C16408" s="7">
        <f t="shared" si="256"/>
        <v>273.15989999999999</v>
      </c>
    </row>
    <row r="16409" spans="1:3" x14ac:dyDescent="0.25">
      <c r="A16409" s="2" t="s">
        <v>8067</v>
      </c>
      <c r="B16409" s="6">
        <v>273176.55</v>
      </c>
      <c r="C16409" s="7">
        <f t="shared" si="256"/>
        <v>273.17654999999996</v>
      </c>
    </row>
    <row r="16410" spans="1:3" x14ac:dyDescent="0.25">
      <c r="A16410" s="2" t="s">
        <v>8068</v>
      </c>
      <c r="B16410" s="6">
        <v>273193.19999999995</v>
      </c>
      <c r="C16410" s="7">
        <f t="shared" si="256"/>
        <v>273.19319999999993</v>
      </c>
    </row>
    <row r="16411" spans="1:3" x14ac:dyDescent="0.25">
      <c r="A16411" s="2" t="s">
        <v>8069</v>
      </c>
      <c r="B16411" s="6">
        <v>273209.84999999998</v>
      </c>
      <c r="C16411" s="7">
        <f t="shared" si="256"/>
        <v>273.20984999999996</v>
      </c>
    </row>
    <row r="16412" spans="1:3" x14ac:dyDescent="0.25">
      <c r="A16412" s="2" t="s">
        <v>8070</v>
      </c>
      <c r="B16412" s="6">
        <v>273226.5</v>
      </c>
      <c r="C16412" s="7">
        <f t="shared" si="256"/>
        <v>273.22649999999999</v>
      </c>
    </row>
    <row r="16413" spans="1:3" x14ac:dyDescent="0.25">
      <c r="A16413" s="2" t="s">
        <v>8071</v>
      </c>
      <c r="B16413" s="6">
        <v>273243.14999999997</v>
      </c>
      <c r="C16413" s="7">
        <f t="shared" si="256"/>
        <v>273.24314999999996</v>
      </c>
    </row>
    <row r="16414" spans="1:3" x14ac:dyDescent="0.25">
      <c r="A16414" s="2" t="s">
        <v>8072</v>
      </c>
      <c r="B16414" s="6">
        <v>273259.8</v>
      </c>
      <c r="C16414" s="7">
        <f t="shared" si="256"/>
        <v>273.25979999999998</v>
      </c>
    </row>
    <row r="16415" spans="1:3" x14ac:dyDescent="0.25">
      <c r="A16415" s="2" t="s">
        <v>8073</v>
      </c>
      <c r="B16415" s="6">
        <v>273276.44999999995</v>
      </c>
      <c r="C16415" s="7">
        <f t="shared" si="256"/>
        <v>273.27644999999995</v>
      </c>
    </row>
    <row r="16416" spans="1:3" x14ac:dyDescent="0.25">
      <c r="A16416" s="2" t="s">
        <v>8074</v>
      </c>
      <c r="B16416" s="6">
        <v>273293.09999999998</v>
      </c>
      <c r="C16416" s="7">
        <f t="shared" si="256"/>
        <v>273.29309999999998</v>
      </c>
    </row>
    <row r="16417" spans="1:3" x14ac:dyDescent="0.25">
      <c r="A16417" s="2" t="s">
        <v>8075</v>
      </c>
      <c r="B16417" s="6">
        <v>273309.75</v>
      </c>
      <c r="C16417" s="7">
        <f t="shared" si="256"/>
        <v>273.30975000000001</v>
      </c>
    </row>
    <row r="16418" spans="1:3" x14ac:dyDescent="0.25">
      <c r="A16418" s="2" t="s">
        <v>8076</v>
      </c>
      <c r="B16418" s="6">
        <v>273326.39999999997</v>
      </c>
      <c r="C16418" s="7">
        <f t="shared" si="256"/>
        <v>273.32639999999998</v>
      </c>
    </row>
    <row r="16419" spans="1:3" x14ac:dyDescent="0.25">
      <c r="A16419" s="2" t="s">
        <v>8077</v>
      </c>
      <c r="B16419" s="6">
        <v>273343.05</v>
      </c>
      <c r="C16419" s="7">
        <f t="shared" si="256"/>
        <v>273.34305000000001</v>
      </c>
    </row>
    <row r="16420" spans="1:3" x14ac:dyDescent="0.25">
      <c r="A16420" s="2" t="s">
        <v>8078</v>
      </c>
      <c r="B16420" s="6">
        <v>273359.69999999995</v>
      </c>
      <c r="C16420" s="7">
        <f t="shared" si="256"/>
        <v>273.35969999999998</v>
      </c>
    </row>
    <row r="16421" spans="1:3" x14ac:dyDescent="0.25">
      <c r="A16421" s="2" t="s">
        <v>8079</v>
      </c>
      <c r="B16421" s="6">
        <v>273376.34999999998</v>
      </c>
      <c r="C16421" s="7">
        <f t="shared" si="256"/>
        <v>273.37635</v>
      </c>
    </row>
    <row r="16422" spans="1:3" x14ac:dyDescent="0.25">
      <c r="A16422" s="2" t="s">
        <v>8080</v>
      </c>
      <c r="B16422" s="6">
        <v>273393</v>
      </c>
      <c r="C16422" s="7">
        <f t="shared" si="256"/>
        <v>273.39299999999997</v>
      </c>
    </row>
    <row r="16423" spans="1:3" x14ac:dyDescent="0.25">
      <c r="A16423" s="2" t="s">
        <v>8081</v>
      </c>
      <c r="B16423" s="6">
        <v>273409.64999999997</v>
      </c>
      <c r="C16423" s="7">
        <f t="shared" si="256"/>
        <v>273.40964999999994</v>
      </c>
    </row>
    <row r="16424" spans="1:3" x14ac:dyDescent="0.25">
      <c r="A16424" s="2" t="s">
        <v>8082</v>
      </c>
      <c r="B16424" s="6">
        <v>273426.3</v>
      </c>
      <c r="C16424" s="7">
        <f t="shared" si="256"/>
        <v>273.42629999999997</v>
      </c>
    </row>
    <row r="16425" spans="1:3" x14ac:dyDescent="0.25">
      <c r="A16425" s="2" t="s">
        <v>8083</v>
      </c>
      <c r="B16425" s="6">
        <v>273442.94999999995</v>
      </c>
      <c r="C16425" s="7">
        <f t="shared" si="256"/>
        <v>273.44294999999994</v>
      </c>
    </row>
    <row r="16426" spans="1:3" x14ac:dyDescent="0.25">
      <c r="A16426" s="2" t="s">
        <v>8084</v>
      </c>
      <c r="B16426" s="6">
        <v>273459.59999999998</v>
      </c>
      <c r="C16426" s="7">
        <f t="shared" si="256"/>
        <v>273.45959999999997</v>
      </c>
    </row>
    <row r="16427" spans="1:3" x14ac:dyDescent="0.25">
      <c r="A16427" s="2" t="s">
        <v>8085</v>
      </c>
      <c r="B16427" s="6">
        <v>273476.25</v>
      </c>
      <c r="C16427" s="7">
        <f t="shared" si="256"/>
        <v>273.47624999999999</v>
      </c>
    </row>
    <row r="16428" spans="1:3" x14ac:dyDescent="0.25">
      <c r="A16428" s="2" t="s">
        <v>8086</v>
      </c>
      <c r="B16428" s="6">
        <v>273492.89999999997</v>
      </c>
      <c r="C16428" s="7">
        <f t="shared" si="256"/>
        <v>273.49289999999996</v>
      </c>
    </row>
    <row r="16429" spans="1:3" x14ac:dyDescent="0.25">
      <c r="A16429" s="2" t="s">
        <v>8087</v>
      </c>
      <c r="B16429" s="6">
        <v>273509.55</v>
      </c>
      <c r="C16429" s="7">
        <f t="shared" si="256"/>
        <v>273.50954999999999</v>
      </c>
    </row>
    <row r="16430" spans="1:3" x14ac:dyDescent="0.25">
      <c r="A16430" s="2" t="s">
        <v>8088</v>
      </c>
      <c r="B16430" s="6">
        <v>273526.19999999995</v>
      </c>
      <c r="C16430" s="7">
        <f t="shared" si="256"/>
        <v>273.52619999999996</v>
      </c>
    </row>
    <row r="16431" spans="1:3" x14ac:dyDescent="0.25">
      <c r="A16431" s="2" t="s">
        <v>8089</v>
      </c>
      <c r="B16431" s="6">
        <v>273542.84999999998</v>
      </c>
      <c r="C16431" s="7">
        <f t="shared" si="256"/>
        <v>273.54284999999999</v>
      </c>
    </row>
    <row r="16432" spans="1:3" x14ac:dyDescent="0.25">
      <c r="A16432" s="2" t="s">
        <v>8090</v>
      </c>
      <c r="B16432" s="6">
        <v>273559.5</v>
      </c>
      <c r="C16432" s="7">
        <f t="shared" si="256"/>
        <v>273.55950000000001</v>
      </c>
    </row>
    <row r="16433" spans="1:3" x14ac:dyDescent="0.25">
      <c r="A16433" s="2" t="s">
        <v>8091</v>
      </c>
      <c r="B16433" s="6">
        <v>273576.14999999997</v>
      </c>
      <c r="C16433" s="7">
        <f t="shared" si="256"/>
        <v>273.57614999999998</v>
      </c>
    </row>
    <row r="16434" spans="1:3" x14ac:dyDescent="0.25">
      <c r="A16434" s="2" t="s">
        <v>8092</v>
      </c>
      <c r="B16434" s="6">
        <v>273592.8</v>
      </c>
      <c r="C16434" s="7">
        <f t="shared" si="256"/>
        <v>273.59280000000001</v>
      </c>
    </row>
    <row r="16435" spans="1:3" x14ac:dyDescent="0.25">
      <c r="A16435" s="2" t="s">
        <v>8093</v>
      </c>
      <c r="B16435" s="6">
        <v>273609.44999999995</v>
      </c>
      <c r="C16435" s="7">
        <f t="shared" si="256"/>
        <v>273.60944999999998</v>
      </c>
    </row>
    <row r="16436" spans="1:3" x14ac:dyDescent="0.25">
      <c r="A16436" s="2" t="s">
        <v>8094</v>
      </c>
      <c r="B16436" s="6">
        <v>273626.09999999998</v>
      </c>
      <c r="C16436" s="7">
        <f t="shared" si="256"/>
        <v>273.62609999999995</v>
      </c>
    </row>
    <row r="16437" spans="1:3" x14ac:dyDescent="0.25">
      <c r="A16437" s="2" t="s">
        <v>8095</v>
      </c>
      <c r="B16437" s="6">
        <v>273642.75</v>
      </c>
      <c r="C16437" s="7">
        <f t="shared" si="256"/>
        <v>273.64274999999998</v>
      </c>
    </row>
    <row r="16438" spans="1:3" x14ac:dyDescent="0.25">
      <c r="A16438" s="2" t="s">
        <v>8096</v>
      </c>
      <c r="B16438" s="6">
        <v>273659.39999999997</v>
      </c>
      <c r="C16438" s="7">
        <f t="shared" si="256"/>
        <v>273.65939999999995</v>
      </c>
    </row>
    <row r="16439" spans="1:3" x14ac:dyDescent="0.25">
      <c r="A16439" s="2" t="s">
        <v>8097</v>
      </c>
      <c r="B16439" s="6">
        <v>273676.05</v>
      </c>
      <c r="C16439" s="7">
        <f t="shared" si="256"/>
        <v>273.67604999999998</v>
      </c>
    </row>
    <row r="16440" spans="1:3" x14ac:dyDescent="0.25">
      <c r="A16440" s="2" t="s">
        <v>8098</v>
      </c>
      <c r="B16440" s="6">
        <v>273692.69999999995</v>
      </c>
      <c r="C16440" s="7">
        <f t="shared" si="256"/>
        <v>273.69269999999995</v>
      </c>
    </row>
    <row r="16441" spans="1:3" x14ac:dyDescent="0.25">
      <c r="A16441" s="2" t="s">
        <v>8099</v>
      </c>
      <c r="B16441" s="6">
        <v>273709.34999999998</v>
      </c>
      <c r="C16441" s="7">
        <f t="shared" si="256"/>
        <v>273.70934999999997</v>
      </c>
    </row>
    <row r="16442" spans="1:3" x14ac:dyDescent="0.25">
      <c r="A16442" s="2" t="s">
        <v>8100</v>
      </c>
      <c r="B16442" s="6">
        <v>273726</v>
      </c>
      <c r="C16442" s="7">
        <f t="shared" si="256"/>
        <v>273.726</v>
      </c>
    </row>
    <row r="16443" spans="1:3" x14ac:dyDescent="0.25">
      <c r="A16443" s="2" t="s">
        <v>8101</v>
      </c>
      <c r="B16443" s="6">
        <v>273742.64999999997</v>
      </c>
      <c r="C16443" s="7">
        <f t="shared" si="256"/>
        <v>273.74264999999997</v>
      </c>
    </row>
    <row r="16444" spans="1:3" x14ac:dyDescent="0.25">
      <c r="A16444" s="2" t="s">
        <v>8102</v>
      </c>
      <c r="B16444" s="6">
        <v>273759.3</v>
      </c>
      <c r="C16444" s="7">
        <f t="shared" si="256"/>
        <v>273.7593</v>
      </c>
    </row>
    <row r="16445" spans="1:3" x14ac:dyDescent="0.25">
      <c r="A16445" s="2" t="s">
        <v>8103</v>
      </c>
      <c r="B16445" s="6">
        <v>273775.94999999995</v>
      </c>
      <c r="C16445" s="7">
        <f t="shared" si="256"/>
        <v>273.77594999999997</v>
      </c>
    </row>
    <row r="16446" spans="1:3" x14ac:dyDescent="0.25">
      <c r="A16446" s="2" t="s">
        <v>8104</v>
      </c>
      <c r="B16446" s="6">
        <v>273792.59999999998</v>
      </c>
      <c r="C16446" s="7">
        <f t="shared" si="256"/>
        <v>273.79259999999999</v>
      </c>
    </row>
    <row r="16447" spans="1:3" x14ac:dyDescent="0.25">
      <c r="A16447" s="2" t="s">
        <v>8105</v>
      </c>
      <c r="B16447" s="6">
        <v>273809.25</v>
      </c>
      <c r="C16447" s="7">
        <f t="shared" si="256"/>
        <v>273.80925000000002</v>
      </c>
    </row>
    <row r="16448" spans="1:3" x14ac:dyDescent="0.25">
      <c r="A16448" s="2" t="s">
        <v>8106</v>
      </c>
      <c r="B16448" s="6">
        <v>273825.89999999997</v>
      </c>
      <c r="C16448" s="7">
        <f t="shared" si="256"/>
        <v>273.82589999999999</v>
      </c>
    </row>
    <row r="16449" spans="1:3" x14ac:dyDescent="0.25">
      <c r="A16449" s="2" t="s">
        <v>8107</v>
      </c>
      <c r="B16449" s="6">
        <v>273842.55</v>
      </c>
      <c r="C16449" s="7">
        <f t="shared" si="256"/>
        <v>273.84254999999996</v>
      </c>
    </row>
    <row r="16450" spans="1:3" x14ac:dyDescent="0.25">
      <c r="A16450" s="2" t="s">
        <v>8108</v>
      </c>
      <c r="B16450" s="6">
        <v>273859.19999999995</v>
      </c>
      <c r="C16450" s="7">
        <f t="shared" si="256"/>
        <v>273.85919999999993</v>
      </c>
    </row>
    <row r="16451" spans="1:3" x14ac:dyDescent="0.25">
      <c r="A16451" s="2" t="s">
        <v>8109</v>
      </c>
      <c r="B16451" s="6">
        <v>273875.84999999998</v>
      </c>
      <c r="C16451" s="7">
        <f t="shared" ref="C16451:C16514" si="257">B16451/1000</f>
        <v>273.87584999999996</v>
      </c>
    </row>
    <row r="16452" spans="1:3" x14ac:dyDescent="0.25">
      <c r="A16452" s="2" t="s">
        <v>8110</v>
      </c>
      <c r="B16452" s="6">
        <v>273892.5</v>
      </c>
      <c r="C16452" s="7">
        <f t="shared" si="257"/>
        <v>273.89249999999998</v>
      </c>
    </row>
    <row r="16453" spans="1:3" x14ac:dyDescent="0.25">
      <c r="A16453" s="2" t="s">
        <v>8111</v>
      </c>
      <c r="B16453" s="6">
        <v>273909.14999999997</v>
      </c>
      <c r="C16453" s="7">
        <f t="shared" si="257"/>
        <v>273.90914999999995</v>
      </c>
    </row>
    <row r="16454" spans="1:3" x14ac:dyDescent="0.25">
      <c r="A16454" s="2" t="s">
        <v>8112</v>
      </c>
      <c r="B16454" s="6">
        <v>273925.8</v>
      </c>
      <c r="C16454" s="7">
        <f t="shared" si="257"/>
        <v>273.92579999999998</v>
      </c>
    </row>
    <row r="16455" spans="1:3" x14ac:dyDescent="0.25">
      <c r="A16455" s="2" t="s">
        <v>8113</v>
      </c>
      <c r="B16455" s="6">
        <v>273942.44999999995</v>
      </c>
      <c r="C16455" s="7">
        <f t="shared" si="257"/>
        <v>273.94244999999995</v>
      </c>
    </row>
    <row r="16456" spans="1:3" x14ac:dyDescent="0.25">
      <c r="A16456" s="2" t="s">
        <v>8114</v>
      </c>
      <c r="B16456" s="6">
        <v>273959.09999999998</v>
      </c>
      <c r="C16456" s="7">
        <f t="shared" si="257"/>
        <v>273.95909999999998</v>
      </c>
    </row>
    <row r="16457" spans="1:3" x14ac:dyDescent="0.25">
      <c r="A16457" s="2" t="s">
        <v>8115</v>
      </c>
      <c r="B16457" s="6">
        <v>273975.75</v>
      </c>
      <c r="C16457" s="7">
        <f t="shared" si="257"/>
        <v>273.97575000000001</v>
      </c>
    </row>
    <row r="16458" spans="1:3" x14ac:dyDescent="0.25">
      <c r="A16458" s="2" t="s">
        <v>8116</v>
      </c>
      <c r="B16458" s="6">
        <v>273992.39999999997</v>
      </c>
      <c r="C16458" s="7">
        <f t="shared" si="257"/>
        <v>273.99239999999998</v>
      </c>
    </row>
    <row r="16459" spans="1:3" x14ac:dyDescent="0.25">
      <c r="A16459" s="2" t="s">
        <v>8117</v>
      </c>
      <c r="B16459" s="6">
        <v>274009.05</v>
      </c>
      <c r="C16459" s="7">
        <f t="shared" si="257"/>
        <v>274.00905</v>
      </c>
    </row>
    <row r="16460" spans="1:3" x14ac:dyDescent="0.25">
      <c r="A16460" s="2" t="s">
        <v>8118</v>
      </c>
      <c r="B16460" s="6">
        <v>274025.69999999995</v>
      </c>
      <c r="C16460" s="7">
        <f t="shared" si="257"/>
        <v>274.02569999999997</v>
      </c>
    </row>
    <row r="16461" spans="1:3" x14ac:dyDescent="0.25">
      <c r="A16461" s="2" t="s">
        <v>8119</v>
      </c>
      <c r="B16461" s="6">
        <v>274042.34999999998</v>
      </c>
      <c r="C16461" s="7">
        <f t="shared" si="257"/>
        <v>274.04235</v>
      </c>
    </row>
    <row r="16462" spans="1:3" x14ac:dyDescent="0.25">
      <c r="A16462" s="2" t="s">
        <v>8120</v>
      </c>
      <c r="B16462" s="6">
        <v>274059</v>
      </c>
      <c r="C16462" s="7">
        <f t="shared" si="257"/>
        <v>274.05900000000003</v>
      </c>
    </row>
    <row r="16463" spans="1:3" x14ac:dyDescent="0.25">
      <c r="A16463" s="2" t="s">
        <v>8121</v>
      </c>
      <c r="B16463" s="6">
        <v>274075.64999999997</v>
      </c>
      <c r="C16463" s="7">
        <f t="shared" si="257"/>
        <v>274.07564999999994</v>
      </c>
    </row>
    <row r="16464" spans="1:3" x14ac:dyDescent="0.25">
      <c r="A16464" s="2" t="s">
        <v>8122</v>
      </c>
      <c r="B16464" s="6">
        <v>274092.3</v>
      </c>
      <c r="C16464" s="7">
        <f t="shared" si="257"/>
        <v>274.09229999999997</v>
      </c>
    </row>
    <row r="16465" spans="1:3" x14ac:dyDescent="0.25">
      <c r="A16465" s="2" t="s">
        <v>8123</v>
      </c>
      <c r="B16465" s="6">
        <v>274108.94999999995</v>
      </c>
      <c r="C16465" s="7">
        <f t="shared" si="257"/>
        <v>274.10894999999994</v>
      </c>
    </row>
    <row r="16466" spans="1:3" x14ac:dyDescent="0.25">
      <c r="A16466" s="2" t="s">
        <v>8124</v>
      </c>
      <c r="B16466" s="6">
        <v>274125.59999999998</v>
      </c>
      <c r="C16466" s="7">
        <f t="shared" si="257"/>
        <v>274.12559999999996</v>
      </c>
    </row>
    <row r="16467" spans="1:3" x14ac:dyDescent="0.25">
      <c r="A16467" s="2" t="s">
        <v>8125</v>
      </c>
      <c r="B16467" s="6">
        <v>274142.25</v>
      </c>
      <c r="C16467" s="7">
        <f t="shared" si="257"/>
        <v>274.14224999999999</v>
      </c>
    </row>
    <row r="16468" spans="1:3" x14ac:dyDescent="0.25">
      <c r="A16468" s="2" t="s">
        <v>8126</v>
      </c>
      <c r="B16468" s="6">
        <v>274158.89999999997</v>
      </c>
      <c r="C16468" s="7">
        <f t="shared" si="257"/>
        <v>274.15889999999996</v>
      </c>
    </row>
    <row r="16469" spans="1:3" x14ac:dyDescent="0.25">
      <c r="A16469" s="2" t="s">
        <v>8127</v>
      </c>
      <c r="B16469" s="6">
        <v>274175.55</v>
      </c>
      <c r="C16469" s="7">
        <f t="shared" si="257"/>
        <v>274.17554999999999</v>
      </c>
    </row>
    <row r="16470" spans="1:3" x14ac:dyDescent="0.25">
      <c r="A16470" s="2" t="s">
        <v>8128</v>
      </c>
      <c r="B16470" s="6">
        <v>274192.19999999995</v>
      </c>
      <c r="C16470" s="7">
        <f t="shared" si="257"/>
        <v>274.19219999999996</v>
      </c>
    </row>
    <row r="16471" spans="1:3" x14ac:dyDescent="0.25">
      <c r="A16471" s="2" t="s">
        <v>8129</v>
      </c>
      <c r="B16471" s="6">
        <v>274208.84999999998</v>
      </c>
      <c r="C16471" s="7">
        <f t="shared" si="257"/>
        <v>274.20884999999998</v>
      </c>
    </row>
    <row r="16472" spans="1:3" x14ac:dyDescent="0.25">
      <c r="A16472" s="2" t="s">
        <v>8130</v>
      </c>
      <c r="B16472" s="6">
        <v>274225.5</v>
      </c>
      <c r="C16472" s="7">
        <f t="shared" si="257"/>
        <v>274.22550000000001</v>
      </c>
    </row>
    <row r="16473" spans="1:3" x14ac:dyDescent="0.25">
      <c r="A16473" s="2" t="s">
        <v>8131</v>
      </c>
      <c r="B16473" s="6">
        <v>274242.14999999997</v>
      </c>
      <c r="C16473" s="7">
        <f t="shared" si="257"/>
        <v>274.24214999999998</v>
      </c>
    </row>
    <row r="16474" spans="1:3" x14ac:dyDescent="0.25">
      <c r="A16474" s="2" t="s">
        <v>8132</v>
      </c>
      <c r="B16474" s="6">
        <v>274258.8</v>
      </c>
      <c r="C16474" s="7">
        <f t="shared" si="257"/>
        <v>274.25880000000001</v>
      </c>
    </row>
    <row r="16475" spans="1:3" x14ac:dyDescent="0.25">
      <c r="A16475" s="2" t="s">
        <v>8133</v>
      </c>
      <c r="B16475" s="6">
        <v>274275.44999999995</v>
      </c>
      <c r="C16475" s="7">
        <f t="shared" si="257"/>
        <v>274.27544999999998</v>
      </c>
    </row>
    <row r="16476" spans="1:3" x14ac:dyDescent="0.25">
      <c r="A16476" s="2" t="s">
        <v>8134</v>
      </c>
      <c r="B16476" s="6">
        <v>274292.09999999998</v>
      </c>
      <c r="C16476" s="7">
        <f t="shared" si="257"/>
        <v>274.2921</v>
      </c>
    </row>
    <row r="16477" spans="1:3" x14ac:dyDescent="0.25">
      <c r="A16477" s="2" t="s">
        <v>8135</v>
      </c>
      <c r="B16477" s="6">
        <v>274308.75</v>
      </c>
      <c r="C16477" s="7">
        <f t="shared" si="257"/>
        <v>274.30874999999997</v>
      </c>
    </row>
    <row r="16478" spans="1:3" x14ac:dyDescent="0.25">
      <c r="A16478" s="2" t="s">
        <v>8136</v>
      </c>
      <c r="B16478" s="6">
        <v>274325.39999999997</v>
      </c>
      <c r="C16478" s="7">
        <f t="shared" si="257"/>
        <v>274.32539999999995</v>
      </c>
    </row>
    <row r="16479" spans="1:3" x14ac:dyDescent="0.25">
      <c r="A16479" s="2" t="s">
        <v>8137</v>
      </c>
      <c r="B16479" s="6">
        <v>274342.05</v>
      </c>
      <c r="C16479" s="7">
        <f t="shared" si="257"/>
        <v>274.34204999999997</v>
      </c>
    </row>
    <row r="16480" spans="1:3" x14ac:dyDescent="0.25">
      <c r="A16480" s="2" t="s">
        <v>8138</v>
      </c>
      <c r="B16480" s="6">
        <v>274358.69999999995</v>
      </c>
      <c r="C16480" s="7">
        <f t="shared" si="257"/>
        <v>274.35869999999994</v>
      </c>
    </row>
    <row r="16481" spans="1:3" x14ac:dyDescent="0.25">
      <c r="A16481" s="2" t="s">
        <v>8139</v>
      </c>
      <c r="B16481" s="6">
        <v>274375.34999999998</v>
      </c>
      <c r="C16481" s="7">
        <f t="shared" si="257"/>
        <v>274.37534999999997</v>
      </c>
    </row>
    <row r="16482" spans="1:3" x14ac:dyDescent="0.25">
      <c r="A16482" s="2" t="s">
        <v>8140</v>
      </c>
      <c r="B16482" s="6">
        <v>274392</v>
      </c>
      <c r="C16482" s="7">
        <f t="shared" si="257"/>
        <v>274.392</v>
      </c>
    </row>
    <row r="16483" spans="1:3" x14ac:dyDescent="0.25">
      <c r="A16483" s="2" t="s">
        <v>8141</v>
      </c>
      <c r="B16483" s="6">
        <v>274408.64999999997</v>
      </c>
      <c r="C16483" s="7">
        <f t="shared" si="257"/>
        <v>274.40864999999997</v>
      </c>
    </row>
    <row r="16484" spans="1:3" x14ac:dyDescent="0.25">
      <c r="A16484" s="2" t="s">
        <v>8142</v>
      </c>
      <c r="B16484" s="6">
        <v>274425.3</v>
      </c>
      <c r="C16484" s="7">
        <f t="shared" si="257"/>
        <v>274.42529999999999</v>
      </c>
    </row>
    <row r="16485" spans="1:3" x14ac:dyDescent="0.25">
      <c r="A16485" s="2" t="s">
        <v>8143</v>
      </c>
      <c r="B16485" s="6">
        <v>274441.94999999995</v>
      </c>
      <c r="C16485" s="7">
        <f t="shared" si="257"/>
        <v>274.44194999999996</v>
      </c>
    </row>
    <row r="16486" spans="1:3" x14ac:dyDescent="0.25">
      <c r="A16486" s="2" t="s">
        <v>8144</v>
      </c>
      <c r="B16486" s="6">
        <v>274458.59999999998</v>
      </c>
      <c r="C16486" s="7">
        <f t="shared" si="257"/>
        <v>274.45859999999999</v>
      </c>
    </row>
    <row r="16487" spans="1:3" x14ac:dyDescent="0.25">
      <c r="A16487" s="2" t="s">
        <v>8145</v>
      </c>
      <c r="B16487" s="6">
        <v>274475.25</v>
      </c>
      <c r="C16487" s="7">
        <f t="shared" si="257"/>
        <v>274.47525000000002</v>
      </c>
    </row>
    <row r="16488" spans="1:3" x14ac:dyDescent="0.25">
      <c r="A16488" s="2" t="s">
        <v>8146</v>
      </c>
      <c r="B16488" s="6">
        <v>274491.89999999997</v>
      </c>
      <c r="C16488" s="7">
        <f t="shared" si="257"/>
        <v>274.49189999999999</v>
      </c>
    </row>
    <row r="16489" spans="1:3" x14ac:dyDescent="0.25">
      <c r="A16489" s="2" t="s">
        <v>8147</v>
      </c>
      <c r="B16489" s="6">
        <v>274508.55</v>
      </c>
      <c r="C16489" s="7">
        <f t="shared" si="257"/>
        <v>274.50855000000001</v>
      </c>
    </row>
    <row r="16490" spans="1:3" x14ac:dyDescent="0.25">
      <c r="A16490" s="2" t="s">
        <v>8148</v>
      </c>
      <c r="B16490" s="6">
        <v>274525.19999999995</v>
      </c>
      <c r="C16490" s="7">
        <f t="shared" si="257"/>
        <v>274.52519999999993</v>
      </c>
    </row>
    <row r="16491" spans="1:3" x14ac:dyDescent="0.25">
      <c r="A16491" s="2" t="s">
        <v>8149</v>
      </c>
      <c r="B16491" s="6">
        <v>274541.84999999998</v>
      </c>
      <c r="C16491" s="7">
        <f t="shared" si="257"/>
        <v>274.54184999999995</v>
      </c>
    </row>
    <row r="16492" spans="1:3" x14ac:dyDescent="0.25">
      <c r="A16492" s="2" t="s">
        <v>8150</v>
      </c>
      <c r="B16492" s="6">
        <v>274558.5</v>
      </c>
      <c r="C16492" s="7">
        <f t="shared" si="257"/>
        <v>274.55849999999998</v>
      </c>
    </row>
    <row r="16493" spans="1:3" x14ac:dyDescent="0.25">
      <c r="A16493" s="2" t="s">
        <v>8151</v>
      </c>
      <c r="B16493" s="6">
        <v>274575.14999999997</v>
      </c>
      <c r="C16493" s="7">
        <f t="shared" si="257"/>
        <v>274.57514999999995</v>
      </c>
    </row>
    <row r="16494" spans="1:3" x14ac:dyDescent="0.25">
      <c r="A16494" s="2" t="s">
        <v>8152</v>
      </c>
      <c r="B16494" s="6">
        <v>274591.8</v>
      </c>
      <c r="C16494" s="7">
        <f t="shared" si="257"/>
        <v>274.59179999999998</v>
      </c>
    </row>
    <row r="16495" spans="1:3" x14ac:dyDescent="0.25">
      <c r="A16495" s="2" t="s">
        <v>8153</v>
      </c>
      <c r="B16495" s="6">
        <v>274608.44999999995</v>
      </c>
      <c r="C16495" s="7">
        <f t="shared" si="257"/>
        <v>274.60844999999995</v>
      </c>
    </row>
    <row r="16496" spans="1:3" x14ac:dyDescent="0.25">
      <c r="A16496" s="2" t="s">
        <v>8154</v>
      </c>
      <c r="B16496" s="6">
        <v>274625.09999999998</v>
      </c>
      <c r="C16496" s="7">
        <f t="shared" si="257"/>
        <v>274.62509999999997</v>
      </c>
    </row>
    <row r="16497" spans="1:3" x14ac:dyDescent="0.25">
      <c r="A16497" s="2" t="s">
        <v>8155</v>
      </c>
      <c r="B16497" s="6">
        <v>274641.75</v>
      </c>
      <c r="C16497" s="7">
        <f t="shared" si="257"/>
        <v>274.64175</v>
      </c>
    </row>
    <row r="16498" spans="1:3" x14ac:dyDescent="0.25">
      <c r="A16498" s="2" t="s">
        <v>8156</v>
      </c>
      <c r="B16498" s="6">
        <v>274658.39999999997</v>
      </c>
      <c r="C16498" s="7">
        <f t="shared" si="257"/>
        <v>274.65839999999997</v>
      </c>
    </row>
    <row r="16499" spans="1:3" x14ac:dyDescent="0.25">
      <c r="A16499" s="2" t="s">
        <v>8157</v>
      </c>
      <c r="B16499" s="6">
        <v>274675.05</v>
      </c>
      <c r="C16499" s="7">
        <f t="shared" si="257"/>
        <v>274.67505</v>
      </c>
    </row>
    <row r="16500" spans="1:3" x14ac:dyDescent="0.25">
      <c r="A16500" s="2" t="s">
        <v>8158</v>
      </c>
      <c r="B16500" s="6">
        <v>274691.69999999995</v>
      </c>
      <c r="C16500" s="7">
        <f t="shared" si="257"/>
        <v>274.69169999999997</v>
      </c>
    </row>
    <row r="16501" spans="1:3" x14ac:dyDescent="0.25">
      <c r="A16501" s="2" t="s">
        <v>8159</v>
      </c>
      <c r="B16501" s="6">
        <v>274708.34999999998</v>
      </c>
      <c r="C16501" s="7">
        <f t="shared" si="257"/>
        <v>274.70835</v>
      </c>
    </row>
    <row r="16502" spans="1:3" x14ac:dyDescent="0.25">
      <c r="A16502" s="2" t="s">
        <v>8160</v>
      </c>
      <c r="B16502" s="6">
        <v>274725</v>
      </c>
      <c r="C16502" s="7">
        <f t="shared" si="257"/>
        <v>274.72500000000002</v>
      </c>
    </row>
    <row r="16503" spans="1:3" x14ac:dyDescent="0.25">
      <c r="A16503" s="2" t="s">
        <v>8161</v>
      </c>
      <c r="B16503" s="6">
        <v>274741.64999999997</v>
      </c>
      <c r="C16503" s="7">
        <f t="shared" si="257"/>
        <v>274.74164999999999</v>
      </c>
    </row>
    <row r="16504" spans="1:3" x14ac:dyDescent="0.25">
      <c r="A16504" s="2" t="s">
        <v>8162</v>
      </c>
      <c r="B16504" s="6">
        <v>274758.3</v>
      </c>
      <c r="C16504" s="7">
        <f t="shared" si="257"/>
        <v>274.75829999999996</v>
      </c>
    </row>
    <row r="16505" spans="1:3" x14ac:dyDescent="0.25">
      <c r="A16505" s="2" t="s">
        <v>8163</v>
      </c>
      <c r="B16505" s="6">
        <v>274774.94999999995</v>
      </c>
      <c r="C16505" s="7">
        <f t="shared" si="257"/>
        <v>274.77494999999993</v>
      </c>
    </row>
    <row r="16506" spans="1:3" x14ac:dyDescent="0.25">
      <c r="A16506" s="2" t="s">
        <v>8164</v>
      </c>
      <c r="B16506" s="6">
        <v>274791.59999999998</v>
      </c>
      <c r="C16506" s="7">
        <f t="shared" si="257"/>
        <v>274.79159999999996</v>
      </c>
    </row>
    <row r="16507" spans="1:3" x14ac:dyDescent="0.25">
      <c r="A16507" s="2" t="s">
        <v>8165</v>
      </c>
      <c r="B16507" s="6">
        <v>274808.25</v>
      </c>
      <c r="C16507" s="7">
        <f t="shared" si="257"/>
        <v>274.80824999999999</v>
      </c>
    </row>
    <row r="16508" spans="1:3" x14ac:dyDescent="0.25">
      <c r="A16508" s="2" t="s">
        <v>8166</v>
      </c>
      <c r="B16508" s="6">
        <v>274824.89999999997</v>
      </c>
      <c r="C16508" s="7">
        <f t="shared" si="257"/>
        <v>274.82489999999996</v>
      </c>
    </row>
    <row r="16509" spans="1:3" x14ac:dyDescent="0.25">
      <c r="A16509" s="2" t="s">
        <v>8167</v>
      </c>
      <c r="B16509" s="6">
        <v>274841.55</v>
      </c>
      <c r="C16509" s="7">
        <f t="shared" si="257"/>
        <v>274.84154999999998</v>
      </c>
    </row>
    <row r="16510" spans="1:3" x14ac:dyDescent="0.25">
      <c r="A16510" s="2" t="s">
        <v>8168</v>
      </c>
      <c r="B16510" s="6">
        <v>274858.19999999995</v>
      </c>
      <c r="C16510" s="7">
        <f t="shared" si="257"/>
        <v>274.85819999999995</v>
      </c>
    </row>
    <row r="16511" spans="1:3" x14ac:dyDescent="0.25">
      <c r="A16511" s="2" t="s">
        <v>8169</v>
      </c>
      <c r="B16511" s="6">
        <v>274874.84999999998</v>
      </c>
      <c r="C16511" s="7">
        <f t="shared" si="257"/>
        <v>274.87484999999998</v>
      </c>
    </row>
    <row r="16512" spans="1:3" x14ac:dyDescent="0.25">
      <c r="A16512" s="2" t="s">
        <v>8170</v>
      </c>
      <c r="B16512" s="6">
        <v>274891.5</v>
      </c>
      <c r="C16512" s="7">
        <f t="shared" si="257"/>
        <v>274.89150000000001</v>
      </c>
    </row>
    <row r="16513" spans="1:3" x14ac:dyDescent="0.25">
      <c r="A16513" s="2" t="s">
        <v>8171</v>
      </c>
      <c r="B16513" s="6">
        <v>274908.14999999997</v>
      </c>
      <c r="C16513" s="7">
        <f t="shared" si="257"/>
        <v>274.90814999999998</v>
      </c>
    </row>
    <row r="16514" spans="1:3" x14ac:dyDescent="0.25">
      <c r="A16514" s="2" t="s">
        <v>8172</v>
      </c>
      <c r="B16514" s="6">
        <v>274924.79999999999</v>
      </c>
      <c r="C16514" s="7">
        <f t="shared" si="257"/>
        <v>274.9248</v>
      </c>
    </row>
    <row r="16515" spans="1:3" x14ac:dyDescent="0.25">
      <c r="A16515" s="2" t="s">
        <v>8173</v>
      </c>
      <c r="B16515" s="6">
        <v>274941.44999999995</v>
      </c>
      <c r="C16515" s="7">
        <f t="shared" ref="C16515:C16578" si="258">B16515/1000</f>
        <v>274.94144999999997</v>
      </c>
    </row>
    <row r="16516" spans="1:3" x14ac:dyDescent="0.25">
      <c r="A16516" s="2" t="s">
        <v>8174</v>
      </c>
      <c r="B16516" s="6">
        <v>274958.09999999998</v>
      </c>
      <c r="C16516" s="7">
        <f t="shared" si="258"/>
        <v>274.9581</v>
      </c>
    </row>
    <row r="16517" spans="1:3" x14ac:dyDescent="0.25">
      <c r="A16517" s="2" t="s">
        <v>8175</v>
      </c>
      <c r="B16517" s="6">
        <v>274974.75</v>
      </c>
      <c r="C16517" s="7">
        <f t="shared" si="258"/>
        <v>274.97474999999997</v>
      </c>
    </row>
    <row r="16518" spans="1:3" x14ac:dyDescent="0.25">
      <c r="A16518" s="2" t="s">
        <v>8176</v>
      </c>
      <c r="B16518" s="6">
        <v>274991.39999999997</v>
      </c>
      <c r="C16518" s="7">
        <f t="shared" si="258"/>
        <v>274.99139999999994</v>
      </c>
    </row>
    <row r="16519" spans="1:3" x14ac:dyDescent="0.25">
      <c r="A16519" s="2" t="s">
        <v>8177</v>
      </c>
      <c r="B16519" s="6">
        <v>275008.05</v>
      </c>
      <c r="C16519" s="7">
        <f t="shared" si="258"/>
        <v>275.00804999999997</v>
      </c>
    </row>
    <row r="16520" spans="1:3" x14ac:dyDescent="0.25">
      <c r="A16520" s="2" t="s">
        <v>8178</v>
      </c>
      <c r="B16520" s="6">
        <v>275024.69999999995</v>
      </c>
      <c r="C16520" s="7">
        <f t="shared" si="258"/>
        <v>275.02469999999994</v>
      </c>
    </row>
    <row r="16521" spans="1:3" x14ac:dyDescent="0.25">
      <c r="A16521" s="2" t="s">
        <v>8179</v>
      </c>
      <c r="B16521" s="6">
        <v>275041.34999999998</v>
      </c>
      <c r="C16521" s="7">
        <f t="shared" si="258"/>
        <v>275.04134999999997</v>
      </c>
    </row>
    <row r="16522" spans="1:3" x14ac:dyDescent="0.25">
      <c r="A16522" s="2" t="s">
        <v>8180</v>
      </c>
      <c r="B16522" s="6">
        <v>275058</v>
      </c>
      <c r="C16522" s="7">
        <f t="shared" si="258"/>
        <v>275.05799999999999</v>
      </c>
    </row>
    <row r="16523" spans="1:3" x14ac:dyDescent="0.25">
      <c r="A16523" s="2" t="s">
        <v>8181</v>
      </c>
      <c r="B16523" s="6">
        <v>275074.64999999997</v>
      </c>
      <c r="C16523" s="7">
        <f t="shared" si="258"/>
        <v>275.07464999999996</v>
      </c>
    </row>
    <row r="16524" spans="1:3" x14ac:dyDescent="0.25">
      <c r="A16524" s="2" t="s">
        <v>8182</v>
      </c>
      <c r="B16524" s="6">
        <v>275091.3</v>
      </c>
      <c r="C16524" s="7">
        <f t="shared" si="258"/>
        <v>275.09129999999999</v>
      </c>
    </row>
    <row r="16525" spans="1:3" x14ac:dyDescent="0.25">
      <c r="A16525" s="2" t="s">
        <v>8183</v>
      </c>
      <c r="B16525" s="6">
        <v>275107.94999999995</v>
      </c>
      <c r="C16525" s="7">
        <f t="shared" si="258"/>
        <v>275.10794999999996</v>
      </c>
    </row>
    <row r="16526" spans="1:3" x14ac:dyDescent="0.25">
      <c r="A16526" s="2" t="s">
        <v>8184</v>
      </c>
      <c r="B16526" s="6">
        <v>275124.59999999998</v>
      </c>
      <c r="C16526" s="7">
        <f t="shared" si="258"/>
        <v>275.12459999999999</v>
      </c>
    </row>
    <row r="16527" spans="1:3" x14ac:dyDescent="0.25">
      <c r="A16527" s="2" t="s">
        <v>8185</v>
      </c>
      <c r="B16527" s="6">
        <v>275141.25</v>
      </c>
      <c r="C16527" s="7">
        <f t="shared" si="258"/>
        <v>275.14125000000001</v>
      </c>
    </row>
    <row r="16528" spans="1:3" x14ac:dyDescent="0.25">
      <c r="A16528" s="2" t="s">
        <v>8186</v>
      </c>
      <c r="B16528" s="6">
        <v>275157.89999999997</v>
      </c>
      <c r="C16528" s="7">
        <f t="shared" si="258"/>
        <v>275.15789999999998</v>
      </c>
    </row>
    <row r="16529" spans="1:3" x14ac:dyDescent="0.25">
      <c r="A16529" s="2" t="s">
        <v>8187</v>
      </c>
      <c r="B16529" s="6">
        <v>275174.55</v>
      </c>
      <c r="C16529" s="7">
        <f t="shared" si="258"/>
        <v>275.17455000000001</v>
      </c>
    </row>
    <row r="16530" spans="1:3" x14ac:dyDescent="0.25">
      <c r="A16530" s="2" t="s">
        <v>8188</v>
      </c>
      <c r="B16530" s="6">
        <v>275191.19999999995</v>
      </c>
      <c r="C16530" s="7">
        <f t="shared" si="258"/>
        <v>275.19119999999998</v>
      </c>
    </row>
    <row r="16531" spans="1:3" x14ac:dyDescent="0.25">
      <c r="A16531" s="2" t="s">
        <v>8189</v>
      </c>
      <c r="B16531" s="6">
        <v>275207.84999999998</v>
      </c>
      <c r="C16531" s="7">
        <f t="shared" si="258"/>
        <v>275.20784999999995</v>
      </c>
    </row>
    <row r="16532" spans="1:3" x14ac:dyDescent="0.25">
      <c r="A16532" s="2" t="s">
        <v>8190</v>
      </c>
      <c r="B16532" s="6">
        <v>275224.5</v>
      </c>
      <c r="C16532" s="7">
        <f t="shared" si="258"/>
        <v>275.22449999999998</v>
      </c>
    </row>
    <row r="16533" spans="1:3" x14ac:dyDescent="0.25">
      <c r="A16533" s="2" t="s">
        <v>8191</v>
      </c>
      <c r="B16533" s="6">
        <v>275241.14999999997</v>
      </c>
      <c r="C16533" s="7">
        <f t="shared" si="258"/>
        <v>275.24114999999995</v>
      </c>
    </row>
    <row r="16534" spans="1:3" x14ac:dyDescent="0.25">
      <c r="A16534" s="2" t="s">
        <v>8192</v>
      </c>
      <c r="B16534" s="6">
        <v>275257.8</v>
      </c>
      <c r="C16534" s="7">
        <f t="shared" si="258"/>
        <v>275.25779999999997</v>
      </c>
    </row>
    <row r="16535" spans="1:3" x14ac:dyDescent="0.25">
      <c r="A16535" s="2" t="s">
        <v>8193</v>
      </c>
      <c r="B16535" s="6">
        <v>275274.44999999995</v>
      </c>
      <c r="C16535" s="7">
        <f t="shared" si="258"/>
        <v>275.27444999999994</v>
      </c>
    </row>
    <row r="16536" spans="1:3" x14ac:dyDescent="0.25">
      <c r="A16536" s="2" t="s">
        <v>8194</v>
      </c>
      <c r="B16536" s="6">
        <v>275291.09999999998</v>
      </c>
      <c r="C16536" s="7">
        <f t="shared" si="258"/>
        <v>275.29109999999997</v>
      </c>
    </row>
    <row r="16537" spans="1:3" x14ac:dyDescent="0.25">
      <c r="A16537" s="2" t="s">
        <v>8195</v>
      </c>
      <c r="B16537" s="6">
        <v>275307.75</v>
      </c>
      <c r="C16537" s="7">
        <f t="shared" si="258"/>
        <v>275.30775</v>
      </c>
    </row>
    <row r="16538" spans="1:3" x14ac:dyDescent="0.25">
      <c r="A16538" s="2" t="s">
        <v>8196</v>
      </c>
      <c r="B16538" s="6">
        <v>275324.39999999997</v>
      </c>
      <c r="C16538" s="7">
        <f t="shared" si="258"/>
        <v>275.32439999999997</v>
      </c>
    </row>
    <row r="16539" spans="1:3" x14ac:dyDescent="0.25">
      <c r="A16539" s="2" t="s">
        <v>8197</v>
      </c>
      <c r="B16539" s="6">
        <v>275341.05</v>
      </c>
      <c r="C16539" s="7">
        <f t="shared" si="258"/>
        <v>275.34105</v>
      </c>
    </row>
    <row r="16540" spans="1:3" x14ac:dyDescent="0.25">
      <c r="A16540" s="2" t="s">
        <v>8198</v>
      </c>
      <c r="B16540" s="6">
        <v>275357.69999999995</v>
      </c>
      <c r="C16540" s="7">
        <f t="shared" si="258"/>
        <v>275.35769999999997</v>
      </c>
    </row>
    <row r="16541" spans="1:3" x14ac:dyDescent="0.25">
      <c r="A16541" s="2" t="s">
        <v>8199</v>
      </c>
      <c r="B16541" s="6">
        <v>275374.34999999998</v>
      </c>
      <c r="C16541" s="7">
        <f t="shared" si="258"/>
        <v>275.37434999999999</v>
      </c>
    </row>
    <row r="16542" spans="1:3" x14ac:dyDescent="0.25">
      <c r="A16542" s="2" t="s">
        <v>8200</v>
      </c>
      <c r="B16542" s="6">
        <v>275391</v>
      </c>
      <c r="C16542" s="7">
        <f t="shared" si="258"/>
        <v>275.39100000000002</v>
      </c>
    </row>
    <row r="16543" spans="1:3" x14ac:dyDescent="0.25">
      <c r="A16543" s="2" t="s">
        <v>8201</v>
      </c>
      <c r="B16543" s="6">
        <v>275407.64999999997</v>
      </c>
      <c r="C16543" s="7">
        <f t="shared" si="258"/>
        <v>275.40764999999999</v>
      </c>
    </row>
    <row r="16544" spans="1:3" x14ac:dyDescent="0.25">
      <c r="A16544" s="2" t="s">
        <v>8202</v>
      </c>
      <c r="B16544" s="6">
        <v>275424.3</v>
      </c>
      <c r="C16544" s="7">
        <f t="shared" si="258"/>
        <v>275.42430000000002</v>
      </c>
    </row>
    <row r="16545" spans="1:3" x14ac:dyDescent="0.25">
      <c r="A16545" s="2" t="s">
        <v>8203</v>
      </c>
      <c r="B16545" s="6">
        <v>275440.94999999995</v>
      </c>
      <c r="C16545" s="7">
        <f t="shared" si="258"/>
        <v>275.44094999999993</v>
      </c>
    </row>
    <row r="16546" spans="1:3" x14ac:dyDescent="0.25">
      <c r="A16546" s="2" t="s">
        <v>8204</v>
      </c>
      <c r="B16546" s="6">
        <v>275457.59999999998</v>
      </c>
      <c r="C16546" s="7">
        <f t="shared" si="258"/>
        <v>275.45759999999996</v>
      </c>
    </row>
    <row r="16547" spans="1:3" x14ac:dyDescent="0.25">
      <c r="A16547" s="2" t="s">
        <v>8205</v>
      </c>
      <c r="B16547" s="6">
        <v>275474.25</v>
      </c>
      <c r="C16547" s="7">
        <f t="shared" si="258"/>
        <v>275.47424999999998</v>
      </c>
    </row>
    <row r="16548" spans="1:3" x14ac:dyDescent="0.25">
      <c r="A16548" s="2" t="s">
        <v>8206</v>
      </c>
      <c r="B16548" s="6">
        <v>275490.89999999997</v>
      </c>
      <c r="C16548" s="7">
        <f t="shared" si="258"/>
        <v>275.49089999999995</v>
      </c>
    </row>
    <row r="16549" spans="1:3" x14ac:dyDescent="0.25">
      <c r="A16549" s="2" t="s">
        <v>8207</v>
      </c>
      <c r="B16549" s="6">
        <v>275507.55</v>
      </c>
      <c r="C16549" s="7">
        <f t="shared" si="258"/>
        <v>275.50754999999998</v>
      </c>
    </row>
    <row r="16550" spans="1:3" x14ac:dyDescent="0.25">
      <c r="A16550" s="2" t="s">
        <v>8208</v>
      </c>
      <c r="B16550" s="6">
        <v>275524.19999999995</v>
      </c>
      <c r="C16550" s="7">
        <f t="shared" si="258"/>
        <v>275.52419999999995</v>
      </c>
    </row>
    <row r="16551" spans="1:3" x14ac:dyDescent="0.25">
      <c r="A16551" s="2" t="s">
        <v>8209</v>
      </c>
      <c r="B16551" s="6">
        <v>275540.84999999998</v>
      </c>
      <c r="C16551" s="7">
        <f t="shared" si="258"/>
        <v>275.54084999999998</v>
      </c>
    </row>
    <row r="16552" spans="1:3" x14ac:dyDescent="0.25">
      <c r="A16552" s="2" t="s">
        <v>8210</v>
      </c>
      <c r="B16552" s="6">
        <v>275557.5</v>
      </c>
      <c r="C16552" s="7">
        <f t="shared" si="258"/>
        <v>275.5575</v>
      </c>
    </row>
    <row r="16553" spans="1:3" x14ac:dyDescent="0.25">
      <c r="A16553" s="2" t="s">
        <v>8211</v>
      </c>
      <c r="B16553" s="6">
        <v>275574.14999999997</v>
      </c>
      <c r="C16553" s="7">
        <f t="shared" si="258"/>
        <v>275.57414999999997</v>
      </c>
    </row>
    <row r="16554" spans="1:3" x14ac:dyDescent="0.25">
      <c r="A16554" s="2" t="s">
        <v>8212</v>
      </c>
      <c r="B16554" s="6">
        <v>275590.8</v>
      </c>
      <c r="C16554" s="7">
        <f t="shared" si="258"/>
        <v>275.5908</v>
      </c>
    </row>
    <row r="16555" spans="1:3" x14ac:dyDescent="0.25">
      <c r="A16555" s="2" t="s">
        <v>8213</v>
      </c>
      <c r="B16555" s="6">
        <v>275607.44999999995</v>
      </c>
      <c r="C16555" s="7">
        <f t="shared" si="258"/>
        <v>275.60744999999997</v>
      </c>
    </row>
    <row r="16556" spans="1:3" x14ac:dyDescent="0.25">
      <c r="A16556" s="2" t="s">
        <v>8214</v>
      </c>
      <c r="B16556" s="6">
        <v>275624.09999999998</v>
      </c>
      <c r="C16556" s="7">
        <f t="shared" si="258"/>
        <v>275.6241</v>
      </c>
    </row>
    <row r="16557" spans="1:3" x14ac:dyDescent="0.25">
      <c r="A16557" s="2" t="s">
        <v>8215</v>
      </c>
      <c r="B16557" s="6">
        <v>275640.75</v>
      </c>
      <c r="C16557" s="7">
        <f t="shared" si="258"/>
        <v>275.64075000000003</v>
      </c>
    </row>
    <row r="16558" spans="1:3" x14ac:dyDescent="0.25">
      <c r="A16558" s="2" t="s">
        <v>8216</v>
      </c>
      <c r="B16558" s="6">
        <v>275657.39999999997</v>
      </c>
      <c r="C16558" s="7">
        <f t="shared" si="258"/>
        <v>275.65739999999994</v>
      </c>
    </row>
    <row r="16559" spans="1:3" x14ac:dyDescent="0.25">
      <c r="A16559" s="2" t="s">
        <v>8217</v>
      </c>
      <c r="B16559" s="6">
        <v>275674.05</v>
      </c>
      <c r="C16559" s="7">
        <f t="shared" si="258"/>
        <v>275.67404999999997</v>
      </c>
    </row>
    <row r="16560" spans="1:3" x14ac:dyDescent="0.25">
      <c r="A16560" s="2" t="s">
        <v>8218</v>
      </c>
      <c r="B16560" s="6">
        <v>275690.69999999995</v>
      </c>
      <c r="C16560" s="7">
        <f t="shared" si="258"/>
        <v>275.69069999999994</v>
      </c>
    </row>
    <row r="16561" spans="1:3" x14ac:dyDescent="0.25">
      <c r="A16561" s="2" t="s">
        <v>8219</v>
      </c>
      <c r="B16561" s="6">
        <v>275707.34999999998</v>
      </c>
      <c r="C16561" s="7">
        <f t="shared" si="258"/>
        <v>275.70734999999996</v>
      </c>
    </row>
    <row r="16562" spans="1:3" x14ac:dyDescent="0.25">
      <c r="A16562" s="2" t="s">
        <v>8220</v>
      </c>
      <c r="B16562" s="6">
        <v>275724</v>
      </c>
      <c r="C16562" s="7">
        <f t="shared" si="258"/>
        <v>275.72399999999999</v>
      </c>
    </row>
    <row r="16563" spans="1:3" x14ac:dyDescent="0.25">
      <c r="A16563" s="2" t="s">
        <v>8221</v>
      </c>
      <c r="B16563" s="6">
        <v>275740.64999999997</v>
      </c>
      <c r="C16563" s="7">
        <f t="shared" si="258"/>
        <v>275.74064999999996</v>
      </c>
    </row>
    <row r="16564" spans="1:3" x14ac:dyDescent="0.25">
      <c r="A16564" s="2" t="s">
        <v>8222</v>
      </c>
      <c r="B16564" s="6">
        <v>275757.3</v>
      </c>
      <c r="C16564" s="7">
        <f t="shared" si="258"/>
        <v>275.75729999999999</v>
      </c>
    </row>
    <row r="16565" spans="1:3" x14ac:dyDescent="0.25">
      <c r="A16565" s="2" t="s">
        <v>8223</v>
      </c>
      <c r="B16565" s="6">
        <v>275773.94999999995</v>
      </c>
      <c r="C16565" s="7">
        <f t="shared" si="258"/>
        <v>275.77394999999996</v>
      </c>
    </row>
    <row r="16566" spans="1:3" x14ac:dyDescent="0.25">
      <c r="A16566" s="2" t="s">
        <v>8224</v>
      </c>
      <c r="B16566" s="6">
        <v>275790.59999999998</v>
      </c>
      <c r="C16566" s="7">
        <f t="shared" si="258"/>
        <v>275.79059999999998</v>
      </c>
    </row>
    <row r="16567" spans="1:3" x14ac:dyDescent="0.25">
      <c r="A16567" s="2" t="s">
        <v>8225</v>
      </c>
      <c r="B16567" s="6">
        <v>275807.25</v>
      </c>
      <c r="C16567" s="7">
        <f t="shared" si="258"/>
        <v>275.80725000000001</v>
      </c>
    </row>
    <row r="16568" spans="1:3" x14ac:dyDescent="0.25">
      <c r="A16568" s="2" t="s">
        <v>8226</v>
      </c>
      <c r="B16568" s="6">
        <v>275823.89999999997</v>
      </c>
      <c r="C16568" s="7">
        <f t="shared" si="258"/>
        <v>275.82389999999998</v>
      </c>
    </row>
    <row r="16569" spans="1:3" x14ac:dyDescent="0.25">
      <c r="A16569" s="2" t="s">
        <v>8227</v>
      </c>
      <c r="B16569" s="6">
        <v>275840.55</v>
      </c>
      <c r="C16569" s="7">
        <f t="shared" si="258"/>
        <v>275.84055000000001</v>
      </c>
    </row>
    <row r="16570" spans="1:3" x14ac:dyDescent="0.25">
      <c r="A16570" s="2" t="s">
        <v>8228</v>
      </c>
      <c r="B16570" s="6">
        <v>275857.19999999995</v>
      </c>
      <c r="C16570" s="7">
        <f t="shared" si="258"/>
        <v>275.85719999999998</v>
      </c>
    </row>
    <row r="16571" spans="1:3" x14ac:dyDescent="0.25">
      <c r="A16571" s="2" t="s">
        <v>8229</v>
      </c>
      <c r="B16571" s="6">
        <v>275873.84999999998</v>
      </c>
      <c r="C16571" s="7">
        <f t="shared" si="258"/>
        <v>275.87385</v>
      </c>
    </row>
    <row r="16572" spans="1:3" x14ac:dyDescent="0.25">
      <c r="A16572" s="2" t="s">
        <v>8230</v>
      </c>
      <c r="B16572" s="6">
        <v>275890.5</v>
      </c>
      <c r="C16572" s="7">
        <f t="shared" si="258"/>
        <v>275.89049999999997</v>
      </c>
    </row>
    <row r="16573" spans="1:3" x14ac:dyDescent="0.25">
      <c r="A16573" s="2" t="s">
        <v>8231</v>
      </c>
      <c r="B16573" s="6">
        <v>275907.14999999997</v>
      </c>
      <c r="C16573" s="7">
        <f t="shared" si="258"/>
        <v>275.90714999999994</v>
      </c>
    </row>
    <row r="16574" spans="1:3" x14ac:dyDescent="0.25">
      <c r="A16574" s="2" t="s">
        <v>8232</v>
      </c>
      <c r="B16574" s="6">
        <v>275923.8</v>
      </c>
      <c r="C16574" s="7">
        <f t="shared" si="258"/>
        <v>275.92379999999997</v>
      </c>
    </row>
    <row r="16575" spans="1:3" x14ac:dyDescent="0.25">
      <c r="A16575" s="2" t="s">
        <v>8233</v>
      </c>
      <c r="B16575" s="6">
        <v>275940.44999999995</v>
      </c>
      <c r="C16575" s="7">
        <f t="shared" si="258"/>
        <v>275.94044999999994</v>
      </c>
    </row>
    <row r="16576" spans="1:3" x14ac:dyDescent="0.25">
      <c r="A16576" s="2" t="s">
        <v>8234</v>
      </c>
      <c r="B16576" s="6">
        <v>275957.09999999998</v>
      </c>
      <c r="C16576" s="7">
        <f t="shared" si="258"/>
        <v>275.95709999999997</v>
      </c>
    </row>
    <row r="16577" spans="1:3" x14ac:dyDescent="0.25">
      <c r="A16577" s="2" t="s">
        <v>8235</v>
      </c>
      <c r="B16577" s="6">
        <v>275973.75</v>
      </c>
      <c r="C16577" s="7">
        <f t="shared" si="258"/>
        <v>275.97375</v>
      </c>
    </row>
    <row r="16578" spans="1:3" x14ac:dyDescent="0.25">
      <c r="A16578" s="2" t="s">
        <v>8236</v>
      </c>
      <c r="B16578" s="6">
        <v>275990.39999999997</v>
      </c>
      <c r="C16578" s="7">
        <f t="shared" si="258"/>
        <v>275.99039999999997</v>
      </c>
    </row>
    <row r="16579" spans="1:3" x14ac:dyDescent="0.25">
      <c r="A16579" s="2" t="s">
        <v>8237</v>
      </c>
      <c r="B16579" s="6">
        <v>276007.05</v>
      </c>
      <c r="C16579" s="7">
        <f t="shared" ref="C16579:C16642" si="259">B16579/1000</f>
        <v>276.00704999999999</v>
      </c>
    </row>
    <row r="16580" spans="1:3" x14ac:dyDescent="0.25">
      <c r="A16580" s="2" t="s">
        <v>8238</v>
      </c>
      <c r="B16580" s="6">
        <v>276023.69999999995</v>
      </c>
      <c r="C16580" s="7">
        <f t="shared" si="259"/>
        <v>276.02369999999996</v>
      </c>
    </row>
    <row r="16581" spans="1:3" x14ac:dyDescent="0.25">
      <c r="A16581" s="2" t="s">
        <v>8239</v>
      </c>
      <c r="B16581" s="6">
        <v>276040.34999999998</v>
      </c>
      <c r="C16581" s="7">
        <f t="shared" si="259"/>
        <v>276.04034999999999</v>
      </c>
    </row>
    <row r="16582" spans="1:3" x14ac:dyDescent="0.25">
      <c r="A16582" s="2" t="s">
        <v>8240</v>
      </c>
      <c r="B16582" s="6">
        <v>276057</v>
      </c>
      <c r="C16582" s="7">
        <f t="shared" si="259"/>
        <v>276.05700000000002</v>
      </c>
    </row>
    <row r="16583" spans="1:3" x14ac:dyDescent="0.25">
      <c r="A16583" s="2" t="s">
        <v>8241</v>
      </c>
      <c r="B16583" s="6">
        <v>276073.64999999997</v>
      </c>
      <c r="C16583" s="7">
        <f t="shared" si="259"/>
        <v>276.07364999999999</v>
      </c>
    </row>
    <row r="16584" spans="1:3" x14ac:dyDescent="0.25">
      <c r="A16584" s="2" t="s">
        <v>8242</v>
      </c>
      <c r="B16584" s="6">
        <v>276090.3</v>
      </c>
      <c r="C16584" s="7">
        <f t="shared" si="259"/>
        <v>276.09030000000001</v>
      </c>
    </row>
    <row r="16585" spans="1:3" x14ac:dyDescent="0.25">
      <c r="A16585" s="2" t="s">
        <v>8243</v>
      </c>
      <c r="B16585" s="6">
        <v>276106.94999999995</v>
      </c>
      <c r="C16585" s="7">
        <f t="shared" si="259"/>
        <v>276.10694999999993</v>
      </c>
    </row>
    <row r="16586" spans="1:3" x14ac:dyDescent="0.25">
      <c r="A16586" s="2" t="s">
        <v>8244</v>
      </c>
      <c r="B16586" s="6">
        <v>276123.59999999998</v>
      </c>
      <c r="C16586" s="7">
        <f t="shared" si="259"/>
        <v>276.12359999999995</v>
      </c>
    </row>
    <row r="16587" spans="1:3" x14ac:dyDescent="0.25">
      <c r="A16587" s="2" t="s">
        <v>8245</v>
      </c>
      <c r="B16587" s="6">
        <v>276140.25</v>
      </c>
      <c r="C16587" s="7">
        <f t="shared" si="259"/>
        <v>276.14024999999998</v>
      </c>
    </row>
    <row r="16588" spans="1:3" x14ac:dyDescent="0.25">
      <c r="A16588" s="2" t="s">
        <v>8246</v>
      </c>
      <c r="B16588" s="6">
        <v>276156.89999999997</v>
      </c>
      <c r="C16588" s="7">
        <f t="shared" si="259"/>
        <v>276.15689999999995</v>
      </c>
    </row>
    <row r="16589" spans="1:3" x14ac:dyDescent="0.25">
      <c r="A16589" s="2" t="s">
        <v>8247</v>
      </c>
      <c r="B16589" s="6">
        <v>276173.55</v>
      </c>
      <c r="C16589" s="7">
        <f t="shared" si="259"/>
        <v>276.17354999999998</v>
      </c>
    </row>
    <row r="16590" spans="1:3" x14ac:dyDescent="0.25">
      <c r="A16590" s="2" t="s">
        <v>8248</v>
      </c>
      <c r="B16590" s="6">
        <v>276190.19999999995</v>
      </c>
      <c r="C16590" s="7">
        <f t="shared" si="259"/>
        <v>276.19019999999995</v>
      </c>
    </row>
    <row r="16591" spans="1:3" x14ac:dyDescent="0.25">
      <c r="A16591" s="2" t="s">
        <v>8249</v>
      </c>
      <c r="B16591" s="6">
        <v>276206.84999999998</v>
      </c>
      <c r="C16591" s="7">
        <f t="shared" si="259"/>
        <v>276.20684999999997</v>
      </c>
    </row>
    <row r="16592" spans="1:3" x14ac:dyDescent="0.25">
      <c r="A16592" s="2" t="s">
        <v>8250</v>
      </c>
      <c r="B16592" s="6">
        <v>276223.5</v>
      </c>
      <c r="C16592" s="7">
        <f t="shared" si="259"/>
        <v>276.2235</v>
      </c>
    </row>
    <row r="16593" spans="1:3" x14ac:dyDescent="0.25">
      <c r="A16593" s="2" t="s">
        <v>8251</v>
      </c>
      <c r="B16593" s="6">
        <v>276240.14999999997</v>
      </c>
      <c r="C16593" s="7">
        <f t="shared" si="259"/>
        <v>276.24014999999997</v>
      </c>
    </row>
    <row r="16594" spans="1:3" x14ac:dyDescent="0.25">
      <c r="A16594" s="2" t="s">
        <v>8252</v>
      </c>
      <c r="B16594" s="6">
        <v>276256.8</v>
      </c>
      <c r="C16594" s="7">
        <f t="shared" si="259"/>
        <v>276.2568</v>
      </c>
    </row>
    <row r="16595" spans="1:3" x14ac:dyDescent="0.25">
      <c r="A16595" s="2" t="s">
        <v>8253</v>
      </c>
      <c r="B16595" s="6">
        <v>276273.44999999995</v>
      </c>
      <c r="C16595" s="7">
        <f t="shared" si="259"/>
        <v>276.27344999999997</v>
      </c>
    </row>
    <row r="16596" spans="1:3" x14ac:dyDescent="0.25">
      <c r="A16596" s="2" t="s">
        <v>8254</v>
      </c>
      <c r="B16596" s="6">
        <v>276290.09999999998</v>
      </c>
      <c r="C16596" s="7">
        <f t="shared" si="259"/>
        <v>276.2901</v>
      </c>
    </row>
    <row r="16597" spans="1:3" x14ac:dyDescent="0.25">
      <c r="A16597" s="2" t="s">
        <v>8255</v>
      </c>
      <c r="B16597" s="6">
        <v>276306.75</v>
      </c>
      <c r="C16597" s="7">
        <f t="shared" si="259"/>
        <v>276.30675000000002</v>
      </c>
    </row>
    <row r="16598" spans="1:3" x14ac:dyDescent="0.25">
      <c r="A16598" s="2" t="s">
        <v>8256</v>
      </c>
      <c r="B16598" s="6">
        <v>276323.39999999997</v>
      </c>
      <c r="C16598" s="7">
        <f t="shared" si="259"/>
        <v>276.32339999999999</v>
      </c>
    </row>
    <row r="16599" spans="1:3" x14ac:dyDescent="0.25">
      <c r="A16599" s="2" t="s">
        <v>8257</v>
      </c>
      <c r="B16599" s="6">
        <v>276340.05</v>
      </c>
      <c r="C16599" s="7">
        <f t="shared" si="259"/>
        <v>276.34004999999996</v>
      </c>
    </row>
    <row r="16600" spans="1:3" x14ac:dyDescent="0.25">
      <c r="A16600" s="2" t="s">
        <v>8258</v>
      </c>
      <c r="B16600" s="6">
        <v>276356.69999999995</v>
      </c>
      <c r="C16600" s="7">
        <f t="shared" si="259"/>
        <v>276.35669999999993</v>
      </c>
    </row>
    <row r="16601" spans="1:3" x14ac:dyDescent="0.25">
      <c r="A16601" s="2" t="s">
        <v>8259</v>
      </c>
      <c r="B16601" s="6">
        <v>276373.34999999998</v>
      </c>
      <c r="C16601" s="7">
        <f t="shared" si="259"/>
        <v>276.37334999999996</v>
      </c>
    </row>
    <row r="16602" spans="1:3" x14ac:dyDescent="0.25">
      <c r="A16602" s="2" t="s">
        <v>8260</v>
      </c>
      <c r="B16602" s="6">
        <v>276390</v>
      </c>
      <c r="C16602" s="7">
        <f t="shared" si="259"/>
        <v>276.39</v>
      </c>
    </row>
    <row r="16603" spans="1:3" x14ac:dyDescent="0.25">
      <c r="A16603" s="2" t="s">
        <v>8261</v>
      </c>
      <c r="B16603" s="6">
        <v>276406.64999999997</v>
      </c>
      <c r="C16603" s="7">
        <f t="shared" si="259"/>
        <v>276.40664999999996</v>
      </c>
    </row>
    <row r="16604" spans="1:3" x14ac:dyDescent="0.25">
      <c r="A16604" s="2" t="s">
        <v>8262</v>
      </c>
      <c r="B16604" s="6">
        <v>276423.3</v>
      </c>
      <c r="C16604" s="7">
        <f t="shared" si="259"/>
        <v>276.42329999999998</v>
      </c>
    </row>
    <row r="16605" spans="1:3" x14ac:dyDescent="0.25">
      <c r="A16605" s="2" t="s">
        <v>8263</v>
      </c>
      <c r="B16605" s="6">
        <v>276439.94999999995</v>
      </c>
      <c r="C16605" s="7">
        <f t="shared" si="259"/>
        <v>276.43994999999995</v>
      </c>
    </row>
    <row r="16606" spans="1:3" x14ac:dyDescent="0.25">
      <c r="A16606" s="2" t="s">
        <v>8264</v>
      </c>
      <c r="B16606" s="6">
        <v>276456.59999999998</v>
      </c>
      <c r="C16606" s="7">
        <f t="shared" si="259"/>
        <v>276.45659999999998</v>
      </c>
    </row>
    <row r="16607" spans="1:3" x14ac:dyDescent="0.25">
      <c r="A16607" s="2" t="s">
        <v>8265</v>
      </c>
      <c r="B16607" s="6">
        <v>276473.25</v>
      </c>
      <c r="C16607" s="7">
        <f t="shared" si="259"/>
        <v>276.47325000000001</v>
      </c>
    </row>
    <row r="16608" spans="1:3" x14ac:dyDescent="0.25">
      <c r="A16608" s="2" t="s">
        <v>8266</v>
      </c>
      <c r="B16608" s="6">
        <v>276489.89999999997</v>
      </c>
      <c r="C16608" s="7">
        <f t="shared" si="259"/>
        <v>276.48989999999998</v>
      </c>
    </row>
    <row r="16609" spans="1:3" x14ac:dyDescent="0.25">
      <c r="A16609" s="2" t="s">
        <v>8267</v>
      </c>
      <c r="B16609" s="6">
        <v>276506.55</v>
      </c>
      <c r="C16609" s="7">
        <f t="shared" si="259"/>
        <v>276.50655</v>
      </c>
    </row>
    <row r="16610" spans="1:3" x14ac:dyDescent="0.25">
      <c r="A16610" s="2" t="s">
        <v>8268</v>
      </c>
      <c r="B16610" s="6">
        <v>276523.19999999995</v>
      </c>
      <c r="C16610" s="7">
        <f t="shared" si="259"/>
        <v>276.52319999999997</v>
      </c>
    </row>
    <row r="16611" spans="1:3" x14ac:dyDescent="0.25">
      <c r="A16611" s="2" t="s">
        <v>8269</v>
      </c>
      <c r="B16611" s="6">
        <v>276539.84999999998</v>
      </c>
      <c r="C16611" s="7">
        <f t="shared" si="259"/>
        <v>276.53985</v>
      </c>
    </row>
    <row r="16612" spans="1:3" x14ac:dyDescent="0.25">
      <c r="A16612" s="2" t="s">
        <v>8270</v>
      </c>
      <c r="B16612" s="6">
        <v>276556.5</v>
      </c>
      <c r="C16612" s="7">
        <f t="shared" si="259"/>
        <v>276.55650000000003</v>
      </c>
    </row>
    <row r="16613" spans="1:3" x14ac:dyDescent="0.25">
      <c r="A16613" s="2" t="s">
        <v>8271</v>
      </c>
      <c r="B16613" s="6">
        <v>276573.14999999997</v>
      </c>
      <c r="C16613" s="7">
        <f t="shared" si="259"/>
        <v>276.57314999999994</v>
      </c>
    </row>
    <row r="16614" spans="1:3" x14ac:dyDescent="0.25">
      <c r="A16614" s="2" t="s">
        <v>8272</v>
      </c>
      <c r="B16614" s="6">
        <v>276589.8</v>
      </c>
      <c r="C16614" s="7">
        <f t="shared" si="259"/>
        <v>276.58979999999997</v>
      </c>
    </row>
    <row r="16615" spans="1:3" x14ac:dyDescent="0.25">
      <c r="A16615" s="2" t="s">
        <v>8273</v>
      </c>
      <c r="B16615" s="6">
        <v>276606.44999999995</v>
      </c>
      <c r="C16615" s="7">
        <f t="shared" si="259"/>
        <v>276.60644999999994</v>
      </c>
    </row>
    <row r="16616" spans="1:3" x14ac:dyDescent="0.25">
      <c r="A16616" s="2" t="s">
        <v>8274</v>
      </c>
      <c r="B16616" s="6">
        <v>276623.09999999998</v>
      </c>
      <c r="C16616" s="7">
        <f t="shared" si="259"/>
        <v>276.62309999999997</v>
      </c>
    </row>
    <row r="16617" spans="1:3" x14ac:dyDescent="0.25">
      <c r="A16617" s="2" t="s">
        <v>8275</v>
      </c>
      <c r="B16617" s="6">
        <v>276639.75</v>
      </c>
      <c r="C16617" s="7">
        <f t="shared" si="259"/>
        <v>276.63974999999999</v>
      </c>
    </row>
    <row r="16618" spans="1:3" x14ac:dyDescent="0.25">
      <c r="A16618" s="2" t="s">
        <v>8276</v>
      </c>
      <c r="B16618" s="6">
        <v>276656.39999999997</v>
      </c>
      <c r="C16618" s="7">
        <f t="shared" si="259"/>
        <v>276.65639999999996</v>
      </c>
    </row>
    <row r="16619" spans="1:3" x14ac:dyDescent="0.25">
      <c r="A16619" s="2" t="s">
        <v>8277</v>
      </c>
      <c r="B16619" s="6">
        <v>276673.05</v>
      </c>
      <c r="C16619" s="7">
        <f t="shared" si="259"/>
        <v>276.67304999999999</v>
      </c>
    </row>
    <row r="16620" spans="1:3" x14ac:dyDescent="0.25">
      <c r="A16620" s="2" t="s">
        <v>8278</v>
      </c>
      <c r="B16620" s="6">
        <v>276689.69999999995</v>
      </c>
      <c r="C16620" s="7">
        <f t="shared" si="259"/>
        <v>276.68969999999996</v>
      </c>
    </row>
    <row r="16621" spans="1:3" x14ac:dyDescent="0.25">
      <c r="A16621" s="2" t="s">
        <v>8279</v>
      </c>
      <c r="B16621" s="6">
        <v>276706.34999999998</v>
      </c>
      <c r="C16621" s="7">
        <f t="shared" si="259"/>
        <v>276.70634999999999</v>
      </c>
    </row>
    <row r="16622" spans="1:3" x14ac:dyDescent="0.25">
      <c r="A16622" s="2" t="s">
        <v>8280</v>
      </c>
      <c r="B16622" s="6">
        <v>276723</v>
      </c>
      <c r="C16622" s="7">
        <f t="shared" si="259"/>
        <v>276.72300000000001</v>
      </c>
    </row>
    <row r="16623" spans="1:3" x14ac:dyDescent="0.25">
      <c r="A16623" s="2" t="s">
        <v>8281</v>
      </c>
      <c r="B16623" s="6">
        <v>276739.64999999997</v>
      </c>
      <c r="C16623" s="7">
        <f t="shared" si="259"/>
        <v>276.73964999999998</v>
      </c>
    </row>
    <row r="16624" spans="1:3" x14ac:dyDescent="0.25">
      <c r="A16624" s="2" t="s">
        <v>8282</v>
      </c>
      <c r="B16624" s="6">
        <v>276756.3</v>
      </c>
      <c r="C16624" s="7">
        <f t="shared" si="259"/>
        <v>276.75630000000001</v>
      </c>
    </row>
    <row r="16625" spans="1:3" x14ac:dyDescent="0.25">
      <c r="A16625" s="2" t="s">
        <v>8283</v>
      </c>
      <c r="B16625" s="6">
        <v>276772.94999999995</v>
      </c>
      <c r="C16625" s="7">
        <f t="shared" si="259"/>
        <v>276.77294999999998</v>
      </c>
    </row>
    <row r="16626" spans="1:3" x14ac:dyDescent="0.25">
      <c r="A16626" s="2" t="s">
        <v>8284</v>
      </c>
      <c r="B16626" s="6">
        <v>276789.59999999998</v>
      </c>
      <c r="C16626" s="7">
        <f t="shared" si="259"/>
        <v>276.78959999999995</v>
      </c>
    </row>
    <row r="16627" spans="1:3" x14ac:dyDescent="0.25">
      <c r="A16627" s="2" t="s">
        <v>8285</v>
      </c>
      <c r="B16627" s="6">
        <v>276806.25</v>
      </c>
      <c r="C16627" s="7">
        <f t="shared" si="259"/>
        <v>276.80624999999998</v>
      </c>
    </row>
    <row r="16628" spans="1:3" x14ac:dyDescent="0.25">
      <c r="A16628" s="2" t="s">
        <v>8286</v>
      </c>
      <c r="B16628" s="6">
        <v>276822.89999999997</v>
      </c>
      <c r="C16628" s="7">
        <f t="shared" si="259"/>
        <v>276.82289999999995</v>
      </c>
    </row>
    <row r="16629" spans="1:3" x14ac:dyDescent="0.25">
      <c r="A16629" s="2" t="s">
        <v>8287</v>
      </c>
      <c r="B16629" s="6">
        <v>276839.55</v>
      </c>
      <c r="C16629" s="7">
        <f t="shared" si="259"/>
        <v>276.83954999999997</v>
      </c>
    </row>
    <row r="16630" spans="1:3" x14ac:dyDescent="0.25">
      <c r="A16630" s="2" t="s">
        <v>8288</v>
      </c>
      <c r="B16630" s="6">
        <v>276856.19999999995</v>
      </c>
      <c r="C16630" s="7">
        <f t="shared" si="259"/>
        <v>276.85619999999994</v>
      </c>
    </row>
    <row r="16631" spans="1:3" x14ac:dyDescent="0.25">
      <c r="A16631" s="2" t="s">
        <v>8289</v>
      </c>
      <c r="B16631" s="6">
        <v>276872.84999999998</v>
      </c>
      <c r="C16631" s="7">
        <f t="shared" si="259"/>
        <v>276.87284999999997</v>
      </c>
    </row>
    <row r="16632" spans="1:3" x14ac:dyDescent="0.25">
      <c r="A16632" s="2" t="s">
        <v>8290</v>
      </c>
      <c r="B16632" s="6">
        <v>276889.5</v>
      </c>
      <c r="C16632" s="7">
        <f t="shared" si="259"/>
        <v>276.8895</v>
      </c>
    </row>
    <row r="16633" spans="1:3" x14ac:dyDescent="0.25">
      <c r="A16633" s="2" t="s">
        <v>8291</v>
      </c>
      <c r="B16633" s="6">
        <v>276906.14999999997</v>
      </c>
      <c r="C16633" s="7">
        <f t="shared" si="259"/>
        <v>276.90614999999997</v>
      </c>
    </row>
    <row r="16634" spans="1:3" x14ac:dyDescent="0.25">
      <c r="A16634" s="2" t="s">
        <v>8292</v>
      </c>
      <c r="B16634" s="6">
        <v>276922.8</v>
      </c>
      <c r="C16634" s="7">
        <f t="shared" si="259"/>
        <v>276.9228</v>
      </c>
    </row>
    <row r="16635" spans="1:3" x14ac:dyDescent="0.25">
      <c r="A16635" s="2" t="s">
        <v>8293</v>
      </c>
      <c r="B16635" s="6">
        <v>276939.44999999995</v>
      </c>
      <c r="C16635" s="7">
        <f t="shared" si="259"/>
        <v>276.93944999999997</v>
      </c>
    </row>
    <row r="16636" spans="1:3" x14ac:dyDescent="0.25">
      <c r="A16636" s="2" t="s">
        <v>8294</v>
      </c>
      <c r="B16636" s="6">
        <v>276956.09999999998</v>
      </c>
      <c r="C16636" s="7">
        <f t="shared" si="259"/>
        <v>276.95609999999999</v>
      </c>
    </row>
    <row r="16637" spans="1:3" x14ac:dyDescent="0.25">
      <c r="A16637" s="2" t="s">
        <v>8295</v>
      </c>
      <c r="B16637" s="6">
        <v>276972.75</v>
      </c>
      <c r="C16637" s="7">
        <f t="shared" si="259"/>
        <v>276.97275000000002</v>
      </c>
    </row>
    <row r="16638" spans="1:3" x14ac:dyDescent="0.25">
      <c r="A16638" s="2" t="s">
        <v>8296</v>
      </c>
      <c r="B16638" s="6">
        <v>276989.39999999997</v>
      </c>
      <c r="C16638" s="7">
        <f t="shared" si="259"/>
        <v>276.98939999999999</v>
      </c>
    </row>
    <row r="16639" spans="1:3" x14ac:dyDescent="0.25">
      <c r="A16639" s="2" t="s">
        <v>8297</v>
      </c>
      <c r="B16639" s="6">
        <v>277006.05</v>
      </c>
      <c r="C16639" s="7">
        <f t="shared" si="259"/>
        <v>277.00605000000002</v>
      </c>
    </row>
    <row r="16640" spans="1:3" x14ac:dyDescent="0.25">
      <c r="A16640" s="2" t="s">
        <v>8298</v>
      </c>
      <c r="B16640" s="6">
        <v>277022.69999999995</v>
      </c>
      <c r="C16640" s="7">
        <f t="shared" si="259"/>
        <v>277.02269999999993</v>
      </c>
    </row>
    <row r="16641" spans="1:3" x14ac:dyDescent="0.25">
      <c r="A16641" s="2" t="s">
        <v>8299</v>
      </c>
      <c r="B16641" s="6">
        <v>277039.34999999998</v>
      </c>
      <c r="C16641" s="7">
        <f t="shared" si="259"/>
        <v>277.03934999999996</v>
      </c>
    </row>
    <row r="16642" spans="1:3" x14ac:dyDescent="0.25">
      <c r="A16642" s="2" t="s">
        <v>8300</v>
      </c>
      <c r="B16642" s="6">
        <v>277056</v>
      </c>
      <c r="C16642" s="7">
        <f t="shared" si="259"/>
        <v>277.05599999999998</v>
      </c>
    </row>
    <row r="16643" spans="1:3" x14ac:dyDescent="0.25">
      <c r="A16643" s="2" t="s">
        <v>8301</v>
      </c>
      <c r="B16643" s="6">
        <v>277072.64999999997</v>
      </c>
      <c r="C16643" s="7">
        <f t="shared" ref="C16643:C16706" si="260">B16643/1000</f>
        <v>277.07264999999995</v>
      </c>
    </row>
    <row r="16644" spans="1:3" x14ac:dyDescent="0.25">
      <c r="A16644" s="2" t="s">
        <v>8302</v>
      </c>
      <c r="B16644" s="6">
        <v>277089.3</v>
      </c>
      <c r="C16644" s="7">
        <f t="shared" si="260"/>
        <v>277.08929999999998</v>
      </c>
    </row>
    <row r="16645" spans="1:3" x14ac:dyDescent="0.25">
      <c r="A16645" s="2" t="s">
        <v>8303</v>
      </c>
      <c r="B16645" s="6">
        <v>277105.94999999995</v>
      </c>
      <c r="C16645" s="7">
        <f t="shared" si="260"/>
        <v>277.10594999999995</v>
      </c>
    </row>
    <row r="16646" spans="1:3" x14ac:dyDescent="0.25">
      <c r="A16646" s="2" t="s">
        <v>8304</v>
      </c>
      <c r="B16646" s="6">
        <v>277122.59999999998</v>
      </c>
      <c r="C16646" s="7">
        <f t="shared" si="260"/>
        <v>277.12259999999998</v>
      </c>
    </row>
    <row r="16647" spans="1:3" x14ac:dyDescent="0.25">
      <c r="A16647" s="2" t="s">
        <v>8305</v>
      </c>
      <c r="B16647" s="6">
        <v>277139.25</v>
      </c>
      <c r="C16647" s="7">
        <f t="shared" si="260"/>
        <v>277.13925</v>
      </c>
    </row>
    <row r="16648" spans="1:3" x14ac:dyDescent="0.25">
      <c r="A16648" s="2" t="s">
        <v>8306</v>
      </c>
      <c r="B16648" s="6">
        <v>277155.89999999997</v>
      </c>
      <c r="C16648" s="7">
        <f t="shared" si="260"/>
        <v>277.15589999999997</v>
      </c>
    </row>
    <row r="16649" spans="1:3" x14ac:dyDescent="0.25">
      <c r="A16649" s="2" t="s">
        <v>8307</v>
      </c>
      <c r="B16649" s="6">
        <v>277172.55</v>
      </c>
      <c r="C16649" s="7">
        <f t="shared" si="260"/>
        <v>277.17255</v>
      </c>
    </row>
    <row r="16650" spans="1:3" x14ac:dyDescent="0.25">
      <c r="A16650" s="2" t="s">
        <v>8308</v>
      </c>
      <c r="B16650" s="6">
        <v>277189.19999999995</v>
      </c>
      <c r="C16650" s="7">
        <f t="shared" si="260"/>
        <v>277.18919999999997</v>
      </c>
    </row>
    <row r="16651" spans="1:3" x14ac:dyDescent="0.25">
      <c r="A16651" s="2" t="s">
        <v>8309</v>
      </c>
      <c r="B16651" s="6">
        <v>277205.84999999998</v>
      </c>
      <c r="C16651" s="7">
        <f t="shared" si="260"/>
        <v>277.20585</v>
      </c>
    </row>
    <row r="16652" spans="1:3" x14ac:dyDescent="0.25">
      <c r="A16652" s="2" t="s">
        <v>8310</v>
      </c>
      <c r="B16652" s="6">
        <v>277222.5</v>
      </c>
      <c r="C16652" s="7">
        <f t="shared" si="260"/>
        <v>277.22250000000003</v>
      </c>
    </row>
    <row r="16653" spans="1:3" x14ac:dyDescent="0.25">
      <c r="A16653" s="2" t="s">
        <v>8311</v>
      </c>
      <c r="B16653" s="6">
        <v>277239.14999999997</v>
      </c>
      <c r="C16653" s="7">
        <f t="shared" si="260"/>
        <v>277.23914999999994</v>
      </c>
    </row>
    <row r="16654" spans="1:3" x14ac:dyDescent="0.25">
      <c r="A16654" s="2" t="s">
        <v>8312</v>
      </c>
      <c r="B16654" s="6">
        <v>277255.8</v>
      </c>
      <c r="C16654" s="7">
        <f t="shared" si="260"/>
        <v>277.25579999999997</v>
      </c>
    </row>
    <row r="16655" spans="1:3" x14ac:dyDescent="0.25">
      <c r="A16655" s="2" t="s">
        <v>8313</v>
      </c>
      <c r="B16655" s="6">
        <v>277272.44999999995</v>
      </c>
      <c r="C16655" s="7">
        <f t="shared" si="260"/>
        <v>277.27244999999994</v>
      </c>
    </row>
    <row r="16656" spans="1:3" x14ac:dyDescent="0.25">
      <c r="A16656" s="2" t="s">
        <v>8314</v>
      </c>
      <c r="B16656" s="6">
        <v>277289.09999999998</v>
      </c>
      <c r="C16656" s="7">
        <f t="shared" si="260"/>
        <v>277.28909999999996</v>
      </c>
    </row>
    <row r="16657" spans="1:3" x14ac:dyDescent="0.25">
      <c r="A16657" s="2" t="s">
        <v>8315</v>
      </c>
      <c r="B16657" s="6">
        <v>277305.75</v>
      </c>
      <c r="C16657" s="7">
        <f t="shared" si="260"/>
        <v>277.30574999999999</v>
      </c>
    </row>
    <row r="16658" spans="1:3" x14ac:dyDescent="0.25">
      <c r="A16658" s="2" t="s">
        <v>8316</v>
      </c>
      <c r="B16658" s="6">
        <v>277322.39999999997</v>
      </c>
      <c r="C16658" s="7">
        <f t="shared" si="260"/>
        <v>277.32239999999996</v>
      </c>
    </row>
    <row r="16659" spans="1:3" x14ac:dyDescent="0.25">
      <c r="A16659" s="2" t="s">
        <v>8317</v>
      </c>
      <c r="B16659" s="6">
        <v>277339.05</v>
      </c>
      <c r="C16659" s="7">
        <f t="shared" si="260"/>
        <v>277.33904999999999</v>
      </c>
    </row>
    <row r="16660" spans="1:3" x14ac:dyDescent="0.25">
      <c r="A16660" s="2" t="s">
        <v>8318</v>
      </c>
      <c r="B16660" s="6">
        <v>277355.69999999995</v>
      </c>
      <c r="C16660" s="7">
        <f t="shared" si="260"/>
        <v>277.35569999999996</v>
      </c>
    </row>
    <row r="16661" spans="1:3" x14ac:dyDescent="0.25">
      <c r="A16661" s="2" t="s">
        <v>8319</v>
      </c>
      <c r="B16661" s="6">
        <v>277372.34999999998</v>
      </c>
      <c r="C16661" s="7">
        <f t="shared" si="260"/>
        <v>277.37234999999998</v>
      </c>
    </row>
    <row r="16662" spans="1:3" x14ac:dyDescent="0.25">
      <c r="A16662" s="2" t="s">
        <v>8320</v>
      </c>
      <c r="B16662" s="6">
        <v>277389</v>
      </c>
      <c r="C16662" s="7">
        <f t="shared" si="260"/>
        <v>277.38900000000001</v>
      </c>
    </row>
    <row r="16663" spans="1:3" x14ac:dyDescent="0.25">
      <c r="A16663" s="2" t="s">
        <v>8321</v>
      </c>
      <c r="B16663" s="6">
        <v>277405.64999999997</v>
      </c>
      <c r="C16663" s="7">
        <f t="shared" si="260"/>
        <v>277.40564999999998</v>
      </c>
    </row>
    <row r="16664" spans="1:3" x14ac:dyDescent="0.25">
      <c r="A16664" s="2" t="s">
        <v>8322</v>
      </c>
      <c r="B16664" s="6">
        <v>277422.3</v>
      </c>
      <c r="C16664" s="7">
        <f t="shared" si="260"/>
        <v>277.42230000000001</v>
      </c>
    </row>
    <row r="16665" spans="1:3" x14ac:dyDescent="0.25">
      <c r="A16665" s="2" t="s">
        <v>8323</v>
      </c>
      <c r="B16665" s="6">
        <v>277438.94999999995</v>
      </c>
      <c r="C16665" s="7">
        <f t="shared" si="260"/>
        <v>277.43894999999998</v>
      </c>
    </row>
    <row r="16666" spans="1:3" x14ac:dyDescent="0.25">
      <c r="A16666" s="2" t="s">
        <v>8324</v>
      </c>
      <c r="B16666" s="6">
        <v>277455.59999999998</v>
      </c>
      <c r="C16666" s="7">
        <f t="shared" si="260"/>
        <v>277.4556</v>
      </c>
    </row>
    <row r="16667" spans="1:3" x14ac:dyDescent="0.25">
      <c r="A16667" s="2" t="s">
        <v>8325</v>
      </c>
      <c r="B16667" s="6">
        <v>277472.25</v>
      </c>
      <c r="C16667" s="7">
        <f t="shared" si="260"/>
        <v>277.47224999999997</v>
      </c>
    </row>
    <row r="16668" spans="1:3" x14ac:dyDescent="0.25">
      <c r="A16668" s="2" t="s">
        <v>8326</v>
      </c>
      <c r="B16668" s="6">
        <v>277488.89999999997</v>
      </c>
      <c r="C16668" s="7">
        <f t="shared" si="260"/>
        <v>277.48889999999994</v>
      </c>
    </row>
    <row r="16669" spans="1:3" x14ac:dyDescent="0.25">
      <c r="A16669" s="2" t="s">
        <v>8327</v>
      </c>
      <c r="B16669" s="6">
        <v>277505.55</v>
      </c>
      <c r="C16669" s="7">
        <f t="shared" si="260"/>
        <v>277.50554999999997</v>
      </c>
    </row>
    <row r="16670" spans="1:3" x14ac:dyDescent="0.25">
      <c r="A16670" s="2" t="s">
        <v>8328</v>
      </c>
      <c r="B16670" s="6">
        <v>277522.19999999995</v>
      </c>
      <c r="C16670" s="7">
        <f t="shared" si="260"/>
        <v>277.52219999999994</v>
      </c>
    </row>
    <row r="16671" spans="1:3" x14ac:dyDescent="0.25">
      <c r="A16671" s="2" t="s">
        <v>8329</v>
      </c>
      <c r="B16671" s="6">
        <v>277538.84999999998</v>
      </c>
      <c r="C16671" s="7">
        <f t="shared" si="260"/>
        <v>277.53884999999997</v>
      </c>
    </row>
    <row r="16672" spans="1:3" x14ac:dyDescent="0.25">
      <c r="A16672" s="2" t="s">
        <v>8330</v>
      </c>
      <c r="B16672" s="6">
        <v>277555.5</v>
      </c>
      <c r="C16672" s="7">
        <f t="shared" si="260"/>
        <v>277.55549999999999</v>
      </c>
    </row>
    <row r="16673" spans="1:3" x14ac:dyDescent="0.25">
      <c r="A16673" s="2" t="s">
        <v>8331</v>
      </c>
      <c r="B16673" s="6">
        <v>277572.14999999997</v>
      </c>
      <c r="C16673" s="7">
        <f t="shared" si="260"/>
        <v>277.57214999999997</v>
      </c>
    </row>
    <row r="16674" spans="1:3" x14ac:dyDescent="0.25">
      <c r="A16674" s="2" t="s">
        <v>8332</v>
      </c>
      <c r="B16674" s="6">
        <v>277588.8</v>
      </c>
      <c r="C16674" s="7">
        <f t="shared" si="260"/>
        <v>277.58879999999999</v>
      </c>
    </row>
    <row r="16675" spans="1:3" x14ac:dyDescent="0.25">
      <c r="A16675" s="2" t="s">
        <v>8333</v>
      </c>
      <c r="B16675" s="6">
        <v>277605.44999999995</v>
      </c>
      <c r="C16675" s="7">
        <f t="shared" si="260"/>
        <v>277.60544999999996</v>
      </c>
    </row>
    <row r="16676" spans="1:3" x14ac:dyDescent="0.25">
      <c r="A16676" s="2" t="s">
        <v>8334</v>
      </c>
      <c r="B16676" s="6">
        <v>277622.09999999998</v>
      </c>
      <c r="C16676" s="7">
        <f t="shared" si="260"/>
        <v>277.62209999999999</v>
      </c>
    </row>
    <row r="16677" spans="1:3" x14ac:dyDescent="0.25">
      <c r="A16677" s="2" t="s">
        <v>8335</v>
      </c>
      <c r="B16677" s="6">
        <v>277638.75</v>
      </c>
      <c r="C16677" s="7">
        <f t="shared" si="260"/>
        <v>277.63875000000002</v>
      </c>
    </row>
    <row r="16678" spans="1:3" x14ac:dyDescent="0.25">
      <c r="A16678" s="2" t="s">
        <v>8336</v>
      </c>
      <c r="B16678" s="6">
        <v>277655.39999999997</v>
      </c>
      <c r="C16678" s="7">
        <f t="shared" si="260"/>
        <v>277.65539999999999</v>
      </c>
    </row>
    <row r="16679" spans="1:3" x14ac:dyDescent="0.25">
      <c r="A16679" s="2" t="s">
        <v>8337</v>
      </c>
      <c r="B16679" s="6">
        <v>277672.05</v>
      </c>
      <c r="C16679" s="7">
        <f t="shared" si="260"/>
        <v>277.67205000000001</v>
      </c>
    </row>
    <row r="16680" spans="1:3" x14ac:dyDescent="0.25">
      <c r="A16680" s="2" t="s">
        <v>8338</v>
      </c>
      <c r="B16680" s="6">
        <v>277688.69999999995</v>
      </c>
      <c r="C16680" s="7">
        <f t="shared" si="260"/>
        <v>277.68869999999993</v>
      </c>
    </row>
    <row r="16681" spans="1:3" x14ac:dyDescent="0.25">
      <c r="A16681" s="2" t="s">
        <v>8339</v>
      </c>
      <c r="B16681" s="6">
        <v>277705.34999999998</v>
      </c>
      <c r="C16681" s="7">
        <f t="shared" si="260"/>
        <v>277.70534999999995</v>
      </c>
    </row>
    <row r="16682" spans="1:3" x14ac:dyDescent="0.25">
      <c r="A16682" s="2" t="s">
        <v>8340</v>
      </c>
      <c r="B16682" s="6">
        <v>277722</v>
      </c>
      <c r="C16682" s="7">
        <f t="shared" si="260"/>
        <v>277.72199999999998</v>
      </c>
    </row>
    <row r="16683" spans="1:3" x14ac:dyDescent="0.25">
      <c r="A16683" s="2" t="s">
        <v>8341</v>
      </c>
      <c r="B16683" s="6">
        <v>277738.64999999997</v>
      </c>
      <c r="C16683" s="7">
        <f t="shared" si="260"/>
        <v>277.73864999999995</v>
      </c>
    </row>
    <row r="16684" spans="1:3" x14ac:dyDescent="0.25">
      <c r="A16684" s="2" t="s">
        <v>8342</v>
      </c>
      <c r="B16684" s="6">
        <v>277755.3</v>
      </c>
      <c r="C16684" s="7">
        <f t="shared" si="260"/>
        <v>277.75529999999998</v>
      </c>
    </row>
    <row r="16685" spans="1:3" x14ac:dyDescent="0.25">
      <c r="A16685" s="2" t="s">
        <v>8343</v>
      </c>
      <c r="B16685" s="6">
        <v>277771.94999999995</v>
      </c>
      <c r="C16685" s="7">
        <f t="shared" si="260"/>
        <v>277.77194999999995</v>
      </c>
    </row>
    <row r="16686" spans="1:3" x14ac:dyDescent="0.25">
      <c r="A16686" s="2" t="s">
        <v>8344</v>
      </c>
      <c r="B16686" s="6">
        <v>277788.59999999998</v>
      </c>
      <c r="C16686" s="7">
        <f t="shared" si="260"/>
        <v>277.78859999999997</v>
      </c>
    </row>
    <row r="16687" spans="1:3" x14ac:dyDescent="0.25">
      <c r="A16687" s="2" t="s">
        <v>8345</v>
      </c>
      <c r="B16687" s="6">
        <v>277805.25</v>
      </c>
      <c r="C16687" s="7">
        <f t="shared" si="260"/>
        <v>277.80525</v>
      </c>
    </row>
    <row r="16688" spans="1:3" x14ac:dyDescent="0.25">
      <c r="A16688" s="2" t="s">
        <v>8346</v>
      </c>
      <c r="B16688" s="6">
        <v>277821.89999999997</v>
      </c>
      <c r="C16688" s="7">
        <f t="shared" si="260"/>
        <v>277.82189999999997</v>
      </c>
    </row>
    <row r="16689" spans="1:3" x14ac:dyDescent="0.25">
      <c r="A16689" s="2" t="s">
        <v>8347</v>
      </c>
      <c r="B16689" s="6">
        <v>277838.55</v>
      </c>
      <c r="C16689" s="7">
        <f t="shared" si="260"/>
        <v>277.83855</v>
      </c>
    </row>
    <row r="16690" spans="1:3" x14ac:dyDescent="0.25">
      <c r="A16690" s="2" t="s">
        <v>8348</v>
      </c>
      <c r="B16690" s="6">
        <v>277855.19999999995</v>
      </c>
      <c r="C16690" s="7">
        <f t="shared" si="260"/>
        <v>277.85519999999997</v>
      </c>
    </row>
    <row r="16691" spans="1:3" x14ac:dyDescent="0.25">
      <c r="A16691" s="2" t="s">
        <v>8349</v>
      </c>
      <c r="B16691" s="6">
        <v>277871.84999999998</v>
      </c>
      <c r="C16691" s="7">
        <f t="shared" si="260"/>
        <v>277.87184999999999</v>
      </c>
    </row>
    <row r="16692" spans="1:3" x14ac:dyDescent="0.25">
      <c r="A16692" s="2" t="s">
        <v>8350</v>
      </c>
      <c r="B16692" s="6">
        <v>277888.5</v>
      </c>
      <c r="C16692" s="7">
        <f t="shared" si="260"/>
        <v>277.88850000000002</v>
      </c>
    </row>
    <row r="16693" spans="1:3" x14ac:dyDescent="0.25">
      <c r="A16693" s="2" t="s">
        <v>8351</v>
      </c>
      <c r="B16693" s="6">
        <v>277905.14999999997</v>
      </c>
      <c r="C16693" s="7">
        <f t="shared" si="260"/>
        <v>277.90514999999999</v>
      </c>
    </row>
    <row r="16694" spans="1:3" x14ac:dyDescent="0.25">
      <c r="A16694" s="2" t="s">
        <v>8352</v>
      </c>
      <c r="B16694" s="6">
        <v>277921.8</v>
      </c>
      <c r="C16694" s="7">
        <f t="shared" si="260"/>
        <v>277.92179999999996</v>
      </c>
    </row>
    <row r="16695" spans="1:3" x14ac:dyDescent="0.25">
      <c r="A16695" s="2" t="s">
        <v>8353</v>
      </c>
      <c r="B16695" s="6">
        <v>277938.44999999995</v>
      </c>
      <c r="C16695" s="7">
        <f t="shared" si="260"/>
        <v>277.93844999999993</v>
      </c>
    </row>
    <row r="16696" spans="1:3" x14ac:dyDescent="0.25">
      <c r="A16696" s="2" t="s">
        <v>8354</v>
      </c>
      <c r="B16696" s="6">
        <v>277955.09999999998</v>
      </c>
      <c r="C16696" s="7">
        <f t="shared" si="260"/>
        <v>277.95509999999996</v>
      </c>
    </row>
    <row r="16697" spans="1:3" x14ac:dyDescent="0.25">
      <c r="A16697" s="2" t="s">
        <v>8355</v>
      </c>
      <c r="B16697" s="6">
        <v>277971.75</v>
      </c>
      <c r="C16697" s="7">
        <f t="shared" si="260"/>
        <v>277.97174999999999</v>
      </c>
    </row>
    <row r="16698" spans="1:3" x14ac:dyDescent="0.25">
      <c r="A16698" s="2" t="s">
        <v>8356</v>
      </c>
      <c r="B16698" s="6">
        <v>277988.39999999997</v>
      </c>
      <c r="C16698" s="7">
        <f t="shared" si="260"/>
        <v>277.98839999999996</v>
      </c>
    </row>
    <row r="16699" spans="1:3" x14ac:dyDescent="0.25">
      <c r="A16699" s="2" t="s">
        <v>8357</v>
      </c>
      <c r="B16699" s="6">
        <v>278005.05</v>
      </c>
      <c r="C16699" s="7">
        <f t="shared" si="260"/>
        <v>278.00504999999998</v>
      </c>
    </row>
    <row r="16700" spans="1:3" x14ac:dyDescent="0.25">
      <c r="A16700" s="2" t="s">
        <v>8358</v>
      </c>
      <c r="B16700" s="6">
        <v>278021.69999999995</v>
      </c>
      <c r="C16700" s="7">
        <f t="shared" si="260"/>
        <v>278.02169999999995</v>
      </c>
    </row>
    <row r="16701" spans="1:3" x14ac:dyDescent="0.25">
      <c r="A16701" s="2" t="s">
        <v>8359</v>
      </c>
      <c r="B16701" s="6">
        <v>278038.34999999998</v>
      </c>
      <c r="C16701" s="7">
        <f t="shared" si="260"/>
        <v>278.03834999999998</v>
      </c>
    </row>
    <row r="16702" spans="1:3" x14ac:dyDescent="0.25">
      <c r="A16702" s="2" t="s">
        <v>8360</v>
      </c>
      <c r="B16702" s="6">
        <v>278055</v>
      </c>
      <c r="C16702" s="7">
        <f t="shared" si="260"/>
        <v>278.05500000000001</v>
      </c>
    </row>
    <row r="16703" spans="1:3" x14ac:dyDescent="0.25">
      <c r="A16703" s="2" t="s">
        <v>8361</v>
      </c>
      <c r="B16703" s="6">
        <v>278071.64999999997</v>
      </c>
      <c r="C16703" s="7">
        <f t="shared" si="260"/>
        <v>278.07164999999998</v>
      </c>
    </row>
    <row r="16704" spans="1:3" x14ac:dyDescent="0.25">
      <c r="A16704" s="2" t="s">
        <v>8362</v>
      </c>
      <c r="B16704" s="6">
        <v>278088.3</v>
      </c>
      <c r="C16704" s="7">
        <f t="shared" si="260"/>
        <v>278.0883</v>
      </c>
    </row>
    <row r="16705" spans="1:3" x14ac:dyDescent="0.25">
      <c r="A16705" s="2" t="s">
        <v>8363</v>
      </c>
      <c r="B16705" s="6">
        <v>278104.94999999995</v>
      </c>
      <c r="C16705" s="7">
        <f t="shared" si="260"/>
        <v>278.10494999999997</v>
      </c>
    </row>
    <row r="16706" spans="1:3" x14ac:dyDescent="0.25">
      <c r="A16706" s="2" t="s">
        <v>8364</v>
      </c>
      <c r="B16706" s="6">
        <v>278121.59999999998</v>
      </c>
      <c r="C16706" s="7">
        <f t="shared" si="260"/>
        <v>278.1216</v>
      </c>
    </row>
    <row r="16707" spans="1:3" x14ac:dyDescent="0.25">
      <c r="A16707" s="2" t="s">
        <v>8365</v>
      </c>
      <c r="B16707" s="6">
        <v>278138.25</v>
      </c>
      <c r="C16707" s="7">
        <f t="shared" ref="C16707:C16770" si="261">B16707/1000</f>
        <v>278.13825000000003</v>
      </c>
    </row>
    <row r="16708" spans="1:3" x14ac:dyDescent="0.25">
      <c r="A16708" s="2" t="s">
        <v>8366</v>
      </c>
      <c r="B16708" s="6">
        <v>278154.89999999997</v>
      </c>
      <c r="C16708" s="7">
        <f t="shared" si="261"/>
        <v>278.15489999999994</v>
      </c>
    </row>
    <row r="16709" spans="1:3" x14ac:dyDescent="0.25">
      <c r="A16709" s="2" t="s">
        <v>8367</v>
      </c>
      <c r="B16709" s="6">
        <v>278171.55</v>
      </c>
      <c r="C16709" s="7">
        <f t="shared" si="261"/>
        <v>278.17154999999997</v>
      </c>
    </row>
    <row r="16710" spans="1:3" x14ac:dyDescent="0.25">
      <c r="A16710" s="2" t="s">
        <v>8368</v>
      </c>
      <c r="B16710" s="6">
        <v>278188.19999999995</v>
      </c>
      <c r="C16710" s="7">
        <f t="shared" si="261"/>
        <v>278.18819999999994</v>
      </c>
    </row>
    <row r="16711" spans="1:3" x14ac:dyDescent="0.25">
      <c r="A16711" s="2" t="s">
        <v>8369</v>
      </c>
      <c r="B16711" s="6">
        <v>278204.84999999998</v>
      </c>
      <c r="C16711" s="7">
        <f t="shared" si="261"/>
        <v>278.20484999999996</v>
      </c>
    </row>
    <row r="16712" spans="1:3" x14ac:dyDescent="0.25">
      <c r="A16712" s="2" t="s">
        <v>8370</v>
      </c>
      <c r="B16712" s="6">
        <v>278221.5</v>
      </c>
      <c r="C16712" s="7">
        <f t="shared" si="261"/>
        <v>278.22149999999999</v>
      </c>
    </row>
    <row r="16713" spans="1:3" x14ac:dyDescent="0.25">
      <c r="A16713" s="2" t="s">
        <v>8371</v>
      </c>
      <c r="B16713" s="6">
        <v>278238.14999999997</v>
      </c>
      <c r="C16713" s="7">
        <f t="shared" si="261"/>
        <v>278.23814999999996</v>
      </c>
    </row>
    <row r="16714" spans="1:3" x14ac:dyDescent="0.25">
      <c r="A16714" s="2" t="s">
        <v>8372</v>
      </c>
      <c r="B16714" s="6">
        <v>278254.8</v>
      </c>
      <c r="C16714" s="7">
        <f t="shared" si="261"/>
        <v>278.25479999999999</v>
      </c>
    </row>
    <row r="16715" spans="1:3" x14ac:dyDescent="0.25">
      <c r="A16715" s="2" t="s">
        <v>8373</v>
      </c>
      <c r="B16715" s="6">
        <v>278271.44999999995</v>
      </c>
      <c r="C16715" s="7">
        <f t="shared" si="261"/>
        <v>278.27144999999996</v>
      </c>
    </row>
    <row r="16716" spans="1:3" x14ac:dyDescent="0.25">
      <c r="A16716" s="2" t="s">
        <v>8374</v>
      </c>
      <c r="B16716" s="6">
        <v>278288.09999999998</v>
      </c>
      <c r="C16716" s="7">
        <f t="shared" si="261"/>
        <v>278.28809999999999</v>
      </c>
    </row>
    <row r="16717" spans="1:3" x14ac:dyDescent="0.25">
      <c r="A16717" s="2" t="s">
        <v>8375</v>
      </c>
      <c r="B16717" s="6">
        <v>278304.75</v>
      </c>
      <c r="C16717" s="7">
        <f t="shared" si="261"/>
        <v>278.30475000000001</v>
      </c>
    </row>
    <row r="16718" spans="1:3" x14ac:dyDescent="0.25">
      <c r="A16718" s="2" t="s">
        <v>8376</v>
      </c>
      <c r="B16718" s="6">
        <v>278321.39999999997</v>
      </c>
      <c r="C16718" s="7">
        <f t="shared" si="261"/>
        <v>278.32139999999998</v>
      </c>
    </row>
    <row r="16719" spans="1:3" x14ac:dyDescent="0.25">
      <c r="A16719" s="2" t="s">
        <v>8377</v>
      </c>
      <c r="B16719" s="6">
        <v>278338.05</v>
      </c>
      <c r="C16719" s="7">
        <f t="shared" si="261"/>
        <v>278.33805000000001</v>
      </c>
    </row>
    <row r="16720" spans="1:3" x14ac:dyDescent="0.25">
      <c r="A16720" s="2" t="s">
        <v>8378</v>
      </c>
      <c r="B16720" s="6">
        <v>278354.69999999995</v>
      </c>
      <c r="C16720" s="7">
        <f t="shared" si="261"/>
        <v>278.35469999999998</v>
      </c>
    </row>
    <row r="16721" spans="1:3" x14ac:dyDescent="0.25">
      <c r="A16721" s="2" t="s">
        <v>8379</v>
      </c>
      <c r="B16721" s="6">
        <v>278371.34999999998</v>
      </c>
      <c r="C16721" s="7">
        <f t="shared" si="261"/>
        <v>278.37134999999995</v>
      </c>
    </row>
    <row r="16722" spans="1:3" x14ac:dyDescent="0.25">
      <c r="A16722" s="2" t="s">
        <v>8380</v>
      </c>
      <c r="B16722" s="6">
        <v>278388</v>
      </c>
      <c r="C16722" s="7">
        <f t="shared" si="261"/>
        <v>278.38799999999998</v>
      </c>
    </row>
    <row r="16723" spans="1:3" x14ac:dyDescent="0.25">
      <c r="A16723" s="2" t="s">
        <v>8381</v>
      </c>
      <c r="B16723" s="6">
        <v>278404.64999999997</v>
      </c>
      <c r="C16723" s="7">
        <f t="shared" si="261"/>
        <v>278.40464999999995</v>
      </c>
    </row>
    <row r="16724" spans="1:3" x14ac:dyDescent="0.25">
      <c r="A16724" s="2" t="s">
        <v>8382</v>
      </c>
      <c r="B16724" s="6">
        <v>278421.3</v>
      </c>
      <c r="C16724" s="7">
        <f t="shared" si="261"/>
        <v>278.42129999999997</v>
      </c>
    </row>
    <row r="16725" spans="1:3" x14ac:dyDescent="0.25">
      <c r="A16725" s="2" t="s">
        <v>8383</v>
      </c>
      <c r="B16725" s="6">
        <v>278437.94999999995</v>
      </c>
      <c r="C16725" s="7">
        <f t="shared" si="261"/>
        <v>278.43794999999994</v>
      </c>
    </row>
    <row r="16726" spans="1:3" x14ac:dyDescent="0.25">
      <c r="A16726" s="2" t="s">
        <v>8384</v>
      </c>
      <c r="B16726" s="6">
        <v>278454.59999999998</v>
      </c>
      <c r="C16726" s="7">
        <f t="shared" si="261"/>
        <v>278.45459999999997</v>
      </c>
    </row>
    <row r="16727" spans="1:3" x14ac:dyDescent="0.25">
      <c r="A16727" s="2" t="s">
        <v>8385</v>
      </c>
      <c r="B16727" s="6">
        <v>278471.25</v>
      </c>
      <c r="C16727" s="7">
        <f t="shared" si="261"/>
        <v>278.47125</v>
      </c>
    </row>
    <row r="16728" spans="1:3" x14ac:dyDescent="0.25">
      <c r="A16728" s="2" t="s">
        <v>8386</v>
      </c>
      <c r="B16728" s="6">
        <v>278487.89999999997</v>
      </c>
      <c r="C16728" s="7">
        <f t="shared" si="261"/>
        <v>278.48789999999997</v>
      </c>
    </row>
    <row r="16729" spans="1:3" x14ac:dyDescent="0.25">
      <c r="A16729" s="2" t="s">
        <v>8387</v>
      </c>
      <c r="B16729" s="6">
        <v>278504.55</v>
      </c>
      <c r="C16729" s="7">
        <f t="shared" si="261"/>
        <v>278.50454999999999</v>
      </c>
    </row>
    <row r="16730" spans="1:3" x14ac:dyDescent="0.25">
      <c r="A16730" s="2" t="s">
        <v>8388</v>
      </c>
      <c r="B16730" s="6">
        <v>278521.19999999995</v>
      </c>
      <c r="C16730" s="7">
        <f t="shared" si="261"/>
        <v>278.52119999999996</v>
      </c>
    </row>
    <row r="16731" spans="1:3" x14ac:dyDescent="0.25">
      <c r="A16731" s="2" t="s">
        <v>8389</v>
      </c>
      <c r="B16731" s="6">
        <v>278537.84999999998</v>
      </c>
      <c r="C16731" s="7">
        <f t="shared" si="261"/>
        <v>278.53784999999999</v>
      </c>
    </row>
    <row r="16732" spans="1:3" x14ac:dyDescent="0.25">
      <c r="A16732" s="2" t="s">
        <v>8390</v>
      </c>
      <c r="B16732" s="6">
        <v>278554.5</v>
      </c>
      <c r="C16732" s="7">
        <f t="shared" si="261"/>
        <v>278.55450000000002</v>
      </c>
    </row>
    <row r="16733" spans="1:3" x14ac:dyDescent="0.25">
      <c r="A16733" s="2" t="s">
        <v>8391</v>
      </c>
      <c r="B16733" s="6">
        <v>278571.14999999997</v>
      </c>
      <c r="C16733" s="7">
        <f t="shared" si="261"/>
        <v>278.57114999999999</v>
      </c>
    </row>
    <row r="16734" spans="1:3" x14ac:dyDescent="0.25">
      <c r="A16734" s="2" t="s">
        <v>8392</v>
      </c>
      <c r="B16734" s="6">
        <v>278587.8</v>
      </c>
      <c r="C16734" s="7">
        <f t="shared" si="261"/>
        <v>278.58780000000002</v>
      </c>
    </row>
    <row r="16735" spans="1:3" x14ac:dyDescent="0.25">
      <c r="A16735" s="2" t="s">
        <v>8393</v>
      </c>
      <c r="B16735" s="6">
        <v>278604.44999999995</v>
      </c>
      <c r="C16735" s="7">
        <f t="shared" si="261"/>
        <v>278.60444999999993</v>
      </c>
    </row>
    <row r="16736" spans="1:3" x14ac:dyDescent="0.25">
      <c r="A16736" s="2" t="s">
        <v>8394</v>
      </c>
      <c r="B16736" s="6">
        <v>278621.09999999998</v>
      </c>
      <c r="C16736" s="7">
        <f t="shared" si="261"/>
        <v>278.62109999999996</v>
      </c>
    </row>
    <row r="16737" spans="1:3" x14ac:dyDescent="0.25">
      <c r="A16737" s="2" t="s">
        <v>8395</v>
      </c>
      <c r="B16737" s="6">
        <v>278637.75</v>
      </c>
      <c r="C16737" s="7">
        <f t="shared" si="261"/>
        <v>278.63774999999998</v>
      </c>
    </row>
    <row r="16738" spans="1:3" x14ac:dyDescent="0.25">
      <c r="A16738" s="2" t="s">
        <v>8396</v>
      </c>
      <c r="B16738" s="6">
        <v>278654.39999999997</v>
      </c>
      <c r="C16738" s="7">
        <f t="shared" si="261"/>
        <v>278.65439999999995</v>
      </c>
    </row>
    <row r="16739" spans="1:3" x14ac:dyDescent="0.25">
      <c r="A16739" s="2" t="s">
        <v>8397</v>
      </c>
      <c r="B16739" s="6">
        <v>278671.05</v>
      </c>
      <c r="C16739" s="7">
        <f t="shared" si="261"/>
        <v>278.67104999999998</v>
      </c>
    </row>
    <row r="16740" spans="1:3" x14ac:dyDescent="0.25">
      <c r="A16740" s="2" t="s">
        <v>8398</v>
      </c>
      <c r="B16740" s="6">
        <v>278687.69999999995</v>
      </c>
      <c r="C16740" s="7">
        <f t="shared" si="261"/>
        <v>278.68769999999995</v>
      </c>
    </row>
    <row r="16741" spans="1:3" x14ac:dyDescent="0.25">
      <c r="A16741" s="2" t="s">
        <v>8399</v>
      </c>
      <c r="B16741" s="6">
        <v>278704.34999999998</v>
      </c>
      <c r="C16741" s="7">
        <f t="shared" si="261"/>
        <v>278.70434999999998</v>
      </c>
    </row>
    <row r="16742" spans="1:3" x14ac:dyDescent="0.25">
      <c r="A16742" s="2" t="s">
        <v>8400</v>
      </c>
      <c r="B16742" s="6">
        <v>278721</v>
      </c>
      <c r="C16742" s="7">
        <f t="shared" si="261"/>
        <v>278.721</v>
      </c>
    </row>
    <row r="16743" spans="1:3" x14ac:dyDescent="0.25">
      <c r="A16743" s="2" t="s">
        <v>8401</v>
      </c>
      <c r="B16743" s="6">
        <v>278737.64999999997</v>
      </c>
      <c r="C16743" s="7">
        <f t="shared" si="261"/>
        <v>278.73764999999997</v>
      </c>
    </row>
    <row r="16744" spans="1:3" x14ac:dyDescent="0.25">
      <c r="A16744" s="2" t="s">
        <v>8402</v>
      </c>
      <c r="B16744" s="6">
        <v>278754.3</v>
      </c>
      <c r="C16744" s="7">
        <f t="shared" si="261"/>
        <v>278.7543</v>
      </c>
    </row>
    <row r="16745" spans="1:3" x14ac:dyDescent="0.25">
      <c r="A16745" s="2" t="s">
        <v>8403</v>
      </c>
      <c r="B16745" s="6">
        <v>278770.94999999995</v>
      </c>
      <c r="C16745" s="7">
        <f t="shared" si="261"/>
        <v>278.77094999999997</v>
      </c>
    </row>
    <row r="16746" spans="1:3" x14ac:dyDescent="0.25">
      <c r="A16746" s="2" t="s">
        <v>8404</v>
      </c>
      <c r="B16746" s="6">
        <v>278787.59999999998</v>
      </c>
      <c r="C16746" s="7">
        <f t="shared" si="261"/>
        <v>278.7876</v>
      </c>
    </row>
    <row r="16747" spans="1:3" x14ac:dyDescent="0.25">
      <c r="A16747" s="2" t="s">
        <v>8405</v>
      </c>
      <c r="B16747" s="6">
        <v>278804.25</v>
      </c>
      <c r="C16747" s="7">
        <f t="shared" si="261"/>
        <v>278.80425000000002</v>
      </c>
    </row>
    <row r="16748" spans="1:3" x14ac:dyDescent="0.25">
      <c r="A16748" s="2" t="s">
        <v>8406</v>
      </c>
      <c r="B16748" s="6">
        <v>278820.89999999997</v>
      </c>
      <c r="C16748" s="7">
        <f t="shared" si="261"/>
        <v>278.82089999999994</v>
      </c>
    </row>
    <row r="16749" spans="1:3" x14ac:dyDescent="0.25">
      <c r="A16749" s="2" t="s">
        <v>8407</v>
      </c>
      <c r="B16749" s="6">
        <v>278837.55</v>
      </c>
      <c r="C16749" s="7">
        <f t="shared" si="261"/>
        <v>278.83754999999996</v>
      </c>
    </row>
    <row r="16750" spans="1:3" x14ac:dyDescent="0.25">
      <c r="A16750" s="2" t="s">
        <v>8408</v>
      </c>
      <c r="B16750" s="6">
        <v>278854.19999999995</v>
      </c>
      <c r="C16750" s="7">
        <f t="shared" si="261"/>
        <v>278.85419999999993</v>
      </c>
    </row>
    <row r="16751" spans="1:3" x14ac:dyDescent="0.25">
      <c r="A16751" s="2" t="s">
        <v>8409</v>
      </c>
      <c r="B16751" s="6">
        <v>278870.84999999998</v>
      </c>
      <c r="C16751" s="7">
        <f t="shared" si="261"/>
        <v>278.87084999999996</v>
      </c>
    </row>
    <row r="16752" spans="1:3" x14ac:dyDescent="0.25">
      <c r="A16752" s="2" t="s">
        <v>8410</v>
      </c>
      <c r="B16752" s="6">
        <v>278887.5</v>
      </c>
      <c r="C16752" s="7">
        <f t="shared" si="261"/>
        <v>278.88749999999999</v>
      </c>
    </row>
    <row r="16753" spans="1:3" x14ac:dyDescent="0.25">
      <c r="A16753" s="2" t="s">
        <v>8411</v>
      </c>
      <c r="B16753" s="6">
        <v>278904.14999999997</v>
      </c>
      <c r="C16753" s="7">
        <f t="shared" si="261"/>
        <v>278.90414999999996</v>
      </c>
    </row>
    <row r="16754" spans="1:3" x14ac:dyDescent="0.25">
      <c r="A16754" s="2" t="s">
        <v>8412</v>
      </c>
      <c r="B16754" s="6">
        <v>278920.8</v>
      </c>
      <c r="C16754" s="7">
        <f t="shared" si="261"/>
        <v>278.92079999999999</v>
      </c>
    </row>
    <row r="16755" spans="1:3" x14ac:dyDescent="0.25">
      <c r="A16755" s="2" t="s">
        <v>8413</v>
      </c>
      <c r="B16755" s="6">
        <v>278937.44999999995</v>
      </c>
      <c r="C16755" s="7">
        <f t="shared" si="261"/>
        <v>278.93744999999996</v>
      </c>
    </row>
    <row r="16756" spans="1:3" x14ac:dyDescent="0.25">
      <c r="A16756" s="2" t="s">
        <v>8414</v>
      </c>
      <c r="B16756" s="6">
        <v>278954.09999999998</v>
      </c>
      <c r="C16756" s="7">
        <f t="shared" si="261"/>
        <v>278.95409999999998</v>
      </c>
    </row>
    <row r="16757" spans="1:3" x14ac:dyDescent="0.25">
      <c r="A16757" s="2" t="s">
        <v>8415</v>
      </c>
      <c r="B16757" s="6">
        <v>278970.75</v>
      </c>
      <c r="C16757" s="7">
        <f t="shared" si="261"/>
        <v>278.97075000000001</v>
      </c>
    </row>
    <row r="16758" spans="1:3" x14ac:dyDescent="0.25">
      <c r="A16758" s="2" t="s">
        <v>8416</v>
      </c>
      <c r="B16758" s="6">
        <v>278987.39999999997</v>
      </c>
      <c r="C16758" s="7">
        <f t="shared" si="261"/>
        <v>278.98739999999998</v>
      </c>
    </row>
    <row r="16759" spans="1:3" x14ac:dyDescent="0.25">
      <c r="A16759" s="2" t="s">
        <v>8417</v>
      </c>
      <c r="B16759" s="6">
        <v>279004.05</v>
      </c>
      <c r="C16759" s="7">
        <f t="shared" si="261"/>
        <v>279.00405000000001</v>
      </c>
    </row>
    <row r="16760" spans="1:3" x14ac:dyDescent="0.25">
      <c r="A16760" s="2" t="s">
        <v>8418</v>
      </c>
      <c r="B16760" s="6">
        <v>279020.69999999995</v>
      </c>
      <c r="C16760" s="7">
        <f t="shared" si="261"/>
        <v>279.02069999999998</v>
      </c>
    </row>
    <row r="16761" spans="1:3" x14ac:dyDescent="0.25">
      <c r="A16761" s="2" t="s">
        <v>8419</v>
      </c>
      <c r="B16761" s="6">
        <v>279037.34999999998</v>
      </c>
      <c r="C16761" s="7">
        <f t="shared" si="261"/>
        <v>279.03735</v>
      </c>
    </row>
    <row r="16762" spans="1:3" x14ac:dyDescent="0.25">
      <c r="A16762" s="2" t="s">
        <v>8420</v>
      </c>
      <c r="B16762" s="6">
        <v>279054</v>
      </c>
      <c r="C16762" s="7">
        <f t="shared" si="261"/>
        <v>279.05399999999997</v>
      </c>
    </row>
    <row r="16763" spans="1:3" x14ac:dyDescent="0.25">
      <c r="A16763" s="2" t="s">
        <v>8421</v>
      </c>
      <c r="B16763" s="6">
        <v>279070.64999999997</v>
      </c>
      <c r="C16763" s="7">
        <f t="shared" si="261"/>
        <v>279.07064999999994</v>
      </c>
    </row>
    <row r="16764" spans="1:3" x14ac:dyDescent="0.25">
      <c r="A16764" s="2" t="s">
        <v>8422</v>
      </c>
      <c r="B16764" s="6">
        <v>279087.3</v>
      </c>
      <c r="C16764" s="7">
        <f t="shared" si="261"/>
        <v>279.08729999999997</v>
      </c>
    </row>
    <row r="16765" spans="1:3" x14ac:dyDescent="0.25">
      <c r="A16765" s="2" t="s">
        <v>8423</v>
      </c>
      <c r="B16765" s="6">
        <v>279103.94999999995</v>
      </c>
      <c r="C16765" s="7">
        <f t="shared" si="261"/>
        <v>279.10394999999994</v>
      </c>
    </row>
    <row r="16766" spans="1:3" x14ac:dyDescent="0.25">
      <c r="A16766" s="2" t="s">
        <v>8424</v>
      </c>
      <c r="B16766" s="6">
        <v>279120.59999999998</v>
      </c>
      <c r="C16766" s="7">
        <f t="shared" si="261"/>
        <v>279.12059999999997</v>
      </c>
    </row>
    <row r="16767" spans="1:3" x14ac:dyDescent="0.25">
      <c r="A16767" s="2" t="s">
        <v>8425</v>
      </c>
      <c r="B16767" s="6">
        <v>279137.25</v>
      </c>
      <c r="C16767" s="7">
        <f t="shared" si="261"/>
        <v>279.13724999999999</v>
      </c>
    </row>
    <row r="16768" spans="1:3" x14ac:dyDescent="0.25">
      <c r="A16768" s="2" t="s">
        <v>8426</v>
      </c>
      <c r="B16768" s="6">
        <v>279153.89999999997</v>
      </c>
      <c r="C16768" s="7">
        <f t="shared" si="261"/>
        <v>279.15389999999996</v>
      </c>
    </row>
    <row r="16769" spans="1:3" x14ac:dyDescent="0.25">
      <c r="A16769" s="2" t="s">
        <v>8427</v>
      </c>
      <c r="B16769" s="6">
        <v>279170.55</v>
      </c>
      <c r="C16769" s="7">
        <f t="shared" si="261"/>
        <v>279.17054999999999</v>
      </c>
    </row>
    <row r="16770" spans="1:3" x14ac:dyDescent="0.25">
      <c r="A16770" s="2" t="s">
        <v>8428</v>
      </c>
      <c r="B16770" s="6">
        <v>279187.19999999995</v>
      </c>
      <c r="C16770" s="7">
        <f t="shared" si="261"/>
        <v>279.18719999999996</v>
      </c>
    </row>
    <row r="16771" spans="1:3" x14ac:dyDescent="0.25">
      <c r="A16771" s="2" t="s">
        <v>8429</v>
      </c>
      <c r="B16771" s="6">
        <v>279203.84999999998</v>
      </c>
      <c r="C16771" s="7">
        <f t="shared" ref="C16771:C16834" si="262">B16771/1000</f>
        <v>279.20384999999999</v>
      </c>
    </row>
    <row r="16772" spans="1:3" x14ac:dyDescent="0.25">
      <c r="A16772" s="2" t="s">
        <v>8430</v>
      </c>
      <c r="B16772" s="6">
        <v>279220.5</v>
      </c>
      <c r="C16772" s="7">
        <f t="shared" si="262"/>
        <v>279.22050000000002</v>
      </c>
    </row>
    <row r="16773" spans="1:3" x14ac:dyDescent="0.25">
      <c r="A16773" s="2" t="s">
        <v>8431</v>
      </c>
      <c r="B16773" s="6">
        <v>279237.14999999997</v>
      </c>
      <c r="C16773" s="7">
        <f t="shared" si="262"/>
        <v>279.23714999999999</v>
      </c>
    </row>
    <row r="16774" spans="1:3" x14ac:dyDescent="0.25">
      <c r="A16774" s="2" t="s">
        <v>8432</v>
      </c>
      <c r="B16774" s="6">
        <v>279253.8</v>
      </c>
      <c r="C16774" s="7">
        <f t="shared" si="262"/>
        <v>279.25380000000001</v>
      </c>
    </row>
    <row r="16775" spans="1:3" x14ac:dyDescent="0.25">
      <c r="A16775" s="2" t="s">
        <v>8433</v>
      </c>
      <c r="B16775" s="6">
        <v>279270.44999999995</v>
      </c>
      <c r="C16775" s="7">
        <f t="shared" si="262"/>
        <v>279.27044999999993</v>
      </c>
    </row>
    <row r="16776" spans="1:3" x14ac:dyDescent="0.25">
      <c r="A16776" s="2" t="s">
        <v>8434</v>
      </c>
      <c r="B16776" s="6">
        <v>279287.09999999998</v>
      </c>
      <c r="C16776" s="7">
        <f t="shared" si="262"/>
        <v>279.28709999999995</v>
      </c>
    </row>
    <row r="16777" spans="1:3" x14ac:dyDescent="0.25">
      <c r="A16777" s="2" t="s">
        <v>8435</v>
      </c>
      <c r="B16777" s="6">
        <v>279303.75</v>
      </c>
      <c r="C16777" s="7">
        <f t="shared" si="262"/>
        <v>279.30374999999998</v>
      </c>
    </row>
    <row r="16778" spans="1:3" x14ac:dyDescent="0.25">
      <c r="A16778" s="2" t="s">
        <v>8436</v>
      </c>
      <c r="B16778" s="6">
        <v>279320.39999999997</v>
      </c>
      <c r="C16778" s="7">
        <f t="shared" si="262"/>
        <v>279.32039999999995</v>
      </c>
    </row>
    <row r="16779" spans="1:3" x14ac:dyDescent="0.25">
      <c r="A16779" s="2" t="s">
        <v>8437</v>
      </c>
      <c r="B16779" s="6">
        <v>279337.05</v>
      </c>
      <c r="C16779" s="7">
        <f t="shared" si="262"/>
        <v>279.33704999999998</v>
      </c>
    </row>
    <row r="16780" spans="1:3" x14ac:dyDescent="0.25">
      <c r="A16780" s="2" t="s">
        <v>8438</v>
      </c>
      <c r="B16780" s="6">
        <v>279353.69999999995</v>
      </c>
      <c r="C16780" s="7">
        <f t="shared" si="262"/>
        <v>279.35369999999995</v>
      </c>
    </row>
    <row r="16781" spans="1:3" x14ac:dyDescent="0.25">
      <c r="A16781" s="2" t="s">
        <v>8439</v>
      </c>
      <c r="B16781" s="6">
        <v>279370.34999999998</v>
      </c>
      <c r="C16781" s="7">
        <f t="shared" si="262"/>
        <v>279.37034999999997</v>
      </c>
    </row>
    <row r="16782" spans="1:3" x14ac:dyDescent="0.25">
      <c r="A16782" s="2" t="s">
        <v>8440</v>
      </c>
      <c r="B16782" s="6">
        <v>279387</v>
      </c>
      <c r="C16782" s="7">
        <f t="shared" si="262"/>
        <v>279.387</v>
      </c>
    </row>
    <row r="16783" spans="1:3" x14ac:dyDescent="0.25">
      <c r="A16783" s="2" t="s">
        <v>8441</v>
      </c>
      <c r="B16783" s="6">
        <v>279403.64999999997</v>
      </c>
      <c r="C16783" s="7">
        <f t="shared" si="262"/>
        <v>279.40364999999997</v>
      </c>
    </row>
    <row r="16784" spans="1:3" x14ac:dyDescent="0.25">
      <c r="A16784" s="2" t="s">
        <v>8442</v>
      </c>
      <c r="B16784" s="6">
        <v>279420.3</v>
      </c>
      <c r="C16784" s="7">
        <f t="shared" si="262"/>
        <v>279.4203</v>
      </c>
    </row>
    <row r="16785" spans="1:3" x14ac:dyDescent="0.25">
      <c r="A16785" s="2" t="s">
        <v>8443</v>
      </c>
      <c r="B16785" s="6">
        <v>279436.94999999995</v>
      </c>
      <c r="C16785" s="7">
        <f t="shared" si="262"/>
        <v>279.43694999999997</v>
      </c>
    </row>
    <row r="16786" spans="1:3" x14ac:dyDescent="0.25">
      <c r="A16786" s="2" t="s">
        <v>8444</v>
      </c>
      <c r="B16786" s="6">
        <v>279453.59999999998</v>
      </c>
      <c r="C16786" s="7">
        <f t="shared" si="262"/>
        <v>279.45359999999999</v>
      </c>
    </row>
    <row r="16787" spans="1:3" x14ac:dyDescent="0.25">
      <c r="A16787" s="2" t="s">
        <v>8445</v>
      </c>
      <c r="B16787" s="6">
        <v>279470.25</v>
      </c>
      <c r="C16787" s="7">
        <f t="shared" si="262"/>
        <v>279.47025000000002</v>
      </c>
    </row>
    <row r="16788" spans="1:3" x14ac:dyDescent="0.25">
      <c r="A16788" s="2" t="s">
        <v>8446</v>
      </c>
      <c r="B16788" s="6">
        <v>279486.89999999997</v>
      </c>
      <c r="C16788" s="7">
        <f t="shared" si="262"/>
        <v>279.48689999999999</v>
      </c>
    </row>
    <row r="16789" spans="1:3" x14ac:dyDescent="0.25">
      <c r="A16789" s="2" t="s">
        <v>8447</v>
      </c>
      <c r="B16789" s="6">
        <v>279503.55</v>
      </c>
      <c r="C16789" s="7">
        <f t="shared" si="262"/>
        <v>279.50354999999996</v>
      </c>
    </row>
    <row r="16790" spans="1:3" x14ac:dyDescent="0.25">
      <c r="A16790" s="2" t="s">
        <v>8448</v>
      </c>
      <c r="B16790" s="6">
        <v>279520.19999999995</v>
      </c>
      <c r="C16790" s="7">
        <f t="shared" si="262"/>
        <v>279.52019999999993</v>
      </c>
    </row>
    <row r="16791" spans="1:3" x14ac:dyDescent="0.25">
      <c r="A16791" s="2" t="s">
        <v>8449</v>
      </c>
      <c r="B16791" s="6">
        <v>279536.84999999998</v>
      </c>
      <c r="C16791" s="7">
        <f t="shared" si="262"/>
        <v>279.53684999999996</v>
      </c>
    </row>
    <row r="16792" spans="1:3" x14ac:dyDescent="0.25">
      <c r="A16792" s="2" t="s">
        <v>8450</v>
      </c>
      <c r="B16792" s="6">
        <v>279553.5</v>
      </c>
      <c r="C16792" s="7">
        <f t="shared" si="262"/>
        <v>279.55349999999999</v>
      </c>
    </row>
    <row r="16793" spans="1:3" x14ac:dyDescent="0.25">
      <c r="A16793" s="2" t="s">
        <v>8451</v>
      </c>
      <c r="B16793" s="6">
        <v>279570.14999999997</v>
      </c>
      <c r="C16793" s="7">
        <f t="shared" si="262"/>
        <v>279.57014999999996</v>
      </c>
    </row>
    <row r="16794" spans="1:3" x14ac:dyDescent="0.25">
      <c r="A16794" s="2" t="s">
        <v>8452</v>
      </c>
      <c r="B16794" s="6">
        <v>279586.8</v>
      </c>
      <c r="C16794" s="7">
        <f t="shared" si="262"/>
        <v>279.58679999999998</v>
      </c>
    </row>
    <row r="16795" spans="1:3" x14ac:dyDescent="0.25">
      <c r="A16795" s="2" t="s">
        <v>8453</v>
      </c>
      <c r="B16795" s="6">
        <v>279603.44999999995</v>
      </c>
      <c r="C16795" s="7">
        <f t="shared" si="262"/>
        <v>279.60344999999995</v>
      </c>
    </row>
    <row r="16796" spans="1:3" x14ac:dyDescent="0.25">
      <c r="A16796" s="2" t="s">
        <v>8454</v>
      </c>
      <c r="B16796" s="6">
        <v>279620.09999999998</v>
      </c>
      <c r="C16796" s="7">
        <f t="shared" si="262"/>
        <v>279.62009999999998</v>
      </c>
    </row>
    <row r="16797" spans="1:3" x14ac:dyDescent="0.25">
      <c r="A16797" s="2" t="s">
        <v>8455</v>
      </c>
      <c r="B16797" s="6">
        <v>279636.75</v>
      </c>
      <c r="C16797" s="7">
        <f t="shared" si="262"/>
        <v>279.63675000000001</v>
      </c>
    </row>
    <row r="16798" spans="1:3" x14ac:dyDescent="0.25">
      <c r="A16798" s="2" t="s">
        <v>8456</v>
      </c>
      <c r="B16798" s="6">
        <v>279653.39999999997</v>
      </c>
      <c r="C16798" s="7">
        <f t="shared" si="262"/>
        <v>279.65339999999998</v>
      </c>
    </row>
    <row r="16799" spans="1:3" x14ac:dyDescent="0.25">
      <c r="A16799" s="2" t="s">
        <v>8457</v>
      </c>
      <c r="B16799" s="6">
        <v>279670.05</v>
      </c>
      <c r="C16799" s="7">
        <f t="shared" si="262"/>
        <v>279.67005</v>
      </c>
    </row>
    <row r="16800" spans="1:3" x14ac:dyDescent="0.25">
      <c r="A16800" s="2" t="s">
        <v>8458</v>
      </c>
      <c r="B16800" s="6">
        <v>279686.69999999995</v>
      </c>
      <c r="C16800" s="7">
        <f t="shared" si="262"/>
        <v>279.68669999999997</v>
      </c>
    </row>
    <row r="16801" spans="1:3" x14ac:dyDescent="0.25">
      <c r="A16801" s="2" t="s">
        <v>8459</v>
      </c>
      <c r="B16801" s="6">
        <v>279703.34999999998</v>
      </c>
      <c r="C16801" s="7">
        <f t="shared" si="262"/>
        <v>279.70335</v>
      </c>
    </row>
    <row r="16802" spans="1:3" x14ac:dyDescent="0.25">
      <c r="A16802" s="2" t="s">
        <v>8460</v>
      </c>
      <c r="B16802" s="6">
        <v>279720</v>
      </c>
      <c r="C16802" s="7">
        <f t="shared" si="262"/>
        <v>279.72000000000003</v>
      </c>
    </row>
    <row r="16803" spans="1:3" x14ac:dyDescent="0.25">
      <c r="A16803" s="2" t="s">
        <v>8461</v>
      </c>
      <c r="B16803" s="6">
        <v>279736.64999999997</v>
      </c>
      <c r="C16803" s="7">
        <f t="shared" si="262"/>
        <v>279.73664999999994</v>
      </c>
    </row>
    <row r="16804" spans="1:3" x14ac:dyDescent="0.25">
      <c r="A16804" s="2" t="s">
        <v>8462</v>
      </c>
      <c r="B16804" s="6">
        <v>279753.3</v>
      </c>
      <c r="C16804" s="7">
        <f t="shared" si="262"/>
        <v>279.75329999999997</v>
      </c>
    </row>
    <row r="16805" spans="1:3" x14ac:dyDescent="0.25">
      <c r="A16805" s="2" t="s">
        <v>8463</v>
      </c>
      <c r="B16805" s="6">
        <v>279769.94999999995</v>
      </c>
      <c r="C16805" s="7">
        <f t="shared" si="262"/>
        <v>279.76994999999994</v>
      </c>
    </row>
    <row r="16806" spans="1:3" x14ac:dyDescent="0.25">
      <c r="A16806" s="2" t="s">
        <v>8464</v>
      </c>
      <c r="B16806" s="6">
        <v>279786.59999999998</v>
      </c>
      <c r="C16806" s="7">
        <f t="shared" si="262"/>
        <v>279.78659999999996</v>
      </c>
    </row>
    <row r="16807" spans="1:3" x14ac:dyDescent="0.25">
      <c r="A16807" s="2" t="s">
        <v>8465</v>
      </c>
      <c r="B16807" s="6">
        <v>279803.25</v>
      </c>
      <c r="C16807" s="7">
        <f t="shared" si="262"/>
        <v>279.80324999999999</v>
      </c>
    </row>
    <row r="16808" spans="1:3" x14ac:dyDescent="0.25">
      <c r="A16808" s="2" t="s">
        <v>8466</v>
      </c>
      <c r="B16808" s="6">
        <v>279819.89999999997</v>
      </c>
      <c r="C16808" s="7">
        <f t="shared" si="262"/>
        <v>279.81989999999996</v>
      </c>
    </row>
    <row r="16809" spans="1:3" x14ac:dyDescent="0.25">
      <c r="A16809" s="2" t="s">
        <v>8467</v>
      </c>
      <c r="B16809" s="6">
        <v>279836.55</v>
      </c>
      <c r="C16809" s="7">
        <f t="shared" si="262"/>
        <v>279.83654999999999</v>
      </c>
    </row>
    <row r="16810" spans="1:3" x14ac:dyDescent="0.25">
      <c r="A16810" s="2" t="s">
        <v>8468</v>
      </c>
      <c r="B16810" s="6">
        <v>279853.19999999995</v>
      </c>
      <c r="C16810" s="7">
        <f t="shared" si="262"/>
        <v>279.85319999999996</v>
      </c>
    </row>
    <row r="16811" spans="1:3" x14ac:dyDescent="0.25">
      <c r="A16811" s="2" t="s">
        <v>8469</v>
      </c>
      <c r="B16811" s="6">
        <v>279869.84999999998</v>
      </c>
      <c r="C16811" s="7">
        <f t="shared" si="262"/>
        <v>279.86984999999999</v>
      </c>
    </row>
    <row r="16812" spans="1:3" x14ac:dyDescent="0.25">
      <c r="A16812" s="2" t="s">
        <v>8470</v>
      </c>
      <c r="B16812" s="6">
        <v>279886.5</v>
      </c>
      <c r="C16812" s="7">
        <f t="shared" si="262"/>
        <v>279.88650000000001</v>
      </c>
    </row>
    <row r="16813" spans="1:3" x14ac:dyDescent="0.25">
      <c r="A16813" s="2" t="s">
        <v>8471</v>
      </c>
      <c r="B16813" s="6">
        <v>279903.14999999997</v>
      </c>
      <c r="C16813" s="7">
        <f t="shared" si="262"/>
        <v>279.90314999999998</v>
      </c>
    </row>
    <row r="16814" spans="1:3" x14ac:dyDescent="0.25">
      <c r="A16814" s="2" t="s">
        <v>8472</v>
      </c>
      <c r="B16814" s="6">
        <v>279919.8</v>
      </c>
      <c r="C16814" s="7">
        <f t="shared" si="262"/>
        <v>279.91980000000001</v>
      </c>
    </row>
    <row r="16815" spans="1:3" x14ac:dyDescent="0.25">
      <c r="A16815" s="2" t="s">
        <v>8473</v>
      </c>
      <c r="B16815" s="6">
        <v>279936.44999999995</v>
      </c>
      <c r="C16815" s="7">
        <f t="shared" si="262"/>
        <v>279.93644999999998</v>
      </c>
    </row>
    <row r="16816" spans="1:3" x14ac:dyDescent="0.25">
      <c r="A16816" s="2" t="s">
        <v>8474</v>
      </c>
      <c r="B16816" s="6">
        <v>279953.09999999998</v>
      </c>
      <c r="C16816" s="7">
        <f t="shared" si="262"/>
        <v>279.95309999999995</v>
      </c>
    </row>
    <row r="16817" spans="1:3" x14ac:dyDescent="0.25">
      <c r="A16817" s="2" t="s">
        <v>8475</v>
      </c>
      <c r="B16817" s="6">
        <v>279969.75</v>
      </c>
      <c r="C16817" s="7">
        <f t="shared" si="262"/>
        <v>279.96974999999998</v>
      </c>
    </row>
    <row r="16818" spans="1:3" x14ac:dyDescent="0.25">
      <c r="A16818" s="2" t="s">
        <v>8476</v>
      </c>
      <c r="B16818" s="6">
        <v>279986.39999999997</v>
      </c>
      <c r="C16818" s="7">
        <f t="shared" si="262"/>
        <v>279.98639999999995</v>
      </c>
    </row>
    <row r="16819" spans="1:3" x14ac:dyDescent="0.25">
      <c r="A16819" s="2" t="s">
        <v>8477</v>
      </c>
      <c r="B16819" s="6">
        <v>280003.05</v>
      </c>
      <c r="C16819" s="7">
        <f t="shared" si="262"/>
        <v>280.00304999999997</v>
      </c>
    </row>
    <row r="16820" spans="1:3" x14ac:dyDescent="0.25">
      <c r="A16820" s="2" t="s">
        <v>8478</v>
      </c>
      <c r="B16820" s="6">
        <v>280019.69999999995</v>
      </c>
      <c r="C16820" s="7">
        <f t="shared" si="262"/>
        <v>280.01969999999994</v>
      </c>
    </row>
    <row r="16821" spans="1:3" x14ac:dyDescent="0.25">
      <c r="A16821" s="2" t="s">
        <v>8479</v>
      </c>
      <c r="B16821" s="6">
        <v>280036.34999999998</v>
      </c>
      <c r="C16821" s="7">
        <f t="shared" si="262"/>
        <v>280.03634999999997</v>
      </c>
    </row>
    <row r="16822" spans="1:3" x14ac:dyDescent="0.25">
      <c r="A16822" s="2" t="s">
        <v>8480</v>
      </c>
      <c r="B16822" s="6">
        <v>280053</v>
      </c>
      <c r="C16822" s="7">
        <f t="shared" si="262"/>
        <v>280.053</v>
      </c>
    </row>
    <row r="16823" spans="1:3" x14ac:dyDescent="0.25">
      <c r="A16823" s="2" t="s">
        <v>8481</v>
      </c>
      <c r="B16823" s="6">
        <v>280069.64999999997</v>
      </c>
      <c r="C16823" s="7">
        <f t="shared" si="262"/>
        <v>280.06964999999997</v>
      </c>
    </row>
    <row r="16824" spans="1:3" x14ac:dyDescent="0.25">
      <c r="A16824" s="2" t="s">
        <v>8482</v>
      </c>
      <c r="B16824" s="6">
        <v>280086.3</v>
      </c>
      <c r="C16824" s="7">
        <f t="shared" si="262"/>
        <v>280.08629999999999</v>
      </c>
    </row>
    <row r="16825" spans="1:3" x14ac:dyDescent="0.25">
      <c r="A16825" s="2" t="s">
        <v>8483</v>
      </c>
      <c r="B16825" s="6">
        <v>280102.94999999995</v>
      </c>
      <c r="C16825" s="7">
        <f t="shared" si="262"/>
        <v>280.10294999999996</v>
      </c>
    </row>
    <row r="16826" spans="1:3" x14ac:dyDescent="0.25">
      <c r="A16826" s="2" t="s">
        <v>8484</v>
      </c>
      <c r="B16826" s="6">
        <v>280119.59999999998</v>
      </c>
      <c r="C16826" s="7">
        <f t="shared" si="262"/>
        <v>280.11959999999999</v>
      </c>
    </row>
    <row r="16827" spans="1:3" x14ac:dyDescent="0.25">
      <c r="A16827" s="2" t="s">
        <v>8485</v>
      </c>
      <c r="B16827" s="6">
        <v>280136.25</v>
      </c>
      <c r="C16827" s="7">
        <f t="shared" si="262"/>
        <v>280.13625000000002</v>
      </c>
    </row>
    <row r="16828" spans="1:3" x14ac:dyDescent="0.25">
      <c r="A16828" s="2" t="s">
        <v>8486</v>
      </c>
      <c r="B16828" s="6">
        <v>280152.89999999997</v>
      </c>
      <c r="C16828" s="7">
        <f t="shared" si="262"/>
        <v>280.15289999999999</v>
      </c>
    </row>
    <row r="16829" spans="1:3" x14ac:dyDescent="0.25">
      <c r="A16829" s="2" t="s">
        <v>8487</v>
      </c>
      <c r="B16829" s="6">
        <v>280169.55</v>
      </c>
      <c r="C16829" s="7">
        <f t="shared" si="262"/>
        <v>280.16955000000002</v>
      </c>
    </row>
    <row r="16830" spans="1:3" x14ac:dyDescent="0.25">
      <c r="A16830" s="2" t="s">
        <v>8488</v>
      </c>
      <c r="B16830" s="6">
        <v>280186.19999999995</v>
      </c>
      <c r="C16830" s="7">
        <f t="shared" si="262"/>
        <v>280.18619999999993</v>
      </c>
    </row>
    <row r="16831" spans="1:3" x14ac:dyDescent="0.25">
      <c r="A16831" s="2" t="s">
        <v>8489</v>
      </c>
      <c r="B16831" s="6">
        <v>280202.84999999998</v>
      </c>
      <c r="C16831" s="7">
        <f t="shared" si="262"/>
        <v>280.20284999999996</v>
      </c>
    </row>
    <row r="16832" spans="1:3" x14ac:dyDescent="0.25">
      <c r="A16832" s="2" t="s">
        <v>8490</v>
      </c>
      <c r="B16832" s="6">
        <v>280219.5</v>
      </c>
      <c r="C16832" s="7">
        <f t="shared" si="262"/>
        <v>280.21949999999998</v>
      </c>
    </row>
    <row r="16833" spans="1:3" x14ac:dyDescent="0.25">
      <c r="A16833" s="2" t="s">
        <v>8491</v>
      </c>
      <c r="B16833" s="6">
        <v>280236.14999999997</v>
      </c>
      <c r="C16833" s="7">
        <f t="shared" si="262"/>
        <v>280.23614999999995</v>
      </c>
    </row>
    <row r="16834" spans="1:3" x14ac:dyDescent="0.25">
      <c r="A16834" s="2" t="s">
        <v>8492</v>
      </c>
      <c r="B16834" s="6">
        <v>280252.79999999999</v>
      </c>
      <c r="C16834" s="7">
        <f t="shared" si="262"/>
        <v>280.25279999999998</v>
      </c>
    </row>
    <row r="16835" spans="1:3" x14ac:dyDescent="0.25">
      <c r="A16835" s="2" t="s">
        <v>8493</v>
      </c>
      <c r="B16835" s="6">
        <v>280269.44999999995</v>
      </c>
      <c r="C16835" s="7">
        <f t="shared" ref="C16835:C16898" si="263">B16835/1000</f>
        <v>280.26944999999995</v>
      </c>
    </row>
    <row r="16836" spans="1:3" x14ac:dyDescent="0.25">
      <c r="A16836" s="2" t="s">
        <v>8494</v>
      </c>
      <c r="B16836" s="6">
        <v>280286.09999999998</v>
      </c>
      <c r="C16836" s="7">
        <f t="shared" si="263"/>
        <v>280.28609999999998</v>
      </c>
    </row>
    <row r="16837" spans="1:3" x14ac:dyDescent="0.25">
      <c r="A16837" s="2" t="s">
        <v>8495</v>
      </c>
      <c r="B16837" s="6">
        <v>280302.75</v>
      </c>
      <c r="C16837" s="7">
        <f t="shared" si="263"/>
        <v>280.30275</v>
      </c>
    </row>
    <row r="16838" spans="1:3" x14ac:dyDescent="0.25">
      <c r="A16838" s="2" t="s">
        <v>8496</v>
      </c>
      <c r="B16838" s="6">
        <v>280319.39999999997</v>
      </c>
      <c r="C16838" s="7">
        <f t="shared" si="263"/>
        <v>280.31939999999997</v>
      </c>
    </row>
    <row r="16839" spans="1:3" x14ac:dyDescent="0.25">
      <c r="A16839" s="2" t="s">
        <v>8497</v>
      </c>
      <c r="B16839" s="6">
        <v>280336.05</v>
      </c>
      <c r="C16839" s="7">
        <f t="shared" si="263"/>
        <v>280.33605</v>
      </c>
    </row>
    <row r="16840" spans="1:3" x14ac:dyDescent="0.25">
      <c r="A16840" s="2" t="s">
        <v>8498</v>
      </c>
      <c r="B16840" s="6">
        <v>280352.69999999995</v>
      </c>
      <c r="C16840" s="7">
        <f t="shared" si="263"/>
        <v>280.35269999999997</v>
      </c>
    </row>
    <row r="16841" spans="1:3" x14ac:dyDescent="0.25">
      <c r="A16841" s="2" t="s">
        <v>8499</v>
      </c>
      <c r="B16841" s="6">
        <v>280369.34999999998</v>
      </c>
      <c r="C16841" s="7">
        <f t="shared" si="263"/>
        <v>280.36935</v>
      </c>
    </row>
    <row r="16842" spans="1:3" x14ac:dyDescent="0.25">
      <c r="A16842" s="2" t="s">
        <v>8500</v>
      </c>
      <c r="B16842" s="6">
        <v>280386</v>
      </c>
      <c r="C16842" s="7">
        <f t="shared" si="263"/>
        <v>280.38600000000002</v>
      </c>
    </row>
    <row r="16843" spans="1:3" x14ac:dyDescent="0.25">
      <c r="A16843" s="2" t="s">
        <v>8501</v>
      </c>
      <c r="B16843" s="6">
        <v>280402.64999999997</v>
      </c>
      <c r="C16843" s="7">
        <f t="shared" si="263"/>
        <v>280.40264999999994</v>
      </c>
    </row>
    <row r="16844" spans="1:3" x14ac:dyDescent="0.25">
      <c r="A16844" s="2" t="s">
        <v>8502</v>
      </c>
      <c r="B16844" s="6">
        <v>280419.3</v>
      </c>
      <c r="C16844" s="7">
        <f t="shared" si="263"/>
        <v>280.41929999999996</v>
      </c>
    </row>
    <row r="16845" spans="1:3" x14ac:dyDescent="0.25">
      <c r="A16845" s="2" t="s">
        <v>8503</v>
      </c>
      <c r="B16845" s="6">
        <v>280435.94999999995</v>
      </c>
      <c r="C16845" s="7">
        <f t="shared" si="263"/>
        <v>280.43594999999993</v>
      </c>
    </row>
    <row r="16846" spans="1:3" x14ac:dyDescent="0.25">
      <c r="A16846" s="2" t="s">
        <v>8504</v>
      </c>
      <c r="B16846" s="6">
        <v>280452.59999999998</v>
      </c>
      <c r="C16846" s="7">
        <f t="shared" si="263"/>
        <v>280.45259999999996</v>
      </c>
    </row>
    <row r="16847" spans="1:3" x14ac:dyDescent="0.25">
      <c r="A16847" s="2" t="s">
        <v>8505</v>
      </c>
      <c r="B16847" s="6">
        <v>280469.25</v>
      </c>
      <c r="C16847" s="7">
        <f t="shared" si="263"/>
        <v>280.46924999999999</v>
      </c>
    </row>
    <row r="16848" spans="1:3" x14ac:dyDescent="0.25">
      <c r="A16848" s="2" t="s">
        <v>8506</v>
      </c>
      <c r="B16848" s="6">
        <v>280485.89999999997</v>
      </c>
      <c r="C16848" s="7">
        <f t="shared" si="263"/>
        <v>280.48589999999996</v>
      </c>
    </row>
    <row r="16849" spans="1:3" x14ac:dyDescent="0.25">
      <c r="A16849" s="2" t="s">
        <v>8507</v>
      </c>
      <c r="B16849" s="6">
        <v>280502.55</v>
      </c>
      <c r="C16849" s="7">
        <f t="shared" si="263"/>
        <v>280.50254999999999</v>
      </c>
    </row>
    <row r="16850" spans="1:3" x14ac:dyDescent="0.25">
      <c r="A16850" s="2" t="s">
        <v>8508</v>
      </c>
      <c r="B16850" s="6">
        <v>280519.19999999995</v>
      </c>
      <c r="C16850" s="7">
        <f t="shared" si="263"/>
        <v>280.51919999999996</v>
      </c>
    </row>
    <row r="16851" spans="1:3" x14ac:dyDescent="0.25">
      <c r="A16851" s="2" t="s">
        <v>8509</v>
      </c>
      <c r="B16851" s="6">
        <v>280535.84999999998</v>
      </c>
      <c r="C16851" s="7">
        <f t="shared" si="263"/>
        <v>280.53584999999998</v>
      </c>
    </row>
    <row r="16852" spans="1:3" x14ac:dyDescent="0.25">
      <c r="A16852" s="2" t="s">
        <v>8510</v>
      </c>
      <c r="B16852" s="6">
        <v>280552.5</v>
      </c>
      <c r="C16852" s="7">
        <f t="shared" si="263"/>
        <v>280.55250000000001</v>
      </c>
    </row>
    <row r="16853" spans="1:3" x14ac:dyDescent="0.25">
      <c r="A16853" s="2" t="s">
        <v>8511</v>
      </c>
      <c r="B16853" s="6">
        <v>280569.14999999997</v>
      </c>
      <c r="C16853" s="7">
        <f t="shared" si="263"/>
        <v>280.56914999999998</v>
      </c>
    </row>
    <row r="16854" spans="1:3" x14ac:dyDescent="0.25">
      <c r="A16854" s="2" t="s">
        <v>8512</v>
      </c>
      <c r="B16854" s="6">
        <v>280585.8</v>
      </c>
      <c r="C16854" s="7">
        <f t="shared" si="263"/>
        <v>280.58580000000001</v>
      </c>
    </row>
    <row r="16855" spans="1:3" x14ac:dyDescent="0.25">
      <c r="A16855" s="2" t="s">
        <v>8513</v>
      </c>
      <c r="B16855" s="6">
        <v>280602.44999999995</v>
      </c>
      <c r="C16855" s="7">
        <f t="shared" si="263"/>
        <v>280.60244999999998</v>
      </c>
    </row>
    <row r="16856" spans="1:3" x14ac:dyDescent="0.25">
      <c r="A16856" s="2" t="s">
        <v>8514</v>
      </c>
      <c r="B16856" s="6">
        <v>280619.09999999998</v>
      </c>
      <c r="C16856" s="7">
        <f t="shared" si="263"/>
        <v>280.6191</v>
      </c>
    </row>
    <row r="16857" spans="1:3" x14ac:dyDescent="0.25">
      <c r="A16857" s="2" t="s">
        <v>8515</v>
      </c>
      <c r="B16857" s="6">
        <v>280635.75</v>
      </c>
      <c r="C16857" s="7">
        <f t="shared" si="263"/>
        <v>280.63574999999997</v>
      </c>
    </row>
    <row r="16858" spans="1:3" x14ac:dyDescent="0.25">
      <c r="A16858" s="2" t="s">
        <v>8516</v>
      </c>
      <c r="B16858" s="6">
        <v>280652.39999999997</v>
      </c>
      <c r="C16858" s="7">
        <f t="shared" si="263"/>
        <v>280.65239999999994</v>
      </c>
    </row>
    <row r="16859" spans="1:3" x14ac:dyDescent="0.25">
      <c r="A16859" s="2" t="s">
        <v>8517</v>
      </c>
      <c r="B16859" s="6">
        <v>280669.05</v>
      </c>
      <c r="C16859" s="7">
        <f t="shared" si="263"/>
        <v>280.66904999999997</v>
      </c>
    </row>
    <row r="16860" spans="1:3" x14ac:dyDescent="0.25">
      <c r="A16860" s="2" t="s">
        <v>8518</v>
      </c>
      <c r="B16860" s="6">
        <v>280685.69999999995</v>
      </c>
      <c r="C16860" s="7">
        <f t="shared" si="263"/>
        <v>280.68569999999994</v>
      </c>
    </row>
    <row r="16861" spans="1:3" x14ac:dyDescent="0.25">
      <c r="A16861" s="2" t="s">
        <v>8519</v>
      </c>
      <c r="B16861" s="6">
        <v>280702.34999999998</v>
      </c>
      <c r="C16861" s="7">
        <f t="shared" si="263"/>
        <v>280.70234999999997</v>
      </c>
    </row>
    <row r="16862" spans="1:3" x14ac:dyDescent="0.25">
      <c r="A16862" s="2" t="s">
        <v>8520</v>
      </c>
      <c r="B16862" s="6">
        <v>280719</v>
      </c>
      <c r="C16862" s="7">
        <f t="shared" si="263"/>
        <v>280.71899999999999</v>
      </c>
    </row>
    <row r="16863" spans="1:3" x14ac:dyDescent="0.25">
      <c r="A16863" s="2" t="s">
        <v>8521</v>
      </c>
      <c r="B16863" s="6">
        <v>280735.64999999997</v>
      </c>
      <c r="C16863" s="7">
        <f t="shared" si="263"/>
        <v>280.73564999999996</v>
      </c>
    </row>
    <row r="16864" spans="1:3" x14ac:dyDescent="0.25">
      <c r="A16864" s="2" t="s">
        <v>8522</v>
      </c>
      <c r="B16864" s="6">
        <v>280752.3</v>
      </c>
      <c r="C16864" s="7">
        <f t="shared" si="263"/>
        <v>280.75229999999999</v>
      </c>
    </row>
    <row r="16865" spans="1:3" x14ac:dyDescent="0.25">
      <c r="A16865" s="2" t="s">
        <v>8523</v>
      </c>
      <c r="B16865" s="6">
        <v>280768.94999999995</v>
      </c>
      <c r="C16865" s="7">
        <f t="shared" si="263"/>
        <v>280.76894999999996</v>
      </c>
    </row>
    <row r="16866" spans="1:3" x14ac:dyDescent="0.25">
      <c r="A16866" s="2" t="s">
        <v>8524</v>
      </c>
      <c r="B16866" s="6">
        <v>280785.59999999998</v>
      </c>
      <c r="C16866" s="7">
        <f t="shared" si="263"/>
        <v>280.78559999999999</v>
      </c>
    </row>
    <row r="16867" spans="1:3" x14ac:dyDescent="0.25">
      <c r="A16867" s="2" t="s">
        <v>8525</v>
      </c>
      <c r="B16867" s="6">
        <v>280802.25</v>
      </c>
      <c r="C16867" s="7">
        <f t="shared" si="263"/>
        <v>280.80225000000002</v>
      </c>
    </row>
    <row r="16868" spans="1:3" x14ac:dyDescent="0.25">
      <c r="A16868" s="2" t="s">
        <v>8526</v>
      </c>
      <c r="B16868" s="6">
        <v>280818.89999999997</v>
      </c>
      <c r="C16868" s="7">
        <f t="shared" si="263"/>
        <v>280.81889999999999</v>
      </c>
    </row>
    <row r="16869" spans="1:3" x14ac:dyDescent="0.25">
      <c r="A16869" s="2" t="s">
        <v>8527</v>
      </c>
      <c r="B16869" s="6">
        <v>280835.55</v>
      </c>
      <c r="C16869" s="7">
        <f t="shared" si="263"/>
        <v>280.83555000000001</v>
      </c>
    </row>
    <row r="16870" spans="1:3" x14ac:dyDescent="0.25">
      <c r="A16870" s="2" t="s">
        <v>8528</v>
      </c>
      <c r="B16870" s="6">
        <v>280852.19999999995</v>
      </c>
      <c r="C16870" s="7">
        <f t="shared" si="263"/>
        <v>280.85219999999993</v>
      </c>
    </row>
    <row r="16871" spans="1:3" x14ac:dyDescent="0.25">
      <c r="A16871" s="2" t="s">
        <v>8529</v>
      </c>
      <c r="B16871" s="6">
        <v>280868.84999999998</v>
      </c>
      <c r="C16871" s="7">
        <f t="shared" si="263"/>
        <v>280.86884999999995</v>
      </c>
    </row>
    <row r="16872" spans="1:3" x14ac:dyDescent="0.25">
      <c r="A16872" s="2" t="s">
        <v>8530</v>
      </c>
      <c r="B16872" s="6">
        <v>280885.5</v>
      </c>
      <c r="C16872" s="7">
        <f t="shared" si="263"/>
        <v>280.88549999999998</v>
      </c>
    </row>
    <row r="16873" spans="1:3" x14ac:dyDescent="0.25">
      <c r="A16873" s="2" t="s">
        <v>8531</v>
      </c>
      <c r="B16873" s="6">
        <v>280902.14999999997</v>
      </c>
      <c r="C16873" s="7">
        <f t="shared" si="263"/>
        <v>280.90214999999995</v>
      </c>
    </row>
    <row r="16874" spans="1:3" x14ac:dyDescent="0.25">
      <c r="A16874" s="2" t="s">
        <v>8532</v>
      </c>
      <c r="B16874" s="6">
        <v>280918.8</v>
      </c>
      <c r="C16874" s="7">
        <f t="shared" si="263"/>
        <v>280.91879999999998</v>
      </c>
    </row>
    <row r="16875" spans="1:3" x14ac:dyDescent="0.25">
      <c r="A16875" s="2" t="s">
        <v>8533</v>
      </c>
      <c r="B16875" s="6">
        <v>280935.44999999995</v>
      </c>
      <c r="C16875" s="7">
        <f t="shared" si="263"/>
        <v>280.93544999999995</v>
      </c>
    </row>
    <row r="16876" spans="1:3" x14ac:dyDescent="0.25">
      <c r="A16876" s="2" t="s">
        <v>8534</v>
      </c>
      <c r="B16876" s="6">
        <v>280952.09999999998</v>
      </c>
      <c r="C16876" s="7">
        <f t="shared" si="263"/>
        <v>280.95209999999997</v>
      </c>
    </row>
    <row r="16877" spans="1:3" x14ac:dyDescent="0.25">
      <c r="A16877" s="2" t="s">
        <v>8535</v>
      </c>
      <c r="B16877" s="6">
        <v>280968.75</v>
      </c>
      <c r="C16877" s="7">
        <f t="shared" si="263"/>
        <v>280.96875</v>
      </c>
    </row>
    <row r="16878" spans="1:3" x14ac:dyDescent="0.25">
      <c r="A16878" s="2" t="s">
        <v>8536</v>
      </c>
      <c r="B16878" s="6">
        <v>280985.39999999997</v>
      </c>
      <c r="C16878" s="7">
        <f t="shared" si="263"/>
        <v>280.98539999999997</v>
      </c>
    </row>
    <row r="16879" spans="1:3" x14ac:dyDescent="0.25">
      <c r="A16879" s="2" t="s">
        <v>8537</v>
      </c>
      <c r="B16879" s="6">
        <v>281002.05</v>
      </c>
      <c r="C16879" s="7">
        <f t="shared" si="263"/>
        <v>281.00205</v>
      </c>
    </row>
    <row r="16880" spans="1:3" x14ac:dyDescent="0.25">
      <c r="A16880" s="2" t="s">
        <v>8538</v>
      </c>
      <c r="B16880" s="6">
        <v>281018.69999999995</v>
      </c>
      <c r="C16880" s="7">
        <f t="shared" si="263"/>
        <v>281.01869999999997</v>
      </c>
    </row>
    <row r="16881" spans="1:3" x14ac:dyDescent="0.25">
      <c r="A16881" s="2" t="s">
        <v>8539</v>
      </c>
      <c r="B16881" s="6">
        <v>281035.34999999998</v>
      </c>
      <c r="C16881" s="7">
        <f t="shared" si="263"/>
        <v>281.03534999999999</v>
      </c>
    </row>
    <row r="16882" spans="1:3" x14ac:dyDescent="0.25">
      <c r="A16882" s="2" t="s">
        <v>8540</v>
      </c>
      <c r="B16882" s="6">
        <v>281052</v>
      </c>
      <c r="C16882" s="7">
        <f t="shared" si="263"/>
        <v>281.05200000000002</v>
      </c>
    </row>
    <row r="16883" spans="1:3" x14ac:dyDescent="0.25">
      <c r="A16883" s="2" t="s">
        <v>8541</v>
      </c>
      <c r="B16883" s="6">
        <v>281068.64999999997</v>
      </c>
      <c r="C16883" s="7">
        <f t="shared" si="263"/>
        <v>281.06864999999999</v>
      </c>
    </row>
    <row r="16884" spans="1:3" x14ac:dyDescent="0.25">
      <c r="A16884" s="2" t="s">
        <v>8542</v>
      </c>
      <c r="B16884" s="6">
        <v>281085.3</v>
      </c>
      <c r="C16884" s="7">
        <f t="shared" si="263"/>
        <v>281.08529999999996</v>
      </c>
    </row>
    <row r="16885" spans="1:3" x14ac:dyDescent="0.25">
      <c r="A16885" s="2" t="s">
        <v>8543</v>
      </c>
      <c r="B16885" s="6">
        <v>281101.94999999995</v>
      </c>
      <c r="C16885" s="7">
        <f t="shared" si="263"/>
        <v>281.10194999999993</v>
      </c>
    </row>
    <row r="16886" spans="1:3" x14ac:dyDescent="0.25">
      <c r="A16886" s="2" t="s">
        <v>8544</v>
      </c>
      <c r="B16886" s="6">
        <v>281118.59999999998</v>
      </c>
      <c r="C16886" s="7">
        <f t="shared" si="263"/>
        <v>281.11859999999996</v>
      </c>
    </row>
    <row r="16887" spans="1:3" x14ac:dyDescent="0.25">
      <c r="A16887" s="2" t="s">
        <v>8545</v>
      </c>
      <c r="B16887" s="6">
        <v>281135.25</v>
      </c>
      <c r="C16887" s="7">
        <f t="shared" si="263"/>
        <v>281.13524999999998</v>
      </c>
    </row>
    <row r="16888" spans="1:3" x14ac:dyDescent="0.25">
      <c r="A16888" s="2" t="s">
        <v>8546</v>
      </c>
      <c r="B16888" s="6">
        <v>281151.89999999997</v>
      </c>
      <c r="C16888" s="7">
        <f t="shared" si="263"/>
        <v>281.15189999999996</v>
      </c>
    </row>
    <row r="16889" spans="1:3" x14ac:dyDescent="0.25">
      <c r="A16889" s="2" t="s">
        <v>8547</v>
      </c>
      <c r="B16889" s="6">
        <v>281168.55</v>
      </c>
      <c r="C16889" s="7">
        <f t="shared" si="263"/>
        <v>281.16854999999998</v>
      </c>
    </row>
    <row r="16890" spans="1:3" x14ac:dyDescent="0.25">
      <c r="A16890" s="2" t="s">
        <v>8548</v>
      </c>
      <c r="B16890" s="6">
        <v>281185.19999999995</v>
      </c>
      <c r="C16890" s="7">
        <f t="shared" si="263"/>
        <v>281.18519999999995</v>
      </c>
    </row>
    <row r="16891" spans="1:3" x14ac:dyDescent="0.25">
      <c r="A16891" s="2" t="s">
        <v>8549</v>
      </c>
      <c r="B16891" s="6">
        <v>281201.84999999998</v>
      </c>
      <c r="C16891" s="7">
        <f t="shared" si="263"/>
        <v>281.20184999999998</v>
      </c>
    </row>
    <row r="16892" spans="1:3" x14ac:dyDescent="0.25">
      <c r="A16892" s="2" t="s">
        <v>8550</v>
      </c>
      <c r="B16892" s="6">
        <v>281218.5</v>
      </c>
      <c r="C16892" s="7">
        <f t="shared" si="263"/>
        <v>281.21850000000001</v>
      </c>
    </row>
    <row r="16893" spans="1:3" x14ac:dyDescent="0.25">
      <c r="A16893" s="2" t="s">
        <v>8551</v>
      </c>
      <c r="B16893" s="6">
        <v>281235.14999999997</v>
      </c>
      <c r="C16893" s="7">
        <f t="shared" si="263"/>
        <v>281.23514999999998</v>
      </c>
    </row>
    <row r="16894" spans="1:3" x14ac:dyDescent="0.25">
      <c r="A16894" s="2" t="s">
        <v>8552</v>
      </c>
      <c r="B16894" s="6">
        <v>281251.8</v>
      </c>
      <c r="C16894" s="7">
        <f t="shared" si="263"/>
        <v>281.2518</v>
      </c>
    </row>
    <row r="16895" spans="1:3" x14ac:dyDescent="0.25">
      <c r="A16895" s="2" t="s">
        <v>8553</v>
      </c>
      <c r="B16895" s="6">
        <v>281268.44999999995</v>
      </c>
      <c r="C16895" s="7">
        <f t="shared" si="263"/>
        <v>281.26844999999997</v>
      </c>
    </row>
    <row r="16896" spans="1:3" x14ac:dyDescent="0.25">
      <c r="A16896" s="2" t="s">
        <v>8554</v>
      </c>
      <c r="B16896" s="6">
        <v>281285.09999999998</v>
      </c>
      <c r="C16896" s="7">
        <f t="shared" si="263"/>
        <v>281.2851</v>
      </c>
    </row>
    <row r="16897" spans="1:3" x14ac:dyDescent="0.25">
      <c r="A16897" s="2" t="s">
        <v>8555</v>
      </c>
      <c r="B16897" s="6">
        <v>281301.75</v>
      </c>
      <c r="C16897" s="7">
        <f t="shared" si="263"/>
        <v>281.30175000000003</v>
      </c>
    </row>
    <row r="16898" spans="1:3" x14ac:dyDescent="0.25">
      <c r="A16898" s="2" t="s">
        <v>8556</v>
      </c>
      <c r="B16898" s="6">
        <v>281318.39999999997</v>
      </c>
      <c r="C16898" s="7">
        <f t="shared" si="263"/>
        <v>281.31839999999994</v>
      </c>
    </row>
    <row r="16899" spans="1:3" x14ac:dyDescent="0.25">
      <c r="A16899" s="2" t="s">
        <v>8557</v>
      </c>
      <c r="B16899" s="6">
        <v>281335.05</v>
      </c>
      <c r="C16899" s="7">
        <f t="shared" ref="C16899:C16962" si="264">B16899/1000</f>
        <v>281.33504999999997</v>
      </c>
    </row>
    <row r="16900" spans="1:3" x14ac:dyDescent="0.25">
      <c r="A16900" s="2" t="s">
        <v>8558</v>
      </c>
      <c r="B16900" s="6">
        <v>281351.69999999995</v>
      </c>
      <c r="C16900" s="7">
        <f t="shared" si="264"/>
        <v>281.35169999999994</v>
      </c>
    </row>
    <row r="16901" spans="1:3" x14ac:dyDescent="0.25">
      <c r="A16901" s="2" t="s">
        <v>8559</v>
      </c>
      <c r="B16901" s="6">
        <v>281368.34999999998</v>
      </c>
      <c r="C16901" s="7">
        <f t="shared" si="264"/>
        <v>281.36834999999996</v>
      </c>
    </row>
    <row r="16902" spans="1:3" x14ac:dyDescent="0.25">
      <c r="A16902" s="2" t="s">
        <v>8560</v>
      </c>
      <c r="B16902" s="6">
        <v>281385</v>
      </c>
      <c r="C16902" s="7">
        <f t="shared" si="264"/>
        <v>281.38499999999999</v>
      </c>
    </row>
    <row r="16903" spans="1:3" x14ac:dyDescent="0.25">
      <c r="A16903" s="2" t="s">
        <v>8561</v>
      </c>
      <c r="B16903" s="6">
        <v>281401.64999999997</v>
      </c>
      <c r="C16903" s="7">
        <f t="shared" si="264"/>
        <v>281.40164999999996</v>
      </c>
    </row>
    <row r="16904" spans="1:3" x14ac:dyDescent="0.25">
      <c r="A16904" s="2" t="s">
        <v>8562</v>
      </c>
      <c r="B16904" s="6">
        <v>281418.3</v>
      </c>
      <c r="C16904" s="7">
        <f t="shared" si="264"/>
        <v>281.41829999999999</v>
      </c>
    </row>
    <row r="16905" spans="1:3" x14ac:dyDescent="0.25">
      <c r="A16905" s="2" t="s">
        <v>8563</v>
      </c>
      <c r="B16905" s="6">
        <v>281434.94999999995</v>
      </c>
      <c r="C16905" s="7">
        <f t="shared" si="264"/>
        <v>281.43494999999996</v>
      </c>
    </row>
    <row r="16906" spans="1:3" x14ac:dyDescent="0.25">
      <c r="A16906" s="2" t="s">
        <v>8564</v>
      </c>
      <c r="B16906" s="6">
        <v>281451.59999999998</v>
      </c>
      <c r="C16906" s="7">
        <f t="shared" si="264"/>
        <v>281.45159999999998</v>
      </c>
    </row>
    <row r="16907" spans="1:3" x14ac:dyDescent="0.25">
      <c r="A16907" s="2" t="s">
        <v>8565</v>
      </c>
      <c r="B16907" s="6">
        <v>281468.25</v>
      </c>
      <c r="C16907" s="7">
        <f t="shared" si="264"/>
        <v>281.46825000000001</v>
      </c>
    </row>
    <row r="16908" spans="1:3" x14ac:dyDescent="0.25">
      <c r="A16908" s="2" t="s">
        <v>8566</v>
      </c>
      <c r="B16908" s="6">
        <v>281484.89999999997</v>
      </c>
      <c r="C16908" s="7">
        <f t="shared" si="264"/>
        <v>281.48489999999998</v>
      </c>
    </row>
    <row r="16909" spans="1:3" x14ac:dyDescent="0.25">
      <c r="A16909" s="2" t="s">
        <v>8567</v>
      </c>
      <c r="B16909" s="6">
        <v>281501.55</v>
      </c>
      <c r="C16909" s="7">
        <f t="shared" si="264"/>
        <v>281.50155000000001</v>
      </c>
    </row>
    <row r="16910" spans="1:3" x14ac:dyDescent="0.25">
      <c r="A16910" s="2" t="s">
        <v>8568</v>
      </c>
      <c r="B16910" s="6">
        <v>281518.19999999995</v>
      </c>
      <c r="C16910" s="7">
        <f t="shared" si="264"/>
        <v>281.51819999999998</v>
      </c>
    </row>
    <row r="16911" spans="1:3" x14ac:dyDescent="0.25">
      <c r="A16911" s="2" t="s">
        <v>8569</v>
      </c>
      <c r="B16911" s="6">
        <v>281534.84999999998</v>
      </c>
      <c r="C16911" s="7">
        <f t="shared" si="264"/>
        <v>281.53484999999995</v>
      </c>
    </row>
    <row r="16912" spans="1:3" x14ac:dyDescent="0.25">
      <c r="A16912" s="2" t="s">
        <v>8570</v>
      </c>
      <c r="B16912" s="6">
        <v>281551.5</v>
      </c>
      <c r="C16912" s="7">
        <f t="shared" si="264"/>
        <v>281.55149999999998</v>
      </c>
    </row>
    <row r="16913" spans="1:3" x14ac:dyDescent="0.25">
      <c r="A16913" s="2" t="s">
        <v>8571</v>
      </c>
      <c r="B16913" s="6">
        <v>281568.14999999997</v>
      </c>
      <c r="C16913" s="7">
        <f t="shared" si="264"/>
        <v>281.56814999999995</v>
      </c>
    </row>
    <row r="16914" spans="1:3" x14ac:dyDescent="0.25">
      <c r="A16914" s="2" t="s">
        <v>8572</v>
      </c>
      <c r="B16914" s="6">
        <v>281584.8</v>
      </c>
      <c r="C16914" s="7">
        <f t="shared" si="264"/>
        <v>281.58479999999997</v>
      </c>
    </row>
    <row r="16915" spans="1:3" x14ac:dyDescent="0.25">
      <c r="A16915" s="2" t="s">
        <v>8573</v>
      </c>
      <c r="B16915" s="6">
        <v>281601.44999999995</v>
      </c>
      <c r="C16915" s="7">
        <f t="shared" si="264"/>
        <v>281.60144999999994</v>
      </c>
    </row>
    <row r="16916" spans="1:3" x14ac:dyDescent="0.25">
      <c r="A16916" s="2" t="s">
        <v>8574</v>
      </c>
      <c r="B16916" s="6">
        <v>281618.09999999998</v>
      </c>
      <c r="C16916" s="7">
        <f t="shared" si="264"/>
        <v>281.61809999999997</v>
      </c>
    </row>
    <row r="16917" spans="1:3" x14ac:dyDescent="0.25">
      <c r="A16917" s="2" t="s">
        <v>8575</v>
      </c>
      <c r="B16917" s="6">
        <v>281634.75</v>
      </c>
      <c r="C16917" s="7">
        <f t="shared" si="264"/>
        <v>281.63475</v>
      </c>
    </row>
    <row r="16918" spans="1:3" x14ac:dyDescent="0.25">
      <c r="A16918" s="2" t="s">
        <v>8576</v>
      </c>
      <c r="B16918" s="6">
        <v>281651.39999999997</v>
      </c>
      <c r="C16918" s="7">
        <f t="shared" si="264"/>
        <v>281.65139999999997</v>
      </c>
    </row>
    <row r="16919" spans="1:3" x14ac:dyDescent="0.25">
      <c r="A16919" s="2" t="s">
        <v>8577</v>
      </c>
      <c r="B16919" s="6">
        <v>281668.05</v>
      </c>
      <c r="C16919" s="7">
        <f t="shared" si="264"/>
        <v>281.66804999999999</v>
      </c>
    </row>
    <row r="16920" spans="1:3" x14ac:dyDescent="0.25">
      <c r="A16920" s="2" t="s">
        <v>8578</v>
      </c>
      <c r="B16920" s="6">
        <v>281684.69999999995</v>
      </c>
      <c r="C16920" s="7">
        <f t="shared" si="264"/>
        <v>281.68469999999996</v>
      </c>
    </row>
    <row r="16921" spans="1:3" x14ac:dyDescent="0.25">
      <c r="A16921" s="2" t="s">
        <v>8579</v>
      </c>
      <c r="B16921" s="6">
        <v>281701.34999999998</v>
      </c>
      <c r="C16921" s="7">
        <f t="shared" si="264"/>
        <v>281.70134999999999</v>
      </c>
    </row>
    <row r="16922" spans="1:3" x14ac:dyDescent="0.25">
      <c r="A16922" s="2" t="s">
        <v>8580</v>
      </c>
      <c r="B16922" s="6">
        <v>281718</v>
      </c>
      <c r="C16922" s="7">
        <f t="shared" si="264"/>
        <v>281.71800000000002</v>
      </c>
    </row>
    <row r="16923" spans="1:3" x14ac:dyDescent="0.25">
      <c r="A16923" s="2" t="s">
        <v>8581</v>
      </c>
      <c r="B16923" s="6">
        <v>281734.64999999997</v>
      </c>
      <c r="C16923" s="7">
        <f t="shared" si="264"/>
        <v>281.73464999999999</v>
      </c>
    </row>
    <row r="16924" spans="1:3" x14ac:dyDescent="0.25">
      <c r="A16924" s="2" t="s">
        <v>8582</v>
      </c>
      <c r="B16924" s="6">
        <v>281751.3</v>
      </c>
      <c r="C16924" s="7">
        <f t="shared" si="264"/>
        <v>281.75130000000001</v>
      </c>
    </row>
    <row r="16925" spans="1:3" x14ac:dyDescent="0.25">
      <c r="A16925" s="2" t="s">
        <v>8583</v>
      </c>
      <c r="B16925" s="6">
        <v>281767.94999999995</v>
      </c>
      <c r="C16925" s="7">
        <f t="shared" si="264"/>
        <v>281.76794999999993</v>
      </c>
    </row>
    <row r="16926" spans="1:3" x14ac:dyDescent="0.25">
      <c r="A16926" s="2" t="s">
        <v>8584</v>
      </c>
      <c r="B16926" s="6">
        <v>281784.59999999998</v>
      </c>
      <c r="C16926" s="7">
        <f t="shared" si="264"/>
        <v>281.78459999999995</v>
      </c>
    </row>
    <row r="16927" spans="1:3" x14ac:dyDescent="0.25">
      <c r="A16927" s="2" t="s">
        <v>8585</v>
      </c>
      <c r="B16927" s="6">
        <v>281801.25</v>
      </c>
      <c r="C16927" s="7">
        <f t="shared" si="264"/>
        <v>281.80124999999998</v>
      </c>
    </row>
    <row r="16928" spans="1:3" x14ac:dyDescent="0.25">
      <c r="A16928" s="2" t="s">
        <v>8586</v>
      </c>
      <c r="B16928" s="6">
        <v>281817.89999999997</v>
      </c>
      <c r="C16928" s="7">
        <f t="shared" si="264"/>
        <v>281.81789999999995</v>
      </c>
    </row>
    <row r="16929" spans="1:3" x14ac:dyDescent="0.25">
      <c r="A16929" s="2" t="s">
        <v>8587</v>
      </c>
      <c r="B16929" s="6">
        <v>281834.55</v>
      </c>
      <c r="C16929" s="7">
        <f t="shared" si="264"/>
        <v>281.83454999999998</v>
      </c>
    </row>
    <row r="16930" spans="1:3" x14ac:dyDescent="0.25">
      <c r="A16930" s="2" t="s">
        <v>8588</v>
      </c>
      <c r="B16930" s="6">
        <v>281851.19999999995</v>
      </c>
      <c r="C16930" s="7">
        <f t="shared" si="264"/>
        <v>281.85119999999995</v>
      </c>
    </row>
    <row r="16931" spans="1:3" x14ac:dyDescent="0.25">
      <c r="A16931" s="2" t="s">
        <v>8589</v>
      </c>
      <c r="B16931" s="6">
        <v>281867.84999999998</v>
      </c>
      <c r="C16931" s="7">
        <f t="shared" si="264"/>
        <v>281.86784999999998</v>
      </c>
    </row>
    <row r="16932" spans="1:3" x14ac:dyDescent="0.25">
      <c r="A16932" s="2" t="s">
        <v>8590</v>
      </c>
      <c r="B16932" s="6">
        <v>281884.5</v>
      </c>
      <c r="C16932" s="7">
        <f t="shared" si="264"/>
        <v>281.8845</v>
      </c>
    </row>
    <row r="16933" spans="1:3" x14ac:dyDescent="0.25">
      <c r="A16933" s="2" t="s">
        <v>8591</v>
      </c>
      <c r="B16933" s="6">
        <v>281901.14999999997</v>
      </c>
      <c r="C16933" s="7">
        <f t="shared" si="264"/>
        <v>281.90114999999997</v>
      </c>
    </row>
    <row r="16934" spans="1:3" x14ac:dyDescent="0.25">
      <c r="A16934" s="2" t="s">
        <v>8592</v>
      </c>
      <c r="B16934" s="6">
        <v>281917.8</v>
      </c>
      <c r="C16934" s="7">
        <f t="shared" si="264"/>
        <v>281.9178</v>
      </c>
    </row>
    <row r="16935" spans="1:3" x14ac:dyDescent="0.25">
      <c r="A16935" s="2" t="s">
        <v>8593</v>
      </c>
      <c r="B16935" s="6">
        <v>281934.44999999995</v>
      </c>
      <c r="C16935" s="7">
        <f t="shared" si="264"/>
        <v>281.93444999999997</v>
      </c>
    </row>
    <row r="16936" spans="1:3" x14ac:dyDescent="0.25">
      <c r="A16936" s="2" t="s">
        <v>8594</v>
      </c>
      <c r="B16936" s="6">
        <v>281951.09999999998</v>
      </c>
      <c r="C16936" s="7">
        <f t="shared" si="264"/>
        <v>281.9511</v>
      </c>
    </row>
    <row r="16937" spans="1:3" x14ac:dyDescent="0.25">
      <c r="A16937" s="2" t="s">
        <v>8595</v>
      </c>
      <c r="B16937" s="6">
        <v>281967.75</v>
      </c>
      <c r="C16937" s="7">
        <f t="shared" si="264"/>
        <v>281.96775000000002</v>
      </c>
    </row>
    <row r="16938" spans="1:3" x14ac:dyDescent="0.25">
      <c r="A16938" s="2" t="s">
        <v>8596</v>
      </c>
      <c r="B16938" s="6">
        <v>281984.39999999997</v>
      </c>
      <c r="C16938" s="7">
        <f t="shared" si="264"/>
        <v>281.98439999999994</v>
      </c>
    </row>
    <row r="16939" spans="1:3" x14ac:dyDescent="0.25">
      <c r="A16939" s="2" t="s">
        <v>8597</v>
      </c>
      <c r="B16939" s="6">
        <v>282001.05</v>
      </c>
      <c r="C16939" s="7">
        <f t="shared" si="264"/>
        <v>282.00104999999996</v>
      </c>
    </row>
    <row r="16940" spans="1:3" x14ac:dyDescent="0.25">
      <c r="A16940" s="2" t="s">
        <v>8598</v>
      </c>
      <c r="B16940" s="6">
        <v>282017.69999999995</v>
      </c>
      <c r="C16940" s="7">
        <f t="shared" si="264"/>
        <v>282.01769999999993</v>
      </c>
    </row>
    <row r="16941" spans="1:3" x14ac:dyDescent="0.25">
      <c r="A16941" s="2" t="s">
        <v>8599</v>
      </c>
      <c r="B16941" s="6">
        <v>282034.34999999998</v>
      </c>
      <c r="C16941" s="7">
        <f t="shared" si="264"/>
        <v>282.03434999999996</v>
      </c>
    </row>
    <row r="16942" spans="1:3" x14ac:dyDescent="0.25">
      <c r="A16942" s="2" t="s">
        <v>8600</v>
      </c>
      <c r="B16942" s="6">
        <v>282051</v>
      </c>
      <c r="C16942" s="7">
        <f t="shared" si="264"/>
        <v>282.05099999999999</v>
      </c>
    </row>
    <row r="16943" spans="1:3" x14ac:dyDescent="0.25">
      <c r="A16943" s="2" t="s">
        <v>8601</v>
      </c>
      <c r="B16943" s="6">
        <v>282067.64999999997</v>
      </c>
      <c r="C16943" s="7">
        <f t="shared" si="264"/>
        <v>282.06764999999996</v>
      </c>
    </row>
    <row r="16944" spans="1:3" x14ac:dyDescent="0.25">
      <c r="A16944" s="2" t="s">
        <v>8602</v>
      </c>
      <c r="B16944" s="6">
        <v>282084.3</v>
      </c>
      <c r="C16944" s="7">
        <f t="shared" si="264"/>
        <v>282.08429999999998</v>
      </c>
    </row>
    <row r="16945" spans="1:3" x14ac:dyDescent="0.25">
      <c r="A16945" s="2" t="s">
        <v>8603</v>
      </c>
      <c r="B16945" s="6">
        <v>282100.94999999995</v>
      </c>
      <c r="C16945" s="7">
        <f t="shared" si="264"/>
        <v>282.10094999999995</v>
      </c>
    </row>
    <row r="16946" spans="1:3" x14ac:dyDescent="0.25">
      <c r="A16946" s="2" t="s">
        <v>8604</v>
      </c>
      <c r="B16946" s="6">
        <v>282117.59999999998</v>
      </c>
      <c r="C16946" s="7">
        <f t="shared" si="264"/>
        <v>282.11759999999998</v>
      </c>
    </row>
    <row r="16947" spans="1:3" x14ac:dyDescent="0.25">
      <c r="A16947" s="2" t="s">
        <v>8605</v>
      </c>
      <c r="B16947" s="6">
        <v>282134.25</v>
      </c>
      <c r="C16947" s="7">
        <f t="shared" si="264"/>
        <v>282.13425000000001</v>
      </c>
    </row>
    <row r="16948" spans="1:3" x14ac:dyDescent="0.25">
      <c r="A16948" s="2" t="s">
        <v>8606</v>
      </c>
      <c r="B16948" s="6">
        <v>282150.89999999997</v>
      </c>
      <c r="C16948" s="7">
        <f t="shared" si="264"/>
        <v>282.15089999999998</v>
      </c>
    </row>
    <row r="16949" spans="1:3" x14ac:dyDescent="0.25">
      <c r="A16949" s="2" t="s">
        <v>8607</v>
      </c>
      <c r="B16949" s="6">
        <v>282167.55</v>
      </c>
      <c r="C16949" s="7">
        <f t="shared" si="264"/>
        <v>282.16755000000001</v>
      </c>
    </row>
    <row r="16950" spans="1:3" x14ac:dyDescent="0.25">
      <c r="A16950" s="2" t="s">
        <v>8608</v>
      </c>
      <c r="B16950" s="6">
        <v>282184.19999999995</v>
      </c>
      <c r="C16950" s="7">
        <f t="shared" si="264"/>
        <v>282.18419999999998</v>
      </c>
    </row>
    <row r="16951" spans="1:3" x14ac:dyDescent="0.25">
      <c r="A16951" s="2" t="s">
        <v>8609</v>
      </c>
      <c r="B16951" s="6">
        <v>282200.84999999998</v>
      </c>
      <c r="C16951" s="7">
        <f t="shared" si="264"/>
        <v>282.20085</v>
      </c>
    </row>
    <row r="16952" spans="1:3" x14ac:dyDescent="0.25">
      <c r="A16952" s="2" t="s">
        <v>8610</v>
      </c>
      <c r="B16952" s="6">
        <v>282217.5</v>
      </c>
      <c r="C16952" s="7">
        <f t="shared" si="264"/>
        <v>282.21749999999997</v>
      </c>
    </row>
    <row r="16953" spans="1:3" x14ac:dyDescent="0.25">
      <c r="A16953" s="2" t="s">
        <v>8611</v>
      </c>
      <c r="B16953" s="6">
        <v>282234.14999999997</v>
      </c>
      <c r="C16953" s="7">
        <f t="shared" si="264"/>
        <v>282.23414999999994</v>
      </c>
    </row>
    <row r="16954" spans="1:3" x14ac:dyDescent="0.25">
      <c r="A16954" s="2" t="s">
        <v>8612</v>
      </c>
      <c r="B16954" s="6">
        <v>282250.8</v>
      </c>
      <c r="C16954" s="7">
        <f t="shared" si="264"/>
        <v>282.25079999999997</v>
      </c>
    </row>
    <row r="16955" spans="1:3" x14ac:dyDescent="0.25">
      <c r="A16955" s="2" t="s">
        <v>8613</v>
      </c>
      <c r="B16955" s="6">
        <v>282267.44999999995</v>
      </c>
      <c r="C16955" s="7">
        <f t="shared" si="264"/>
        <v>282.26744999999994</v>
      </c>
    </row>
    <row r="16956" spans="1:3" x14ac:dyDescent="0.25">
      <c r="A16956" s="2" t="s">
        <v>8614</v>
      </c>
      <c r="B16956" s="6">
        <v>282284.09999999998</v>
      </c>
      <c r="C16956" s="7">
        <f t="shared" si="264"/>
        <v>282.28409999999997</v>
      </c>
    </row>
    <row r="16957" spans="1:3" x14ac:dyDescent="0.25">
      <c r="A16957" s="2" t="s">
        <v>8615</v>
      </c>
      <c r="B16957" s="6">
        <v>282300.75</v>
      </c>
      <c r="C16957" s="7">
        <f t="shared" si="264"/>
        <v>282.30074999999999</v>
      </c>
    </row>
    <row r="16958" spans="1:3" x14ac:dyDescent="0.25">
      <c r="A16958" s="2" t="s">
        <v>8616</v>
      </c>
      <c r="B16958" s="6">
        <v>282317.39999999997</v>
      </c>
      <c r="C16958" s="7">
        <f t="shared" si="264"/>
        <v>282.31739999999996</v>
      </c>
    </row>
    <row r="16959" spans="1:3" x14ac:dyDescent="0.25">
      <c r="A16959" s="2" t="s">
        <v>8617</v>
      </c>
      <c r="B16959" s="6">
        <v>282334.05</v>
      </c>
      <c r="C16959" s="7">
        <f t="shared" si="264"/>
        <v>282.33404999999999</v>
      </c>
    </row>
    <row r="16960" spans="1:3" x14ac:dyDescent="0.25">
      <c r="A16960" s="2" t="s">
        <v>8618</v>
      </c>
      <c r="B16960" s="6">
        <v>282350.69999999995</v>
      </c>
      <c r="C16960" s="7">
        <f t="shared" si="264"/>
        <v>282.35069999999996</v>
      </c>
    </row>
    <row r="16961" spans="1:3" x14ac:dyDescent="0.25">
      <c r="A16961" s="2" t="s">
        <v>8619</v>
      </c>
      <c r="B16961" s="6">
        <v>282367.34999999998</v>
      </c>
      <c r="C16961" s="7">
        <f t="shared" si="264"/>
        <v>282.36734999999999</v>
      </c>
    </row>
    <row r="16962" spans="1:3" x14ac:dyDescent="0.25">
      <c r="A16962" s="2" t="s">
        <v>8620</v>
      </c>
      <c r="B16962" s="6">
        <v>282384</v>
      </c>
      <c r="C16962" s="7">
        <f t="shared" si="264"/>
        <v>282.38400000000001</v>
      </c>
    </row>
    <row r="16963" spans="1:3" x14ac:dyDescent="0.25">
      <c r="A16963" s="2" t="s">
        <v>8621</v>
      </c>
      <c r="B16963" s="6">
        <v>282400.64999999997</v>
      </c>
      <c r="C16963" s="7">
        <f t="shared" ref="C16963:C17026" si="265">B16963/1000</f>
        <v>282.40064999999998</v>
      </c>
    </row>
    <row r="16964" spans="1:3" x14ac:dyDescent="0.25">
      <c r="A16964" s="2" t="s">
        <v>8622</v>
      </c>
      <c r="B16964" s="6">
        <v>282417.3</v>
      </c>
      <c r="C16964" s="7">
        <f t="shared" si="265"/>
        <v>282.41730000000001</v>
      </c>
    </row>
    <row r="16965" spans="1:3" x14ac:dyDescent="0.25">
      <c r="A16965" s="2" t="s">
        <v>8623</v>
      </c>
      <c r="B16965" s="6">
        <v>282433.94999999995</v>
      </c>
      <c r="C16965" s="7">
        <f t="shared" si="265"/>
        <v>282.43394999999998</v>
      </c>
    </row>
    <row r="16966" spans="1:3" x14ac:dyDescent="0.25">
      <c r="A16966" s="2" t="s">
        <v>8624</v>
      </c>
      <c r="B16966" s="6">
        <v>282450.59999999998</v>
      </c>
      <c r="C16966" s="7">
        <f t="shared" si="265"/>
        <v>282.45059999999995</v>
      </c>
    </row>
    <row r="16967" spans="1:3" x14ac:dyDescent="0.25">
      <c r="A16967" s="2" t="s">
        <v>8625</v>
      </c>
      <c r="B16967" s="6">
        <v>282467.25</v>
      </c>
      <c r="C16967" s="7">
        <f t="shared" si="265"/>
        <v>282.46724999999998</v>
      </c>
    </row>
    <row r="16968" spans="1:3" x14ac:dyDescent="0.25">
      <c r="A16968" s="2" t="s">
        <v>8626</v>
      </c>
      <c r="B16968" s="6">
        <v>282483.89999999997</v>
      </c>
      <c r="C16968" s="7">
        <f t="shared" si="265"/>
        <v>282.48389999999995</v>
      </c>
    </row>
    <row r="16969" spans="1:3" x14ac:dyDescent="0.25">
      <c r="A16969" s="2" t="s">
        <v>8627</v>
      </c>
      <c r="B16969" s="6">
        <v>282500.55</v>
      </c>
      <c r="C16969" s="7">
        <f t="shared" si="265"/>
        <v>282.50054999999998</v>
      </c>
    </row>
    <row r="16970" spans="1:3" x14ac:dyDescent="0.25">
      <c r="A16970" s="2" t="s">
        <v>8628</v>
      </c>
      <c r="B16970" s="6">
        <v>282517.19999999995</v>
      </c>
      <c r="C16970" s="7">
        <f t="shared" si="265"/>
        <v>282.51719999999995</v>
      </c>
    </row>
    <row r="16971" spans="1:3" x14ac:dyDescent="0.25">
      <c r="A16971" s="2" t="s">
        <v>8629</v>
      </c>
      <c r="B16971" s="6">
        <v>282533.84999999998</v>
      </c>
      <c r="C16971" s="7">
        <f t="shared" si="265"/>
        <v>282.53384999999997</v>
      </c>
    </row>
    <row r="16972" spans="1:3" x14ac:dyDescent="0.25">
      <c r="A16972" s="2" t="s">
        <v>8630</v>
      </c>
      <c r="B16972" s="6">
        <v>282550.5</v>
      </c>
      <c r="C16972" s="7">
        <f t="shared" si="265"/>
        <v>282.5505</v>
      </c>
    </row>
    <row r="16973" spans="1:3" x14ac:dyDescent="0.25">
      <c r="A16973" s="2" t="s">
        <v>8631</v>
      </c>
      <c r="B16973" s="6">
        <v>282567.14999999997</v>
      </c>
      <c r="C16973" s="7">
        <f t="shared" si="265"/>
        <v>282.56714999999997</v>
      </c>
    </row>
    <row r="16974" spans="1:3" x14ac:dyDescent="0.25">
      <c r="A16974" s="2" t="s">
        <v>8632</v>
      </c>
      <c r="B16974" s="6">
        <v>282583.8</v>
      </c>
      <c r="C16974" s="7">
        <f t="shared" si="265"/>
        <v>282.5838</v>
      </c>
    </row>
    <row r="16975" spans="1:3" x14ac:dyDescent="0.25">
      <c r="A16975" s="2" t="s">
        <v>8633</v>
      </c>
      <c r="B16975" s="6">
        <v>282600.44999999995</v>
      </c>
      <c r="C16975" s="7">
        <f t="shared" si="265"/>
        <v>282.60044999999997</v>
      </c>
    </row>
    <row r="16976" spans="1:3" x14ac:dyDescent="0.25">
      <c r="A16976" s="2" t="s">
        <v>8634</v>
      </c>
      <c r="B16976" s="6">
        <v>282617.09999999998</v>
      </c>
      <c r="C16976" s="7">
        <f t="shared" si="265"/>
        <v>282.61709999999999</v>
      </c>
    </row>
    <row r="16977" spans="1:3" x14ac:dyDescent="0.25">
      <c r="A16977" s="2" t="s">
        <v>8635</v>
      </c>
      <c r="B16977" s="6">
        <v>282633.75</v>
      </c>
      <c r="C16977" s="7">
        <f t="shared" si="265"/>
        <v>282.63375000000002</v>
      </c>
    </row>
    <row r="16978" spans="1:3" x14ac:dyDescent="0.25">
      <c r="A16978" s="2" t="s">
        <v>8636</v>
      </c>
      <c r="B16978" s="6">
        <v>282650.39999999997</v>
      </c>
      <c r="C16978" s="7">
        <f t="shared" si="265"/>
        <v>282.65039999999999</v>
      </c>
    </row>
    <row r="16979" spans="1:3" x14ac:dyDescent="0.25">
      <c r="A16979" s="2" t="s">
        <v>8637</v>
      </c>
      <c r="B16979" s="6">
        <v>282667.05</v>
      </c>
      <c r="C16979" s="7">
        <f t="shared" si="265"/>
        <v>282.66704999999996</v>
      </c>
    </row>
    <row r="16980" spans="1:3" x14ac:dyDescent="0.25">
      <c r="A16980" s="2" t="s">
        <v>8638</v>
      </c>
      <c r="B16980" s="6">
        <v>282683.69999999995</v>
      </c>
      <c r="C16980" s="7">
        <f t="shared" si="265"/>
        <v>282.68369999999993</v>
      </c>
    </row>
    <row r="16981" spans="1:3" x14ac:dyDescent="0.25">
      <c r="A16981" s="2" t="s">
        <v>8639</v>
      </c>
      <c r="B16981" s="6">
        <v>282700.34999999998</v>
      </c>
      <c r="C16981" s="7">
        <f t="shared" si="265"/>
        <v>282.70034999999996</v>
      </c>
    </row>
    <row r="16982" spans="1:3" x14ac:dyDescent="0.25">
      <c r="A16982" s="2" t="s">
        <v>8640</v>
      </c>
      <c r="B16982" s="6">
        <v>282717</v>
      </c>
      <c r="C16982" s="7">
        <f t="shared" si="265"/>
        <v>282.71699999999998</v>
      </c>
    </row>
    <row r="16983" spans="1:3" x14ac:dyDescent="0.25">
      <c r="A16983" s="2" t="s">
        <v>8641</v>
      </c>
      <c r="B16983" s="6">
        <v>282733.64999999997</v>
      </c>
      <c r="C16983" s="7">
        <f t="shared" si="265"/>
        <v>282.73364999999995</v>
      </c>
    </row>
    <row r="16984" spans="1:3" x14ac:dyDescent="0.25">
      <c r="A16984" s="2" t="s">
        <v>8642</v>
      </c>
      <c r="B16984" s="6">
        <v>282750.3</v>
      </c>
      <c r="C16984" s="7">
        <f t="shared" si="265"/>
        <v>282.75029999999998</v>
      </c>
    </row>
    <row r="16985" spans="1:3" x14ac:dyDescent="0.25">
      <c r="A16985" s="2" t="s">
        <v>8643</v>
      </c>
      <c r="B16985" s="6">
        <v>282766.94999999995</v>
      </c>
      <c r="C16985" s="7">
        <f t="shared" si="265"/>
        <v>282.76694999999995</v>
      </c>
    </row>
    <row r="16986" spans="1:3" x14ac:dyDescent="0.25">
      <c r="A16986" s="2" t="s">
        <v>8644</v>
      </c>
      <c r="B16986" s="6">
        <v>282783.59999999998</v>
      </c>
      <c r="C16986" s="7">
        <f t="shared" si="265"/>
        <v>282.78359999999998</v>
      </c>
    </row>
    <row r="16987" spans="1:3" x14ac:dyDescent="0.25">
      <c r="A16987" s="2" t="s">
        <v>8645</v>
      </c>
      <c r="B16987" s="6">
        <v>282800.25</v>
      </c>
      <c r="C16987" s="7">
        <f t="shared" si="265"/>
        <v>282.80025000000001</v>
      </c>
    </row>
    <row r="16988" spans="1:3" x14ac:dyDescent="0.25">
      <c r="A16988" s="2" t="s">
        <v>8646</v>
      </c>
      <c r="B16988" s="6">
        <v>282816.89999999997</v>
      </c>
      <c r="C16988" s="7">
        <f t="shared" si="265"/>
        <v>282.81689999999998</v>
      </c>
    </row>
    <row r="16989" spans="1:3" x14ac:dyDescent="0.25">
      <c r="A16989" s="2" t="s">
        <v>8647</v>
      </c>
      <c r="B16989" s="6">
        <v>282833.55</v>
      </c>
      <c r="C16989" s="7">
        <f t="shared" si="265"/>
        <v>282.83355</v>
      </c>
    </row>
    <row r="16990" spans="1:3" x14ac:dyDescent="0.25">
      <c r="A16990" s="2" t="s">
        <v>8648</v>
      </c>
      <c r="B16990" s="6">
        <v>282850.19999999995</v>
      </c>
      <c r="C16990" s="7">
        <f t="shared" si="265"/>
        <v>282.85019999999997</v>
      </c>
    </row>
    <row r="16991" spans="1:3" x14ac:dyDescent="0.25">
      <c r="A16991" s="2" t="s">
        <v>8649</v>
      </c>
      <c r="B16991" s="6">
        <v>282866.84999999998</v>
      </c>
      <c r="C16991" s="7">
        <f t="shared" si="265"/>
        <v>282.86685</v>
      </c>
    </row>
    <row r="16992" spans="1:3" x14ac:dyDescent="0.25">
      <c r="A16992" s="2" t="s">
        <v>8650</v>
      </c>
      <c r="B16992" s="6">
        <v>282883.5</v>
      </c>
      <c r="C16992" s="7">
        <f t="shared" si="265"/>
        <v>282.88350000000003</v>
      </c>
    </row>
    <row r="16993" spans="1:3" x14ac:dyDescent="0.25">
      <c r="A16993" s="2" t="s">
        <v>8651</v>
      </c>
      <c r="B16993" s="6">
        <v>282900.14999999997</v>
      </c>
      <c r="C16993" s="7">
        <f t="shared" si="265"/>
        <v>282.90014999999994</v>
      </c>
    </row>
    <row r="16994" spans="1:3" x14ac:dyDescent="0.25">
      <c r="A16994" s="2" t="s">
        <v>8652</v>
      </c>
      <c r="B16994" s="6">
        <v>282916.8</v>
      </c>
      <c r="C16994" s="7">
        <f t="shared" si="265"/>
        <v>282.91679999999997</v>
      </c>
    </row>
    <row r="16995" spans="1:3" x14ac:dyDescent="0.25">
      <c r="A16995" s="2" t="s">
        <v>8653</v>
      </c>
      <c r="B16995" s="6">
        <v>282933.44999999995</v>
      </c>
      <c r="C16995" s="7">
        <f t="shared" si="265"/>
        <v>282.93344999999994</v>
      </c>
    </row>
    <row r="16996" spans="1:3" x14ac:dyDescent="0.25">
      <c r="A16996" s="2" t="s">
        <v>8654</v>
      </c>
      <c r="B16996" s="6">
        <v>282950.09999999998</v>
      </c>
      <c r="C16996" s="7">
        <f t="shared" si="265"/>
        <v>282.95009999999996</v>
      </c>
    </row>
    <row r="16997" spans="1:3" x14ac:dyDescent="0.25">
      <c r="A16997" s="2" t="s">
        <v>8655</v>
      </c>
      <c r="B16997" s="6">
        <v>282966.75</v>
      </c>
      <c r="C16997" s="7">
        <f t="shared" si="265"/>
        <v>282.96674999999999</v>
      </c>
    </row>
    <row r="16998" spans="1:3" x14ac:dyDescent="0.25">
      <c r="A16998" s="2" t="s">
        <v>8656</v>
      </c>
      <c r="B16998" s="6">
        <v>282983.39999999997</v>
      </c>
      <c r="C16998" s="7">
        <f t="shared" si="265"/>
        <v>282.98339999999996</v>
      </c>
    </row>
    <row r="16999" spans="1:3" x14ac:dyDescent="0.25">
      <c r="A16999" s="2" t="s">
        <v>8657</v>
      </c>
      <c r="B16999" s="6">
        <v>283000.05</v>
      </c>
      <c r="C16999" s="7">
        <f t="shared" si="265"/>
        <v>283.00004999999999</v>
      </c>
    </row>
    <row r="17000" spans="1:3" x14ac:dyDescent="0.25">
      <c r="A17000" s="2" t="s">
        <v>8658</v>
      </c>
      <c r="B17000" s="6">
        <v>283016.69999999995</v>
      </c>
      <c r="C17000" s="7">
        <f t="shared" si="265"/>
        <v>283.01669999999996</v>
      </c>
    </row>
    <row r="17001" spans="1:3" x14ac:dyDescent="0.25">
      <c r="A17001" s="2" t="s">
        <v>8659</v>
      </c>
      <c r="B17001" s="6">
        <v>283033.34999999998</v>
      </c>
      <c r="C17001" s="7">
        <f t="shared" si="265"/>
        <v>283.03334999999998</v>
      </c>
    </row>
    <row r="17002" spans="1:3" x14ac:dyDescent="0.25">
      <c r="A17002" s="2" t="s">
        <v>8660</v>
      </c>
      <c r="B17002" s="6">
        <v>283050</v>
      </c>
      <c r="C17002" s="7">
        <f t="shared" si="265"/>
        <v>283.05</v>
      </c>
    </row>
    <row r="17003" spans="1:3" x14ac:dyDescent="0.25">
      <c r="A17003" s="2" t="s">
        <v>8661</v>
      </c>
      <c r="B17003" s="6">
        <v>283066.64999999997</v>
      </c>
      <c r="C17003" s="7">
        <f t="shared" si="265"/>
        <v>283.06664999999998</v>
      </c>
    </row>
    <row r="17004" spans="1:3" x14ac:dyDescent="0.25">
      <c r="A17004" s="2" t="s">
        <v>8662</v>
      </c>
      <c r="B17004" s="6">
        <v>283083.3</v>
      </c>
      <c r="C17004" s="7">
        <f t="shared" si="265"/>
        <v>283.08330000000001</v>
      </c>
    </row>
    <row r="17005" spans="1:3" x14ac:dyDescent="0.25">
      <c r="A17005" s="2" t="s">
        <v>8663</v>
      </c>
      <c r="B17005" s="6">
        <v>283099.94999999995</v>
      </c>
      <c r="C17005" s="7">
        <f t="shared" si="265"/>
        <v>283.09994999999998</v>
      </c>
    </row>
    <row r="17006" spans="1:3" x14ac:dyDescent="0.25">
      <c r="A17006" s="2" t="s">
        <v>8664</v>
      </c>
      <c r="B17006" s="6">
        <v>283116.59999999998</v>
      </c>
      <c r="C17006" s="7">
        <f t="shared" si="265"/>
        <v>283.11659999999995</v>
      </c>
    </row>
    <row r="17007" spans="1:3" x14ac:dyDescent="0.25">
      <c r="A17007" s="2" t="s">
        <v>8665</v>
      </c>
      <c r="B17007" s="6">
        <v>283133.25</v>
      </c>
      <c r="C17007" s="7">
        <f t="shared" si="265"/>
        <v>283.13324999999998</v>
      </c>
    </row>
    <row r="17008" spans="1:3" x14ac:dyDescent="0.25">
      <c r="A17008" s="2" t="s">
        <v>8666</v>
      </c>
      <c r="B17008" s="6">
        <v>283149.89999999997</v>
      </c>
      <c r="C17008" s="7">
        <f t="shared" si="265"/>
        <v>283.14989999999995</v>
      </c>
    </row>
    <row r="17009" spans="1:3" x14ac:dyDescent="0.25">
      <c r="A17009" s="2" t="s">
        <v>8667</v>
      </c>
      <c r="B17009" s="6">
        <v>283166.55</v>
      </c>
      <c r="C17009" s="7">
        <f t="shared" si="265"/>
        <v>283.16654999999997</v>
      </c>
    </row>
    <row r="17010" spans="1:3" x14ac:dyDescent="0.25">
      <c r="A17010" s="2" t="s">
        <v>8668</v>
      </c>
      <c r="B17010" s="6">
        <v>283183.19999999995</v>
      </c>
      <c r="C17010" s="7">
        <f t="shared" si="265"/>
        <v>283.18319999999994</v>
      </c>
    </row>
    <row r="17011" spans="1:3" x14ac:dyDescent="0.25">
      <c r="A17011" s="2" t="s">
        <v>8669</v>
      </c>
      <c r="B17011" s="6">
        <v>283199.84999999998</v>
      </c>
      <c r="C17011" s="7">
        <f t="shared" si="265"/>
        <v>283.19984999999997</v>
      </c>
    </row>
    <row r="17012" spans="1:3" x14ac:dyDescent="0.25">
      <c r="A17012" s="2" t="s">
        <v>8670</v>
      </c>
      <c r="B17012" s="6">
        <v>283216.5</v>
      </c>
      <c r="C17012" s="7">
        <f t="shared" si="265"/>
        <v>283.2165</v>
      </c>
    </row>
    <row r="17013" spans="1:3" x14ac:dyDescent="0.25">
      <c r="A17013" s="2" t="s">
        <v>8671</v>
      </c>
      <c r="B17013" s="6">
        <v>283233.14999999997</v>
      </c>
      <c r="C17013" s="7">
        <f t="shared" si="265"/>
        <v>283.23314999999997</v>
      </c>
    </row>
    <row r="17014" spans="1:3" x14ac:dyDescent="0.25">
      <c r="A17014" s="2" t="s">
        <v>8672</v>
      </c>
      <c r="B17014" s="6">
        <v>283249.8</v>
      </c>
      <c r="C17014" s="7">
        <f t="shared" si="265"/>
        <v>283.24979999999999</v>
      </c>
    </row>
    <row r="17015" spans="1:3" x14ac:dyDescent="0.25">
      <c r="A17015" s="2" t="s">
        <v>8673</v>
      </c>
      <c r="B17015" s="6">
        <v>283266.44999999995</v>
      </c>
      <c r="C17015" s="7">
        <f t="shared" si="265"/>
        <v>283.26644999999996</v>
      </c>
    </row>
    <row r="17016" spans="1:3" x14ac:dyDescent="0.25">
      <c r="A17016" s="2" t="s">
        <v>8674</v>
      </c>
      <c r="B17016" s="6">
        <v>283283.09999999998</v>
      </c>
      <c r="C17016" s="7">
        <f t="shared" si="265"/>
        <v>283.28309999999999</v>
      </c>
    </row>
    <row r="17017" spans="1:3" x14ac:dyDescent="0.25">
      <c r="A17017" s="2" t="s">
        <v>8675</v>
      </c>
      <c r="B17017" s="6">
        <v>283299.75</v>
      </c>
      <c r="C17017" s="7">
        <f t="shared" si="265"/>
        <v>283.29975000000002</v>
      </c>
    </row>
    <row r="17018" spans="1:3" x14ac:dyDescent="0.25">
      <c r="A17018" s="2" t="s">
        <v>8676</v>
      </c>
      <c r="B17018" s="6">
        <v>283316.39999999997</v>
      </c>
      <c r="C17018" s="7">
        <f t="shared" si="265"/>
        <v>283.31639999999999</v>
      </c>
    </row>
    <row r="17019" spans="1:3" x14ac:dyDescent="0.25">
      <c r="A17019" s="2" t="s">
        <v>8677</v>
      </c>
      <c r="B17019" s="6">
        <v>283333.05</v>
      </c>
      <c r="C17019" s="7">
        <f t="shared" si="265"/>
        <v>283.33305000000001</v>
      </c>
    </row>
    <row r="17020" spans="1:3" x14ac:dyDescent="0.25">
      <c r="A17020" s="2" t="s">
        <v>8678</v>
      </c>
      <c r="B17020" s="6">
        <v>283349.69999999995</v>
      </c>
      <c r="C17020" s="7">
        <f t="shared" si="265"/>
        <v>283.34969999999993</v>
      </c>
    </row>
    <row r="17021" spans="1:3" x14ac:dyDescent="0.25">
      <c r="A17021" s="2" t="s">
        <v>8679</v>
      </c>
      <c r="B17021" s="6">
        <v>283366.34999999998</v>
      </c>
      <c r="C17021" s="7">
        <f t="shared" si="265"/>
        <v>283.36634999999995</v>
      </c>
    </row>
    <row r="17022" spans="1:3" x14ac:dyDescent="0.25">
      <c r="A17022" s="2" t="s">
        <v>8680</v>
      </c>
      <c r="B17022" s="6">
        <v>283383</v>
      </c>
      <c r="C17022" s="7">
        <f t="shared" si="265"/>
        <v>283.38299999999998</v>
      </c>
    </row>
    <row r="17023" spans="1:3" x14ac:dyDescent="0.25">
      <c r="A17023" s="2" t="s">
        <v>8681</v>
      </c>
      <c r="B17023" s="6">
        <v>283399.64999999997</v>
      </c>
      <c r="C17023" s="7">
        <f t="shared" si="265"/>
        <v>283.39964999999995</v>
      </c>
    </row>
    <row r="17024" spans="1:3" x14ac:dyDescent="0.25">
      <c r="A17024" s="2" t="s">
        <v>8682</v>
      </c>
      <c r="B17024" s="6">
        <v>283416.3</v>
      </c>
      <c r="C17024" s="7">
        <f t="shared" si="265"/>
        <v>283.41629999999998</v>
      </c>
    </row>
    <row r="17025" spans="1:3" x14ac:dyDescent="0.25">
      <c r="A17025" s="2" t="s">
        <v>8683</v>
      </c>
      <c r="B17025" s="6">
        <v>283432.94999999995</v>
      </c>
      <c r="C17025" s="7">
        <f t="shared" si="265"/>
        <v>283.43294999999995</v>
      </c>
    </row>
    <row r="17026" spans="1:3" x14ac:dyDescent="0.25">
      <c r="A17026" s="2" t="s">
        <v>8684</v>
      </c>
      <c r="B17026" s="6">
        <v>283449.59999999998</v>
      </c>
      <c r="C17026" s="7">
        <f t="shared" si="265"/>
        <v>283.44959999999998</v>
      </c>
    </row>
    <row r="17027" spans="1:3" x14ac:dyDescent="0.25">
      <c r="A17027" s="2" t="s">
        <v>8685</v>
      </c>
      <c r="B17027" s="6">
        <v>283466.25</v>
      </c>
      <c r="C17027" s="7">
        <f t="shared" ref="C17027:C17090" si="266">B17027/1000</f>
        <v>283.46625</v>
      </c>
    </row>
    <row r="17028" spans="1:3" x14ac:dyDescent="0.25">
      <c r="A17028" s="2" t="s">
        <v>8686</v>
      </c>
      <c r="B17028" s="6">
        <v>283482.89999999997</v>
      </c>
      <c r="C17028" s="7">
        <f t="shared" si="266"/>
        <v>283.48289999999997</v>
      </c>
    </row>
    <row r="17029" spans="1:3" x14ac:dyDescent="0.25">
      <c r="A17029" s="2" t="s">
        <v>8687</v>
      </c>
      <c r="B17029" s="6">
        <v>283499.55</v>
      </c>
      <c r="C17029" s="7">
        <f t="shared" si="266"/>
        <v>283.49955</v>
      </c>
    </row>
    <row r="17030" spans="1:3" x14ac:dyDescent="0.25">
      <c r="A17030" s="2" t="s">
        <v>8688</v>
      </c>
      <c r="B17030" s="6">
        <v>283516.19999999995</v>
      </c>
      <c r="C17030" s="7">
        <f t="shared" si="266"/>
        <v>283.51619999999997</v>
      </c>
    </row>
    <row r="17031" spans="1:3" x14ac:dyDescent="0.25">
      <c r="A17031" s="2" t="s">
        <v>8689</v>
      </c>
      <c r="B17031" s="6">
        <v>283532.84999999998</v>
      </c>
      <c r="C17031" s="7">
        <f t="shared" si="266"/>
        <v>283.53285</v>
      </c>
    </row>
    <row r="17032" spans="1:3" x14ac:dyDescent="0.25">
      <c r="A17032" s="2" t="s">
        <v>8690</v>
      </c>
      <c r="B17032" s="6">
        <v>283549.5</v>
      </c>
      <c r="C17032" s="7">
        <f t="shared" si="266"/>
        <v>283.54950000000002</v>
      </c>
    </row>
    <row r="17033" spans="1:3" x14ac:dyDescent="0.25">
      <c r="A17033" s="2" t="s">
        <v>8691</v>
      </c>
      <c r="B17033" s="6">
        <v>283566.14999999997</v>
      </c>
      <c r="C17033" s="7">
        <f t="shared" si="266"/>
        <v>283.56614999999999</v>
      </c>
    </row>
    <row r="17034" spans="1:3" x14ac:dyDescent="0.25">
      <c r="A17034" s="2" t="s">
        <v>8692</v>
      </c>
      <c r="B17034" s="6">
        <v>283582.8</v>
      </c>
      <c r="C17034" s="7">
        <f t="shared" si="266"/>
        <v>283.58279999999996</v>
      </c>
    </row>
    <row r="17035" spans="1:3" x14ac:dyDescent="0.25">
      <c r="A17035" s="2" t="s">
        <v>8693</v>
      </c>
      <c r="B17035" s="6">
        <v>283599.44999999995</v>
      </c>
      <c r="C17035" s="7">
        <f t="shared" si="266"/>
        <v>283.59944999999993</v>
      </c>
    </row>
    <row r="17036" spans="1:3" x14ac:dyDescent="0.25">
      <c r="A17036" s="2" t="s">
        <v>8694</v>
      </c>
      <c r="B17036" s="6">
        <v>283616.09999999998</v>
      </c>
      <c r="C17036" s="7">
        <f t="shared" si="266"/>
        <v>283.61609999999996</v>
      </c>
    </row>
    <row r="17037" spans="1:3" x14ac:dyDescent="0.25">
      <c r="A17037" s="2" t="s">
        <v>8695</v>
      </c>
      <c r="B17037" s="6">
        <v>283632.75</v>
      </c>
      <c r="C17037" s="7">
        <f t="shared" si="266"/>
        <v>283.63274999999999</v>
      </c>
    </row>
    <row r="17038" spans="1:3" x14ac:dyDescent="0.25">
      <c r="A17038" s="2" t="s">
        <v>8696</v>
      </c>
      <c r="B17038" s="6">
        <v>283649.39999999997</v>
      </c>
      <c r="C17038" s="7">
        <f t="shared" si="266"/>
        <v>283.64939999999996</v>
      </c>
    </row>
    <row r="17039" spans="1:3" x14ac:dyDescent="0.25">
      <c r="A17039" s="2" t="s">
        <v>8697</v>
      </c>
      <c r="B17039" s="6">
        <v>283666.05</v>
      </c>
      <c r="C17039" s="7">
        <f t="shared" si="266"/>
        <v>283.66604999999998</v>
      </c>
    </row>
    <row r="17040" spans="1:3" x14ac:dyDescent="0.25">
      <c r="A17040" s="2" t="s">
        <v>8698</v>
      </c>
      <c r="B17040" s="6">
        <v>283682.69999999995</v>
      </c>
      <c r="C17040" s="7">
        <f t="shared" si="266"/>
        <v>283.68269999999995</v>
      </c>
    </row>
    <row r="17041" spans="1:3" x14ac:dyDescent="0.25">
      <c r="A17041" s="2" t="s">
        <v>8699</v>
      </c>
      <c r="B17041" s="6">
        <v>283699.34999999998</v>
      </c>
      <c r="C17041" s="7">
        <f t="shared" si="266"/>
        <v>283.69934999999998</v>
      </c>
    </row>
    <row r="17042" spans="1:3" x14ac:dyDescent="0.25">
      <c r="A17042" s="2" t="s">
        <v>8700</v>
      </c>
      <c r="B17042" s="6">
        <v>283716</v>
      </c>
      <c r="C17042" s="7">
        <f t="shared" si="266"/>
        <v>283.71600000000001</v>
      </c>
    </row>
    <row r="17043" spans="1:3" x14ac:dyDescent="0.25">
      <c r="A17043" s="2" t="s">
        <v>8701</v>
      </c>
      <c r="B17043" s="6">
        <v>283732.64999999997</v>
      </c>
      <c r="C17043" s="7">
        <f t="shared" si="266"/>
        <v>283.73264999999998</v>
      </c>
    </row>
    <row r="17044" spans="1:3" x14ac:dyDescent="0.25">
      <c r="A17044" s="2" t="s">
        <v>8702</v>
      </c>
      <c r="B17044" s="6">
        <v>283749.3</v>
      </c>
      <c r="C17044" s="7">
        <f t="shared" si="266"/>
        <v>283.74930000000001</v>
      </c>
    </row>
    <row r="17045" spans="1:3" x14ac:dyDescent="0.25">
      <c r="A17045" s="2" t="s">
        <v>8703</v>
      </c>
      <c r="B17045" s="6">
        <v>283765.94999999995</v>
      </c>
      <c r="C17045" s="7">
        <f t="shared" si="266"/>
        <v>283.76594999999998</v>
      </c>
    </row>
    <row r="17046" spans="1:3" x14ac:dyDescent="0.25">
      <c r="A17046" s="2" t="s">
        <v>8704</v>
      </c>
      <c r="B17046" s="6">
        <v>283782.59999999998</v>
      </c>
      <c r="C17046" s="7">
        <f t="shared" si="266"/>
        <v>283.7826</v>
      </c>
    </row>
    <row r="17047" spans="1:3" x14ac:dyDescent="0.25">
      <c r="A17047" s="2" t="s">
        <v>8705</v>
      </c>
      <c r="B17047" s="6">
        <v>283799.25</v>
      </c>
      <c r="C17047" s="7">
        <f t="shared" si="266"/>
        <v>283.79924999999997</v>
      </c>
    </row>
    <row r="17048" spans="1:3" x14ac:dyDescent="0.25">
      <c r="A17048" s="2" t="s">
        <v>8706</v>
      </c>
      <c r="B17048" s="6">
        <v>283815.89999999997</v>
      </c>
      <c r="C17048" s="7">
        <f t="shared" si="266"/>
        <v>283.81589999999994</v>
      </c>
    </row>
    <row r="17049" spans="1:3" x14ac:dyDescent="0.25">
      <c r="A17049" s="2" t="s">
        <v>8707</v>
      </c>
      <c r="B17049" s="6">
        <v>283832.55</v>
      </c>
      <c r="C17049" s="7">
        <f t="shared" si="266"/>
        <v>283.83254999999997</v>
      </c>
    </row>
    <row r="17050" spans="1:3" x14ac:dyDescent="0.25">
      <c r="A17050" s="2" t="s">
        <v>8708</v>
      </c>
      <c r="B17050" s="6">
        <v>283849.19999999995</v>
      </c>
      <c r="C17050" s="7">
        <f t="shared" si="266"/>
        <v>283.84919999999994</v>
      </c>
    </row>
    <row r="17051" spans="1:3" x14ac:dyDescent="0.25">
      <c r="A17051" s="2" t="s">
        <v>8709</v>
      </c>
      <c r="B17051" s="6">
        <v>283865.84999999998</v>
      </c>
      <c r="C17051" s="7">
        <f t="shared" si="266"/>
        <v>283.86584999999997</v>
      </c>
    </row>
    <row r="17052" spans="1:3" x14ac:dyDescent="0.25">
      <c r="A17052" s="2" t="s">
        <v>8710</v>
      </c>
      <c r="B17052" s="6">
        <v>283882.5</v>
      </c>
      <c r="C17052" s="7">
        <f t="shared" si="266"/>
        <v>283.88249999999999</v>
      </c>
    </row>
    <row r="17053" spans="1:3" x14ac:dyDescent="0.25">
      <c r="A17053" s="2" t="s">
        <v>8711</v>
      </c>
      <c r="B17053" s="6">
        <v>283899.14999999997</v>
      </c>
      <c r="C17053" s="7">
        <f t="shared" si="266"/>
        <v>283.89914999999996</v>
      </c>
    </row>
    <row r="17054" spans="1:3" x14ac:dyDescent="0.25">
      <c r="A17054" s="2" t="s">
        <v>8712</v>
      </c>
      <c r="B17054" s="6">
        <v>283915.8</v>
      </c>
      <c r="C17054" s="7">
        <f t="shared" si="266"/>
        <v>283.91579999999999</v>
      </c>
    </row>
    <row r="17055" spans="1:3" x14ac:dyDescent="0.25">
      <c r="A17055" s="2" t="s">
        <v>8713</v>
      </c>
      <c r="B17055" s="6">
        <v>283932.44999999995</v>
      </c>
      <c r="C17055" s="7">
        <f t="shared" si="266"/>
        <v>283.93244999999996</v>
      </c>
    </row>
    <row r="17056" spans="1:3" x14ac:dyDescent="0.25">
      <c r="A17056" s="2" t="s">
        <v>8714</v>
      </c>
      <c r="B17056" s="6">
        <v>283949.09999999998</v>
      </c>
      <c r="C17056" s="7">
        <f t="shared" si="266"/>
        <v>283.94909999999999</v>
      </c>
    </row>
    <row r="17057" spans="1:3" x14ac:dyDescent="0.25">
      <c r="A17057" s="2" t="s">
        <v>8715</v>
      </c>
      <c r="B17057" s="6">
        <v>283965.75</v>
      </c>
      <c r="C17057" s="7">
        <f t="shared" si="266"/>
        <v>283.96575000000001</v>
      </c>
    </row>
    <row r="17058" spans="1:3" x14ac:dyDescent="0.25">
      <c r="A17058" s="2" t="s">
        <v>8716</v>
      </c>
      <c r="B17058" s="6">
        <v>283982.39999999997</v>
      </c>
      <c r="C17058" s="7">
        <f t="shared" si="266"/>
        <v>283.98239999999998</v>
      </c>
    </row>
    <row r="17059" spans="1:3" x14ac:dyDescent="0.25">
      <c r="A17059" s="2" t="s">
        <v>8717</v>
      </c>
      <c r="B17059" s="6">
        <v>283999.05</v>
      </c>
      <c r="C17059" s="7">
        <f t="shared" si="266"/>
        <v>283.99905000000001</v>
      </c>
    </row>
    <row r="17060" spans="1:3" x14ac:dyDescent="0.25">
      <c r="A17060" s="2" t="s">
        <v>8718</v>
      </c>
      <c r="B17060" s="6">
        <v>284015.69999999995</v>
      </c>
      <c r="C17060" s="7">
        <f t="shared" si="266"/>
        <v>284.01569999999998</v>
      </c>
    </row>
    <row r="17061" spans="1:3" x14ac:dyDescent="0.25">
      <c r="A17061" s="2" t="s">
        <v>8719</v>
      </c>
      <c r="B17061" s="6">
        <v>284032.34999999998</v>
      </c>
      <c r="C17061" s="7">
        <f t="shared" si="266"/>
        <v>284.03234999999995</v>
      </c>
    </row>
    <row r="17062" spans="1:3" x14ac:dyDescent="0.25">
      <c r="A17062" s="2" t="s">
        <v>8720</v>
      </c>
      <c r="B17062" s="6">
        <v>284049</v>
      </c>
      <c r="C17062" s="7">
        <f t="shared" si="266"/>
        <v>284.04899999999998</v>
      </c>
    </row>
    <row r="17063" spans="1:3" x14ac:dyDescent="0.25">
      <c r="A17063" s="2" t="s">
        <v>8721</v>
      </c>
      <c r="B17063" s="6">
        <v>284065.64999999997</v>
      </c>
      <c r="C17063" s="7">
        <f t="shared" si="266"/>
        <v>284.06564999999995</v>
      </c>
    </row>
    <row r="17064" spans="1:3" x14ac:dyDescent="0.25">
      <c r="A17064" s="2" t="s">
        <v>8722</v>
      </c>
      <c r="B17064" s="6">
        <v>284082.3</v>
      </c>
      <c r="C17064" s="7">
        <f t="shared" si="266"/>
        <v>284.08229999999998</v>
      </c>
    </row>
    <row r="17065" spans="1:3" x14ac:dyDescent="0.25">
      <c r="A17065" s="2" t="s">
        <v>8723</v>
      </c>
      <c r="B17065" s="6">
        <v>284098.94999999995</v>
      </c>
      <c r="C17065" s="7">
        <f t="shared" si="266"/>
        <v>284.09894999999995</v>
      </c>
    </row>
    <row r="17066" spans="1:3" x14ac:dyDescent="0.25">
      <c r="A17066" s="2" t="s">
        <v>8724</v>
      </c>
      <c r="B17066" s="6">
        <v>284115.59999999998</v>
      </c>
      <c r="C17066" s="7">
        <f t="shared" si="266"/>
        <v>284.11559999999997</v>
      </c>
    </row>
    <row r="17067" spans="1:3" x14ac:dyDescent="0.25">
      <c r="A17067" s="2" t="s">
        <v>8725</v>
      </c>
      <c r="B17067" s="6">
        <v>284132.25</v>
      </c>
      <c r="C17067" s="7">
        <f t="shared" si="266"/>
        <v>284.13225</v>
      </c>
    </row>
    <row r="17068" spans="1:3" x14ac:dyDescent="0.25">
      <c r="A17068" s="2" t="s">
        <v>8726</v>
      </c>
      <c r="B17068" s="6">
        <v>284148.89999999997</v>
      </c>
      <c r="C17068" s="7">
        <f t="shared" si="266"/>
        <v>284.14889999999997</v>
      </c>
    </row>
    <row r="17069" spans="1:3" x14ac:dyDescent="0.25">
      <c r="A17069" s="2" t="s">
        <v>8727</v>
      </c>
      <c r="B17069" s="6">
        <v>284165.55</v>
      </c>
      <c r="C17069" s="7">
        <f t="shared" si="266"/>
        <v>284.16555</v>
      </c>
    </row>
    <row r="17070" spans="1:3" x14ac:dyDescent="0.25">
      <c r="A17070" s="2" t="s">
        <v>8728</v>
      </c>
      <c r="B17070" s="6">
        <v>284182.19999999995</v>
      </c>
      <c r="C17070" s="7">
        <f t="shared" si="266"/>
        <v>284.18219999999997</v>
      </c>
    </row>
    <row r="17071" spans="1:3" x14ac:dyDescent="0.25">
      <c r="A17071" s="2" t="s">
        <v>8729</v>
      </c>
      <c r="B17071" s="6">
        <v>284198.84999999998</v>
      </c>
      <c r="C17071" s="7">
        <f t="shared" si="266"/>
        <v>284.19884999999999</v>
      </c>
    </row>
    <row r="17072" spans="1:3" x14ac:dyDescent="0.25">
      <c r="A17072" s="2" t="s">
        <v>8730</v>
      </c>
      <c r="B17072" s="6">
        <v>284215.5</v>
      </c>
      <c r="C17072" s="7">
        <f t="shared" si="266"/>
        <v>284.21550000000002</v>
      </c>
    </row>
    <row r="17073" spans="1:3" x14ac:dyDescent="0.25">
      <c r="A17073" s="2" t="s">
        <v>8731</v>
      </c>
      <c r="B17073" s="6">
        <v>284232.14999999997</v>
      </c>
      <c r="C17073" s="7">
        <f t="shared" si="266"/>
        <v>284.23214999999999</v>
      </c>
    </row>
    <row r="17074" spans="1:3" x14ac:dyDescent="0.25">
      <c r="A17074" s="2" t="s">
        <v>8732</v>
      </c>
      <c r="B17074" s="6">
        <v>284248.8</v>
      </c>
      <c r="C17074" s="7">
        <f t="shared" si="266"/>
        <v>284.24879999999996</v>
      </c>
    </row>
    <row r="17075" spans="1:3" x14ac:dyDescent="0.25">
      <c r="A17075" s="2" t="s">
        <v>8733</v>
      </c>
      <c r="B17075" s="6">
        <v>284265.44999999995</v>
      </c>
      <c r="C17075" s="7">
        <f t="shared" si="266"/>
        <v>284.26544999999993</v>
      </c>
    </row>
    <row r="17076" spans="1:3" x14ac:dyDescent="0.25">
      <c r="A17076" s="2" t="s">
        <v>8734</v>
      </c>
      <c r="B17076" s="6">
        <v>284282.09999999998</v>
      </c>
      <c r="C17076" s="7">
        <f t="shared" si="266"/>
        <v>284.28209999999996</v>
      </c>
    </row>
    <row r="17077" spans="1:3" x14ac:dyDescent="0.25">
      <c r="A17077" s="2" t="s">
        <v>8735</v>
      </c>
      <c r="B17077" s="6">
        <v>284298.75</v>
      </c>
      <c r="C17077" s="7">
        <f t="shared" si="266"/>
        <v>284.29874999999998</v>
      </c>
    </row>
    <row r="17078" spans="1:3" x14ac:dyDescent="0.25">
      <c r="A17078" s="2" t="s">
        <v>8736</v>
      </c>
      <c r="B17078" s="6">
        <v>284315.39999999997</v>
      </c>
      <c r="C17078" s="7">
        <f t="shared" si="266"/>
        <v>284.31539999999995</v>
      </c>
    </row>
    <row r="17079" spans="1:3" x14ac:dyDescent="0.25">
      <c r="A17079" s="2" t="s">
        <v>8737</v>
      </c>
      <c r="B17079" s="6">
        <v>284332.05</v>
      </c>
      <c r="C17079" s="7">
        <f t="shared" si="266"/>
        <v>284.33204999999998</v>
      </c>
    </row>
    <row r="17080" spans="1:3" x14ac:dyDescent="0.25">
      <c r="A17080" s="2" t="s">
        <v>8738</v>
      </c>
      <c r="B17080" s="6">
        <v>284348.69999999995</v>
      </c>
      <c r="C17080" s="7">
        <f t="shared" si="266"/>
        <v>284.34869999999995</v>
      </c>
    </row>
    <row r="17081" spans="1:3" x14ac:dyDescent="0.25">
      <c r="A17081" s="2" t="s">
        <v>8739</v>
      </c>
      <c r="B17081" s="6">
        <v>284365.34999999998</v>
      </c>
      <c r="C17081" s="7">
        <f t="shared" si="266"/>
        <v>284.36534999999998</v>
      </c>
    </row>
    <row r="17082" spans="1:3" x14ac:dyDescent="0.25">
      <c r="A17082" s="2" t="s">
        <v>8740</v>
      </c>
      <c r="B17082" s="6">
        <v>284382</v>
      </c>
      <c r="C17082" s="7">
        <f t="shared" si="266"/>
        <v>284.38200000000001</v>
      </c>
    </row>
    <row r="17083" spans="1:3" x14ac:dyDescent="0.25">
      <c r="A17083" s="2" t="s">
        <v>8741</v>
      </c>
      <c r="B17083" s="6">
        <v>284398.64999999997</v>
      </c>
      <c r="C17083" s="7">
        <f t="shared" si="266"/>
        <v>284.39864999999998</v>
      </c>
    </row>
    <row r="17084" spans="1:3" x14ac:dyDescent="0.25">
      <c r="A17084" s="2" t="s">
        <v>8742</v>
      </c>
      <c r="B17084" s="6">
        <v>284415.3</v>
      </c>
      <c r="C17084" s="7">
        <f t="shared" si="266"/>
        <v>284.4153</v>
      </c>
    </row>
    <row r="17085" spans="1:3" x14ac:dyDescent="0.25">
      <c r="A17085" s="2" t="s">
        <v>8743</v>
      </c>
      <c r="B17085" s="6">
        <v>284431.94999999995</v>
      </c>
      <c r="C17085" s="7">
        <f t="shared" si="266"/>
        <v>284.43194999999997</v>
      </c>
    </row>
    <row r="17086" spans="1:3" x14ac:dyDescent="0.25">
      <c r="A17086" s="2" t="s">
        <v>8744</v>
      </c>
      <c r="B17086" s="6">
        <v>284448.59999999998</v>
      </c>
      <c r="C17086" s="7">
        <f t="shared" si="266"/>
        <v>284.4486</v>
      </c>
    </row>
    <row r="17087" spans="1:3" x14ac:dyDescent="0.25">
      <c r="A17087" s="2" t="s">
        <v>8745</v>
      </c>
      <c r="B17087" s="6">
        <v>284465.25</v>
      </c>
      <c r="C17087" s="7">
        <f t="shared" si="266"/>
        <v>284.46525000000003</v>
      </c>
    </row>
    <row r="17088" spans="1:3" x14ac:dyDescent="0.25">
      <c r="A17088" s="2" t="s">
        <v>8746</v>
      </c>
      <c r="B17088" s="6">
        <v>284481.89999999997</v>
      </c>
      <c r="C17088" s="7">
        <f t="shared" si="266"/>
        <v>284.48189999999994</v>
      </c>
    </row>
    <row r="17089" spans="1:3" x14ac:dyDescent="0.25">
      <c r="A17089" s="2" t="s">
        <v>8747</v>
      </c>
      <c r="B17089" s="6">
        <v>284498.55</v>
      </c>
      <c r="C17089" s="7">
        <f t="shared" si="266"/>
        <v>284.49854999999997</v>
      </c>
    </row>
    <row r="17090" spans="1:3" x14ac:dyDescent="0.25">
      <c r="A17090" s="2" t="s">
        <v>8748</v>
      </c>
      <c r="B17090" s="6">
        <v>284515.19999999995</v>
      </c>
      <c r="C17090" s="7">
        <f t="shared" si="266"/>
        <v>284.51519999999994</v>
      </c>
    </row>
    <row r="17091" spans="1:3" x14ac:dyDescent="0.25">
      <c r="A17091" s="2" t="s">
        <v>8749</v>
      </c>
      <c r="B17091" s="6">
        <v>284531.84999999998</v>
      </c>
      <c r="C17091" s="7">
        <f t="shared" ref="C17091:C17154" si="267">B17091/1000</f>
        <v>284.53184999999996</v>
      </c>
    </row>
    <row r="17092" spans="1:3" x14ac:dyDescent="0.25">
      <c r="A17092" s="2" t="s">
        <v>8750</v>
      </c>
      <c r="B17092" s="6">
        <v>284548.5</v>
      </c>
      <c r="C17092" s="7">
        <f t="shared" si="267"/>
        <v>284.54849999999999</v>
      </c>
    </row>
    <row r="17093" spans="1:3" x14ac:dyDescent="0.25">
      <c r="A17093" s="2" t="s">
        <v>8751</v>
      </c>
      <c r="B17093" s="6">
        <v>284565.14999999997</v>
      </c>
      <c r="C17093" s="7">
        <f t="shared" si="267"/>
        <v>284.56514999999996</v>
      </c>
    </row>
    <row r="17094" spans="1:3" x14ac:dyDescent="0.25">
      <c r="A17094" s="2" t="s">
        <v>8752</v>
      </c>
      <c r="B17094" s="6">
        <v>284581.8</v>
      </c>
      <c r="C17094" s="7">
        <f t="shared" si="267"/>
        <v>284.58179999999999</v>
      </c>
    </row>
    <row r="17095" spans="1:3" x14ac:dyDescent="0.25">
      <c r="A17095" s="2" t="s">
        <v>8753</v>
      </c>
      <c r="B17095" s="6">
        <v>284598.44999999995</v>
      </c>
      <c r="C17095" s="7">
        <f t="shared" si="267"/>
        <v>284.59844999999996</v>
      </c>
    </row>
    <row r="17096" spans="1:3" x14ac:dyDescent="0.25">
      <c r="A17096" s="2" t="s">
        <v>8754</v>
      </c>
      <c r="B17096" s="6">
        <v>284615.09999999998</v>
      </c>
      <c r="C17096" s="7">
        <f t="shared" si="267"/>
        <v>284.61509999999998</v>
      </c>
    </row>
    <row r="17097" spans="1:3" x14ac:dyDescent="0.25">
      <c r="A17097" s="2" t="s">
        <v>8755</v>
      </c>
      <c r="B17097" s="6">
        <v>284631.75</v>
      </c>
      <c r="C17097" s="7">
        <f t="shared" si="267"/>
        <v>284.63175000000001</v>
      </c>
    </row>
    <row r="17098" spans="1:3" x14ac:dyDescent="0.25">
      <c r="A17098" s="2" t="s">
        <v>8756</v>
      </c>
      <c r="B17098" s="6">
        <v>284648.39999999997</v>
      </c>
      <c r="C17098" s="7">
        <f t="shared" si="267"/>
        <v>284.64839999999998</v>
      </c>
    </row>
    <row r="17099" spans="1:3" x14ac:dyDescent="0.25">
      <c r="A17099" s="2" t="s">
        <v>8757</v>
      </c>
      <c r="B17099" s="6">
        <v>284665.05</v>
      </c>
      <c r="C17099" s="7">
        <f t="shared" si="267"/>
        <v>284.66505000000001</v>
      </c>
    </row>
    <row r="17100" spans="1:3" x14ac:dyDescent="0.25">
      <c r="A17100" s="2" t="s">
        <v>8758</v>
      </c>
      <c r="B17100" s="6">
        <v>284681.69999999995</v>
      </c>
      <c r="C17100" s="7">
        <f t="shared" si="267"/>
        <v>284.68169999999998</v>
      </c>
    </row>
    <row r="17101" spans="1:3" x14ac:dyDescent="0.25">
      <c r="A17101" s="2" t="s">
        <v>8759</v>
      </c>
      <c r="B17101" s="6">
        <v>284698.34999999998</v>
      </c>
      <c r="C17101" s="7">
        <f t="shared" si="267"/>
        <v>284.69835</v>
      </c>
    </row>
    <row r="17102" spans="1:3" x14ac:dyDescent="0.25">
      <c r="A17102" s="2" t="s">
        <v>8760</v>
      </c>
      <c r="B17102" s="6">
        <v>284715</v>
      </c>
      <c r="C17102" s="7">
        <f t="shared" si="267"/>
        <v>284.71499999999997</v>
      </c>
    </row>
    <row r="17103" spans="1:3" x14ac:dyDescent="0.25">
      <c r="A17103" s="2" t="s">
        <v>8761</v>
      </c>
      <c r="B17103" s="6">
        <v>284731.64999999997</v>
      </c>
      <c r="C17103" s="7">
        <f t="shared" si="267"/>
        <v>284.73164999999995</v>
      </c>
    </row>
    <row r="17104" spans="1:3" x14ac:dyDescent="0.25">
      <c r="A17104" s="2" t="s">
        <v>8762</v>
      </c>
      <c r="B17104" s="6">
        <v>284748.3</v>
      </c>
      <c r="C17104" s="7">
        <f t="shared" si="267"/>
        <v>284.74829999999997</v>
      </c>
    </row>
    <row r="17105" spans="1:3" x14ac:dyDescent="0.25">
      <c r="A17105" s="2" t="s">
        <v>8763</v>
      </c>
      <c r="B17105" s="6">
        <v>284764.94999999995</v>
      </c>
      <c r="C17105" s="7">
        <f t="shared" si="267"/>
        <v>284.76494999999994</v>
      </c>
    </row>
    <row r="17106" spans="1:3" x14ac:dyDescent="0.25">
      <c r="A17106" s="2" t="s">
        <v>8764</v>
      </c>
      <c r="B17106" s="6">
        <v>284781.59999999998</v>
      </c>
      <c r="C17106" s="7">
        <f t="shared" si="267"/>
        <v>284.78159999999997</v>
      </c>
    </row>
    <row r="17107" spans="1:3" x14ac:dyDescent="0.25">
      <c r="A17107" s="2" t="s">
        <v>8765</v>
      </c>
      <c r="B17107" s="6">
        <v>284798.25</v>
      </c>
      <c r="C17107" s="7">
        <f t="shared" si="267"/>
        <v>284.79825</v>
      </c>
    </row>
    <row r="17108" spans="1:3" x14ac:dyDescent="0.25">
      <c r="A17108" s="2" t="s">
        <v>8766</v>
      </c>
      <c r="B17108" s="6">
        <v>284814.89999999997</v>
      </c>
      <c r="C17108" s="7">
        <f t="shared" si="267"/>
        <v>284.81489999999997</v>
      </c>
    </row>
    <row r="17109" spans="1:3" x14ac:dyDescent="0.25">
      <c r="A17109" s="2" t="s">
        <v>8767</v>
      </c>
      <c r="B17109" s="6">
        <v>284831.55</v>
      </c>
      <c r="C17109" s="7">
        <f t="shared" si="267"/>
        <v>284.83154999999999</v>
      </c>
    </row>
    <row r="17110" spans="1:3" x14ac:dyDescent="0.25">
      <c r="A17110" s="2" t="s">
        <v>8768</v>
      </c>
      <c r="B17110" s="6">
        <v>284848.19999999995</v>
      </c>
      <c r="C17110" s="7">
        <f t="shared" si="267"/>
        <v>284.84819999999996</v>
      </c>
    </row>
    <row r="17111" spans="1:3" x14ac:dyDescent="0.25">
      <c r="A17111" s="2" t="s">
        <v>8769</v>
      </c>
      <c r="B17111" s="6">
        <v>284864.84999999998</v>
      </c>
      <c r="C17111" s="7">
        <f t="shared" si="267"/>
        <v>284.86484999999999</v>
      </c>
    </row>
    <row r="17112" spans="1:3" x14ac:dyDescent="0.25">
      <c r="A17112" s="2" t="s">
        <v>8770</v>
      </c>
      <c r="B17112" s="6">
        <v>284881.5</v>
      </c>
      <c r="C17112" s="7">
        <f t="shared" si="267"/>
        <v>284.88150000000002</v>
      </c>
    </row>
    <row r="17113" spans="1:3" x14ac:dyDescent="0.25">
      <c r="A17113" s="2" t="s">
        <v>8771</v>
      </c>
      <c r="B17113" s="6">
        <v>284898.14999999997</v>
      </c>
      <c r="C17113" s="7">
        <f t="shared" si="267"/>
        <v>284.89814999999999</v>
      </c>
    </row>
    <row r="17114" spans="1:3" x14ac:dyDescent="0.25">
      <c r="A17114" s="2" t="s">
        <v>8772</v>
      </c>
      <c r="B17114" s="6">
        <v>284914.8</v>
      </c>
      <c r="C17114" s="7">
        <f t="shared" si="267"/>
        <v>284.91480000000001</v>
      </c>
    </row>
    <row r="17115" spans="1:3" x14ac:dyDescent="0.25">
      <c r="A17115" s="2" t="s">
        <v>8773</v>
      </c>
      <c r="B17115" s="6">
        <v>284931.44999999995</v>
      </c>
      <c r="C17115" s="7">
        <f t="shared" si="267"/>
        <v>284.93144999999993</v>
      </c>
    </row>
    <row r="17116" spans="1:3" x14ac:dyDescent="0.25">
      <c r="A17116" s="2" t="s">
        <v>8774</v>
      </c>
      <c r="B17116" s="6">
        <v>284948.09999999998</v>
      </c>
      <c r="C17116" s="7">
        <f t="shared" si="267"/>
        <v>284.94809999999995</v>
      </c>
    </row>
    <row r="17117" spans="1:3" x14ac:dyDescent="0.25">
      <c r="A17117" s="2" t="s">
        <v>8775</v>
      </c>
      <c r="B17117" s="6">
        <v>284964.75</v>
      </c>
      <c r="C17117" s="7">
        <f t="shared" si="267"/>
        <v>284.96474999999998</v>
      </c>
    </row>
    <row r="17118" spans="1:3" x14ac:dyDescent="0.25">
      <c r="A17118" s="2" t="s">
        <v>8776</v>
      </c>
      <c r="B17118" s="6">
        <v>284981.39999999997</v>
      </c>
      <c r="C17118" s="7">
        <f t="shared" si="267"/>
        <v>284.98139999999995</v>
      </c>
    </row>
    <row r="17119" spans="1:3" x14ac:dyDescent="0.25">
      <c r="A17119" s="2" t="s">
        <v>8777</v>
      </c>
      <c r="B17119" s="6">
        <v>284998.05</v>
      </c>
      <c r="C17119" s="7">
        <f t="shared" si="267"/>
        <v>284.99804999999998</v>
      </c>
    </row>
    <row r="17120" spans="1:3" x14ac:dyDescent="0.25">
      <c r="A17120" s="2" t="s">
        <v>8778</v>
      </c>
      <c r="B17120" s="6">
        <v>285014.69999999995</v>
      </c>
      <c r="C17120" s="7">
        <f t="shared" si="267"/>
        <v>285.01469999999995</v>
      </c>
    </row>
    <row r="17121" spans="1:3" x14ac:dyDescent="0.25">
      <c r="A17121" s="2" t="s">
        <v>8779</v>
      </c>
      <c r="B17121" s="6">
        <v>285031.34999999998</v>
      </c>
      <c r="C17121" s="7">
        <f t="shared" si="267"/>
        <v>285.03134999999997</v>
      </c>
    </row>
    <row r="17122" spans="1:3" x14ac:dyDescent="0.25">
      <c r="A17122" s="2" t="s">
        <v>8780</v>
      </c>
      <c r="B17122" s="6">
        <v>285048</v>
      </c>
      <c r="C17122" s="7">
        <f t="shared" si="267"/>
        <v>285.048</v>
      </c>
    </row>
    <row r="17123" spans="1:3" x14ac:dyDescent="0.25">
      <c r="A17123" s="2" t="s">
        <v>8781</v>
      </c>
      <c r="B17123" s="6">
        <v>285064.64999999997</v>
      </c>
      <c r="C17123" s="7">
        <f t="shared" si="267"/>
        <v>285.06464999999997</v>
      </c>
    </row>
    <row r="17124" spans="1:3" x14ac:dyDescent="0.25">
      <c r="A17124" s="2" t="s">
        <v>8782</v>
      </c>
      <c r="B17124" s="6">
        <v>285081.3</v>
      </c>
      <c r="C17124" s="7">
        <f t="shared" si="267"/>
        <v>285.0813</v>
      </c>
    </row>
    <row r="17125" spans="1:3" x14ac:dyDescent="0.25">
      <c r="A17125" s="2" t="s">
        <v>8783</v>
      </c>
      <c r="B17125" s="6">
        <v>285097.94999999995</v>
      </c>
      <c r="C17125" s="7">
        <f t="shared" si="267"/>
        <v>285.09794999999997</v>
      </c>
    </row>
    <row r="17126" spans="1:3" x14ac:dyDescent="0.25">
      <c r="A17126" s="2" t="s">
        <v>8784</v>
      </c>
      <c r="B17126" s="6">
        <v>285114.59999999998</v>
      </c>
      <c r="C17126" s="7">
        <f t="shared" si="267"/>
        <v>285.1146</v>
      </c>
    </row>
    <row r="17127" spans="1:3" x14ac:dyDescent="0.25">
      <c r="A17127" s="2" t="s">
        <v>8785</v>
      </c>
      <c r="B17127" s="6">
        <v>285131.25</v>
      </c>
      <c r="C17127" s="7">
        <f t="shared" si="267"/>
        <v>285.13125000000002</v>
      </c>
    </row>
    <row r="17128" spans="1:3" x14ac:dyDescent="0.25">
      <c r="A17128" s="2" t="s">
        <v>8786</v>
      </c>
      <c r="B17128" s="6">
        <v>285147.89999999997</v>
      </c>
      <c r="C17128" s="7">
        <f t="shared" si="267"/>
        <v>285.14789999999999</v>
      </c>
    </row>
    <row r="17129" spans="1:3" x14ac:dyDescent="0.25">
      <c r="A17129" s="2" t="s">
        <v>8787</v>
      </c>
      <c r="B17129" s="6">
        <v>285164.55</v>
      </c>
      <c r="C17129" s="7">
        <f t="shared" si="267"/>
        <v>285.16454999999996</v>
      </c>
    </row>
    <row r="17130" spans="1:3" x14ac:dyDescent="0.25">
      <c r="A17130" s="2" t="s">
        <v>8788</v>
      </c>
      <c r="B17130" s="6">
        <v>285181.19999999995</v>
      </c>
      <c r="C17130" s="7">
        <f t="shared" si="267"/>
        <v>285.18119999999993</v>
      </c>
    </row>
    <row r="17131" spans="1:3" x14ac:dyDescent="0.25">
      <c r="A17131" s="2" t="s">
        <v>8789</v>
      </c>
      <c r="B17131" s="6">
        <v>285197.84999999998</v>
      </c>
      <c r="C17131" s="7">
        <f t="shared" si="267"/>
        <v>285.19784999999996</v>
      </c>
    </row>
    <row r="17132" spans="1:3" x14ac:dyDescent="0.25">
      <c r="A17132" s="2" t="s">
        <v>8790</v>
      </c>
      <c r="B17132" s="6">
        <v>285214.5</v>
      </c>
      <c r="C17132" s="7">
        <f t="shared" si="267"/>
        <v>285.21449999999999</v>
      </c>
    </row>
    <row r="17133" spans="1:3" x14ac:dyDescent="0.25">
      <c r="A17133" s="2" t="s">
        <v>8791</v>
      </c>
      <c r="B17133" s="6">
        <v>285231.14999999997</v>
      </c>
      <c r="C17133" s="7">
        <f t="shared" si="267"/>
        <v>285.23114999999996</v>
      </c>
    </row>
    <row r="17134" spans="1:3" x14ac:dyDescent="0.25">
      <c r="A17134" s="2" t="s">
        <v>8792</v>
      </c>
      <c r="B17134" s="6">
        <v>285247.8</v>
      </c>
      <c r="C17134" s="7">
        <f t="shared" si="267"/>
        <v>285.24779999999998</v>
      </c>
    </row>
    <row r="17135" spans="1:3" x14ac:dyDescent="0.25">
      <c r="A17135" s="2" t="s">
        <v>8793</v>
      </c>
      <c r="B17135" s="6">
        <v>285264.44999999995</v>
      </c>
      <c r="C17135" s="7">
        <f t="shared" si="267"/>
        <v>285.26444999999995</v>
      </c>
    </row>
    <row r="17136" spans="1:3" x14ac:dyDescent="0.25">
      <c r="A17136" s="2" t="s">
        <v>8794</v>
      </c>
      <c r="B17136" s="6">
        <v>285281.09999999998</v>
      </c>
      <c r="C17136" s="7">
        <f t="shared" si="267"/>
        <v>285.28109999999998</v>
      </c>
    </row>
    <row r="17137" spans="1:3" x14ac:dyDescent="0.25">
      <c r="A17137" s="2" t="s">
        <v>8795</v>
      </c>
      <c r="B17137" s="6">
        <v>285297.75</v>
      </c>
      <c r="C17137" s="7">
        <f t="shared" si="267"/>
        <v>285.29775000000001</v>
      </c>
    </row>
    <row r="17138" spans="1:3" x14ac:dyDescent="0.25">
      <c r="A17138" s="2" t="s">
        <v>8796</v>
      </c>
      <c r="B17138" s="6">
        <v>285314.39999999997</v>
      </c>
      <c r="C17138" s="7">
        <f t="shared" si="267"/>
        <v>285.31439999999998</v>
      </c>
    </row>
    <row r="17139" spans="1:3" x14ac:dyDescent="0.25">
      <c r="A17139" s="2" t="s">
        <v>8797</v>
      </c>
      <c r="B17139" s="6">
        <v>285331.05</v>
      </c>
      <c r="C17139" s="7">
        <f t="shared" si="267"/>
        <v>285.33105</v>
      </c>
    </row>
    <row r="17140" spans="1:3" x14ac:dyDescent="0.25">
      <c r="A17140" s="2" t="s">
        <v>8798</v>
      </c>
      <c r="B17140" s="6">
        <v>285347.69999999995</v>
      </c>
      <c r="C17140" s="7">
        <f t="shared" si="267"/>
        <v>285.34769999999997</v>
      </c>
    </row>
    <row r="17141" spans="1:3" x14ac:dyDescent="0.25">
      <c r="A17141" s="2" t="s">
        <v>8799</v>
      </c>
      <c r="B17141" s="6">
        <v>285364.34999999998</v>
      </c>
      <c r="C17141" s="7">
        <f t="shared" si="267"/>
        <v>285.36435</v>
      </c>
    </row>
    <row r="17142" spans="1:3" x14ac:dyDescent="0.25">
      <c r="A17142" s="2" t="s">
        <v>8800</v>
      </c>
      <c r="B17142" s="6">
        <v>285381</v>
      </c>
      <c r="C17142" s="7">
        <f t="shared" si="267"/>
        <v>285.38099999999997</v>
      </c>
    </row>
    <row r="17143" spans="1:3" x14ac:dyDescent="0.25">
      <c r="A17143" s="2" t="s">
        <v>8801</v>
      </c>
      <c r="B17143" s="6">
        <v>285397.64999999997</v>
      </c>
      <c r="C17143" s="7">
        <f t="shared" si="267"/>
        <v>285.39764999999994</v>
      </c>
    </row>
    <row r="17144" spans="1:3" x14ac:dyDescent="0.25">
      <c r="A17144" s="2" t="s">
        <v>8802</v>
      </c>
      <c r="B17144" s="6">
        <v>285414.3</v>
      </c>
      <c r="C17144" s="7">
        <f t="shared" si="267"/>
        <v>285.41429999999997</v>
      </c>
    </row>
    <row r="17145" spans="1:3" x14ac:dyDescent="0.25">
      <c r="A17145" s="2" t="s">
        <v>8803</v>
      </c>
      <c r="B17145" s="6">
        <v>285430.94999999995</v>
      </c>
      <c r="C17145" s="7">
        <f t="shared" si="267"/>
        <v>285.43094999999994</v>
      </c>
    </row>
    <row r="17146" spans="1:3" x14ac:dyDescent="0.25">
      <c r="A17146" s="2" t="s">
        <v>8804</v>
      </c>
      <c r="B17146" s="6">
        <v>285447.59999999998</v>
      </c>
      <c r="C17146" s="7">
        <f t="shared" si="267"/>
        <v>285.44759999999997</v>
      </c>
    </row>
    <row r="17147" spans="1:3" x14ac:dyDescent="0.25">
      <c r="A17147" s="2" t="s">
        <v>8805</v>
      </c>
      <c r="B17147" s="6">
        <v>285464.25</v>
      </c>
      <c r="C17147" s="7">
        <f t="shared" si="267"/>
        <v>285.46424999999999</v>
      </c>
    </row>
    <row r="17148" spans="1:3" x14ac:dyDescent="0.25">
      <c r="A17148" s="2" t="s">
        <v>8806</v>
      </c>
      <c r="B17148" s="6">
        <v>285480.89999999997</v>
      </c>
      <c r="C17148" s="7">
        <f t="shared" si="267"/>
        <v>285.48089999999996</v>
      </c>
    </row>
    <row r="17149" spans="1:3" x14ac:dyDescent="0.25">
      <c r="A17149" s="2" t="s">
        <v>8807</v>
      </c>
      <c r="B17149" s="6">
        <v>285497.55</v>
      </c>
      <c r="C17149" s="7">
        <f t="shared" si="267"/>
        <v>285.49754999999999</v>
      </c>
    </row>
    <row r="17150" spans="1:3" x14ac:dyDescent="0.25">
      <c r="A17150" s="2" t="s">
        <v>8808</v>
      </c>
      <c r="B17150" s="6">
        <v>285514.19999999995</v>
      </c>
      <c r="C17150" s="7">
        <f t="shared" si="267"/>
        <v>285.51419999999996</v>
      </c>
    </row>
    <row r="17151" spans="1:3" x14ac:dyDescent="0.25">
      <c r="A17151" s="2" t="s">
        <v>8809</v>
      </c>
      <c r="B17151" s="6">
        <v>285530.84999999998</v>
      </c>
      <c r="C17151" s="7">
        <f t="shared" si="267"/>
        <v>285.53084999999999</v>
      </c>
    </row>
    <row r="17152" spans="1:3" x14ac:dyDescent="0.25">
      <c r="A17152" s="2" t="s">
        <v>8810</v>
      </c>
      <c r="B17152" s="6">
        <v>285547.5</v>
      </c>
      <c r="C17152" s="7">
        <f t="shared" si="267"/>
        <v>285.54750000000001</v>
      </c>
    </row>
    <row r="17153" spans="1:3" x14ac:dyDescent="0.25">
      <c r="A17153" s="2" t="s">
        <v>8811</v>
      </c>
      <c r="B17153" s="6">
        <v>285564.14999999997</v>
      </c>
      <c r="C17153" s="7">
        <f t="shared" si="267"/>
        <v>285.56414999999998</v>
      </c>
    </row>
    <row r="17154" spans="1:3" x14ac:dyDescent="0.25">
      <c r="A17154" s="2" t="s">
        <v>8812</v>
      </c>
      <c r="B17154" s="6">
        <v>285580.79999999999</v>
      </c>
      <c r="C17154" s="7">
        <f t="shared" si="267"/>
        <v>285.58080000000001</v>
      </c>
    </row>
    <row r="17155" spans="1:3" x14ac:dyDescent="0.25">
      <c r="A17155" s="2" t="s">
        <v>8813</v>
      </c>
      <c r="B17155" s="6">
        <v>285597.44999999995</v>
      </c>
      <c r="C17155" s="7">
        <f t="shared" ref="C17155:C17218" si="268">B17155/1000</f>
        <v>285.59744999999998</v>
      </c>
    </row>
    <row r="17156" spans="1:3" x14ac:dyDescent="0.25">
      <c r="A17156" s="2" t="s">
        <v>8814</v>
      </c>
      <c r="B17156" s="6">
        <v>285614.09999999998</v>
      </c>
      <c r="C17156" s="7">
        <f t="shared" si="268"/>
        <v>285.61409999999995</v>
      </c>
    </row>
    <row r="17157" spans="1:3" x14ac:dyDescent="0.25">
      <c r="A17157" s="2" t="s">
        <v>8815</v>
      </c>
      <c r="B17157" s="6">
        <v>285630.75</v>
      </c>
      <c r="C17157" s="7">
        <f t="shared" si="268"/>
        <v>285.63074999999998</v>
      </c>
    </row>
    <row r="17158" spans="1:3" x14ac:dyDescent="0.25">
      <c r="A17158" s="2" t="s">
        <v>8816</v>
      </c>
      <c r="B17158" s="6">
        <v>285647.39999999997</v>
      </c>
      <c r="C17158" s="7">
        <f t="shared" si="268"/>
        <v>285.64739999999995</v>
      </c>
    </row>
    <row r="17159" spans="1:3" x14ac:dyDescent="0.25">
      <c r="A17159" s="2" t="s">
        <v>8817</v>
      </c>
      <c r="B17159" s="6">
        <v>285664.05</v>
      </c>
      <c r="C17159" s="7">
        <f t="shared" si="268"/>
        <v>285.66404999999997</v>
      </c>
    </row>
    <row r="17160" spans="1:3" x14ac:dyDescent="0.25">
      <c r="A17160" s="2" t="s">
        <v>8818</v>
      </c>
      <c r="B17160" s="6">
        <v>285680.69999999995</v>
      </c>
      <c r="C17160" s="7">
        <f t="shared" si="268"/>
        <v>285.68069999999994</v>
      </c>
    </row>
    <row r="17161" spans="1:3" x14ac:dyDescent="0.25">
      <c r="A17161" s="2" t="s">
        <v>8819</v>
      </c>
      <c r="B17161" s="6">
        <v>285697.34999999998</v>
      </c>
      <c r="C17161" s="7">
        <f t="shared" si="268"/>
        <v>285.69734999999997</v>
      </c>
    </row>
    <row r="17162" spans="1:3" x14ac:dyDescent="0.25">
      <c r="A17162" s="2" t="s">
        <v>8820</v>
      </c>
      <c r="B17162" s="6">
        <v>285714</v>
      </c>
      <c r="C17162" s="7">
        <f t="shared" si="268"/>
        <v>285.714</v>
      </c>
    </row>
    <row r="17163" spans="1:3" x14ac:dyDescent="0.25">
      <c r="A17163" s="2" t="s">
        <v>8821</v>
      </c>
      <c r="B17163" s="6">
        <v>285730.64999999997</v>
      </c>
      <c r="C17163" s="7">
        <f t="shared" si="268"/>
        <v>285.73064999999997</v>
      </c>
    </row>
    <row r="17164" spans="1:3" x14ac:dyDescent="0.25">
      <c r="A17164" s="2" t="s">
        <v>8822</v>
      </c>
      <c r="B17164" s="6">
        <v>285747.3</v>
      </c>
      <c r="C17164" s="7">
        <f t="shared" si="268"/>
        <v>285.7473</v>
      </c>
    </row>
    <row r="17165" spans="1:3" x14ac:dyDescent="0.25">
      <c r="A17165" s="2" t="s">
        <v>8823</v>
      </c>
      <c r="B17165" s="6">
        <v>285763.94999999995</v>
      </c>
      <c r="C17165" s="7">
        <f t="shared" si="268"/>
        <v>285.76394999999997</v>
      </c>
    </row>
    <row r="17166" spans="1:3" x14ac:dyDescent="0.25">
      <c r="A17166" s="2" t="s">
        <v>8824</v>
      </c>
      <c r="B17166" s="6">
        <v>285780.59999999998</v>
      </c>
      <c r="C17166" s="7">
        <f t="shared" si="268"/>
        <v>285.78059999999999</v>
      </c>
    </row>
    <row r="17167" spans="1:3" x14ac:dyDescent="0.25">
      <c r="A17167" s="2" t="s">
        <v>8825</v>
      </c>
      <c r="B17167" s="6">
        <v>285797.25</v>
      </c>
      <c r="C17167" s="7">
        <f t="shared" si="268"/>
        <v>285.79725000000002</v>
      </c>
    </row>
    <row r="17168" spans="1:3" x14ac:dyDescent="0.25">
      <c r="A17168" s="2" t="s">
        <v>8826</v>
      </c>
      <c r="B17168" s="6">
        <v>285813.89999999997</v>
      </c>
      <c r="C17168" s="7">
        <f t="shared" si="268"/>
        <v>285.81389999999999</v>
      </c>
    </row>
    <row r="17169" spans="1:3" x14ac:dyDescent="0.25">
      <c r="A17169" s="2" t="s">
        <v>8827</v>
      </c>
      <c r="B17169" s="6">
        <v>285830.55</v>
      </c>
      <c r="C17169" s="7">
        <f t="shared" si="268"/>
        <v>285.83055000000002</v>
      </c>
    </row>
    <row r="17170" spans="1:3" x14ac:dyDescent="0.25">
      <c r="A17170" s="2" t="s">
        <v>8828</v>
      </c>
      <c r="B17170" s="6">
        <v>285847.19999999995</v>
      </c>
      <c r="C17170" s="7">
        <f t="shared" si="268"/>
        <v>285.84719999999993</v>
      </c>
    </row>
    <row r="17171" spans="1:3" x14ac:dyDescent="0.25">
      <c r="A17171" s="2" t="s">
        <v>8829</v>
      </c>
      <c r="B17171" s="6">
        <v>285863.84999999998</v>
      </c>
      <c r="C17171" s="7">
        <f t="shared" si="268"/>
        <v>285.86384999999996</v>
      </c>
    </row>
    <row r="17172" spans="1:3" x14ac:dyDescent="0.25">
      <c r="A17172" s="2" t="s">
        <v>8830</v>
      </c>
      <c r="B17172" s="6">
        <v>285880.5</v>
      </c>
      <c r="C17172" s="7">
        <f t="shared" si="268"/>
        <v>285.88049999999998</v>
      </c>
    </row>
    <row r="17173" spans="1:3" x14ac:dyDescent="0.25">
      <c r="A17173" s="2" t="s">
        <v>8831</v>
      </c>
      <c r="B17173" s="6">
        <v>285897.14999999997</v>
      </c>
      <c r="C17173" s="7">
        <f t="shared" si="268"/>
        <v>285.89714999999995</v>
      </c>
    </row>
    <row r="17174" spans="1:3" x14ac:dyDescent="0.25">
      <c r="A17174" s="2" t="s">
        <v>8832</v>
      </c>
      <c r="B17174" s="6">
        <v>285913.8</v>
      </c>
      <c r="C17174" s="7">
        <f t="shared" si="268"/>
        <v>285.91379999999998</v>
      </c>
    </row>
    <row r="17175" spans="1:3" x14ac:dyDescent="0.25">
      <c r="A17175" s="2" t="s">
        <v>8833</v>
      </c>
      <c r="B17175" s="6">
        <v>285930.44999999995</v>
      </c>
      <c r="C17175" s="7">
        <f t="shared" si="268"/>
        <v>285.93044999999995</v>
      </c>
    </row>
    <row r="17176" spans="1:3" x14ac:dyDescent="0.25">
      <c r="A17176" s="2" t="s">
        <v>8834</v>
      </c>
      <c r="B17176" s="6">
        <v>285947.09999999998</v>
      </c>
      <c r="C17176" s="7">
        <f t="shared" si="268"/>
        <v>285.94709999999998</v>
      </c>
    </row>
    <row r="17177" spans="1:3" x14ac:dyDescent="0.25">
      <c r="A17177" s="2" t="s">
        <v>8835</v>
      </c>
      <c r="B17177" s="6">
        <v>285963.75</v>
      </c>
      <c r="C17177" s="7">
        <f t="shared" si="268"/>
        <v>285.96375</v>
      </c>
    </row>
    <row r="17178" spans="1:3" x14ac:dyDescent="0.25">
      <c r="A17178" s="2" t="s">
        <v>8836</v>
      </c>
      <c r="B17178" s="6">
        <v>285980.39999999997</v>
      </c>
      <c r="C17178" s="7">
        <f t="shared" si="268"/>
        <v>285.98039999999997</v>
      </c>
    </row>
    <row r="17179" spans="1:3" x14ac:dyDescent="0.25">
      <c r="A17179" s="2" t="s">
        <v>8837</v>
      </c>
      <c r="B17179" s="6">
        <v>285997.05</v>
      </c>
      <c r="C17179" s="7">
        <f t="shared" si="268"/>
        <v>285.99705</v>
      </c>
    </row>
    <row r="17180" spans="1:3" x14ac:dyDescent="0.25">
      <c r="A17180" s="2" t="s">
        <v>8838</v>
      </c>
      <c r="B17180" s="6">
        <v>286013.69999999995</v>
      </c>
      <c r="C17180" s="7">
        <f t="shared" si="268"/>
        <v>286.01369999999997</v>
      </c>
    </row>
    <row r="17181" spans="1:3" x14ac:dyDescent="0.25">
      <c r="A17181" s="2" t="s">
        <v>8839</v>
      </c>
      <c r="B17181" s="6">
        <v>286030.34999999998</v>
      </c>
      <c r="C17181" s="7">
        <f t="shared" si="268"/>
        <v>286.03035</v>
      </c>
    </row>
    <row r="17182" spans="1:3" x14ac:dyDescent="0.25">
      <c r="A17182" s="2" t="s">
        <v>8840</v>
      </c>
      <c r="B17182" s="6">
        <v>286047</v>
      </c>
      <c r="C17182" s="7">
        <f t="shared" si="268"/>
        <v>286.04700000000003</v>
      </c>
    </row>
    <row r="17183" spans="1:3" x14ac:dyDescent="0.25">
      <c r="A17183" s="2" t="s">
        <v>8841</v>
      </c>
      <c r="B17183" s="6">
        <v>286063.64999999997</v>
      </c>
      <c r="C17183" s="7">
        <f t="shared" si="268"/>
        <v>286.06364999999994</v>
      </c>
    </row>
    <row r="17184" spans="1:3" x14ac:dyDescent="0.25">
      <c r="A17184" s="2" t="s">
        <v>8842</v>
      </c>
      <c r="B17184" s="6">
        <v>286080.3</v>
      </c>
      <c r="C17184" s="7">
        <f t="shared" si="268"/>
        <v>286.08029999999997</v>
      </c>
    </row>
    <row r="17185" spans="1:3" x14ac:dyDescent="0.25">
      <c r="A17185" s="2" t="s">
        <v>8843</v>
      </c>
      <c r="B17185" s="6">
        <v>286096.94999999995</v>
      </c>
      <c r="C17185" s="7">
        <f t="shared" si="268"/>
        <v>286.09694999999994</v>
      </c>
    </row>
    <row r="17186" spans="1:3" x14ac:dyDescent="0.25">
      <c r="A17186" s="2" t="s">
        <v>8844</v>
      </c>
      <c r="B17186" s="6">
        <v>286113.59999999998</v>
      </c>
      <c r="C17186" s="7">
        <f t="shared" si="268"/>
        <v>286.11359999999996</v>
      </c>
    </row>
    <row r="17187" spans="1:3" x14ac:dyDescent="0.25">
      <c r="A17187" s="2" t="s">
        <v>8845</v>
      </c>
      <c r="B17187" s="6">
        <v>286130.25</v>
      </c>
      <c r="C17187" s="7">
        <f t="shared" si="268"/>
        <v>286.13024999999999</v>
      </c>
    </row>
    <row r="17188" spans="1:3" x14ac:dyDescent="0.25">
      <c r="A17188" s="2" t="s">
        <v>8846</v>
      </c>
      <c r="B17188" s="6">
        <v>286146.89999999997</v>
      </c>
      <c r="C17188" s="7">
        <f t="shared" si="268"/>
        <v>286.14689999999996</v>
      </c>
    </row>
    <row r="17189" spans="1:3" x14ac:dyDescent="0.25">
      <c r="A17189" s="2" t="s">
        <v>8847</v>
      </c>
      <c r="B17189" s="6">
        <v>286163.55</v>
      </c>
      <c r="C17189" s="7">
        <f t="shared" si="268"/>
        <v>286.16354999999999</v>
      </c>
    </row>
    <row r="17190" spans="1:3" x14ac:dyDescent="0.25">
      <c r="A17190" s="2" t="s">
        <v>8848</v>
      </c>
      <c r="B17190" s="6">
        <v>286180.19999999995</v>
      </c>
      <c r="C17190" s="7">
        <f t="shared" si="268"/>
        <v>286.18019999999996</v>
      </c>
    </row>
    <row r="17191" spans="1:3" x14ac:dyDescent="0.25">
      <c r="A17191" s="2" t="s">
        <v>8849</v>
      </c>
      <c r="B17191" s="6">
        <v>286196.84999999998</v>
      </c>
      <c r="C17191" s="7">
        <f t="shared" si="268"/>
        <v>286.19684999999998</v>
      </c>
    </row>
    <row r="17192" spans="1:3" x14ac:dyDescent="0.25">
      <c r="A17192" s="2" t="s">
        <v>8850</v>
      </c>
      <c r="B17192" s="6">
        <v>286213.5</v>
      </c>
      <c r="C17192" s="7">
        <f t="shared" si="268"/>
        <v>286.21350000000001</v>
      </c>
    </row>
    <row r="17193" spans="1:3" x14ac:dyDescent="0.25">
      <c r="A17193" s="2" t="s">
        <v>8851</v>
      </c>
      <c r="B17193" s="6">
        <v>286230.14999999997</v>
      </c>
      <c r="C17193" s="7">
        <f t="shared" si="268"/>
        <v>286.23014999999998</v>
      </c>
    </row>
    <row r="17194" spans="1:3" x14ac:dyDescent="0.25">
      <c r="A17194" s="2" t="s">
        <v>8852</v>
      </c>
      <c r="B17194" s="6">
        <v>286246.8</v>
      </c>
      <c r="C17194" s="7">
        <f t="shared" si="268"/>
        <v>286.24680000000001</v>
      </c>
    </row>
    <row r="17195" spans="1:3" x14ac:dyDescent="0.25">
      <c r="A17195" s="2" t="s">
        <v>8853</v>
      </c>
      <c r="B17195" s="6">
        <v>286263.44999999995</v>
      </c>
      <c r="C17195" s="7">
        <f t="shared" si="268"/>
        <v>286.26344999999998</v>
      </c>
    </row>
    <row r="17196" spans="1:3" x14ac:dyDescent="0.25">
      <c r="A17196" s="2" t="s">
        <v>8854</v>
      </c>
      <c r="B17196" s="6">
        <v>286280.09999999998</v>
      </c>
      <c r="C17196" s="7">
        <f t="shared" si="268"/>
        <v>286.2801</v>
      </c>
    </row>
    <row r="17197" spans="1:3" x14ac:dyDescent="0.25">
      <c r="A17197" s="2" t="s">
        <v>8855</v>
      </c>
      <c r="B17197" s="6">
        <v>286296.75</v>
      </c>
      <c r="C17197" s="7">
        <f t="shared" si="268"/>
        <v>286.29674999999997</v>
      </c>
    </row>
    <row r="17198" spans="1:3" x14ac:dyDescent="0.25">
      <c r="A17198" s="2" t="s">
        <v>8856</v>
      </c>
      <c r="B17198" s="6">
        <v>286313.39999999997</v>
      </c>
      <c r="C17198" s="7">
        <f t="shared" si="268"/>
        <v>286.31339999999994</v>
      </c>
    </row>
    <row r="17199" spans="1:3" x14ac:dyDescent="0.25">
      <c r="A17199" s="2" t="s">
        <v>8857</v>
      </c>
      <c r="B17199" s="6">
        <v>286330.05</v>
      </c>
      <c r="C17199" s="7">
        <f t="shared" si="268"/>
        <v>286.33004999999997</v>
      </c>
    </row>
    <row r="17200" spans="1:3" x14ac:dyDescent="0.25">
      <c r="A17200" s="2" t="s">
        <v>8858</v>
      </c>
      <c r="B17200" s="6">
        <v>286346.69999999995</v>
      </c>
      <c r="C17200" s="7">
        <f t="shared" si="268"/>
        <v>286.34669999999994</v>
      </c>
    </row>
    <row r="17201" spans="1:3" x14ac:dyDescent="0.25">
      <c r="A17201" s="2" t="s">
        <v>8859</v>
      </c>
      <c r="B17201" s="6">
        <v>286363.34999999998</v>
      </c>
      <c r="C17201" s="7">
        <f t="shared" si="268"/>
        <v>286.36334999999997</v>
      </c>
    </row>
    <row r="17202" spans="1:3" x14ac:dyDescent="0.25">
      <c r="A17202" s="2" t="s">
        <v>8860</v>
      </c>
      <c r="B17202" s="6">
        <v>286380</v>
      </c>
      <c r="C17202" s="7">
        <f t="shared" si="268"/>
        <v>286.38</v>
      </c>
    </row>
    <row r="17203" spans="1:3" x14ac:dyDescent="0.25">
      <c r="A17203" s="2" t="s">
        <v>8861</v>
      </c>
      <c r="B17203" s="6">
        <v>286396.64999999997</v>
      </c>
      <c r="C17203" s="7">
        <f t="shared" si="268"/>
        <v>286.39664999999997</v>
      </c>
    </row>
    <row r="17204" spans="1:3" x14ac:dyDescent="0.25">
      <c r="A17204" s="2" t="s">
        <v>8862</v>
      </c>
      <c r="B17204" s="6">
        <v>286413.3</v>
      </c>
      <c r="C17204" s="7">
        <f t="shared" si="268"/>
        <v>286.41329999999999</v>
      </c>
    </row>
    <row r="17205" spans="1:3" x14ac:dyDescent="0.25">
      <c r="A17205" s="2" t="s">
        <v>8863</v>
      </c>
      <c r="B17205" s="6">
        <v>286429.94999999995</v>
      </c>
      <c r="C17205" s="7">
        <f t="shared" si="268"/>
        <v>286.42994999999996</v>
      </c>
    </row>
    <row r="17206" spans="1:3" x14ac:dyDescent="0.25">
      <c r="A17206" s="2" t="s">
        <v>8864</v>
      </c>
      <c r="B17206" s="6">
        <v>286446.59999999998</v>
      </c>
      <c r="C17206" s="7">
        <f t="shared" si="268"/>
        <v>286.44659999999999</v>
      </c>
    </row>
    <row r="17207" spans="1:3" x14ac:dyDescent="0.25">
      <c r="A17207" s="2" t="s">
        <v>8865</v>
      </c>
      <c r="B17207" s="6">
        <v>286463.25</v>
      </c>
      <c r="C17207" s="7">
        <f t="shared" si="268"/>
        <v>286.46325000000002</v>
      </c>
    </row>
    <row r="17208" spans="1:3" x14ac:dyDescent="0.25">
      <c r="A17208" s="2" t="s">
        <v>8866</v>
      </c>
      <c r="B17208" s="6">
        <v>286479.89999999997</v>
      </c>
      <c r="C17208" s="7">
        <f t="shared" si="268"/>
        <v>286.47989999999999</v>
      </c>
    </row>
    <row r="17209" spans="1:3" x14ac:dyDescent="0.25">
      <c r="A17209" s="2" t="s">
        <v>8867</v>
      </c>
      <c r="B17209" s="6">
        <v>286496.55</v>
      </c>
      <c r="C17209" s="7">
        <f t="shared" si="268"/>
        <v>286.49655000000001</v>
      </c>
    </row>
    <row r="17210" spans="1:3" x14ac:dyDescent="0.25">
      <c r="A17210" s="2" t="s">
        <v>8868</v>
      </c>
      <c r="B17210" s="6">
        <v>286513.19999999995</v>
      </c>
      <c r="C17210" s="7">
        <f t="shared" si="268"/>
        <v>286.51319999999993</v>
      </c>
    </row>
    <row r="17211" spans="1:3" x14ac:dyDescent="0.25">
      <c r="A17211" s="2" t="s">
        <v>8869</v>
      </c>
      <c r="B17211" s="6">
        <v>286529.84999999998</v>
      </c>
      <c r="C17211" s="7">
        <f t="shared" si="268"/>
        <v>286.52984999999995</v>
      </c>
    </row>
    <row r="17212" spans="1:3" x14ac:dyDescent="0.25">
      <c r="A17212" s="2" t="s">
        <v>8870</v>
      </c>
      <c r="B17212" s="6">
        <v>286546.5</v>
      </c>
      <c r="C17212" s="7">
        <f t="shared" si="268"/>
        <v>286.54649999999998</v>
      </c>
    </row>
    <row r="17213" spans="1:3" x14ac:dyDescent="0.25">
      <c r="A17213" s="2" t="s">
        <v>8871</v>
      </c>
      <c r="B17213" s="6">
        <v>286563.14999999997</v>
      </c>
      <c r="C17213" s="7">
        <f t="shared" si="268"/>
        <v>286.56314999999995</v>
      </c>
    </row>
    <row r="17214" spans="1:3" x14ac:dyDescent="0.25">
      <c r="A17214" s="2" t="s">
        <v>8872</v>
      </c>
      <c r="B17214" s="6">
        <v>286579.8</v>
      </c>
      <c r="C17214" s="7">
        <f t="shared" si="268"/>
        <v>286.57979999999998</v>
      </c>
    </row>
    <row r="17215" spans="1:3" x14ac:dyDescent="0.25">
      <c r="A17215" s="2" t="s">
        <v>8873</v>
      </c>
      <c r="B17215" s="6">
        <v>286596.44999999995</v>
      </c>
      <c r="C17215" s="7">
        <f t="shared" si="268"/>
        <v>286.59644999999995</v>
      </c>
    </row>
    <row r="17216" spans="1:3" x14ac:dyDescent="0.25">
      <c r="A17216" s="2" t="s">
        <v>8874</v>
      </c>
      <c r="B17216" s="6">
        <v>286613.09999999998</v>
      </c>
      <c r="C17216" s="7">
        <f t="shared" si="268"/>
        <v>286.61309999999997</v>
      </c>
    </row>
    <row r="17217" spans="1:3" x14ac:dyDescent="0.25">
      <c r="A17217" s="2" t="s">
        <v>8875</v>
      </c>
      <c r="B17217" s="6">
        <v>286629.75</v>
      </c>
      <c r="C17217" s="7">
        <f t="shared" si="268"/>
        <v>286.62975</v>
      </c>
    </row>
    <row r="17218" spans="1:3" x14ac:dyDescent="0.25">
      <c r="A17218" s="2" t="s">
        <v>8876</v>
      </c>
      <c r="B17218" s="6">
        <v>286646.39999999997</v>
      </c>
      <c r="C17218" s="7">
        <f t="shared" si="268"/>
        <v>286.64639999999997</v>
      </c>
    </row>
    <row r="17219" spans="1:3" x14ac:dyDescent="0.25">
      <c r="A17219" s="2" t="s">
        <v>8877</v>
      </c>
      <c r="B17219" s="6">
        <v>286663.05</v>
      </c>
      <c r="C17219" s="7">
        <f t="shared" ref="C17219:C17282" si="269">B17219/1000</f>
        <v>286.66305</v>
      </c>
    </row>
    <row r="17220" spans="1:3" x14ac:dyDescent="0.25">
      <c r="A17220" s="2" t="s">
        <v>8878</v>
      </c>
      <c r="B17220" s="6">
        <v>286679.69999999995</v>
      </c>
      <c r="C17220" s="7">
        <f t="shared" si="269"/>
        <v>286.67969999999997</v>
      </c>
    </row>
    <row r="17221" spans="1:3" x14ac:dyDescent="0.25">
      <c r="A17221" s="2" t="s">
        <v>8879</v>
      </c>
      <c r="B17221" s="6">
        <v>286696.34999999998</v>
      </c>
      <c r="C17221" s="7">
        <f t="shared" si="269"/>
        <v>286.69635</v>
      </c>
    </row>
    <row r="17222" spans="1:3" x14ac:dyDescent="0.25">
      <c r="A17222" s="2" t="s">
        <v>8880</v>
      </c>
      <c r="B17222" s="6">
        <v>286713</v>
      </c>
      <c r="C17222" s="7">
        <f t="shared" si="269"/>
        <v>286.71300000000002</v>
      </c>
    </row>
    <row r="17223" spans="1:3" x14ac:dyDescent="0.25">
      <c r="A17223" s="2" t="s">
        <v>8881</v>
      </c>
      <c r="B17223" s="6">
        <v>286729.64999999997</v>
      </c>
      <c r="C17223" s="7">
        <f t="shared" si="269"/>
        <v>286.72964999999999</v>
      </c>
    </row>
    <row r="17224" spans="1:3" x14ac:dyDescent="0.25">
      <c r="A17224" s="2" t="s">
        <v>8882</v>
      </c>
      <c r="B17224" s="6">
        <v>286746.3</v>
      </c>
      <c r="C17224" s="7">
        <f t="shared" si="269"/>
        <v>286.74629999999996</v>
      </c>
    </row>
    <row r="17225" spans="1:3" x14ac:dyDescent="0.25">
      <c r="A17225" s="2" t="s">
        <v>8883</v>
      </c>
      <c r="B17225" s="6">
        <v>286762.94999999995</v>
      </c>
      <c r="C17225" s="7">
        <f t="shared" si="269"/>
        <v>286.76294999999993</v>
      </c>
    </row>
    <row r="17226" spans="1:3" x14ac:dyDescent="0.25">
      <c r="A17226" s="2" t="s">
        <v>8884</v>
      </c>
      <c r="B17226" s="6">
        <v>286779.59999999998</v>
      </c>
      <c r="C17226" s="7">
        <f t="shared" si="269"/>
        <v>286.77959999999996</v>
      </c>
    </row>
    <row r="17227" spans="1:3" x14ac:dyDescent="0.25">
      <c r="A17227" s="2" t="s">
        <v>8885</v>
      </c>
      <c r="B17227" s="6">
        <v>286796.25</v>
      </c>
      <c r="C17227" s="7">
        <f t="shared" si="269"/>
        <v>286.79624999999999</v>
      </c>
    </row>
    <row r="17228" spans="1:3" x14ac:dyDescent="0.25">
      <c r="A17228" s="2" t="s">
        <v>8886</v>
      </c>
      <c r="B17228" s="6">
        <v>286812.89999999997</v>
      </c>
      <c r="C17228" s="7">
        <f t="shared" si="269"/>
        <v>286.81289999999996</v>
      </c>
    </row>
    <row r="17229" spans="1:3" x14ac:dyDescent="0.25">
      <c r="A17229" s="2" t="s">
        <v>8887</v>
      </c>
      <c r="B17229" s="6">
        <v>286829.55</v>
      </c>
      <c r="C17229" s="7">
        <f t="shared" si="269"/>
        <v>286.82954999999998</v>
      </c>
    </row>
    <row r="17230" spans="1:3" x14ac:dyDescent="0.25">
      <c r="A17230" s="2" t="s">
        <v>8888</v>
      </c>
      <c r="B17230" s="6">
        <v>286846.19999999995</v>
      </c>
      <c r="C17230" s="7">
        <f t="shared" si="269"/>
        <v>286.84619999999995</v>
      </c>
    </row>
    <row r="17231" spans="1:3" x14ac:dyDescent="0.25">
      <c r="A17231" s="2" t="s">
        <v>8889</v>
      </c>
      <c r="B17231" s="6">
        <v>286862.84999999998</v>
      </c>
      <c r="C17231" s="7">
        <f t="shared" si="269"/>
        <v>286.86284999999998</v>
      </c>
    </row>
    <row r="17232" spans="1:3" x14ac:dyDescent="0.25">
      <c r="A17232" s="2" t="s">
        <v>8890</v>
      </c>
      <c r="B17232" s="6">
        <v>286879.5</v>
      </c>
      <c r="C17232" s="7">
        <f t="shared" si="269"/>
        <v>286.87950000000001</v>
      </c>
    </row>
    <row r="17233" spans="1:3" x14ac:dyDescent="0.25">
      <c r="A17233" s="2" t="s">
        <v>8891</v>
      </c>
      <c r="B17233" s="6">
        <v>286896.14999999997</v>
      </c>
      <c r="C17233" s="7">
        <f t="shared" si="269"/>
        <v>286.89614999999998</v>
      </c>
    </row>
    <row r="17234" spans="1:3" x14ac:dyDescent="0.25">
      <c r="A17234" s="2" t="s">
        <v>8892</v>
      </c>
      <c r="B17234" s="6">
        <v>286912.8</v>
      </c>
      <c r="C17234" s="7">
        <f t="shared" si="269"/>
        <v>286.9128</v>
      </c>
    </row>
    <row r="17235" spans="1:3" x14ac:dyDescent="0.25">
      <c r="A17235" s="2" t="s">
        <v>8893</v>
      </c>
      <c r="B17235" s="6">
        <v>286929.44999999995</v>
      </c>
      <c r="C17235" s="7">
        <f t="shared" si="269"/>
        <v>286.92944999999997</v>
      </c>
    </row>
    <row r="17236" spans="1:3" x14ac:dyDescent="0.25">
      <c r="A17236" s="2" t="s">
        <v>8894</v>
      </c>
      <c r="B17236" s="6">
        <v>286946.09999999998</v>
      </c>
      <c r="C17236" s="7">
        <f t="shared" si="269"/>
        <v>286.9461</v>
      </c>
    </row>
    <row r="17237" spans="1:3" x14ac:dyDescent="0.25">
      <c r="A17237" s="2" t="s">
        <v>8895</v>
      </c>
      <c r="B17237" s="6">
        <v>286962.75</v>
      </c>
      <c r="C17237" s="7">
        <f t="shared" si="269"/>
        <v>286.96275000000003</v>
      </c>
    </row>
    <row r="17238" spans="1:3" x14ac:dyDescent="0.25">
      <c r="A17238" s="2" t="s">
        <v>8896</v>
      </c>
      <c r="B17238" s="6">
        <v>286979.39999999997</v>
      </c>
      <c r="C17238" s="7">
        <f t="shared" si="269"/>
        <v>286.97939999999994</v>
      </c>
    </row>
    <row r="17239" spans="1:3" x14ac:dyDescent="0.25">
      <c r="A17239" s="2" t="s">
        <v>8897</v>
      </c>
      <c r="B17239" s="6">
        <v>286996.05</v>
      </c>
      <c r="C17239" s="7">
        <f t="shared" si="269"/>
        <v>286.99604999999997</v>
      </c>
    </row>
    <row r="17240" spans="1:3" x14ac:dyDescent="0.25">
      <c r="A17240" s="2" t="s">
        <v>8898</v>
      </c>
      <c r="B17240" s="6">
        <v>287012.69999999995</v>
      </c>
      <c r="C17240" s="7">
        <f t="shared" si="269"/>
        <v>287.01269999999994</v>
      </c>
    </row>
    <row r="17241" spans="1:3" x14ac:dyDescent="0.25">
      <c r="A17241" s="2" t="s">
        <v>8899</v>
      </c>
      <c r="B17241" s="6">
        <v>287029.34999999998</v>
      </c>
      <c r="C17241" s="7">
        <f t="shared" si="269"/>
        <v>287.02934999999997</v>
      </c>
    </row>
    <row r="17242" spans="1:3" x14ac:dyDescent="0.25">
      <c r="A17242" s="2" t="s">
        <v>8900</v>
      </c>
      <c r="B17242" s="6">
        <v>287046</v>
      </c>
      <c r="C17242" s="7">
        <f t="shared" si="269"/>
        <v>287.04599999999999</v>
      </c>
    </row>
    <row r="17243" spans="1:3" x14ac:dyDescent="0.25">
      <c r="A17243" s="2" t="s">
        <v>8901</v>
      </c>
      <c r="B17243" s="6">
        <v>287062.64999999997</v>
      </c>
      <c r="C17243" s="7">
        <f t="shared" si="269"/>
        <v>287.06264999999996</v>
      </c>
    </row>
    <row r="17244" spans="1:3" x14ac:dyDescent="0.25">
      <c r="A17244" s="2" t="s">
        <v>8902</v>
      </c>
      <c r="B17244" s="6">
        <v>287079.3</v>
      </c>
      <c r="C17244" s="7">
        <f t="shared" si="269"/>
        <v>287.07929999999999</v>
      </c>
    </row>
    <row r="17245" spans="1:3" x14ac:dyDescent="0.25">
      <c r="A17245" s="2" t="s">
        <v>8903</v>
      </c>
      <c r="B17245" s="6">
        <v>287095.94999999995</v>
      </c>
      <c r="C17245" s="7">
        <f t="shared" si="269"/>
        <v>287.09594999999996</v>
      </c>
    </row>
    <row r="17246" spans="1:3" x14ac:dyDescent="0.25">
      <c r="A17246" s="2" t="s">
        <v>8904</v>
      </c>
      <c r="B17246" s="6">
        <v>287112.59999999998</v>
      </c>
      <c r="C17246" s="7">
        <f t="shared" si="269"/>
        <v>287.11259999999999</v>
      </c>
    </row>
    <row r="17247" spans="1:3" x14ac:dyDescent="0.25">
      <c r="A17247" s="2" t="s">
        <v>8905</v>
      </c>
      <c r="B17247" s="6">
        <v>287129.25</v>
      </c>
      <c r="C17247" s="7">
        <f t="shared" si="269"/>
        <v>287.12925000000001</v>
      </c>
    </row>
    <row r="17248" spans="1:3" x14ac:dyDescent="0.25">
      <c r="A17248" s="2" t="s">
        <v>8906</v>
      </c>
      <c r="B17248" s="6">
        <v>287145.89999999997</v>
      </c>
      <c r="C17248" s="7">
        <f t="shared" si="269"/>
        <v>287.14589999999998</v>
      </c>
    </row>
    <row r="17249" spans="1:3" x14ac:dyDescent="0.25">
      <c r="A17249" s="2" t="s">
        <v>8907</v>
      </c>
      <c r="B17249" s="6">
        <v>287162.55</v>
      </c>
      <c r="C17249" s="7">
        <f t="shared" si="269"/>
        <v>287.16255000000001</v>
      </c>
    </row>
    <row r="17250" spans="1:3" x14ac:dyDescent="0.25">
      <c r="A17250" s="2" t="s">
        <v>8908</v>
      </c>
      <c r="B17250" s="6">
        <v>287179.19999999995</v>
      </c>
      <c r="C17250" s="7">
        <f t="shared" si="269"/>
        <v>287.17919999999998</v>
      </c>
    </row>
    <row r="17251" spans="1:3" x14ac:dyDescent="0.25">
      <c r="A17251" s="2" t="s">
        <v>8909</v>
      </c>
      <c r="B17251" s="6">
        <v>287195.84999999998</v>
      </c>
      <c r="C17251" s="7">
        <f t="shared" si="269"/>
        <v>287.19584999999995</v>
      </c>
    </row>
    <row r="17252" spans="1:3" x14ac:dyDescent="0.25">
      <c r="A17252" s="2" t="s">
        <v>8910</v>
      </c>
      <c r="B17252" s="6">
        <v>287212.5</v>
      </c>
      <c r="C17252" s="7">
        <f t="shared" si="269"/>
        <v>287.21249999999998</v>
      </c>
    </row>
    <row r="17253" spans="1:3" x14ac:dyDescent="0.25">
      <c r="A17253" s="2" t="s">
        <v>8911</v>
      </c>
      <c r="B17253" s="6">
        <v>287229.14999999997</v>
      </c>
      <c r="C17253" s="7">
        <f t="shared" si="269"/>
        <v>287.22914999999995</v>
      </c>
    </row>
    <row r="17254" spans="1:3" x14ac:dyDescent="0.25">
      <c r="A17254" s="2" t="s">
        <v>8912</v>
      </c>
      <c r="B17254" s="6">
        <v>287245.8</v>
      </c>
      <c r="C17254" s="7">
        <f t="shared" si="269"/>
        <v>287.24579999999997</v>
      </c>
    </row>
    <row r="17255" spans="1:3" x14ac:dyDescent="0.25">
      <c r="A17255" s="2" t="s">
        <v>8913</v>
      </c>
      <c r="B17255" s="6">
        <v>287262.44999999995</v>
      </c>
      <c r="C17255" s="7">
        <f t="shared" si="269"/>
        <v>287.26244999999994</v>
      </c>
    </row>
    <row r="17256" spans="1:3" x14ac:dyDescent="0.25">
      <c r="A17256" s="2" t="s">
        <v>8914</v>
      </c>
      <c r="B17256" s="6">
        <v>287279.09999999998</v>
      </c>
      <c r="C17256" s="7">
        <f t="shared" si="269"/>
        <v>287.27909999999997</v>
      </c>
    </row>
    <row r="17257" spans="1:3" x14ac:dyDescent="0.25">
      <c r="A17257" s="2" t="s">
        <v>8915</v>
      </c>
      <c r="B17257" s="6">
        <v>287295.75</v>
      </c>
      <c r="C17257" s="7">
        <f t="shared" si="269"/>
        <v>287.29575</v>
      </c>
    </row>
    <row r="17258" spans="1:3" x14ac:dyDescent="0.25">
      <c r="A17258" s="2" t="s">
        <v>8916</v>
      </c>
      <c r="B17258" s="6">
        <v>287312.39999999997</v>
      </c>
      <c r="C17258" s="7">
        <f t="shared" si="269"/>
        <v>287.31239999999997</v>
      </c>
    </row>
    <row r="17259" spans="1:3" x14ac:dyDescent="0.25">
      <c r="A17259" s="2" t="s">
        <v>8917</v>
      </c>
      <c r="B17259" s="6">
        <v>287329.05</v>
      </c>
      <c r="C17259" s="7">
        <f t="shared" si="269"/>
        <v>287.32905</v>
      </c>
    </row>
    <row r="17260" spans="1:3" x14ac:dyDescent="0.25">
      <c r="A17260" s="2" t="s">
        <v>8918</v>
      </c>
      <c r="B17260" s="6">
        <v>287345.69999999995</v>
      </c>
      <c r="C17260" s="7">
        <f t="shared" si="269"/>
        <v>287.34569999999997</v>
      </c>
    </row>
    <row r="17261" spans="1:3" x14ac:dyDescent="0.25">
      <c r="A17261" s="2" t="s">
        <v>8919</v>
      </c>
      <c r="B17261" s="6">
        <v>287362.34999999998</v>
      </c>
      <c r="C17261" s="7">
        <f t="shared" si="269"/>
        <v>287.36234999999999</v>
      </c>
    </row>
    <row r="17262" spans="1:3" x14ac:dyDescent="0.25">
      <c r="A17262" s="2" t="s">
        <v>8920</v>
      </c>
      <c r="B17262" s="6">
        <v>287379</v>
      </c>
      <c r="C17262" s="7">
        <f t="shared" si="269"/>
        <v>287.37900000000002</v>
      </c>
    </row>
    <row r="17263" spans="1:3" x14ac:dyDescent="0.25">
      <c r="A17263" s="2" t="s">
        <v>8921</v>
      </c>
      <c r="B17263" s="6">
        <v>287395.64999999997</v>
      </c>
      <c r="C17263" s="7">
        <f t="shared" si="269"/>
        <v>287.39564999999999</v>
      </c>
    </row>
    <row r="17264" spans="1:3" x14ac:dyDescent="0.25">
      <c r="A17264" s="2" t="s">
        <v>8922</v>
      </c>
      <c r="B17264" s="6">
        <v>287412.3</v>
      </c>
      <c r="C17264" s="7">
        <f t="shared" si="269"/>
        <v>287.41230000000002</v>
      </c>
    </row>
    <row r="17265" spans="1:3" x14ac:dyDescent="0.25">
      <c r="A17265" s="2" t="s">
        <v>8923</v>
      </c>
      <c r="B17265" s="6">
        <v>287428.94999999995</v>
      </c>
      <c r="C17265" s="7">
        <f t="shared" si="269"/>
        <v>287.42894999999993</v>
      </c>
    </row>
    <row r="17266" spans="1:3" x14ac:dyDescent="0.25">
      <c r="A17266" s="2" t="s">
        <v>8924</v>
      </c>
      <c r="B17266" s="6">
        <v>287445.59999999998</v>
      </c>
      <c r="C17266" s="7">
        <f t="shared" si="269"/>
        <v>287.44559999999996</v>
      </c>
    </row>
    <row r="17267" spans="1:3" x14ac:dyDescent="0.25">
      <c r="A17267" s="2" t="s">
        <v>8925</v>
      </c>
      <c r="B17267" s="6">
        <v>287462.25</v>
      </c>
      <c r="C17267" s="7">
        <f t="shared" si="269"/>
        <v>287.46224999999998</v>
      </c>
    </row>
    <row r="17268" spans="1:3" x14ac:dyDescent="0.25">
      <c r="A17268" s="2" t="s">
        <v>8926</v>
      </c>
      <c r="B17268" s="6">
        <v>287478.89999999997</v>
      </c>
      <c r="C17268" s="7">
        <f t="shared" si="269"/>
        <v>287.47889999999995</v>
      </c>
    </row>
    <row r="17269" spans="1:3" x14ac:dyDescent="0.25">
      <c r="A17269" s="2" t="s">
        <v>8927</v>
      </c>
      <c r="B17269" s="6">
        <v>287495.55</v>
      </c>
      <c r="C17269" s="7">
        <f t="shared" si="269"/>
        <v>287.49554999999998</v>
      </c>
    </row>
    <row r="17270" spans="1:3" x14ac:dyDescent="0.25">
      <c r="A17270" s="2" t="s">
        <v>8928</v>
      </c>
      <c r="B17270" s="6">
        <v>287512.19999999995</v>
      </c>
      <c r="C17270" s="7">
        <f t="shared" si="269"/>
        <v>287.51219999999995</v>
      </c>
    </row>
    <row r="17271" spans="1:3" x14ac:dyDescent="0.25">
      <c r="A17271" s="2" t="s">
        <v>8929</v>
      </c>
      <c r="B17271" s="6">
        <v>287528.84999999998</v>
      </c>
      <c r="C17271" s="7">
        <f t="shared" si="269"/>
        <v>287.52884999999998</v>
      </c>
    </row>
    <row r="17272" spans="1:3" x14ac:dyDescent="0.25">
      <c r="A17272" s="2" t="s">
        <v>8930</v>
      </c>
      <c r="B17272" s="6">
        <v>287545.5</v>
      </c>
      <c r="C17272" s="7">
        <f t="shared" si="269"/>
        <v>287.5455</v>
      </c>
    </row>
    <row r="17273" spans="1:3" x14ac:dyDescent="0.25">
      <c r="A17273" s="2" t="s">
        <v>8931</v>
      </c>
      <c r="B17273" s="6">
        <v>287562.14999999997</v>
      </c>
      <c r="C17273" s="7">
        <f t="shared" si="269"/>
        <v>287.56214999999997</v>
      </c>
    </row>
    <row r="17274" spans="1:3" x14ac:dyDescent="0.25">
      <c r="A17274" s="2" t="s">
        <v>8932</v>
      </c>
      <c r="B17274" s="6">
        <v>287578.8</v>
      </c>
      <c r="C17274" s="7">
        <f t="shared" si="269"/>
        <v>287.5788</v>
      </c>
    </row>
    <row r="17275" spans="1:3" x14ac:dyDescent="0.25">
      <c r="A17275" s="2" t="s">
        <v>8933</v>
      </c>
      <c r="B17275" s="6">
        <v>287595.44999999995</v>
      </c>
      <c r="C17275" s="7">
        <f t="shared" si="269"/>
        <v>287.59544999999997</v>
      </c>
    </row>
    <row r="17276" spans="1:3" x14ac:dyDescent="0.25">
      <c r="A17276" s="2" t="s">
        <v>8934</v>
      </c>
      <c r="B17276" s="6">
        <v>287612.09999999998</v>
      </c>
      <c r="C17276" s="7">
        <f t="shared" si="269"/>
        <v>287.6121</v>
      </c>
    </row>
    <row r="17277" spans="1:3" x14ac:dyDescent="0.25">
      <c r="A17277" s="2" t="s">
        <v>8935</v>
      </c>
      <c r="B17277" s="6">
        <v>287628.75</v>
      </c>
      <c r="C17277" s="7">
        <f t="shared" si="269"/>
        <v>287.62875000000003</v>
      </c>
    </row>
    <row r="17278" spans="1:3" x14ac:dyDescent="0.25">
      <c r="A17278" s="2" t="s">
        <v>8936</v>
      </c>
      <c r="B17278" s="6">
        <v>287645.39999999997</v>
      </c>
      <c r="C17278" s="7">
        <f t="shared" si="269"/>
        <v>287.64539999999994</v>
      </c>
    </row>
    <row r="17279" spans="1:3" x14ac:dyDescent="0.25">
      <c r="A17279" s="2" t="s">
        <v>8937</v>
      </c>
      <c r="B17279" s="6">
        <v>287662.05</v>
      </c>
      <c r="C17279" s="7">
        <f t="shared" si="269"/>
        <v>287.66204999999997</v>
      </c>
    </row>
    <row r="17280" spans="1:3" x14ac:dyDescent="0.25">
      <c r="A17280" s="2" t="s">
        <v>8938</v>
      </c>
      <c r="B17280" s="6">
        <v>287678.69999999995</v>
      </c>
      <c r="C17280" s="7">
        <f t="shared" si="269"/>
        <v>287.67869999999994</v>
      </c>
    </row>
    <row r="17281" spans="1:3" x14ac:dyDescent="0.25">
      <c r="A17281" s="2" t="s">
        <v>8939</v>
      </c>
      <c r="B17281" s="6">
        <v>287695.34999999998</v>
      </c>
      <c r="C17281" s="7">
        <f t="shared" si="269"/>
        <v>287.69534999999996</v>
      </c>
    </row>
    <row r="17282" spans="1:3" x14ac:dyDescent="0.25">
      <c r="A17282" s="2" t="s">
        <v>8940</v>
      </c>
      <c r="B17282" s="6">
        <v>287712</v>
      </c>
      <c r="C17282" s="7">
        <f t="shared" si="269"/>
        <v>287.71199999999999</v>
      </c>
    </row>
    <row r="17283" spans="1:3" x14ac:dyDescent="0.25">
      <c r="A17283" s="2" t="s">
        <v>8941</v>
      </c>
      <c r="B17283" s="6">
        <v>287728.64999999997</v>
      </c>
      <c r="C17283" s="7">
        <f t="shared" ref="C17283:C17346" si="270">B17283/1000</f>
        <v>287.72864999999996</v>
      </c>
    </row>
    <row r="17284" spans="1:3" x14ac:dyDescent="0.25">
      <c r="A17284" s="2" t="s">
        <v>8942</v>
      </c>
      <c r="B17284" s="6">
        <v>287745.3</v>
      </c>
      <c r="C17284" s="7">
        <f t="shared" si="270"/>
        <v>287.74529999999999</v>
      </c>
    </row>
    <row r="17285" spans="1:3" x14ac:dyDescent="0.25">
      <c r="A17285" s="2" t="s">
        <v>8943</v>
      </c>
      <c r="B17285" s="6">
        <v>287761.94999999995</v>
      </c>
      <c r="C17285" s="7">
        <f t="shared" si="270"/>
        <v>287.76194999999996</v>
      </c>
    </row>
    <row r="17286" spans="1:3" x14ac:dyDescent="0.25">
      <c r="A17286" s="2" t="s">
        <v>8944</v>
      </c>
      <c r="B17286" s="6">
        <v>287778.59999999998</v>
      </c>
      <c r="C17286" s="7">
        <f t="shared" si="270"/>
        <v>287.77859999999998</v>
      </c>
    </row>
    <row r="17287" spans="1:3" x14ac:dyDescent="0.25">
      <c r="A17287" s="2" t="s">
        <v>8945</v>
      </c>
      <c r="B17287" s="6">
        <v>287795.25</v>
      </c>
      <c r="C17287" s="7">
        <f t="shared" si="270"/>
        <v>287.79525000000001</v>
      </c>
    </row>
    <row r="17288" spans="1:3" x14ac:dyDescent="0.25">
      <c r="A17288" s="2" t="s">
        <v>8946</v>
      </c>
      <c r="B17288" s="6">
        <v>287811.89999999997</v>
      </c>
      <c r="C17288" s="7">
        <f t="shared" si="270"/>
        <v>287.81189999999998</v>
      </c>
    </row>
    <row r="17289" spans="1:3" x14ac:dyDescent="0.25">
      <c r="A17289" s="2" t="s">
        <v>8947</v>
      </c>
      <c r="B17289" s="6">
        <v>287828.55</v>
      </c>
      <c r="C17289" s="7">
        <f t="shared" si="270"/>
        <v>287.82855000000001</v>
      </c>
    </row>
    <row r="17290" spans="1:3" x14ac:dyDescent="0.25">
      <c r="A17290" s="2" t="s">
        <v>8948</v>
      </c>
      <c r="B17290" s="6">
        <v>287845.19999999995</v>
      </c>
      <c r="C17290" s="7">
        <f t="shared" si="270"/>
        <v>287.84519999999998</v>
      </c>
    </row>
    <row r="17291" spans="1:3" x14ac:dyDescent="0.25">
      <c r="A17291" s="2" t="s">
        <v>8949</v>
      </c>
      <c r="B17291" s="6">
        <v>287861.84999999998</v>
      </c>
      <c r="C17291" s="7">
        <f t="shared" si="270"/>
        <v>287.86185</v>
      </c>
    </row>
    <row r="17292" spans="1:3" x14ac:dyDescent="0.25">
      <c r="A17292" s="2" t="s">
        <v>8950</v>
      </c>
      <c r="B17292" s="6">
        <v>287878.5</v>
      </c>
      <c r="C17292" s="7">
        <f t="shared" si="270"/>
        <v>287.87849999999997</v>
      </c>
    </row>
    <row r="17293" spans="1:3" x14ac:dyDescent="0.25">
      <c r="A17293" s="2" t="s">
        <v>8951</v>
      </c>
      <c r="B17293" s="6">
        <v>287895.14999999997</v>
      </c>
      <c r="C17293" s="7">
        <f t="shared" si="270"/>
        <v>287.89514999999994</v>
      </c>
    </row>
    <row r="17294" spans="1:3" x14ac:dyDescent="0.25">
      <c r="A17294" s="2" t="s">
        <v>8952</v>
      </c>
      <c r="B17294" s="6">
        <v>287911.8</v>
      </c>
      <c r="C17294" s="7">
        <f t="shared" si="270"/>
        <v>287.91179999999997</v>
      </c>
    </row>
    <row r="17295" spans="1:3" x14ac:dyDescent="0.25">
      <c r="A17295" s="2" t="s">
        <v>8953</v>
      </c>
      <c r="B17295" s="6">
        <v>287928.44999999995</v>
      </c>
      <c r="C17295" s="7">
        <f t="shared" si="270"/>
        <v>287.92844999999994</v>
      </c>
    </row>
    <row r="17296" spans="1:3" x14ac:dyDescent="0.25">
      <c r="A17296" s="2" t="s">
        <v>8954</v>
      </c>
      <c r="B17296" s="6">
        <v>287945.09999999998</v>
      </c>
      <c r="C17296" s="7">
        <f t="shared" si="270"/>
        <v>287.94509999999997</v>
      </c>
    </row>
    <row r="17297" spans="1:3" x14ac:dyDescent="0.25">
      <c r="A17297" s="2" t="s">
        <v>8955</v>
      </c>
      <c r="B17297" s="6">
        <v>287961.75</v>
      </c>
      <c r="C17297" s="7">
        <f t="shared" si="270"/>
        <v>287.96174999999999</v>
      </c>
    </row>
    <row r="17298" spans="1:3" x14ac:dyDescent="0.25">
      <c r="A17298" s="2" t="s">
        <v>8956</v>
      </c>
      <c r="B17298" s="6">
        <v>287978.39999999997</v>
      </c>
      <c r="C17298" s="7">
        <f t="shared" si="270"/>
        <v>287.97839999999997</v>
      </c>
    </row>
    <row r="17299" spans="1:3" x14ac:dyDescent="0.25">
      <c r="A17299" s="2" t="s">
        <v>8957</v>
      </c>
      <c r="B17299" s="6">
        <v>287995.05</v>
      </c>
      <c r="C17299" s="7">
        <f t="shared" si="270"/>
        <v>287.99504999999999</v>
      </c>
    </row>
    <row r="17300" spans="1:3" x14ac:dyDescent="0.25">
      <c r="A17300" s="2" t="s">
        <v>8958</v>
      </c>
      <c r="B17300" s="6">
        <v>288011.69999999995</v>
      </c>
      <c r="C17300" s="7">
        <f t="shared" si="270"/>
        <v>288.01169999999996</v>
      </c>
    </row>
    <row r="17301" spans="1:3" x14ac:dyDescent="0.25">
      <c r="A17301" s="2" t="s">
        <v>8959</v>
      </c>
      <c r="B17301" s="6">
        <v>288028.34999999998</v>
      </c>
      <c r="C17301" s="7">
        <f t="shared" si="270"/>
        <v>288.02834999999999</v>
      </c>
    </row>
    <row r="17302" spans="1:3" x14ac:dyDescent="0.25">
      <c r="A17302" s="2" t="s">
        <v>8960</v>
      </c>
      <c r="B17302" s="6">
        <v>288045</v>
      </c>
      <c r="C17302" s="7">
        <f t="shared" si="270"/>
        <v>288.04500000000002</v>
      </c>
    </row>
    <row r="17303" spans="1:3" x14ac:dyDescent="0.25">
      <c r="A17303" s="2" t="s">
        <v>8961</v>
      </c>
      <c r="B17303" s="6">
        <v>288061.64999999997</v>
      </c>
      <c r="C17303" s="7">
        <f t="shared" si="270"/>
        <v>288.06164999999999</v>
      </c>
    </row>
    <row r="17304" spans="1:3" x14ac:dyDescent="0.25">
      <c r="A17304" s="2" t="s">
        <v>8962</v>
      </c>
      <c r="B17304" s="6">
        <v>288078.3</v>
      </c>
      <c r="C17304" s="7">
        <f t="shared" si="270"/>
        <v>288.07830000000001</v>
      </c>
    </row>
    <row r="17305" spans="1:3" x14ac:dyDescent="0.25">
      <c r="A17305" s="2" t="s">
        <v>8963</v>
      </c>
      <c r="B17305" s="6">
        <v>288094.94999999995</v>
      </c>
      <c r="C17305" s="7">
        <f t="shared" si="270"/>
        <v>288.09494999999993</v>
      </c>
    </row>
    <row r="17306" spans="1:3" x14ac:dyDescent="0.25">
      <c r="A17306" s="2" t="s">
        <v>8964</v>
      </c>
      <c r="B17306" s="6">
        <v>288111.59999999998</v>
      </c>
      <c r="C17306" s="7">
        <f t="shared" si="270"/>
        <v>288.11159999999995</v>
      </c>
    </row>
    <row r="17307" spans="1:3" x14ac:dyDescent="0.25">
      <c r="A17307" s="2" t="s">
        <v>8965</v>
      </c>
      <c r="B17307" s="6">
        <v>288128.25</v>
      </c>
      <c r="C17307" s="7">
        <f t="shared" si="270"/>
        <v>288.12824999999998</v>
      </c>
    </row>
    <row r="17308" spans="1:3" x14ac:dyDescent="0.25">
      <c r="A17308" s="2" t="s">
        <v>8966</v>
      </c>
      <c r="B17308" s="6">
        <v>288144.89999999997</v>
      </c>
      <c r="C17308" s="7">
        <f t="shared" si="270"/>
        <v>288.14489999999995</v>
      </c>
    </row>
    <row r="17309" spans="1:3" x14ac:dyDescent="0.25">
      <c r="A17309" s="2" t="s">
        <v>8967</v>
      </c>
      <c r="B17309" s="6">
        <v>288161.55</v>
      </c>
      <c r="C17309" s="7">
        <f t="shared" si="270"/>
        <v>288.16154999999998</v>
      </c>
    </row>
    <row r="17310" spans="1:3" x14ac:dyDescent="0.25">
      <c r="A17310" s="2" t="s">
        <v>8968</v>
      </c>
      <c r="B17310" s="6">
        <v>288178.19999999995</v>
      </c>
      <c r="C17310" s="7">
        <f t="shared" si="270"/>
        <v>288.17819999999995</v>
      </c>
    </row>
    <row r="17311" spans="1:3" x14ac:dyDescent="0.25">
      <c r="A17311" s="2" t="s">
        <v>8969</v>
      </c>
      <c r="B17311" s="6">
        <v>288194.84999999998</v>
      </c>
      <c r="C17311" s="7">
        <f t="shared" si="270"/>
        <v>288.19484999999997</v>
      </c>
    </row>
    <row r="17312" spans="1:3" x14ac:dyDescent="0.25">
      <c r="A17312" s="2" t="s">
        <v>8970</v>
      </c>
      <c r="B17312" s="6">
        <v>288211.5</v>
      </c>
      <c r="C17312" s="7">
        <f t="shared" si="270"/>
        <v>288.2115</v>
      </c>
    </row>
    <row r="17313" spans="1:3" x14ac:dyDescent="0.25">
      <c r="A17313" s="2" t="s">
        <v>8971</v>
      </c>
      <c r="B17313" s="6">
        <v>288228.14999999997</v>
      </c>
      <c r="C17313" s="7">
        <f t="shared" si="270"/>
        <v>288.22814999999997</v>
      </c>
    </row>
    <row r="17314" spans="1:3" x14ac:dyDescent="0.25">
      <c r="A17314" s="2" t="s">
        <v>8972</v>
      </c>
      <c r="B17314" s="6">
        <v>288244.8</v>
      </c>
      <c r="C17314" s="7">
        <f t="shared" si="270"/>
        <v>288.2448</v>
      </c>
    </row>
    <row r="17315" spans="1:3" x14ac:dyDescent="0.25">
      <c r="A17315" s="2" t="s">
        <v>8973</v>
      </c>
      <c r="B17315" s="6">
        <v>288261.44999999995</v>
      </c>
      <c r="C17315" s="7">
        <f t="shared" si="270"/>
        <v>288.26144999999997</v>
      </c>
    </row>
    <row r="17316" spans="1:3" x14ac:dyDescent="0.25">
      <c r="A17316" s="2" t="s">
        <v>8974</v>
      </c>
      <c r="B17316" s="6">
        <v>288278.09999999998</v>
      </c>
      <c r="C17316" s="7">
        <f t="shared" si="270"/>
        <v>288.27809999999999</v>
      </c>
    </row>
    <row r="17317" spans="1:3" x14ac:dyDescent="0.25">
      <c r="A17317" s="2" t="s">
        <v>8975</v>
      </c>
      <c r="B17317" s="6">
        <v>288294.75</v>
      </c>
      <c r="C17317" s="7">
        <f t="shared" si="270"/>
        <v>288.29475000000002</v>
      </c>
    </row>
    <row r="17318" spans="1:3" x14ac:dyDescent="0.25">
      <c r="A17318" s="2" t="s">
        <v>8976</v>
      </c>
      <c r="B17318" s="6">
        <v>288311.39999999997</v>
      </c>
      <c r="C17318" s="7">
        <f t="shared" si="270"/>
        <v>288.31139999999999</v>
      </c>
    </row>
    <row r="17319" spans="1:3" x14ac:dyDescent="0.25">
      <c r="A17319" s="2" t="s">
        <v>8977</v>
      </c>
      <c r="B17319" s="6">
        <v>288328.05</v>
      </c>
      <c r="C17319" s="7">
        <f t="shared" si="270"/>
        <v>288.32804999999996</v>
      </c>
    </row>
    <row r="17320" spans="1:3" x14ac:dyDescent="0.25">
      <c r="A17320" s="2" t="s">
        <v>8978</v>
      </c>
      <c r="B17320" s="6">
        <v>288344.69999999995</v>
      </c>
      <c r="C17320" s="7">
        <f t="shared" si="270"/>
        <v>288.34469999999993</v>
      </c>
    </row>
    <row r="17321" spans="1:3" x14ac:dyDescent="0.25">
      <c r="A17321" s="2" t="s">
        <v>8979</v>
      </c>
      <c r="B17321" s="6">
        <v>288361.34999999998</v>
      </c>
      <c r="C17321" s="7">
        <f t="shared" si="270"/>
        <v>288.36134999999996</v>
      </c>
    </row>
    <row r="17322" spans="1:3" x14ac:dyDescent="0.25">
      <c r="A17322" s="2" t="s">
        <v>8980</v>
      </c>
      <c r="B17322" s="6">
        <v>288378</v>
      </c>
      <c r="C17322" s="7">
        <f t="shared" si="270"/>
        <v>288.37799999999999</v>
      </c>
    </row>
    <row r="17323" spans="1:3" x14ac:dyDescent="0.25">
      <c r="A17323" s="2" t="s">
        <v>8981</v>
      </c>
      <c r="B17323" s="6">
        <v>288394.64999999997</v>
      </c>
      <c r="C17323" s="7">
        <f t="shared" si="270"/>
        <v>288.39464999999996</v>
      </c>
    </row>
    <row r="17324" spans="1:3" x14ac:dyDescent="0.25">
      <c r="A17324" s="2" t="s">
        <v>8982</v>
      </c>
      <c r="B17324" s="6">
        <v>288411.3</v>
      </c>
      <c r="C17324" s="7">
        <f t="shared" si="270"/>
        <v>288.41129999999998</v>
      </c>
    </row>
    <row r="17325" spans="1:3" x14ac:dyDescent="0.25">
      <c r="A17325" s="2" t="s">
        <v>8983</v>
      </c>
      <c r="B17325" s="6">
        <v>288427.94999999995</v>
      </c>
      <c r="C17325" s="7">
        <f t="shared" si="270"/>
        <v>288.42794999999995</v>
      </c>
    </row>
    <row r="17326" spans="1:3" x14ac:dyDescent="0.25">
      <c r="A17326" s="2" t="s">
        <v>8984</v>
      </c>
      <c r="B17326" s="6">
        <v>288444.59999999998</v>
      </c>
      <c r="C17326" s="7">
        <f t="shared" si="270"/>
        <v>288.44459999999998</v>
      </c>
    </row>
    <row r="17327" spans="1:3" x14ac:dyDescent="0.25">
      <c r="A17327" s="2" t="s">
        <v>8985</v>
      </c>
      <c r="B17327" s="6">
        <v>288461.25</v>
      </c>
      <c r="C17327" s="7">
        <f t="shared" si="270"/>
        <v>288.46125000000001</v>
      </c>
    </row>
    <row r="17328" spans="1:3" x14ac:dyDescent="0.25">
      <c r="A17328" s="2" t="s">
        <v>8986</v>
      </c>
      <c r="B17328" s="6">
        <v>288477.89999999997</v>
      </c>
      <c r="C17328" s="7">
        <f t="shared" si="270"/>
        <v>288.47789999999998</v>
      </c>
    </row>
    <row r="17329" spans="1:3" x14ac:dyDescent="0.25">
      <c r="A17329" s="2" t="s">
        <v>8987</v>
      </c>
      <c r="B17329" s="6">
        <v>288494.55</v>
      </c>
      <c r="C17329" s="7">
        <f t="shared" si="270"/>
        <v>288.49455</v>
      </c>
    </row>
    <row r="17330" spans="1:3" x14ac:dyDescent="0.25">
      <c r="A17330" s="2" t="s">
        <v>8988</v>
      </c>
      <c r="B17330" s="6">
        <v>288511.19999999995</v>
      </c>
      <c r="C17330" s="7">
        <f t="shared" si="270"/>
        <v>288.51119999999997</v>
      </c>
    </row>
    <row r="17331" spans="1:3" x14ac:dyDescent="0.25">
      <c r="A17331" s="2" t="s">
        <v>8989</v>
      </c>
      <c r="B17331" s="6">
        <v>288527.84999999998</v>
      </c>
      <c r="C17331" s="7">
        <f t="shared" si="270"/>
        <v>288.52785</v>
      </c>
    </row>
    <row r="17332" spans="1:3" x14ac:dyDescent="0.25">
      <c r="A17332" s="2" t="s">
        <v>8990</v>
      </c>
      <c r="B17332" s="6">
        <v>288544.5</v>
      </c>
      <c r="C17332" s="7">
        <f t="shared" si="270"/>
        <v>288.54450000000003</v>
      </c>
    </row>
    <row r="17333" spans="1:3" x14ac:dyDescent="0.25">
      <c r="A17333" s="2" t="s">
        <v>8991</v>
      </c>
      <c r="B17333" s="6">
        <v>288561.14999999997</v>
      </c>
      <c r="C17333" s="7">
        <f t="shared" si="270"/>
        <v>288.56114999999994</v>
      </c>
    </row>
    <row r="17334" spans="1:3" x14ac:dyDescent="0.25">
      <c r="A17334" s="2" t="s">
        <v>8992</v>
      </c>
      <c r="B17334" s="6">
        <v>288577.8</v>
      </c>
      <c r="C17334" s="7">
        <f t="shared" si="270"/>
        <v>288.57779999999997</v>
      </c>
    </row>
    <row r="17335" spans="1:3" x14ac:dyDescent="0.25">
      <c r="A17335" s="2" t="s">
        <v>8993</v>
      </c>
      <c r="B17335" s="6">
        <v>288594.44999999995</v>
      </c>
      <c r="C17335" s="7">
        <f t="shared" si="270"/>
        <v>288.59444999999994</v>
      </c>
    </row>
    <row r="17336" spans="1:3" x14ac:dyDescent="0.25">
      <c r="A17336" s="2" t="s">
        <v>8994</v>
      </c>
      <c r="B17336" s="6">
        <v>288611.09999999998</v>
      </c>
      <c r="C17336" s="7">
        <f t="shared" si="270"/>
        <v>288.61109999999996</v>
      </c>
    </row>
    <row r="17337" spans="1:3" x14ac:dyDescent="0.25">
      <c r="A17337" s="2" t="s">
        <v>8995</v>
      </c>
      <c r="B17337" s="6">
        <v>288627.75</v>
      </c>
      <c r="C17337" s="7">
        <f t="shared" si="270"/>
        <v>288.62774999999999</v>
      </c>
    </row>
    <row r="17338" spans="1:3" x14ac:dyDescent="0.25">
      <c r="A17338" s="2" t="s">
        <v>8996</v>
      </c>
      <c r="B17338" s="6">
        <v>288644.39999999997</v>
      </c>
      <c r="C17338" s="7">
        <f t="shared" si="270"/>
        <v>288.64439999999996</v>
      </c>
    </row>
    <row r="17339" spans="1:3" x14ac:dyDescent="0.25">
      <c r="A17339" s="2" t="s">
        <v>8997</v>
      </c>
      <c r="B17339" s="6">
        <v>288661.05</v>
      </c>
      <c r="C17339" s="7">
        <f t="shared" si="270"/>
        <v>288.66104999999999</v>
      </c>
    </row>
    <row r="17340" spans="1:3" x14ac:dyDescent="0.25">
      <c r="A17340" s="2" t="s">
        <v>8998</v>
      </c>
      <c r="B17340" s="6">
        <v>288677.69999999995</v>
      </c>
      <c r="C17340" s="7">
        <f t="shared" si="270"/>
        <v>288.67769999999996</v>
      </c>
    </row>
    <row r="17341" spans="1:3" x14ac:dyDescent="0.25">
      <c r="A17341" s="2" t="s">
        <v>8999</v>
      </c>
      <c r="B17341" s="6">
        <v>288694.34999999998</v>
      </c>
      <c r="C17341" s="7">
        <f t="shared" si="270"/>
        <v>288.69434999999999</v>
      </c>
    </row>
    <row r="17342" spans="1:3" x14ac:dyDescent="0.25">
      <c r="A17342" s="2" t="s">
        <v>9000</v>
      </c>
      <c r="B17342" s="6">
        <v>288711</v>
      </c>
      <c r="C17342" s="7">
        <f t="shared" si="270"/>
        <v>288.71100000000001</v>
      </c>
    </row>
    <row r="17343" spans="1:3" x14ac:dyDescent="0.25">
      <c r="A17343" s="2" t="s">
        <v>9001</v>
      </c>
      <c r="B17343" s="6">
        <v>288727.64999999997</v>
      </c>
      <c r="C17343" s="7">
        <f t="shared" si="270"/>
        <v>288.72764999999998</v>
      </c>
    </row>
    <row r="17344" spans="1:3" x14ac:dyDescent="0.25">
      <c r="A17344" s="2" t="s">
        <v>9002</v>
      </c>
      <c r="B17344" s="6">
        <v>288744.3</v>
      </c>
      <c r="C17344" s="7">
        <f t="shared" si="270"/>
        <v>288.74430000000001</v>
      </c>
    </row>
    <row r="17345" spans="1:3" x14ac:dyDescent="0.25">
      <c r="A17345" s="2" t="s">
        <v>9003</v>
      </c>
      <c r="B17345" s="6">
        <v>288760.94999999995</v>
      </c>
      <c r="C17345" s="7">
        <f t="shared" si="270"/>
        <v>288.76094999999998</v>
      </c>
    </row>
    <row r="17346" spans="1:3" x14ac:dyDescent="0.25">
      <c r="A17346" s="2" t="s">
        <v>9004</v>
      </c>
      <c r="B17346" s="6">
        <v>288777.59999999998</v>
      </c>
      <c r="C17346" s="7">
        <f t="shared" si="270"/>
        <v>288.77759999999995</v>
      </c>
    </row>
    <row r="17347" spans="1:3" x14ac:dyDescent="0.25">
      <c r="A17347" s="2" t="s">
        <v>9005</v>
      </c>
      <c r="B17347" s="6">
        <v>288794.25</v>
      </c>
      <c r="C17347" s="7">
        <f t="shared" ref="C17347:C17410" si="271">B17347/1000</f>
        <v>288.79424999999998</v>
      </c>
    </row>
    <row r="17348" spans="1:3" x14ac:dyDescent="0.25">
      <c r="A17348" s="2" t="s">
        <v>9006</v>
      </c>
      <c r="B17348" s="6">
        <v>288810.89999999997</v>
      </c>
      <c r="C17348" s="7">
        <f t="shared" si="271"/>
        <v>288.81089999999995</v>
      </c>
    </row>
    <row r="17349" spans="1:3" x14ac:dyDescent="0.25">
      <c r="A17349" s="2" t="s">
        <v>9007</v>
      </c>
      <c r="B17349" s="6">
        <v>288827.55</v>
      </c>
      <c r="C17349" s="7">
        <f t="shared" si="271"/>
        <v>288.82754999999997</v>
      </c>
    </row>
    <row r="17350" spans="1:3" x14ac:dyDescent="0.25">
      <c r="A17350" s="2" t="s">
        <v>9008</v>
      </c>
      <c r="B17350" s="6">
        <v>288844.19999999995</v>
      </c>
      <c r="C17350" s="7">
        <f t="shared" si="271"/>
        <v>288.84419999999994</v>
      </c>
    </row>
    <row r="17351" spans="1:3" x14ac:dyDescent="0.25">
      <c r="A17351" s="2" t="s">
        <v>9009</v>
      </c>
      <c r="B17351" s="6">
        <v>288860.84999999998</v>
      </c>
      <c r="C17351" s="7">
        <f t="shared" si="271"/>
        <v>288.86084999999997</v>
      </c>
    </row>
    <row r="17352" spans="1:3" x14ac:dyDescent="0.25">
      <c r="A17352" s="2" t="s">
        <v>9010</v>
      </c>
      <c r="B17352" s="6">
        <v>288877.5</v>
      </c>
      <c r="C17352" s="7">
        <f t="shared" si="271"/>
        <v>288.8775</v>
      </c>
    </row>
    <row r="17353" spans="1:3" x14ac:dyDescent="0.25">
      <c r="A17353" s="2" t="s">
        <v>9011</v>
      </c>
      <c r="B17353" s="6">
        <v>288894.14999999997</v>
      </c>
      <c r="C17353" s="7">
        <f t="shared" si="271"/>
        <v>288.89414999999997</v>
      </c>
    </row>
    <row r="17354" spans="1:3" x14ac:dyDescent="0.25">
      <c r="A17354" s="2" t="s">
        <v>9012</v>
      </c>
      <c r="B17354" s="6">
        <v>288910.8</v>
      </c>
      <c r="C17354" s="7">
        <f t="shared" si="271"/>
        <v>288.91079999999999</v>
      </c>
    </row>
    <row r="17355" spans="1:3" x14ac:dyDescent="0.25">
      <c r="A17355" s="2" t="s">
        <v>9013</v>
      </c>
      <c r="B17355" s="6">
        <v>288927.44999999995</v>
      </c>
      <c r="C17355" s="7">
        <f t="shared" si="271"/>
        <v>288.92744999999996</v>
      </c>
    </row>
    <row r="17356" spans="1:3" x14ac:dyDescent="0.25">
      <c r="A17356" s="2" t="s">
        <v>9014</v>
      </c>
      <c r="B17356" s="6">
        <v>288944.09999999998</v>
      </c>
      <c r="C17356" s="7">
        <f t="shared" si="271"/>
        <v>288.94409999999999</v>
      </c>
    </row>
    <row r="17357" spans="1:3" x14ac:dyDescent="0.25">
      <c r="A17357" s="2" t="s">
        <v>9015</v>
      </c>
      <c r="B17357" s="6">
        <v>288960.75</v>
      </c>
      <c r="C17357" s="7">
        <f t="shared" si="271"/>
        <v>288.96075000000002</v>
      </c>
    </row>
    <row r="17358" spans="1:3" x14ac:dyDescent="0.25">
      <c r="A17358" s="2" t="s">
        <v>9016</v>
      </c>
      <c r="B17358" s="6">
        <v>288977.39999999997</v>
      </c>
      <c r="C17358" s="7">
        <f t="shared" si="271"/>
        <v>288.97739999999999</v>
      </c>
    </row>
    <row r="17359" spans="1:3" x14ac:dyDescent="0.25">
      <c r="A17359" s="2" t="s">
        <v>9017</v>
      </c>
      <c r="B17359" s="6">
        <v>288994.05</v>
      </c>
      <c r="C17359" s="7">
        <f t="shared" si="271"/>
        <v>288.99405000000002</v>
      </c>
    </row>
    <row r="17360" spans="1:3" x14ac:dyDescent="0.25">
      <c r="A17360" s="2" t="s">
        <v>9018</v>
      </c>
      <c r="B17360" s="6">
        <v>289010.69999999995</v>
      </c>
      <c r="C17360" s="7">
        <f t="shared" si="271"/>
        <v>289.01069999999993</v>
      </c>
    </row>
    <row r="17361" spans="1:3" x14ac:dyDescent="0.25">
      <c r="A17361" s="2" t="s">
        <v>9019</v>
      </c>
      <c r="B17361" s="6">
        <v>289027.34999999998</v>
      </c>
      <c r="C17361" s="7">
        <f t="shared" si="271"/>
        <v>289.02734999999996</v>
      </c>
    </row>
    <row r="17362" spans="1:3" x14ac:dyDescent="0.25">
      <c r="A17362" s="2" t="s">
        <v>9020</v>
      </c>
      <c r="B17362" s="6">
        <v>289044</v>
      </c>
      <c r="C17362" s="7">
        <f t="shared" si="271"/>
        <v>289.04399999999998</v>
      </c>
    </row>
    <row r="17363" spans="1:3" x14ac:dyDescent="0.25">
      <c r="A17363" s="2" t="s">
        <v>9021</v>
      </c>
      <c r="B17363" s="6">
        <v>289060.64999999997</v>
      </c>
      <c r="C17363" s="7">
        <f t="shared" si="271"/>
        <v>289.06064999999995</v>
      </c>
    </row>
    <row r="17364" spans="1:3" x14ac:dyDescent="0.25">
      <c r="A17364" s="2" t="s">
        <v>9022</v>
      </c>
      <c r="B17364" s="6">
        <v>289077.3</v>
      </c>
      <c r="C17364" s="7">
        <f t="shared" si="271"/>
        <v>289.07729999999998</v>
      </c>
    </row>
    <row r="17365" spans="1:3" x14ac:dyDescent="0.25">
      <c r="A17365" s="2" t="s">
        <v>9023</v>
      </c>
      <c r="B17365" s="6">
        <v>289093.94999999995</v>
      </c>
      <c r="C17365" s="7">
        <f t="shared" si="271"/>
        <v>289.09394999999995</v>
      </c>
    </row>
    <row r="17366" spans="1:3" x14ac:dyDescent="0.25">
      <c r="A17366" s="2" t="s">
        <v>9024</v>
      </c>
      <c r="B17366" s="6">
        <v>289110.59999999998</v>
      </c>
      <c r="C17366" s="7">
        <f t="shared" si="271"/>
        <v>289.11059999999998</v>
      </c>
    </row>
    <row r="17367" spans="1:3" x14ac:dyDescent="0.25">
      <c r="A17367" s="2" t="s">
        <v>9025</v>
      </c>
      <c r="B17367" s="6">
        <v>289127.25</v>
      </c>
      <c r="C17367" s="7">
        <f t="shared" si="271"/>
        <v>289.12725</v>
      </c>
    </row>
    <row r="17368" spans="1:3" x14ac:dyDescent="0.25">
      <c r="A17368" s="2" t="s">
        <v>9026</v>
      </c>
      <c r="B17368" s="6">
        <v>289143.89999999997</v>
      </c>
      <c r="C17368" s="7">
        <f t="shared" si="271"/>
        <v>289.14389999999997</v>
      </c>
    </row>
    <row r="17369" spans="1:3" x14ac:dyDescent="0.25">
      <c r="A17369" s="2" t="s">
        <v>9027</v>
      </c>
      <c r="B17369" s="6">
        <v>289143.89999999997</v>
      </c>
      <c r="C17369" s="7">
        <f t="shared" si="271"/>
        <v>289.14389999999997</v>
      </c>
    </row>
    <row r="17370" spans="1:3" x14ac:dyDescent="0.25">
      <c r="A17370" s="2" t="s">
        <v>9028</v>
      </c>
      <c r="B17370" s="6">
        <v>289160.55</v>
      </c>
      <c r="C17370" s="7">
        <f t="shared" si="271"/>
        <v>289.16055</v>
      </c>
    </row>
    <row r="17371" spans="1:3" x14ac:dyDescent="0.25">
      <c r="A17371" s="2" t="s">
        <v>9029</v>
      </c>
      <c r="B17371" s="6">
        <v>289177.19999999995</v>
      </c>
      <c r="C17371" s="7">
        <f t="shared" si="271"/>
        <v>289.17719999999997</v>
      </c>
    </row>
    <row r="17372" spans="1:3" x14ac:dyDescent="0.25">
      <c r="A17372" s="2" t="s">
        <v>9030</v>
      </c>
      <c r="B17372" s="6">
        <v>289193.84999999998</v>
      </c>
      <c r="C17372" s="7">
        <f t="shared" si="271"/>
        <v>289.19385</v>
      </c>
    </row>
    <row r="17373" spans="1:3" x14ac:dyDescent="0.25">
      <c r="A17373" s="2" t="s">
        <v>9031</v>
      </c>
      <c r="B17373" s="6">
        <v>289210.5</v>
      </c>
      <c r="C17373" s="7">
        <f t="shared" si="271"/>
        <v>289.21050000000002</v>
      </c>
    </row>
    <row r="17374" spans="1:3" x14ac:dyDescent="0.25">
      <c r="A17374" s="2" t="s">
        <v>9032</v>
      </c>
      <c r="B17374" s="6">
        <v>289227.14999999997</v>
      </c>
      <c r="C17374" s="7">
        <f t="shared" si="271"/>
        <v>289.22714999999994</v>
      </c>
    </row>
    <row r="17375" spans="1:3" x14ac:dyDescent="0.25">
      <c r="A17375" s="2" t="s">
        <v>9033</v>
      </c>
      <c r="B17375" s="6">
        <v>289243.8</v>
      </c>
      <c r="C17375" s="7">
        <f t="shared" si="271"/>
        <v>289.24379999999996</v>
      </c>
    </row>
    <row r="17376" spans="1:3" x14ac:dyDescent="0.25">
      <c r="A17376" s="2" t="s">
        <v>9034</v>
      </c>
      <c r="B17376" s="6">
        <v>289260.44999999995</v>
      </c>
      <c r="C17376" s="7">
        <f t="shared" si="271"/>
        <v>289.26044999999993</v>
      </c>
    </row>
    <row r="17377" spans="1:3" x14ac:dyDescent="0.25">
      <c r="A17377" s="2" t="s">
        <v>9035</v>
      </c>
      <c r="B17377" s="6">
        <v>289277.09999999998</v>
      </c>
      <c r="C17377" s="7">
        <f t="shared" si="271"/>
        <v>289.27709999999996</v>
      </c>
    </row>
    <row r="17378" spans="1:3" x14ac:dyDescent="0.25">
      <c r="A17378" s="2" t="s">
        <v>9036</v>
      </c>
      <c r="B17378" s="6">
        <v>289293.75</v>
      </c>
      <c r="C17378" s="7">
        <f t="shared" si="271"/>
        <v>289.29374999999999</v>
      </c>
    </row>
    <row r="17379" spans="1:3" x14ac:dyDescent="0.25">
      <c r="A17379" s="2" t="s">
        <v>9037</v>
      </c>
      <c r="B17379" s="6">
        <v>289310.39999999997</v>
      </c>
      <c r="C17379" s="7">
        <f t="shared" si="271"/>
        <v>289.31039999999996</v>
      </c>
    </row>
    <row r="17380" spans="1:3" x14ac:dyDescent="0.25">
      <c r="A17380" s="2" t="s">
        <v>9038</v>
      </c>
      <c r="B17380" s="6">
        <v>289327.05</v>
      </c>
      <c r="C17380" s="7">
        <f t="shared" si="271"/>
        <v>289.32704999999999</v>
      </c>
    </row>
    <row r="17381" spans="1:3" x14ac:dyDescent="0.25">
      <c r="A17381" s="2" t="s">
        <v>9039</v>
      </c>
      <c r="B17381" s="6">
        <v>289343.69999999995</v>
      </c>
      <c r="C17381" s="7">
        <f t="shared" si="271"/>
        <v>289.34369999999996</v>
      </c>
    </row>
    <row r="17382" spans="1:3" x14ac:dyDescent="0.25">
      <c r="A17382" s="2" t="s">
        <v>9040</v>
      </c>
      <c r="B17382" s="6">
        <v>289360.34999999998</v>
      </c>
      <c r="C17382" s="7">
        <f t="shared" si="271"/>
        <v>289.36034999999998</v>
      </c>
    </row>
    <row r="17383" spans="1:3" x14ac:dyDescent="0.25">
      <c r="A17383" s="2" t="s">
        <v>9041</v>
      </c>
      <c r="B17383" s="6">
        <v>289377</v>
      </c>
      <c r="C17383" s="7">
        <f t="shared" si="271"/>
        <v>289.37700000000001</v>
      </c>
    </row>
    <row r="17384" spans="1:3" x14ac:dyDescent="0.25">
      <c r="A17384" s="2" t="s">
        <v>9042</v>
      </c>
      <c r="B17384" s="6">
        <v>289393.64999999997</v>
      </c>
      <c r="C17384" s="7">
        <f t="shared" si="271"/>
        <v>289.39364999999998</v>
      </c>
    </row>
    <row r="17385" spans="1:3" x14ac:dyDescent="0.25">
      <c r="A17385" s="2" t="s">
        <v>9043</v>
      </c>
      <c r="B17385" s="6">
        <v>289410.3</v>
      </c>
      <c r="C17385" s="7">
        <f t="shared" si="271"/>
        <v>289.41030000000001</v>
      </c>
    </row>
    <row r="17386" spans="1:3" x14ac:dyDescent="0.25">
      <c r="A17386" s="2" t="s">
        <v>9044</v>
      </c>
      <c r="B17386" s="6">
        <v>289426.94999999995</v>
      </c>
      <c r="C17386" s="7">
        <f t="shared" si="271"/>
        <v>289.42694999999998</v>
      </c>
    </row>
    <row r="17387" spans="1:3" x14ac:dyDescent="0.25">
      <c r="A17387" s="2" t="s">
        <v>9045</v>
      </c>
      <c r="B17387" s="6">
        <v>289443.59999999998</v>
      </c>
      <c r="C17387" s="7">
        <f t="shared" si="271"/>
        <v>289.4436</v>
      </c>
    </row>
    <row r="17388" spans="1:3" x14ac:dyDescent="0.25">
      <c r="A17388" s="2" t="s">
        <v>9046</v>
      </c>
      <c r="B17388" s="6">
        <v>289460.25</v>
      </c>
      <c r="C17388" s="7">
        <f t="shared" si="271"/>
        <v>289.46024999999997</v>
      </c>
    </row>
    <row r="17389" spans="1:3" x14ac:dyDescent="0.25">
      <c r="A17389" s="2" t="s">
        <v>9047</v>
      </c>
      <c r="B17389" s="6">
        <v>289476.89999999997</v>
      </c>
      <c r="C17389" s="7">
        <f t="shared" si="271"/>
        <v>289.47689999999994</v>
      </c>
    </row>
    <row r="17390" spans="1:3" x14ac:dyDescent="0.25">
      <c r="A17390" s="2" t="s">
        <v>9048</v>
      </c>
      <c r="B17390" s="6">
        <v>289493.55</v>
      </c>
      <c r="C17390" s="7">
        <f t="shared" si="271"/>
        <v>289.49354999999997</v>
      </c>
    </row>
    <row r="17391" spans="1:3" x14ac:dyDescent="0.25">
      <c r="A17391" s="2" t="s">
        <v>9049</v>
      </c>
      <c r="B17391" s="6">
        <v>289510.19999999995</v>
      </c>
      <c r="C17391" s="7">
        <f t="shared" si="271"/>
        <v>289.51019999999994</v>
      </c>
    </row>
    <row r="17392" spans="1:3" x14ac:dyDescent="0.25">
      <c r="A17392" s="2" t="s">
        <v>9050</v>
      </c>
      <c r="B17392" s="6">
        <v>289526.84999999998</v>
      </c>
      <c r="C17392" s="7">
        <f t="shared" si="271"/>
        <v>289.52684999999997</v>
      </c>
    </row>
    <row r="17393" spans="1:3" x14ac:dyDescent="0.25">
      <c r="A17393" s="2" t="s">
        <v>9051</v>
      </c>
      <c r="B17393" s="6">
        <v>289543.5</v>
      </c>
      <c r="C17393" s="7">
        <f t="shared" si="271"/>
        <v>289.54349999999999</v>
      </c>
    </row>
    <row r="17394" spans="1:3" x14ac:dyDescent="0.25">
      <c r="A17394" s="2" t="s">
        <v>9052</v>
      </c>
      <c r="B17394" s="6">
        <v>289560.14999999997</v>
      </c>
      <c r="C17394" s="7">
        <f t="shared" si="271"/>
        <v>289.56014999999996</v>
      </c>
    </row>
    <row r="17395" spans="1:3" x14ac:dyDescent="0.25">
      <c r="A17395" s="2" t="s">
        <v>9053</v>
      </c>
      <c r="B17395" s="6">
        <v>289576.8</v>
      </c>
      <c r="C17395" s="7">
        <f t="shared" si="271"/>
        <v>289.57679999999999</v>
      </c>
    </row>
    <row r="17396" spans="1:3" x14ac:dyDescent="0.25">
      <c r="A17396" s="2" t="s">
        <v>9054</v>
      </c>
      <c r="B17396" s="6">
        <v>289593.44999999995</v>
      </c>
      <c r="C17396" s="7">
        <f t="shared" si="271"/>
        <v>289.59344999999996</v>
      </c>
    </row>
    <row r="17397" spans="1:3" x14ac:dyDescent="0.25">
      <c r="A17397" s="2" t="s">
        <v>9055</v>
      </c>
      <c r="B17397" s="6">
        <v>289610.09999999998</v>
      </c>
      <c r="C17397" s="7">
        <f t="shared" si="271"/>
        <v>289.61009999999999</v>
      </c>
    </row>
    <row r="17398" spans="1:3" x14ac:dyDescent="0.25">
      <c r="A17398" s="2" t="s">
        <v>9056</v>
      </c>
      <c r="B17398" s="6">
        <v>289626.75</v>
      </c>
      <c r="C17398" s="7">
        <f t="shared" si="271"/>
        <v>289.62675000000002</v>
      </c>
    </row>
    <row r="17399" spans="1:3" x14ac:dyDescent="0.25">
      <c r="A17399" s="2" t="s">
        <v>9057</v>
      </c>
      <c r="B17399" s="6">
        <v>289643.39999999997</v>
      </c>
      <c r="C17399" s="7">
        <f t="shared" si="271"/>
        <v>289.64339999999999</v>
      </c>
    </row>
    <row r="17400" spans="1:3" x14ac:dyDescent="0.25">
      <c r="A17400" s="2" t="s">
        <v>9058</v>
      </c>
      <c r="B17400" s="6">
        <v>289660.05</v>
      </c>
      <c r="C17400" s="7">
        <f t="shared" si="271"/>
        <v>289.66005000000001</v>
      </c>
    </row>
    <row r="17401" spans="1:3" x14ac:dyDescent="0.25">
      <c r="A17401" s="2" t="s">
        <v>9059</v>
      </c>
      <c r="B17401" s="6">
        <v>289676.69999999995</v>
      </c>
      <c r="C17401" s="7">
        <f t="shared" si="271"/>
        <v>289.67669999999993</v>
      </c>
    </row>
    <row r="17402" spans="1:3" x14ac:dyDescent="0.25">
      <c r="A17402" s="2" t="s">
        <v>9060</v>
      </c>
      <c r="B17402" s="6">
        <v>289693.34999999998</v>
      </c>
      <c r="C17402" s="7">
        <f t="shared" si="271"/>
        <v>289.69334999999995</v>
      </c>
    </row>
    <row r="17403" spans="1:3" x14ac:dyDescent="0.25">
      <c r="A17403" s="2" t="s">
        <v>9061</v>
      </c>
      <c r="B17403" s="6">
        <v>289710</v>
      </c>
      <c r="C17403" s="7">
        <f t="shared" si="271"/>
        <v>289.70999999999998</v>
      </c>
    </row>
    <row r="17404" spans="1:3" x14ac:dyDescent="0.25">
      <c r="A17404" s="2" t="s">
        <v>9062</v>
      </c>
      <c r="B17404" s="6">
        <v>289726.64999999997</v>
      </c>
      <c r="C17404" s="7">
        <f t="shared" si="271"/>
        <v>289.72664999999995</v>
      </c>
    </row>
    <row r="17405" spans="1:3" x14ac:dyDescent="0.25">
      <c r="A17405" s="2" t="s">
        <v>9063</v>
      </c>
      <c r="B17405" s="6">
        <v>289743.3</v>
      </c>
      <c r="C17405" s="7">
        <f t="shared" si="271"/>
        <v>289.74329999999998</v>
      </c>
    </row>
    <row r="17406" spans="1:3" x14ac:dyDescent="0.25">
      <c r="A17406" s="2" t="s">
        <v>9064</v>
      </c>
      <c r="B17406" s="6">
        <v>289759.94999999995</v>
      </c>
      <c r="C17406" s="7">
        <f t="shared" si="271"/>
        <v>289.75994999999995</v>
      </c>
    </row>
    <row r="17407" spans="1:3" x14ac:dyDescent="0.25">
      <c r="A17407" s="2" t="s">
        <v>9065</v>
      </c>
      <c r="B17407" s="6">
        <v>289776.59999999998</v>
      </c>
      <c r="C17407" s="7">
        <f t="shared" si="271"/>
        <v>289.77659999999997</v>
      </c>
    </row>
    <row r="17408" spans="1:3" x14ac:dyDescent="0.25">
      <c r="A17408" s="2" t="s">
        <v>9066</v>
      </c>
      <c r="B17408" s="6">
        <v>289793.25</v>
      </c>
      <c r="C17408" s="7">
        <f t="shared" si="271"/>
        <v>289.79325</v>
      </c>
    </row>
    <row r="17409" spans="1:3" x14ac:dyDescent="0.25">
      <c r="A17409" s="2" t="s">
        <v>9067</v>
      </c>
      <c r="B17409" s="6">
        <v>289809.89999999997</v>
      </c>
      <c r="C17409" s="7">
        <f t="shared" si="271"/>
        <v>289.80989999999997</v>
      </c>
    </row>
    <row r="17410" spans="1:3" x14ac:dyDescent="0.25">
      <c r="A17410" s="2" t="s">
        <v>9068</v>
      </c>
      <c r="B17410" s="6">
        <v>289826.55</v>
      </c>
      <c r="C17410" s="7">
        <f t="shared" si="271"/>
        <v>289.82655</v>
      </c>
    </row>
    <row r="17411" spans="1:3" x14ac:dyDescent="0.25">
      <c r="A17411" s="2" t="s">
        <v>9069</v>
      </c>
      <c r="B17411" s="6">
        <v>289843.19999999995</v>
      </c>
      <c r="C17411" s="7">
        <f t="shared" ref="C17411:C17474" si="272">B17411/1000</f>
        <v>289.84319999999997</v>
      </c>
    </row>
    <row r="17412" spans="1:3" x14ac:dyDescent="0.25">
      <c r="A17412" s="2" t="s">
        <v>9070</v>
      </c>
      <c r="B17412" s="6">
        <v>289859.84999999998</v>
      </c>
      <c r="C17412" s="7">
        <f t="shared" si="272"/>
        <v>289.85984999999999</v>
      </c>
    </row>
    <row r="17413" spans="1:3" x14ac:dyDescent="0.25">
      <c r="A17413" s="2" t="s">
        <v>9071</v>
      </c>
      <c r="B17413" s="6">
        <v>289876.5</v>
      </c>
      <c r="C17413" s="7">
        <f t="shared" si="272"/>
        <v>289.87650000000002</v>
      </c>
    </row>
    <row r="17414" spans="1:3" x14ac:dyDescent="0.25">
      <c r="A17414" s="2" t="s">
        <v>9072</v>
      </c>
      <c r="B17414" s="6">
        <v>289893.14999999997</v>
      </c>
      <c r="C17414" s="7">
        <f t="shared" si="272"/>
        <v>289.89314999999999</v>
      </c>
    </row>
    <row r="17415" spans="1:3" x14ac:dyDescent="0.25">
      <c r="A17415" s="2" t="s">
        <v>9073</v>
      </c>
      <c r="B17415" s="6">
        <v>289909.8</v>
      </c>
      <c r="C17415" s="7">
        <f t="shared" si="272"/>
        <v>289.90979999999996</v>
      </c>
    </row>
    <row r="17416" spans="1:3" x14ac:dyDescent="0.25">
      <c r="A17416" s="2" t="s">
        <v>9074</v>
      </c>
      <c r="B17416" s="6">
        <v>289926.44999999995</v>
      </c>
      <c r="C17416" s="7">
        <f t="shared" si="272"/>
        <v>289.92644999999993</v>
      </c>
    </row>
    <row r="17417" spans="1:3" x14ac:dyDescent="0.25">
      <c r="A17417" s="2" t="s">
        <v>9075</v>
      </c>
      <c r="B17417" s="6">
        <v>289943.09999999998</v>
      </c>
      <c r="C17417" s="7">
        <f t="shared" si="272"/>
        <v>289.94309999999996</v>
      </c>
    </row>
    <row r="17418" spans="1:3" x14ac:dyDescent="0.25">
      <c r="A17418" s="2" t="s">
        <v>9076</v>
      </c>
      <c r="B17418" s="6">
        <v>289959.75</v>
      </c>
      <c r="C17418" s="7">
        <f t="shared" si="272"/>
        <v>289.95974999999999</v>
      </c>
    </row>
    <row r="17419" spans="1:3" x14ac:dyDescent="0.25">
      <c r="A17419" s="2" t="s">
        <v>9077</v>
      </c>
      <c r="B17419" s="6">
        <v>289976.39999999997</v>
      </c>
      <c r="C17419" s="7">
        <f t="shared" si="272"/>
        <v>289.97639999999996</v>
      </c>
    </row>
    <row r="17420" spans="1:3" x14ac:dyDescent="0.25">
      <c r="A17420" s="2" t="s">
        <v>9078</v>
      </c>
      <c r="B17420" s="6">
        <v>289993.05</v>
      </c>
      <c r="C17420" s="7">
        <f t="shared" si="272"/>
        <v>289.99304999999998</v>
      </c>
    </row>
    <row r="17421" spans="1:3" x14ac:dyDescent="0.25">
      <c r="A17421" s="2" t="s">
        <v>9079</v>
      </c>
      <c r="B17421" s="6">
        <v>290009.69999999995</v>
      </c>
      <c r="C17421" s="7">
        <f t="shared" si="272"/>
        <v>290.00969999999995</v>
      </c>
    </row>
    <row r="17422" spans="1:3" x14ac:dyDescent="0.25">
      <c r="A17422" s="2" t="s">
        <v>9080</v>
      </c>
      <c r="B17422" s="6">
        <v>290026.34999999998</v>
      </c>
      <c r="C17422" s="7">
        <f t="shared" si="272"/>
        <v>290.02634999999998</v>
      </c>
    </row>
    <row r="17423" spans="1:3" x14ac:dyDescent="0.25">
      <c r="A17423" s="2" t="s">
        <v>9081</v>
      </c>
      <c r="B17423" s="6">
        <v>290043</v>
      </c>
      <c r="C17423" s="7">
        <f t="shared" si="272"/>
        <v>290.04300000000001</v>
      </c>
    </row>
    <row r="17424" spans="1:3" x14ac:dyDescent="0.25">
      <c r="A17424" s="2" t="s">
        <v>9082</v>
      </c>
      <c r="B17424" s="6">
        <v>290059.64999999997</v>
      </c>
      <c r="C17424" s="7">
        <f t="shared" si="272"/>
        <v>290.05964999999998</v>
      </c>
    </row>
    <row r="17425" spans="1:3" x14ac:dyDescent="0.25">
      <c r="A17425" s="2" t="s">
        <v>9083</v>
      </c>
      <c r="B17425" s="6">
        <v>290076.3</v>
      </c>
      <c r="C17425" s="7">
        <f t="shared" si="272"/>
        <v>290.0763</v>
      </c>
    </row>
    <row r="17426" spans="1:3" x14ac:dyDescent="0.25">
      <c r="A17426" s="2" t="s">
        <v>9084</v>
      </c>
      <c r="B17426" s="6">
        <v>290092.94999999995</v>
      </c>
      <c r="C17426" s="7">
        <f t="shared" si="272"/>
        <v>290.09294999999997</v>
      </c>
    </row>
    <row r="17427" spans="1:3" x14ac:dyDescent="0.25">
      <c r="A17427" s="2" t="s">
        <v>9085</v>
      </c>
      <c r="B17427" s="6">
        <v>290109.59999999998</v>
      </c>
      <c r="C17427" s="7">
        <f t="shared" si="272"/>
        <v>290.1096</v>
      </c>
    </row>
    <row r="17428" spans="1:3" x14ac:dyDescent="0.25">
      <c r="A17428" s="2" t="s">
        <v>9086</v>
      </c>
      <c r="B17428" s="6">
        <v>290126.25</v>
      </c>
      <c r="C17428" s="7">
        <f t="shared" si="272"/>
        <v>290.12625000000003</v>
      </c>
    </row>
    <row r="17429" spans="1:3" x14ac:dyDescent="0.25">
      <c r="A17429" s="2" t="s">
        <v>9087</v>
      </c>
      <c r="B17429" s="6">
        <v>290142.89999999997</v>
      </c>
      <c r="C17429" s="7">
        <f t="shared" si="272"/>
        <v>290.14289999999994</v>
      </c>
    </row>
    <row r="17430" spans="1:3" x14ac:dyDescent="0.25">
      <c r="A17430" s="2" t="s">
        <v>9088</v>
      </c>
      <c r="B17430" s="6">
        <v>290159.55</v>
      </c>
      <c r="C17430" s="7">
        <f t="shared" si="272"/>
        <v>290.15954999999997</v>
      </c>
    </row>
    <row r="17431" spans="1:3" x14ac:dyDescent="0.25">
      <c r="A17431" s="2" t="s">
        <v>9089</v>
      </c>
      <c r="B17431" s="6">
        <v>290176.19999999995</v>
      </c>
      <c r="C17431" s="7">
        <f t="shared" si="272"/>
        <v>290.17619999999994</v>
      </c>
    </row>
    <row r="17432" spans="1:3" x14ac:dyDescent="0.25">
      <c r="A17432" s="2" t="s">
        <v>9090</v>
      </c>
      <c r="B17432" s="6">
        <v>290192.84999999998</v>
      </c>
      <c r="C17432" s="7">
        <f t="shared" si="272"/>
        <v>290.19284999999996</v>
      </c>
    </row>
    <row r="17433" spans="1:3" x14ac:dyDescent="0.25">
      <c r="A17433" s="2" t="s">
        <v>9091</v>
      </c>
      <c r="B17433" s="6">
        <v>290209.5</v>
      </c>
      <c r="C17433" s="7">
        <f t="shared" si="272"/>
        <v>290.20949999999999</v>
      </c>
    </row>
    <row r="17434" spans="1:3" x14ac:dyDescent="0.25">
      <c r="A17434" s="2" t="s">
        <v>9092</v>
      </c>
      <c r="B17434" s="6">
        <v>290226.14999999997</v>
      </c>
      <c r="C17434" s="7">
        <f t="shared" si="272"/>
        <v>290.22614999999996</v>
      </c>
    </row>
    <row r="17435" spans="1:3" x14ac:dyDescent="0.25">
      <c r="A17435" s="2" t="s">
        <v>9093</v>
      </c>
      <c r="B17435" s="6">
        <v>290242.8</v>
      </c>
      <c r="C17435" s="7">
        <f t="shared" si="272"/>
        <v>290.24279999999999</v>
      </c>
    </row>
    <row r="17436" spans="1:3" x14ac:dyDescent="0.25">
      <c r="A17436" s="2" t="s">
        <v>9094</v>
      </c>
      <c r="B17436" s="6">
        <v>290259.44999999995</v>
      </c>
      <c r="C17436" s="7">
        <f t="shared" si="272"/>
        <v>290.25944999999996</v>
      </c>
    </row>
    <row r="17437" spans="1:3" x14ac:dyDescent="0.25">
      <c r="A17437" s="2" t="s">
        <v>9095</v>
      </c>
      <c r="B17437" s="6">
        <v>290276.09999999998</v>
      </c>
      <c r="C17437" s="7">
        <f t="shared" si="272"/>
        <v>290.27609999999999</v>
      </c>
    </row>
    <row r="17438" spans="1:3" x14ac:dyDescent="0.25">
      <c r="A17438" s="2" t="s">
        <v>9096</v>
      </c>
      <c r="B17438" s="6">
        <v>290292.75</v>
      </c>
      <c r="C17438" s="7">
        <f t="shared" si="272"/>
        <v>290.29275000000001</v>
      </c>
    </row>
    <row r="17439" spans="1:3" x14ac:dyDescent="0.25">
      <c r="A17439" s="2" t="s">
        <v>9097</v>
      </c>
      <c r="B17439" s="6">
        <v>290309.39999999997</v>
      </c>
      <c r="C17439" s="7">
        <f t="shared" si="272"/>
        <v>290.30939999999998</v>
      </c>
    </row>
    <row r="17440" spans="1:3" x14ac:dyDescent="0.25">
      <c r="A17440" s="2" t="s">
        <v>9098</v>
      </c>
      <c r="B17440" s="6">
        <v>290326.05</v>
      </c>
      <c r="C17440" s="7">
        <f t="shared" si="272"/>
        <v>290.32605000000001</v>
      </c>
    </row>
    <row r="17441" spans="1:3" x14ac:dyDescent="0.25">
      <c r="A17441" s="2" t="s">
        <v>9099</v>
      </c>
      <c r="B17441" s="6">
        <v>290342.69999999995</v>
      </c>
      <c r="C17441" s="7">
        <f t="shared" si="272"/>
        <v>290.34269999999998</v>
      </c>
    </row>
    <row r="17442" spans="1:3" x14ac:dyDescent="0.25">
      <c r="A17442" s="2" t="s">
        <v>9100</v>
      </c>
      <c r="B17442" s="6">
        <v>290359.34999999998</v>
      </c>
      <c r="C17442" s="7">
        <f t="shared" si="272"/>
        <v>290.35934999999995</v>
      </c>
    </row>
    <row r="17443" spans="1:3" x14ac:dyDescent="0.25">
      <c r="A17443" s="2" t="s">
        <v>9101</v>
      </c>
      <c r="B17443" s="6">
        <v>290376</v>
      </c>
      <c r="C17443" s="7">
        <f t="shared" si="272"/>
        <v>290.37599999999998</v>
      </c>
    </row>
    <row r="17444" spans="1:3" x14ac:dyDescent="0.25">
      <c r="A17444" s="2" t="s">
        <v>9102</v>
      </c>
      <c r="B17444" s="6">
        <v>290392.64999999997</v>
      </c>
      <c r="C17444" s="7">
        <f t="shared" si="272"/>
        <v>290.39264999999995</v>
      </c>
    </row>
    <row r="17445" spans="1:3" x14ac:dyDescent="0.25">
      <c r="A17445" s="2" t="s">
        <v>9103</v>
      </c>
      <c r="B17445" s="6">
        <v>290409.3</v>
      </c>
      <c r="C17445" s="7">
        <f t="shared" si="272"/>
        <v>290.40929999999997</v>
      </c>
    </row>
    <row r="17446" spans="1:3" x14ac:dyDescent="0.25">
      <c r="A17446" s="2" t="s">
        <v>9104</v>
      </c>
      <c r="B17446" s="6">
        <v>290425.94999999995</v>
      </c>
      <c r="C17446" s="7">
        <f t="shared" si="272"/>
        <v>290.42594999999994</v>
      </c>
    </row>
    <row r="17447" spans="1:3" x14ac:dyDescent="0.25">
      <c r="A17447" s="2" t="s">
        <v>9105</v>
      </c>
      <c r="B17447" s="6">
        <v>290442.59999999998</v>
      </c>
      <c r="C17447" s="7">
        <f t="shared" si="272"/>
        <v>290.44259999999997</v>
      </c>
    </row>
    <row r="17448" spans="1:3" x14ac:dyDescent="0.25">
      <c r="A17448" s="2" t="s">
        <v>9106</v>
      </c>
      <c r="B17448" s="6">
        <v>290459.25</v>
      </c>
      <c r="C17448" s="7">
        <f t="shared" si="272"/>
        <v>290.45925</v>
      </c>
    </row>
    <row r="17449" spans="1:3" x14ac:dyDescent="0.25">
      <c r="A17449" s="2" t="s">
        <v>9107</v>
      </c>
      <c r="B17449" s="6">
        <v>290475.89999999997</v>
      </c>
      <c r="C17449" s="7">
        <f t="shared" si="272"/>
        <v>290.47589999999997</v>
      </c>
    </row>
    <row r="17450" spans="1:3" x14ac:dyDescent="0.25">
      <c r="A17450" s="2" t="s">
        <v>9108</v>
      </c>
      <c r="B17450" s="6">
        <v>290492.55</v>
      </c>
      <c r="C17450" s="7">
        <f t="shared" si="272"/>
        <v>290.49254999999999</v>
      </c>
    </row>
    <row r="17451" spans="1:3" x14ac:dyDescent="0.25">
      <c r="A17451" s="2" t="s">
        <v>9109</v>
      </c>
      <c r="B17451" s="6">
        <v>290509.19999999995</v>
      </c>
      <c r="C17451" s="7">
        <f t="shared" si="272"/>
        <v>290.50919999999996</v>
      </c>
    </row>
    <row r="17452" spans="1:3" x14ac:dyDescent="0.25">
      <c r="A17452" s="2" t="s">
        <v>9110</v>
      </c>
      <c r="B17452" s="6">
        <v>290525.84999999998</v>
      </c>
      <c r="C17452" s="7">
        <f t="shared" si="272"/>
        <v>290.52584999999999</v>
      </c>
    </row>
    <row r="17453" spans="1:3" x14ac:dyDescent="0.25">
      <c r="A17453" s="2" t="s">
        <v>9111</v>
      </c>
      <c r="B17453" s="6">
        <v>290542.5</v>
      </c>
      <c r="C17453" s="7">
        <f t="shared" si="272"/>
        <v>290.54250000000002</v>
      </c>
    </row>
    <row r="17454" spans="1:3" x14ac:dyDescent="0.25">
      <c r="A17454" s="2" t="s">
        <v>9112</v>
      </c>
      <c r="B17454" s="6">
        <v>290559.14999999997</v>
      </c>
      <c r="C17454" s="7">
        <f t="shared" si="272"/>
        <v>290.55914999999999</v>
      </c>
    </row>
    <row r="17455" spans="1:3" x14ac:dyDescent="0.25">
      <c r="A17455" s="2" t="s">
        <v>9113</v>
      </c>
      <c r="B17455" s="6">
        <v>290575.8</v>
      </c>
      <c r="C17455" s="7">
        <f t="shared" si="272"/>
        <v>290.57580000000002</v>
      </c>
    </row>
    <row r="17456" spans="1:3" x14ac:dyDescent="0.25">
      <c r="A17456" s="2" t="s">
        <v>9114</v>
      </c>
      <c r="B17456" s="6">
        <v>290592.44999999995</v>
      </c>
      <c r="C17456" s="7">
        <f t="shared" si="272"/>
        <v>290.59244999999993</v>
      </c>
    </row>
    <row r="17457" spans="1:3" x14ac:dyDescent="0.25">
      <c r="A17457" s="2" t="s">
        <v>9115</v>
      </c>
      <c r="B17457" s="6">
        <v>290609.09999999998</v>
      </c>
      <c r="C17457" s="7">
        <f t="shared" si="272"/>
        <v>290.60909999999996</v>
      </c>
    </row>
    <row r="17458" spans="1:3" x14ac:dyDescent="0.25">
      <c r="A17458" s="2" t="s">
        <v>9116</v>
      </c>
      <c r="B17458" s="6">
        <v>290625.75</v>
      </c>
      <c r="C17458" s="7">
        <f t="shared" si="272"/>
        <v>290.62574999999998</v>
      </c>
    </row>
    <row r="17459" spans="1:3" x14ac:dyDescent="0.25">
      <c r="A17459" s="2" t="s">
        <v>9117</v>
      </c>
      <c r="B17459" s="6">
        <v>290642.39999999997</v>
      </c>
      <c r="C17459" s="7">
        <f t="shared" si="272"/>
        <v>290.64239999999995</v>
      </c>
    </row>
    <row r="17460" spans="1:3" x14ac:dyDescent="0.25">
      <c r="A17460" s="2" t="s">
        <v>9118</v>
      </c>
      <c r="B17460" s="6">
        <v>290659.05</v>
      </c>
      <c r="C17460" s="7">
        <f t="shared" si="272"/>
        <v>290.65904999999998</v>
      </c>
    </row>
    <row r="17461" spans="1:3" x14ac:dyDescent="0.25">
      <c r="A17461" s="2" t="s">
        <v>9119</v>
      </c>
      <c r="B17461" s="6">
        <v>290675.69999999995</v>
      </c>
      <c r="C17461" s="7">
        <f t="shared" si="272"/>
        <v>290.67569999999995</v>
      </c>
    </row>
    <row r="17462" spans="1:3" x14ac:dyDescent="0.25">
      <c r="A17462" s="2" t="s">
        <v>9120</v>
      </c>
      <c r="B17462" s="6">
        <v>290692.34999999998</v>
      </c>
      <c r="C17462" s="7">
        <f t="shared" si="272"/>
        <v>290.69234999999998</v>
      </c>
    </row>
    <row r="17463" spans="1:3" x14ac:dyDescent="0.25">
      <c r="A17463" s="2" t="s">
        <v>9121</v>
      </c>
      <c r="B17463" s="6">
        <v>290709</v>
      </c>
      <c r="C17463" s="7">
        <f t="shared" si="272"/>
        <v>290.709</v>
      </c>
    </row>
    <row r="17464" spans="1:3" x14ac:dyDescent="0.25">
      <c r="A17464" s="2" t="s">
        <v>9122</v>
      </c>
      <c r="B17464" s="6">
        <v>290725.64999999997</v>
      </c>
      <c r="C17464" s="7">
        <f t="shared" si="272"/>
        <v>290.72564999999997</v>
      </c>
    </row>
    <row r="17465" spans="1:3" x14ac:dyDescent="0.25">
      <c r="A17465" s="2" t="s">
        <v>9123</v>
      </c>
      <c r="B17465" s="6">
        <v>290742.3</v>
      </c>
      <c r="C17465" s="7">
        <f t="shared" si="272"/>
        <v>290.7423</v>
      </c>
    </row>
    <row r="17466" spans="1:3" x14ac:dyDescent="0.25">
      <c r="A17466" s="2" t="s">
        <v>9124</v>
      </c>
      <c r="B17466" s="6">
        <v>290758.94999999995</v>
      </c>
      <c r="C17466" s="7">
        <f t="shared" si="272"/>
        <v>290.75894999999997</v>
      </c>
    </row>
    <row r="17467" spans="1:3" x14ac:dyDescent="0.25">
      <c r="A17467" s="2" t="s">
        <v>9125</v>
      </c>
      <c r="B17467" s="6">
        <v>290775.59999999998</v>
      </c>
      <c r="C17467" s="7">
        <f t="shared" si="272"/>
        <v>290.7756</v>
      </c>
    </row>
    <row r="17468" spans="1:3" x14ac:dyDescent="0.25">
      <c r="A17468" s="2" t="s">
        <v>9126</v>
      </c>
      <c r="B17468" s="6">
        <v>290792.25</v>
      </c>
      <c r="C17468" s="7">
        <f t="shared" si="272"/>
        <v>290.79225000000002</v>
      </c>
    </row>
    <row r="17469" spans="1:3" x14ac:dyDescent="0.25">
      <c r="A17469" s="2" t="s">
        <v>9127</v>
      </c>
      <c r="B17469" s="6">
        <v>290808.89999999997</v>
      </c>
      <c r="C17469" s="7">
        <f t="shared" si="272"/>
        <v>290.80889999999994</v>
      </c>
    </row>
    <row r="17470" spans="1:3" x14ac:dyDescent="0.25">
      <c r="A17470" s="2" t="s">
        <v>9128</v>
      </c>
      <c r="B17470" s="6">
        <v>290825.55</v>
      </c>
      <c r="C17470" s="7">
        <f t="shared" si="272"/>
        <v>290.82554999999996</v>
      </c>
    </row>
    <row r="17471" spans="1:3" x14ac:dyDescent="0.25">
      <c r="A17471" s="2" t="s">
        <v>9129</v>
      </c>
      <c r="B17471" s="6">
        <v>290842.19999999995</v>
      </c>
      <c r="C17471" s="7">
        <f t="shared" si="272"/>
        <v>290.84219999999993</v>
      </c>
    </row>
    <row r="17472" spans="1:3" x14ac:dyDescent="0.25">
      <c r="A17472" s="2" t="s">
        <v>9130</v>
      </c>
      <c r="B17472" s="6">
        <v>290858.84999999998</v>
      </c>
      <c r="C17472" s="7">
        <f t="shared" si="272"/>
        <v>290.85884999999996</v>
      </c>
    </row>
    <row r="17473" spans="1:3" x14ac:dyDescent="0.25">
      <c r="A17473" s="2" t="s">
        <v>9131</v>
      </c>
      <c r="B17473" s="6">
        <v>290875.5</v>
      </c>
      <c r="C17473" s="7">
        <f t="shared" si="272"/>
        <v>290.87549999999999</v>
      </c>
    </row>
    <row r="17474" spans="1:3" x14ac:dyDescent="0.25">
      <c r="A17474" s="2" t="s">
        <v>9132</v>
      </c>
      <c r="B17474" s="6">
        <v>290892.14999999997</v>
      </c>
      <c r="C17474" s="7">
        <f t="shared" si="272"/>
        <v>290.89214999999996</v>
      </c>
    </row>
    <row r="17475" spans="1:3" x14ac:dyDescent="0.25">
      <c r="A17475" s="2" t="s">
        <v>9133</v>
      </c>
      <c r="B17475" s="6">
        <v>290908.79999999999</v>
      </c>
      <c r="C17475" s="7">
        <f t="shared" ref="C17475:C17538" si="273">B17475/1000</f>
        <v>290.90879999999999</v>
      </c>
    </row>
    <row r="17476" spans="1:3" x14ac:dyDescent="0.25">
      <c r="A17476" s="2" t="s">
        <v>9134</v>
      </c>
      <c r="B17476" s="6">
        <v>290925.44999999995</v>
      </c>
      <c r="C17476" s="7">
        <f t="shared" si="273"/>
        <v>290.92544999999996</v>
      </c>
    </row>
    <row r="17477" spans="1:3" x14ac:dyDescent="0.25">
      <c r="A17477" s="2" t="s">
        <v>9135</v>
      </c>
      <c r="B17477" s="6">
        <v>290942.09999999998</v>
      </c>
      <c r="C17477" s="7">
        <f t="shared" si="273"/>
        <v>290.94209999999998</v>
      </c>
    </row>
    <row r="17478" spans="1:3" x14ac:dyDescent="0.25">
      <c r="A17478" s="2" t="s">
        <v>9136</v>
      </c>
      <c r="B17478" s="6">
        <v>290958.75</v>
      </c>
      <c r="C17478" s="7">
        <f t="shared" si="273"/>
        <v>290.95875000000001</v>
      </c>
    </row>
    <row r="17479" spans="1:3" x14ac:dyDescent="0.25">
      <c r="A17479" s="2" t="s">
        <v>9137</v>
      </c>
      <c r="B17479" s="6">
        <v>290975.39999999997</v>
      </c>
      <c r="C17479" s="7">
        <f t="shared" si="273"/>
        <v>290.97539999999998</v>
      </c>
    </row>
    <row r="17480" spans="1:3" x14ac:dyDescent="0.25">
      <c r="A17480" s="2" t="s">
        <v>9138</v>
      </c>
      <c r="B17480" s="6">
        <v>290992.05</v>
      </c>
      <c r="C17480" s="7">
        <f t="shared" si="273"/>
        <v>290.99205000000001</v>
      </c>
    </row>
    <row r="17481" spans="1:3" x14ac:dyDescent="0.25">
      <c r="A17481" s="2" t="s">
        <v>9139</v>
      </c>
      <c r="B17481" s="6">
        <v>291008.69999999995</v>
      </c>
      <c r="C17481" s="7">
        <f t="shared" si="273"/>
        <v>291.00869999999998</v>
      </c>
    </row>
    <row r="17482" spans="1:3" x14ac:dyDescent="0.25">
      <c r="A17482" s="2" t="s">
        <v>9140</v>
      </c>
      <c r="B17482" s="6">
        <v>291025.34999999998</v>
      </c>
      <c r="C17482" s="7">
        <f t="shared" si="273"/>
        <v>291.02535</v>
      </c>
    </row>
    <row r="17483" spans="1:3" x14ac:dyDescent="0.25">
      <c r="A17483" s="2" t="s">
        <v>9141</v>
      </c>
      <c r="B17483" s="6">
        <v>291042</v>
      </c>
      <c r="C17483" s="7">
        <f t="shared" si="273"/>
        <v>291.04199999999997</v>
      </c>
    </row>
    <row r="17484" spans="1:3" x14ac:dyDescent="0.25">
      <c r="A17484" s="2" t="s">
        <v>9142</v>
      </c>
      <c r="B17484" s="6">
        <v>291058.64999999997</v>
      </c>
      <c r="C17484" s="7">
        <f t="shared" si="273"/>
        <v>291.05864999999994</v>
      </c>
    </row>
    <row r="17485" spans="1:3" x14ac:dyDescent="0.25">
      <c r="A17485" s="2" t="s">
        <v>9143</v>
      </c>
      <c r="B17485" s="6">
        <v>291075.3</v>
      </c>
      <c r="C17485" s="7">
        <f t="shared" si="273"/>
        <v>291.07529999999997</v>
      </c>
    </row>
    <row r="17486" spans="1:3" x14ac:dyDescent="0.25">
      <c r="A17486" s="2" t="s">
        <v>9144</v>
      </c>
      <c r="B17486" s="6">
        <v>291091.94999999995</v>
      </c>
      <c r="C17486" s="7">
        <f t="shared" si="273"/>
        <v>291.09194999999994</v>
      </c>
    </row>
    <row r="17487" spans="1:3" x14ac:dyDescent="0.25">
      <c r="A17487" s="2" t="s">
        <v>9145</v>
      </c>
      <c r="B17487" s="6">
        <v>291108.59999999998</v>
      </c>
      <c r="C17487" s="7">
        <f t="shared" si="273"/>
        <v>291.10859999999997</v>
      </c>
    </row>
    <row r="17488" spans="1:3" x14ac:dyDescent="0.25">
      <c r="A17488" s="2" t="s">
        <v>9146</v>
      </c>
      <c r="B17488" s="6">
        <v>291125.25</v>
      </c>
      <c r="C17488" s="7">
        <f t="shared" si="273"/>
        <v>291.12524999999999</v>
      </c>
    </row>
    <row r="17489" spans="1:3" x14ac:dyDescent="0.25">
      <c r="A17489" s="2" t="s">
        <v>9147</v>
      </c>
      <c r="B17489" s="6">
        <v>291141.89999999997</v>
      </c>
      <c r="C17489" s="7">
        <f t="shared" si="273"/>
        <v>291.14189999999996</v>
      </c>
    </row>
    <row r="17490" spans="1:3" x14ac:dyDescent="0.25">
      <c r="A17490" s="2" t="s">
        <v>9148</v>
      </c>
      <c r="B17490" s="6">
        <v>291158.55</v>
      </c>
      <c r="C17490" s="7">
        <f t="shared" si="273"/>
        <v>291.15854999999999</v>
      </c>
    </row>
    <row r="17491" spans="1:3" x14ac:dyDescent="0.25">
      <c r="A17491" s="2" t="s">
        <v>9149</v>
      </c>
      <c r="B17491" s="6">
        <v>291175.19999999995</v>
      </c>
      <c r="C17491" s="7">
        <f t="shared" si="273"/>
        <v>291.17519999999996</v>
      </c>
    </row>
    <row r="17492" spans="1:3" x14ac:dyDescent="0.25">
      <c r="A17492" s="2" t="s">
        <v>9150</v>
      </c>
      <c r="B17492" s="6">
        <v>291191.84999999998</v>
      </c>
      <c r="C17492" s="7">
        <f t="shared" si="273"/>
        <v>291.19184999999999</v>
      </c>
    </row>
    <row r="17493" spans="1:3" x14ac:dyDescent="0.25">
      <c r="A17493" s="2" t="s">
        <v>9151</v>
      </c>
      <c r="B17493" s="6">
        <v>291208.5</v>
      </c>
      <c r="C17493" s="7">
        <f t="shared" si="273"/>
        <v>291.20850000000002</v>
      </c>
    </row>
    <row r="17494" spans="1:3" x14ac:dyDescent="0.25">
      <c r="A17494" s="2" t="s">
        <v>9152</v>
      </c>
      <c r="B17494" s="6">
        <v>291225.14999999997</v>
      </c>
      <c r="C17494" s="7">
        <f t="shared" si="273"/>
        <v>291.22514999999999</v>
      </c>
    </row>
    <row r="17495" spans="1:3" x14ac:dyDescent="0.25">
      <c r="A17495" s="2" t="s">
        <v>9153</v>
      </c>
      <c r="B17495" s="6">
        <v>291241.8</v>
      </c>
      <c r="C17495" s="7">
        <f t="shared" si="273"/>
        <v>291.24180000000001</v>
      </c>
    </row>
    <row r="17496" spans="1:3" x14ac:dyDescent="0.25">
      <c r="A17496" s="2" t="s">
        <v>9154</v>
      </c>
      <c r="B17496" s="6">
        <v>291258.44999999995</v>
      </c>
      <c r="C17496" s="7">
        <f t="shared" si="273"/>
        <v>291.25844999999993</v>
      </c>
    </row>
    <row r="17497" spans="1:3" x14ac:dyDescent="0.25">
      <c r="A17497" s="2" t="s">
        <v>9155</v>
      </c>
      <c r="B17497" s="6">
        <v>291275.09999999998</v>
      </c>
      <c r="C17497" s="7">
        <f t="shared" si="273"/>
        <v>291.27509999999995</v>
      </c>
    </row>
    <row r="17498" spans="1:3" x14ac:dyDescent="0.25">
      <c r="A17498" s="2" t="s">
        <v>9156</v>
      </c>
      <c r="B17498" s="6">
        <v>291291.75</v>
      </c>
      <c r="C17498" s="7">
        <f t="shared" si="273"/>
        <v>291.29174999999998</v>
      </c>
    </row>
    <row r="17499" spans="1:3" x14ac:dyDescent="0.25">
      <c r="A17499" s="2" t="s">
        <v>9157</v>
      </c>
      <c r="B17499" s="6">
        <v>291308.39999999997</v>
      </c>
      <c r="C17499" s="7">
        <f t="shared" si="273"/>
        <v>291.30839999999995</v>
      </c>
    </row>
    <row r="17500" spans="1:3" x14ac:dyDescent="0.25">
      <c r="A17500" s="2" t="s">
        <v>9158</v>
      </c>
      <c r="B17500" s="6">
        <v>291325.05</v>
      </c>
      <c r="C17500" s="7">
        <f t="shared" si="273"/>
        <v>291.32504999999998</v>
      </c>
    </row>
    <row r="17501" spans="1:3" x14ac:dyDescent="0.25">
      <c r="A17501" s="2" t="s">
        <v>9159</v>
      </c>
      <c r="B17501" s="6">
        <v>291341.69999999995</v>
      </c>
      <c r="C17501" s="7">
        <f t="shared" si="273"/>
        <v>291.34169999999995</v>
      </c>
    </row>
    <row r="17502" spans="1:3" x14ac:dyDescent="0.25">
      <c r="A17502" s="2" t="s">
        <v>9160</v>
      </c>
      <c r="B17502" s="6">
        <v>291358.34999999998</v>
      </c>
      <c r="C17502" s="7">
        <f t="shared" si="273"/>
        <v>291.35834999999997</v>
      </c>
    </row>
    <row r="17503" spans="1:3" x14ac:dyDescent="0.25">
      <c r="A17503" s="2" t="s">
        <v>9161</v>
      </c>
      <c r="B17503" s="6">
        <v>291375</v>
      </c>
      <c r="C17503" s="7">
        <f t="shared" si="273"/>
        <v>291.375</v>
      </c>
    </row>
    <row r="17504" spans="1:3" x14ac:dyDescent="0.25">
      <c r="A17504" s="2" t="s">
        <v>9162</v>
      </c>
      <c r="B17504" s="6">
        <v>291391.64999999997</v>
      </c>
      <c r="C17504" s="7">
        <f t="shared" si="273"/>
        <v>291.39164999999997</v>
      </c>
    </row>
    <row r="17505" spans="1:3" x14ac:dyDescent="0.25">
      <c r="A17505" s="2" t="s">
        <v>9163</v>
      </c>
      <c r="B17505" s="6">
        <v>291408.3</v>
      </c>
      <c r="C17505" s="7">
        <f t="shared" si="273"/>
        <v>291.4083</v>
      </c>
    </row>
    <row r="17506" spans="1:3" x14ac:dyDescent="0.25">
      <c r="A17506" s="2" t="s">
        <v>9164</v>
      </c>
      <c r="B17506" s="6">
        <v>291424.94999999995</v>
      </c>
      <c r="C17506" s="7">
        <f t="shared" si="273"/>
        <v>291.42494999999997</v>
      </c>
    </row>
    <row r="17507" spans="1:3" x14ac:dyDescent="0.25">
      <c r="A17507" s="2" t="s">
        <v>9165</v>
      </c>
      <c r="B17507" s="6">
        <v>291441.59999999998</v>
      </c>
      <c r="C17507" s="7">
        <f t="shared" si="273"/>
        <v>291.44159999999999</v>
      </c>
    </row>
    <row r="17508" spans="1:3" x14ac:dyDescent="0.25">
      <c r="A17508" s="2" t="s">
        <v>9166</v>
      </c>
      <c r="B17508" s="6">
        <v>291458.25</v>
      </c>
      <c r="C17508" s="7">
        <f t="shared" si="273"/>
        <v>291.45825000000002</v>
      </c>
    </row>
    <row r="17509" spans="1:3" x14ac:dyDescent="0.25">
      <c r="A17509" s="2" t="s">
        <v>9167</v>
      </c>
      <c r="B17509" s="6">
        <v>291474.89999999997</v>
      </c>
      <c r="C17509" s="7">
        <f t="shared" si="273"/>
        <v>291.47489999999999</v>
      </c>
    </row>
    <row r="17510" spans="1:3" x14ac:dyDescent="0.25">
      <c r="A17510" s="2" t="s">
        <v>9168</v>
      </c>
      <c r="B17510" s="6">
        <v>291491.55</v>
      </c>
      <c r="C17510" s="7">
        <f t="shared" si="273"/>
        <v>291.49154999999996</v>
      </c>
    </row>
    <row r="17511" spans="1:3" x14ac:dyDescent="0.25">
      <c r="A17511" s="2" t="s">
        <v>9169</v>
      </c>
      <c r="B17511" s="6">
        <v>291508.19999999995</v>
      </c>
      <c r="C17511" s="7">
        <f t="shared" si="273"/>
        <v>291.50819999999993</v>
      </c>
    </row>
    <row r="17512" spans="1:3" x14ac:dyDescent="0.25">
      <c r="A17512" s="2" t="s">
        <v>9170</v>
      </c>
      <c r="B17512" s="6">
        <v>291524.84999999998</v>
      </c>
      <c r="C17512" s="7">
        <f t="shared" si="273"/>
        <v>291.52484999999996</v>
      </c>
    </row>
    <row r="17513" spans="1:3" x14ac:dyDescent="0.25">
      <c r="A17513" s="2" t="s">
        <v>9171</v>
      </c>
      <c r="B17513" s="6">
        <v>291541.5</v>
      </c>
      <c r="C17513" s="7">
        <f t="shared" si="273"/>
        <v>291.54149999999998</v>
      </c>
    </row>
    <row r="17514" spans="1:3" x14ac:dyDescent="0.25">
      <c r="A17514" s="2" t="s">
        <v>9172</v>
      </c>
      <c r="B17514" s="6">
        <v>291558.14999999997</v>
      </c>
      <c r="C17514" s="7">
        <f t="shared" si="273"/>
        <v>291.55814999999996</v>
      </c>
    </row>
    <row r="17515" spans="1:3" x14ac:dyDescent="0.25">
      <c r="A17515" s="2" t="s">
        <v>9173</v>
      </c>
      <c r="B17515" s="6">
        <v>291574.8</v>
      </c>
      <c r="C17515" s="7">
        <f t="shared" si="273"/>
        <v>291.57479999999998</v>
      </c>
    </row>
    <row r="17516" spans="1:3" x14ac:dyDescent="0.25">
      <c r="A17516" s="2" t="s">
        <v>9174</v>
      </c>
      <c r="B17516" s="6">
        <v>291591.44999999995</v>
      </c>
      <c r="C17516" s="7">
        <f t="shared" si="273"/>
        <v>291.59144999999995</v>
      </c>
    </row>
    <row r="17517" spans="1:3" x14ac:dyDescent="0.25">
      <c r="A17517" s="2" t="s">
        <v>9175</v>
      </c>
      <c r="B17517" s="6">
        <v>291608.09999999998</v>
      </c>
      <c r="C17517" s="7">
        <f t="shared" si="273"/>
        <v>291.60809999999998</v>
      </c>
    </row>
    <row r="17518" spans="1:3" x14ac:dyDescent="0.25">
      <c r="A17518" s="2" t="s">
        <v>9176</v>
      </c>
      <c r="B17518" s="6">
        <v>291624.75</v>
      </c>
      <c r="C17518" s="7">
        <f t="shared" si="273"/>
        <v>291.62475000000001</v>
      </c>
    </row>
    <row r="17519" spans="1:3" x14ac:dyDescent="0.25">
      <c r="A17519" s="2" t="s">
        <v>9177</v>
      </c>
      <c r="B17519" s="6">
        <v>291641.39999999997</v>
      </c>
      <c r="C17519" s="7">
        <f t="shared" si="273"/>
        <v>291.64139999999998</v>
      </c>
    </row>
    <row r="17520" spans="1:3" x14ac:dyDescent="0.25">
      <c r="A17520" s="2" t="s">
        <v>9178</v>
      </c>
      <c r="B17520" s="6">
        <v>291658.05</v>
      </c>
      <c r="C17520" s="7">
        <f t="shared" si="273"/>
        <v>291.65805</v>
      </c>
    </row>
    <row r="17521" spans="1:3" x14ac:dyDescent="0.25">
      <c r="A17521" s="2" t="s">
        <v>9179</v>
      </c>
      <c r="B17521" s="6">
        <v>291674.69999999995</v>
      </c>
      <c r="C17521" s="7">
        <f t="shared" si="273"/>
        <v>291.67469999999997</v>
      </c>
    </row>
    <row r="17522" spans="1:3" x14ac:dyDescent="0.25">
      <c r="A17522" s="2" t="s">
        <v>9180</v>
      </c>
      <c r="B17522" s="6">
        <v>291691.34999999998</v>
      </c>
      <c r="C17522" s="7">
        <f t="shared" si="273"/>
        <v>291.69135</v>
      </c>
    </row>
    <row r="17523" spans="1:3" x14ac:dyDescent="0.25">
      <c r="A17523" s="2" t="s">
        <v>9181</v>
      </c>
      <c r="B17523" s="6">
        <v>291708</v>
      </c>
      <c r="C17523" s="7">
        <f t="shared" si="273"/>
        <v>291.70800000000003</v>
      </c>
    </row>
    <row r="17524" spans="1:3" x14ac:dyDescent="0.25">
      <c r="A17524" s="2" t="s">
        <v>9182</v>
      </c>
      <c r="B17524" s="6">
        <v>291724.64999999997</v>
      </c>
      <c r="C17524" s="7">
        <f t="shared" si="273"/>
        <v>291.72464999999994</v>
      </c>
    </row>
    <row r="17525" spans="1:3" x14ac:dyDescent="0.25">
      <c r="A17525" s="2" t="s">
        <v>9183</v>
      </c>
      <c r="B17525" s="6">
        <v>291741.3</v>
      </c>
      <c r="C17525" s="7">
        <f t="shared" si="273"/>
        <v>291.74129999999997</v>
      </c>
    </row>
    <row r="17526" spans="1:3" x14ac:dyDescent="0.25">
      <c r="A17526" s="2" t="s">
        <v>9184</v>
      </c>
      <c r="B17526" s="6">
        <v>291757.94999999995</v>
      </c>
      <c r="C17526" s="7">
        <f t="shared" si="273"/>
        <v>291.75794999999994</v>
      </c>
    </row>
    <row r="17527" spans="1:3" x14ac:dyDescent="0.25">
      <c r="A17527" s="2" t="s">
        <v>9185</v>
      </c>
      <c r="B17527" s="6">
        <v>291774.59999999998</v>
      </c>
      <c r="C17527" s="7">
        <f t="shared" si="273"/>
        <v>291.77459999999996</v>
      </c>
    </row>
    <row r="17528" spans="1:3" x14ac:dyDescent="0.25">
      <c r="A17528" s="2" t="s">
        <v>9186</v>
      </c>
      <c r="B17528" s="6">
        <v>291791.25</v>
      </c>
      <c r="C17528" s="7">
        <f t="shared" si="273"/>
        <v>291.79124999999999</v>
      </c>
    </row>
    <row r="17529" spans="1:3" x14ac:dyDescent="0.25">
      <c r="A17529" s="2" t="s">
        <v>9187</v>
      </c>
      <c r="B17529" s="6">
        <v>291807.89999999997</v>
      </c>
      <c r="C17529" s="7">
        <f t="shared" si="273"/>
        <v>291.80789999999996</v>
      </c>
    </row>
    <row r="17530" spans="1:3" x14ac:dyDescent="0.25">
      <c r="A17530" s="2" t="s">
        <v>9188</v>
      </c>
      <c r="B17530" s="6">
        <v>291824.55</v>
      </c>
      <c r="C17530" s="7">
        <f t="shared" si="273"/>
        <v>291.82454999999999</v>
      </c>
    </row>
    <row r="17531" spans="1:3" x14ac:dyDescent="0.25">
      <c r="A17531" s="2" t="s">
        <v>9189</v>
      </c>
      <c r="B17531" s="6">
        <v>291841.19999999995</v>
      </c>
      <c r="C17531" s="7">
        <f t="shared" si="273"/>
        <v>291.84119999999996</v>
      </c>
    </row>
    <row r="17532" spans="1:3" x14ac:dyDescent="0.25">
      <c r="A17532" s="2" t="s">
        <v>9190</v>
      </c>
      <c r="B17532" s="6">
        <v>291857.84999999998</v>
      </c>
      <c r="C17532" s="7">
        <f t="shared" si="273"/>
        <v>291.85784999999998</v>
      </c>
    </row>
    <row r="17533" spans="1:3" x14ac:dyDescent="0.25">
      <c r="A17533" s="2" t="s">
        <v>9191</v>
      </c>
      <c r="B17533" s="6">
        <v>291874.5</v>
      </c>
      <c r="C17533" s="7">
        <f t="shared" si="273"/>
        <v>291.87450000000001</v>
      </c>
    </row>
    <row r="17534" spans="1:3" x14ac:dyDescent="0.25">
      <c r="A17534" s="2" t="s">
        <v>9192</v>
      </c>
      <c r="B17534" s="6">
        <v>291891.14999999997</v>
      </c>
      <c r="C17534" s="7">
        <f t="shared" si="273"/>
        <v>291.89114999999998</v>
      </c>
    </row>
    <row r="17535" spans="1:3" x14ac:dyDescent="0.25">
      <c r="A17535" s="2" t="s">
        <v>9193</v>
      </c>
      <c r="B17535" s="6">
        <v>291907.8</v>
      </c>
      <c r="C17535" s="7">
        <f t="shared" si="273"/>
        <v>291.90780000000001</v>
      </c>
    </row>
    <row r="17536" spans="1:3" x14ac:dyDescent="0.25">
      <c r="A17536" s="2" t="s">
        <v>9194</v>
      </c>
      <c r="B17536" s="6">
        <v>291924.44999999995</v>
      </c>
      <c r="C17536" s="7">
        <f t="shared" si="273"/>
        <v>291.92444999999998</v>
      </c>
    </row>
    <row r="17537" spans="1:3" x14ac:dyDescent="0.25">
      <c r="A17537" s="2" t="s">
        <v>9195</v>
      </c>
      <c r="B17537" s="6">
        <v>291941.09999999998</v>
      </c>
      <c r="C17537" s="7">
        <f t="shared" si="273"/>
        <v>291.94109999999995</v>
      </c>
    </row>
    <row r="17538" spans="1:3" x14ac:dyDescent="0.25">
      <c r="A17538" s="2" t="s">
        <v>9196</v>
      </c>
      <c r="B17538" s="6">
        <v>291957.75</v>
      </c>
      <c r="C17538" s="7">
        <f t="shared" si="273"/>
        <v>291.95774999999998</v>
      </c>
    </row>
    <row r="17539" spans="1:3" x14ac:dyDescent="0.25">
      <c r="A17539" s="2" t="s">
        <v>9197</v>
      </c>
      <c r="B17539" s="6">
        <v>291974.39999999997</v>
      </c>
      <c r="C17539" s="7">
        <f t="shared" ref="C17539:C17602" si="274">B17539/1000</f>
        <v>291.97439999999995</v>
      </c>
    </row>
    <row r="17540" spans="1:3" x14ac:dyDescent="0.25">
      <c r="A17540" s="2" t="s">
        <v>9198</v>
      </c>
      <c r="B17540" s="6">
        <v>291991.05</v>
      </c>
      <c r="C17540" s="7">
        <f t="shared" si="274"/>
        <v>291.99104999999997</v>
      </c>
    </row>
    <row r="17541" spans="1:3" x14ac:dyDescent="0.25">
      <c r="A17541" s="2" t="s">
        <v>9199</v>
      </c>
      <c r="B17541" s="6">
        <v>292007.69999999995</v>
      </c>
      <c r="C17541" s="7">
        <f t="shared" si="274"/>
        <v>292.00769999999994</v>
      </c>
    </row>
    <row r="17542" spans="1:3" x14ac:dyDescent="0.25">
      <c r="A17542" s="2" t="s">
        <v>9200</v>
      </c>
      <c r="B17542" s="6">
        <v>292024.34999999998</v>
      </c>
      <c r="C17542" s="7">
        <f t="shared" si="274"/>
        <v>292.02434999999997</v>
      </c>
    </row>
    <row r="17543" spans="1:3" x14ac:dyDescent="0.25">
      <c r="A17543" s="2" t="s">
        <v>9201</v>
      </c>
      <c r="B17543" s="6">
        <v>292041</v>
      </c>
      <c r="C17543" s="7">
        <f t="shared" si="274"/>
        <v>292.041</v>
      </c>
    </row>
    <row r="17544" spans="1:3" x14ac:dyDescent="0.25">
      <c r="A17544" s="2" t="s">
        <v>9202</v>
      </c>
      <c r="B17544" s="6">
        <v>292057.64999999997</v>
      </c>
      <c r="C17544" s="7">
        <f t="shared" si="274"/>
        <v>292.05764999999997</v>
      </c>
    </row>
    <row r="17545" spans="1:3" x14ac:dyDescent="0.25">
      <c r="A17545" s="2" t="s">
        <v>9203</v>
      </c>
      <c r="B17545" s="6">
        <v>292074.3</v>
      </c>
      <c r="C17545" s="7">
        <f t="shared" si="274"/>
        <v>292.07429999999999</v>
      </c>
    </row>
    <row r="17546" spans="1:3" x14ac:dyDescent="0.25">
      <c r="A17546" s="2" t="s">
        <v>9204</v>
      </c>
      <c r="B17546" s="6">
        <v>292090.94999999995</v>
      </c>
      <c r="C17546" s="7">
        <f t="shared" si="274"/>
        <v>292.09094999999996</v>
      </c>
    </row>
    <row r="17547" spans="1:3" x14ac:dyDescent="0.25">
      <c r="A17547" s="2" t="s">
        <v>9205</v>
      </c>
      <c r="B17547" s="6">
        <v>292107.59999999998</v>
      </c>
      <c r="C17547" s="7">
        <f t="shared" si="274"/>
        <v>292.10759999999999</v>
      </c>
    </row>
    <row r="17548" spans="1:3" x14ac:dyDescent="0.25">
      <c r="A17548" s="2" t="s">
        <v>9206</v>
      </c>
      <c r="B17548" s="6">
        <v>292124.25</v>
      </c>
      <c r="C17548" s="7">
        <f t="shared" si="274"/>
        <v>292.12425000000002</v>
      </c>
    </row>
    <row r="17549" spans="1:3" x14ac:dyDescent="0.25">
      <c r="A17549" s="2" t="s">
        <v>9207</v>
      </c>
      <c r="B17549" s="6">
        <v>292140.89999999997</v>
      </c>
      <c r="C17549" s="7">
        <f t="shared" si="274"/>
        <v>292.14089999999999</v>
      </c>
    </row>
    <row r="17550" spans="1:3" x14ac:dyDescent="0.25">
      <c r="A17550" s="2" t="s">
        <v>9208</v>
      </c>
      <c r="B17550" s="6">
        <v>292157.55</v>
      </c>
      <c r="C17550" s="7">
        <f t="shared" si="274"/>
        <v>292.15755000000001</v>
      </c>
    </row>
    <row r="17551" spans="1:3" x14ac:dyDescent="0.25">
      <c r="A17551" s="2" t="s">
        <v>9209</v>
      </c>
      <c r="B17551" s="6">
        <v>292174.19999999995</v>
      </c>
      <c r="C17551" s="7">
        <f t="shared" si="274"/>
        <v>292.17419999999993</v>
      </c>
    </row>
    <row r="17552" spans="1:3" x14ac:dyDescent="0.25">
      <c r="A17552" s="2" t="s">
        <v>9210</v>
      </c>
      <c r="B17552" s="6">
        <v>292190.84999999998</v>
      </c>
      <c r="C17552" s="7">
        <f t="shared" si="274"/>
        <v>292.19084999999995</v>
      </c>
    </row>
    <row r="17553" spans="1:3" x14ac:dyDescent="0.25">
      <c r="A17553" s="2" t="s">
        <v>9211</v>
      </c>
      <c r="B17553" s="6">
        <v>292207.5</v>
      </c>
      <c r="C17553" s="7">
        <f t="shared" si="274"/>
        <v>292.20749999999998</v>
      </c>
    </row>
    <row r="17554" spans="1:3" x14ac:dyDescent="0.25">
      <c r="A17554" s="2" t="s">
        <v>9212</v>
      </c>
      <c r="B17554" s="6">
        <v>292224.14999999997</v>
      </c>
      <c r="C17554" s="7">
        <f t="shared" si="274"/>
        <v>292.22414999999995</v>
      </c>
    </row>
    <row r="17555" spans="1:3" x14ac:dyDescent="0.25">
      <c r="A17555" s="2" t="s">
        <v>9213</v>
      </c>
      <c r="B17555" s="6">
        <v>292240.8</v>
      </c>
      <c r="C17555" s="7">
        <f t="shared" si="274"/>
        <v>292.24079999999998</v>
      </c>
    </row>
    <row r="17556" spans="1:3" x14ac:dyDescent="0.25">
      <c r="A17556" s="2" t="s">
        <v>9214</v>
      </c>
      <c r="B17556" s="6">
        <v>292257.44999999995</v>
      </c>
      <c r="C17556" s="7">
        <f t="shared" si="274"/>
        <v>292.25744999999995</v>
      </c>
    </row>
    <row r="17557" spans="1:3" x14ac:dyDescent="0.25">
      <c r="A17557" s="2" t="s">
        <v>9215</v>
      </c>
      <c r="B17557" s="6">
        <v>292274.09999999998</v>
      </c>
      <c r="C17557" s="7">
        <f t="shared" si="274"/>
        <v>292.27409999999998</v>
      </c>
    </row>
    <row r="17558" spans="1:3" x14ac:dyDescent="0.25">
      <c r="A17558" s="2" t="s">
        <v>9216</v>
      </c>
      <c r="B17558" s="6">
        <v>292290.75</v>
      </c>
      <c r="C17558" s="7">
        <f t="shared" si="274"/>
        <v>292.29075</v>
      </c>
    </row>
    <row r="17559" spans="1:3" x14ac:dyDescent="0.25">
      <c r="A17559" s="2" t="s">
        <v>9217</v>
      </c>
      <c r="B17559" s="6">
        <v>292307.39999999997</v>
      </c>
      <c r="C17559" s="7">
        <f t="shared" si="274"/>
        <v>292.30739999999997</v>
      </c>
    </row>
    <row r="17560" spans="1:3" x14ac:dyDescent="0.25">
      <c r="A17560" s="2" t="s">
        <v>9218</v>
      </c>
      <c r="B17560" s="6">
        <v>292324.05</v>
      </c>
      <c r="C17560" s="7">
        <f t="shared" si="274"/>
        <v>292.32405</v>
      </c>
    </row>
    <row r="17561" spans="1:3" x14ac:dyDescent="0.25">
      <c r="A17561" s="2" t="s">
        <v>9219</v>
      </c>
      <c r="B17561" s="6">
        <v>292340.69999999995</v>
      </c>
      <c r="C17561" s="7">
        <f t="shared" si="274"/>
        <v>292.34069999999997</v>
      </c>
    </row>
    <row r="17562" spans="1:3" x14ac:dyDescent="0.25">
      <c r="A17562" s="2" t="s">
        <v>9220</v>
      </c>
      <c r="B17562" s="6">
        <v>292357.34999999998</v>
      </c>
      <c r="C17562" s="7">
        <f t="shared" si="274"/>
        <v>292.35735</v>
      </c>
    </row>
    <row r="17563" spans="1:3" x14ac:dyDescent="0.25">
      <c r="A17563" s="2" t="s">
        <v>9221</v>
      </c>
      <c r="B17563" s="6">
        <v>292374</v>
      </c>
      <c r="C17563" s="7">
        <f t="shared" si="274"/>
        <v>292.37400000000002</v>
      </c>
    </row>
    <row r="17564" spans="1:3" x14ac:dyDescent="0.25">
      <c r="A17564" s="2" t="s">
        <v>9222</v>
      </c>
      <c r="B17564" s="6">
        <v>292390.64999999997</v>
      </c>
      <c r="C17564" s="7">
        <f t="shared" si="274"/>
        <v>292.39064999999994</v>
      </c>
    </row>
    <row r="17565" spans="1:3" x14ac:dyDescent="0.25">
      <c r="A17565" s="2" t="s">
        <v>9223</v>
      </c>
      <c r="B17565" s="6">
        <v>292407.3</v>
      </c>
      <c r="C17565" s="7">
        <f t="shared" si="274"/>
        <v>292.40729999999996</v>
      </c>
    </row>
    <row r="17566" spans="1:3" x14ac:dyDescent="0.25">
      <c r="A17566" s="2" t="s">
        <v>9224</v>
      </c>
      <c r="B17566" s="6">
        <v>292423.94999999995</v>
      </c>
      <c r="C17566" s="7">
        <f t="shared" si="274"/>
        <v>292.42394999999993</v>
      </c>
    </row>
    <row r="17567" spans="1:3" x14ac:dyDescent="0.25">
      <c r="A17567" s="2" t="s">
        <v>9225</v>
      </c>
      <c r="B17567" s="6">
        <v>292440.59999999998</v>
      </c>
      <c r="C17567" s="7">
        <f t="shared" si="274"/>
        <v>292.44059999999996</v>
      </c>
    </row>
    <row r="17568" spans="1:3" x14ac:dyDescent="0.25">
      <c r="A17568" s="2" t="s">
        <v>9226</v>
      </c>
      <c r="B17568" s="6">
        <v>292457.25</v>
      </c>
      <c r="C17568" s="7">
        <f t="shared" si="274"/>
        <v>292.45724999999999</v>
      </c>
    </row>
    <row r="17569" spans="1:3" x14ac:dyDescent="0.25">
      <c r="A17569" s="2" t="s">
        <v>9227</v>
      </c>
      <c r="B17569" s="6">
        <v>292473.89999999997</v>
      </c>
      <c r="C17569" s="7">
        <f t="shared" si="274"/>
        <v>292.47389999999996</v>
      </c>
    </row>
    <row r="17570" spans="1:3" x14ac:dyDescent="0.25">
      <c r="A17570" s="2" t="s">
        <v>9228</v>
      </c>
      <c r="B17570" s="6">
        <v>292490.55</v>
      </c>
      <c r="C17570" s="7">
        <f t="shared" si="274"/>
        <v>292.49054999999998</v>
      </c>
    </row>
    <row r="17571" spans="1:3" x14ac:dyDescent="0.25">
      <c r="A17571" s="2" t="s">
        <v>9229</v>
      </c>
      <c r="B17571" s="6">
        <v>292507.19999999995</v>
      </c>
      <c r="C17571" s="7">
        <f t="shared" si="274"/>
        <v>292.50719999999995</v>
      </c>
    </row>
    <row r="17572" spans="1:3" x14ac:dyDescent="0.25">
      <c r="A17572" s="2" t="s">
        <v>9230</v>
      </c>
      <c r="B17572" s="6">
        <v>292523.84999999998</v>
      </c>
      <c r="C17572" s="7">
        <f t="shared" si="274"/>
        <v>292.52384999999998</v>
      </c>
    </row>
    <row r="17573" spans="1:3" x14ac:dyDescent="0.25">
      <c r="A17573" s="2" t="s">
        <v>9231</v>
      </c>
      <c r="B17573" s="6">
        <v>292540.5</v>
      </c>
      <c r="C17573" s="7">
        <f t="shared" si="274"/>
        <v>292.54050000000001</v>
      </c>
    </row>
    <row r="17574" spans="1:3" x14ac:dyDescent="0.25">
      <c r="A17574" s="2" t="s">
        <v>9232</v>
      </c>
      <c r="B17574" s="6">
        <v>292557.14999999997</v>
      </c>
      <c r="C17574" s="7">
        <f t="shared" si="274"/>
        <v>292.55714999999998</v>
      </c>
    </row>
    <row r="17575" spans="1:3" x14ac:dyDescent="0.25">
      <c r="A17575" s="2" t="s">
        <v>9233</v>
      </c>
      <c r="B17575" s="6">
        <v>292573.8</v>
      </c>
      <c r="C17575" s="7">
        <f t="shared" si="274"/>
        <v>292.57380000000001</v>
      </c>
    </row>
    <row r="17576" spans="1:3" x14ac:dyDescent="0.25">
      <c r="A17576" s="2" t="s">
        <v>9234</v>
      </c>
      <c r="B17576" s="6">
        <v>292590.44999999995</v>
      </c>
      <c r="C17576" s="7">
        <f t="shared" si="274"/>
        <v>292.59044999999998</v>
      </c>
    </row>
    <row r="17577" spans="1:3" x14ac:dyDescent="0.25">
      <c r="A17577" s="2" t="s">
        <v>9235</v>
      </c>
      <c r="B17577" s="6">
        <v>292607.09999999998</v>
      </c>
      <c r="C17577" s="7">
        <f t="shared" si="274"/>
        <v>292.6071</v>
      </c>
    </row>
    <row r="17578" spans="1:3" x14ac:dyDescent="0.25">
      <c r="A17578" s="2" t="s">
        <v>9236</v>
      </c>
      <c r="B17578" s="6">
        <v>292623.75</v>
      </c>
      <c r="C17578" s="7">
        <f t="shared" si="274"/>
        <v>292.62374999999997</v>
      </c>
    </row>
    <row r="17579" spans="1:3" x14ac:dyDescent="0.25">
      <c r="A17579" s="2" t="s">
        <v>9237</v>
      </c>
      <c r="B17579" s="6">
        <v>292640.39999999997</v>
      </c>
      <c r="C17579" s="7">
        <f t="shared" si="274"/>
        <v>292.64039999999994</v>
      </c>
    </row>
    <row r="17580" spans="1:3" x14ac:dyDescent="0.25">
      <c r="A17580" s="2" t="s">
        <v>9238</v>
      </c>
      <c r="B17580" s="6">
        <v>292657.05</v>
      </c>
      <c r="C17580" s="7">
        <f t="shared" si="274"/>
        <v>292.65704999999997</v>
      </c>
    </row>
    <row r="17581" spans="1:3" x14ac:dyDescent="0.25">
      <c r="A17581" s="2" t="s">
        <v>9239</v>
      </c>
      <c r="B17581" s="6">
        <v>292673.69999999995</v>
      </c>
      <c r="C17581" s="7">
        <f t="shared" si="274"/>
        <v>292.67369999999994</v>
      </c>
    </row>
    <row r="17582" spans="1:3" x14ac:dyDescent="0.25">
      <c r="A17582" s="2" t="s">
        <v>9240</v>
      </c>
      <c r="B17582" s="6">
        <v>292690.34999999998</v>
      </c>
      <c r="C17582" s="7">
        <f t="shared" si="274"/>
        <v>292.69034999999997</v>
      </c>
    </row>
    <row r="17583" spans="1:3" x14ac:dyDescent="0.25">
      <c r="A17583" s="2" t="s">
        <v>9241</v>
      </c>
      <c r="B17583" s="6">
        <v>292707</v>
      </c>
      <c r="C17583" s="7">
        <f t="shared" si="274"/>
        <v>292.70699999999999</v>
      </c>
    </row>
    <row r="17584" spans="1:3" x14ac:dyDescent="0.25">
      <c r="A17584" s="2" t="s">
        <v>9242</v>
      </c>
      <c r="B17584" s="6">
        <v>292723.64999999997</v>
      </c>
      <c r="C17584" s="7">
        <f t="shared" si="274"/>
        <v>292.72364999999996</v>
      </c>
    </row>
    <row r="17585" spans="1:3" x14ac:dyDescent="0.25">
      <c r="A17585" s="2" t="s">
        <v>9243</v>
      </c>
      <c r="B17585" s="6">
        <v>292740.3</v>
      </c>
      <c r="C17585" s="7">
        <f t="shared" si="274"/>
        <v>292.74029999999999</v>
      </c>
    </row>
    <row r="17586" spans="1:3" x14ac:dyDescent="0.25">
      <c r="A17586" s="2" t="s">
        <v>9244</v>
      </c>
      <c r="B17586" s="6">
        <v>292756.94999999995</v>
      </c>
      <c r="C17586" s="7">
        <f t="shared" si="274"/>
        <v>292.75694999999996</v>
      </c>
    </row>
    <row r="17587" spans="1:3" x14ac:dyDescent="0.25">
      <c r="A17587" s="2" t="s">
        <v>9245</v>
      </c>
      <c r="B17587" s="6">
        <v>292773.59999999998</v>
      </c>
      <c r="C17587" s="7">
        <f t="shared" si="274"/>
        <v>292.77359999999999</v>
      </c>
    </row>
    <row r="17588" spans="1:3" x14ac:dyDescent="0.25">
      <c r="A17588" s="2" t="s">
        <v>9246</v>
      </c>
      <c r="B17588" s="6">
        <v>292790.25</v>
      </c>
      <c r="C17588" s="7">
        <f t="shared" si="274"/>
        <v>292.79025000000001</v>
      </c>
    </row>
    <row r="17589" spans="1:3" x14ac:dyDescent="0.25">
      <c r="A17589" s="2" t="s">
        <v>9247</v>
      </c>
      <c r="B17589" s="6">
        <v>292806.89999999997</v>
      </c>
      <c r="C17589" s="7">
        <f t="shared" si="274"/>
        <v>292.80689999999998</v>
      </c>
    </row>
    <row r="17590" spans="1:3" x14ac:dyDescent="0.25">
      <c r="A17590" s="2" t="s">
        <v>9248</v>
      </c>
      <c r="B17590" s="6">
        <v>292823.55</v>
      </c>
      <c r="C17590" s="7">
        <f t="shared" si="274"/>
        <v>292.82355000000001</v>
      </c>
    </row>
    <row r="17591" spans="1:3" x14ac:dyDescent="0.25">
      <c r="A17591" s="2" t="s">
        <v>9249</v>
      </c>
      <c r="B17591" s="6">
        <v>292840.19999999995</v>
      </c>
      <c r="C17591" s="7">
        <f t="shared" si="274"/>
        <v>292.84019999999998</v>
      </c>
    </row>
    <row r="17592" spans="1:3" x14ac:dyDescent="0.25">
      <c r="A17592" s="2" t="s">
        <v>9250</v>
      </c>
      <c r="B17592" s="6">
        <v>292856.84999999998</v>
      </c>
      <c r="C17592" s="7">
        <f t="shared" si="274"/>
        <v>292.85684999999995</v>
      </c>
    </row>
    <row r="17593" spans="1:3" x14ac:dyDescent="0.25">
      <c r="A17593" s="2" t="s">
        <v>9251</v>
      </c>
      <c r="B17593" s="6">
        <v>292873.5</v>
      </c>
      <c r="C17593" s="7">
        <f t="shared" si="274"/>
        <v>292.87349999999998</v>
      </c>
    </row>
    <row r="17594" spans="1:3" x14ac:dyDescent="0.25">
      <c r="A17594" s="2" t="s">
        <v>9252</v>
      </c>
      <c r="B17594" s="6">
        <v>292890.14999999997</v>
      </c>
      <c r="C17594" s="7">
        <f t="shared" si="274"/>
        <v>292.89014999999995</v>
      </c>
    </row>
    <row r="17595" spans="1:3" x14ac:dyDescent="0.25">
      <c r="A17595" s="2" t="s">
        <v>9253</v>
      </c>
      <c r="B17595" s="6">
        <v>292906.8</v>
      </c>
      <c r="C17595" s="7">
        <f t="shared" si="274"/>
        <v>292.90679999999998</v>
      </c>
    </row>
    <row r="17596" spans="1:3" x14ac:dyDescent="0.25">
      <c r="A17596" s="2" t="s">
        <v>9254</v>
      </c>
      <c r="B17596" s="6">
        <v>292923.44999999995</v>
      </c>
      <c r="C17596" s="7">
        <f t="shared" si="274"/>
        <v>292.92344999999995</v>
      </c>
    </row>
    <row r="17597" spans="1:3" x14ac:dyDescent="0.25">
      <c r="A17597" s="2" t="s">
        <v>9255</v>
      </c>
      <c r="B17597" s="6">
        <v>292940.09999999998</v>
      </c>
      <c r="C17597" s="7">
        <f t="shared" si="274"/>
        <v>292.94009999999997</v>
      </c>
    </row>
    <row r="17598" spans="1:3" x14ac:dyDescent="0.25">
      <c r="A17598" s="2" t="s">
        <v>9256</v>
      </c>
      <c r="B17598" s="6">
        <v>292956.75</v>
      </c>
      <c r="C17598" s="7">
        <f t="shared" si="274"/>
        <v>292.95675</v>
      </c>
    </row>
    <row r="17599" spans="1:3" x14ac:dyDescent="0.25">
      <c r="A17599" s="2" t="s">
        <v>9257</v>
      </c>
      <c r="B17599" s="6">
        <v>292973.39999999997</v>
      </c>
      <c r="C17599" s="7">
        <f t="shared" si="274"/>
        <v>292.97339999999997</v>
      </c>
    </row>
    <row r="17600" spans="1:3" x14ac:dyDescent="0.25">
      <c r="A17600" s="2" t="s">
        <v>9258</v>
      </c>
      <c r="B17600" s="6">
        <v>292990.05</v>
      </c>
      <c r="C17600" s="7">
        <f t="shared" si="274"/>
        <v>292.99005</v>
      </c>
    </row>
    <row r="17601" spans="1:3" x14ac:dyDescent="0.25">
      <c r="A17601" s="2" t="s">
        <v>9259</v>
      </c>
      <c r="B17601" s="6">
        <v>293006.69999999995</v>
      </c>
      <c r="C17601" s="7">
        <f t="shared" si="274"/>
        <v>293.00669999999997</v>
      </c>
    </row>
    <row r="17602" spans="1:3" x14ac:dyDescent="0.25">
      <c r="A17602" s="2" t="s">
        <v>9260</v>
      </c>
      <c r="B17602" s="6">
        <v>293023.34999999998</v>
      </c>
      <c r="C17602" s="7">
        <f t="shared" si="274"/>
        <v>293.02334999999999</v>
      </c>
    </row>
    <row r="17603" spans="1:3" x14ac:dyDescent="0.25">
      <c r="A17603" s="2" t="s">
        <v>9261</v>
      </c>
      <c r="B17603" s="6">
        <v>293040</v>
      </c>
      <c r="C17603" s="7">
        <f t="shared" ref="C17603:C17666" si="275">B17603/1000</f>
        <v>293.04000000000002</v>
      </c>
    </row>
    <row r="17604" spans="1:3" x14ac:dyDescent="0.25">
      <c r="A17604" s="2" t="s">
        <v>9262</v>
      </c>
      <c r="B17604" s="6">
        <v>293056.64999999997</v>
      </c>
      <c r="C17604" s="7">
        <f t="shared" si="275"/>
        <v>293.05664999999999</v>
      </c>
    </row>
    <row r="17605" spans="1:3" x14ac:dyDescent="0.25">
      <c r="A17605" s="2" t="s">
        <v>9263</v>
      </c>
      <c r="B17605" s="6">
        <v>293073.3</v>
      </c>
      <c r="C17605" s="7">
        <f t="shared" si="275"/>
        <v>293.07329999999996</v>
      </c>
    </row>
    <row r="17606" spans="1:3" x14ac:dyDescent="0.25">
      <c r="A17606" s="2" t="s">
        <v>9264</v>
      </c>
      <c r="B17606" s="6">
        <v>293089.94999999995</v>
      </c>
      <c r="C17606" s="7">
        <f t="shared" si="275"/>
        <v>293.08994999999993</v>
      </c>
    </row>
    <row r="17607" spans="1:3" x14ac:dyDescent="0.25">
      <c r="A17607" s="2" t="s">
        <v>9265</v>
      </c>
      <c r="B17607" s="6">
        <v>293106.59999999998</v>
      </c>
      <c r="C17607" s="7">
        <f t="shared" si="275"/>
        <v>293.10659999999996</v>
      </c>
    </row>
    <row r="17608" spans="1:3" x14ac:dyDescent="0.25">
      <c r="A17608" s="2" t="s">
        <v>9266</v>
      </c>
      <c r="B17608" s="6">
        <v>293123.25</v>
      </c>
      <c r="C17608" s="7">
        <f t="shared" si="275"/>
        <v>293.12324999999998</v>
      </c>
    </row>
    <row r="17609" spans="1:3" x14ac:dyDescent="0.25">
      <c r="A17609" s="2" t="s">
        <v>9267</v>
      </c>
      <c r="B17609" s="6">
        <v>293139.89999999997</v>
      </c>
      <c r="C17609" s="7">
        <f t="shared" si="275"/>
        <v>293.13989999999995</v>
      </c>
    </row>
    <row r="17610" spans="1:3" x14ac:dyDescent="0.25">
      <c r="A17610" s="2" t="s">
        <v>9268</v>
      </c>
      <c r="B17610" s="6">
        <v>293156.55</v>
      </c>
      <c r="C17610" s="7">
        <f t="shared" si="275"/>
        <v>293.15654999999998</v>
      </c>
    </row>
    <row r="17611" spans="1:3" x14ac:dyDescent="0.25">
      <c r="A17611" s="2" t="s">
        <v>9269</v>
      </c>
      <c r="B17611" s="6">
        <v>293173.19999999995</v>
      </c>
      <c r="C17611" s="7">
        <f t="shared" si="275"/>
        <v>293.17319999999995</v>
      </c>
    </row>
    <row r="17612" spans="1:3" x14ac:dyDescent="0.25">
      <c r="A17612" s="2" t="s">
        <v>9270</v>
      </c>
      <c r="B17612" s="6">
        <v>293189.84999999998</v>
      </c>
      <c r="C17612" s="7">
        <f t="shared" si="275"/>
        <v>293.18984999999998</v>
      </c>
    </row>
    <row r="17613" spans="1:3" x14ac:dyDescent="0.25">
      <c r="A17613" s="2" t="s">
        <v>9271</v>
      </c>
      <c r="B17613" s="6">
        <v>293206.5</v>
      </c>
      <c r="C17613" s="7">
        <f t="shared" si="275"/>
        <v>293.20650000000001</v>
      </c>
    </row>
    <row r="17614" spans="1:3" x14ac:dyDescent="0.25">
      <c r="A17614" s="2" t="s">
        <v>9272</v>
      </c>
      <c r="B17614" s="6">
        <v>293223.14999999997</v>
      </c>
      <c r="C17614" s="7">
        <f t="shared" si="275"/>
        <v>293.22314999999998</v>
      </c>
    </row>
    <row r="17615" spans="1:3" x14ac:dyDescent="0.25">
      <c r="A17615" s="2" t="s">
        <v>9273</v>
      </c>
      <c r="B17615" s="6">
        <v>293239.8</v>
      </c>
      <c r="C17615" s="7">
        <f t="shared" si="275"/>
        <v>293.2398</v>
      </c>
    </row>
    <row r="17616" spans="1:3" x14ac:dyDescent="0.25">
      <c r="A17616" s="2" t="s">
        <v>9274</v>
      </c>
      <c r="B17616" s="6">
        <v>293256.44999999995</v>
      </c>
      <c r="C17616" s="7">
        <f t="shared" si="275"/>
        <v>293.25644999999997</v>
      </c>
    </row>
    <row r="17617" spans="1:3" x14ac:dyDescent="0.25">
      <c r="A17617" s="2" t="s">
        <v>9275</v>
      </c>
      <c r="B17617" s="6">
        <v>293273.09999999998</v>
      </c>
      <c r="C17617" s="7">
        <f t="shared" si="275"/>
        <v>293.2731</v>
      </c>
    </row>
    <row r="17618" spans="1:3" x14ac:dyDescent="0.25">
      <c r="A17618" s="2" t="s">
        <v>9276</v>
      </c>
      <c r="B17618" s="6">
        <v>293289.75</v>
      </c>
      <c r="C17618" s="7">
        <f t="shared" si="275"/>
        <v>293.28975000000003</v>
      </c>
    </row>
    <row r="17619" spans="1:3" x14ac:dyDescent="0.25">
      <c r="A17619" s="2" t="s">
        <v>9277</v>
      </c>
      <c r="B17619" s="6">
        <v>293306.39999999997</v>
      </c>
      <c r="C17619" s="7">
        <f t="shared" si="275"/>
        <v>293.30639999999994</v>
      </c>
    </row>
    <row r="17620" spans="1:3" x14ac:dyDescent="0.25">
      <c r="A17620" s="2" t="s">
        <v>9278</v>
      </c>
      <c r="B17620" s="6">
        <v>293323.05</v>
      </c>
      <c r="C17620" s="7">
        <f t="shared" si="275"/>
        <v>293.32304999999997</v>
      </c>
    </row>
    <row r="17621" spans="1:3" x14ac:dyDescent="0.25">
      <c r="A17621" s="2" t="s">
        <v>9279</v>
      </c>
      <c r="B17621" s="6">
        <v>293339.69999999995</v>
      </c>
      <c r="C17621" s="7">
        <f t="shared" si="275"/>
        <v>293.33969999999994</v>
      </c>
    </row>
    <row r="17622" spans="1:3" x14ac:dyDescent="0.25">
      <c r="A17622" s="2" t="s">
        <v>9280</v>
      </c>
      <c r="B17622" s="6">
        <v>293356.34999999998</v>
      </c>
      <c r="C17622" s="7">
        <f t="shared" si="275"/>
        <v>293.35634999999996</v>
      </c>
    </row>
    <row r="17623" spans="1:3" x14ac:dyDescent="0.25">
      <c r="A17623" s="2" t="s">
        <v>9281</v>
      </c>
      <c r="B17623" s="6">
        <v>293373</v>
      </c>
      <c r="C17623" s="7">
        <f t="shared" si="275"/>
        <v>293.37299999999999</v>
      </c>
    </row>
    <row r="17624" spans="1:3" x14ac:dyDescent="0.25">
      <c r="A17624" s="2" t="s">
        <v>9282</v>
      </c>
      <c r="B17624" s="6">
        <v>293389.64999999997</v>
      </c>
      <c r="C17624" s="7">
        <f t="shared" si="275"/>
        <v>293.38964999999996</v>
      </c>
    </row>
    <row r="17625" spans="1:3" x14ac:dyDescent="0.25">
      <c r="A17625" s="2" t="s">
        <v>9283</v>
      </c>
      <c r="B17625" s="6">
        <v>293406.3</v>
      </c>
      <c r="C17625" s="7">
        <f t="shared" si="275"/>
        <v>293.40629999999999</v>
      </c>
    </row>
    <row r="17626" spans="1:3" x14ac:dyDescent="0.25">
      <c r="A17626" s="2" t="s">
        <v>9284</v>
      </c>
      <c r="B17626" s="6">
        <v>293422.94999999995</v>
      </c>
      <c r="C17626" s="7">
        <f t="shared" si="275"/>
        <v>293.42294999999996</v>
      </c>
    </row>
    <row r="17627" spans="1:3" x14ac:dyDescent="0.25">
      <c r="A17627" s="2" t="s">
        <v>9285</v>
      </c>
      <c r="B17627" s="6">
        <v>293439.59999999998</v>
      </c>
      <c r="C17627" s="7">
        <f t="shared" si="275"/>
        <v>293.43959999999998</v>
      </c>
    </row>
    <row r="17628" spans="1:3" x14ac:dyDescent="0.25">
      <c r="A17628" s="2" t="s">
        <v>9286</v>
      </c>
      <c r="B17628" s="6">
        <v>293456.25</v>
      </c>
      <c r="C17628" s="7">
        <f t="shared" si="275"/>
        <v>293.45625000000001</v>
      </c>
    </row>
    <row r="17629" spans="1:3" x14ac:dyDescent="0.25">
      <c r="A17629" s="2" t="s">
        <v>9287</v>
      </c>
      <c r="B17629" s="6">
        <v>293472.89999999997</v>
      </c>
      <c r="C17629" s="7">
        <f t="shared" si="275"/>
        <v>293.47289999999998</v>
      </c>
    </row>
    <row r="17630" spans="1:3" x14ac:dyDescent="0.25">
      <c r="A17630" s="2" t="s">
        <v>9288</v>
      </c>
      <c r="B17630" s="6">
        <v>293489.55</v>
      </c>
      <c r="C17630" s="7">
        <f t="shared" si="275"/>
        <v>293.48955000000001</v>
      </c>
    </row>
    <row r="17631" spans="1:3" x14ac:dyDescent="0.25">
      <c r="A17631" s="2" t="s">
        <v>9289</v>
      </c>
      <c r="B17631" s="6">
        <v>293506.19999999995</v>
      </c>
      <c r="C17631" s="7">
        <f t="shared" si="275"/>
        <v>293.50619999999998</v>
      </c>
    </row>
    <row r="17632" spans="1:3" x14ac:dyDescent="0.25">
      <c r="A17632" s="2" t="s">
        <v>9290</v>
      </c>
      <c r="B17632" s="6">
        <v>293522.84999999998</v>
      </c>
      <c r="C17632" s="7">
        <f t="shared" si="275"/>
        <v>293.52284999999995</v>
      </c>
    </row>
    <row r="17633" spans="1:3" x14ac:dyDescent="0.25">
      <c r="A17633" s="2" t="s">
        <v>9291</v>
      </c>
      <c r="B17633" s="6">
        <v>293539.5</v>
      </c>
      <c r="C17633" s="7">
        <f t="shared" si="275"/>
        <v>293.53949999999998</v>
      </c>
    </row>
    <row r="17634" spans="1:3" x14ac:dyDescent="0.25">
      <c r="A17634" s="2" t="s">
        <v>9292</v>
      </c>
      <c r="B17634" s="6">
        <v>293556.14999999997</v>
      </c>
      <c r="C17634" s="7">
        <f t="shared" si="275"/>
        <v>293.55614999999995</v>
      </c>
    </row>
    <row r="17635" spans="1:3" x14ac:dyDescent="0.25">
      <c r="A17635" s="2" t="s">
        <v>9293</v>
      </c>
      <c r="B17635" s="6">
        <v>293572.8</v>
      </c>
      <c r="C17635" s="7">
        <f t="shared" si="275"/>
        <v>293.57279999999997</v>
      </c>
    </row>
    <row r="17636" spans="1:3" x14ac:dyDescent="0.25">
      <c r="A17636" s="2" t="s">
        <v>9294</v>
      </c>
      <c r="B17636" s="6">
        <v>293589.44999999995</v>
      </c>
      <c r="C17636" s="7">
        <f t="shared" si="275"/>
        <v>293.58944999999994</v>
      </c>
    </row>
    <row r="17637" spans="1:3" x14ac:dyDescent="0.25">
      <c r="A17637" s="2" t="s">
        <v>9295</v>
      </c>
      <c r="B17637" s="6">
        <v>293606.09999999998</v>
      </c>
      <c r="C17637" s="7">
        <f t="shared" si="275"/>
        <v>293.60609999999997</v>
      </c>
    </row>
    <row r="17638" spans="1:3" x14ac:dyDescent="0.25">
      <c r="A17638" s="2" t="s">
        <v>9296</v>
      </c>
      <c r="B17638" s="6">
        <v>293622.75</v>
      </c>
      <c r="C17638" s="7">
        <f t="shared" si="275"/>
        <v>293.62275</v>
      </c>
    </row>
    <row r="17639" spans="1:3" x14ac:dyDescent="0.25">
      <c r="A17639" s="2" t="s">
        <v>9297</v>
      </c>
      <c r="B17639" s="6">
        <v>293639.39999999997</v>
      </c>
      <c r="C17639" s="7">
        <f t="shared" si="275"/>
        <v>293.63939999999997</v>
      </c>
    </row>
    <row r="17640" spans="1:3" x14ac:dyDescent="0.25">
      <c r="A17640" s="2" t="s">
        <v>9298</v>
      </c>
      <c r="B17640" s="6">
        <v>293656.05</v>
      </c>
      <c r="C17640" s="7">
        <f t="shared" si="275"/>
        <v>293.65604999999999</v>
      </c>
    </row>
    <row r="17641" spans="1:3" x14ac:dyDescent="0.25">
      <c r="A17641" s="2" t="s">
        <v>9299</v>
      </c>
      <c r="B17641" s="6">
        <v>293672.69999999995</v>
      </c>
      <c r="C17641" s="7">
        <f t="shared" si="275"/>
        <v>293.67269999999996</v>
      </c>
    </row>
    <row r="17642" spans="1:3" x14ac:dyDescent="0.25">
      <c r="A17642" s="2" t="s">
        <v>9300</v>
      </c>
      <c r="B17642" s="6">
        <v>293689.34999999998</v>
      </c>
      <c r="C17642" s="7">
        <f t="shared" si="275"/>
        <v>293.68934999999999</v>
      </c>
    </row>
    <row r="17643" spans="1:3" x14ac:dyDescent="0.25">
      <c r="A17643" s="2" t="s">
        <v>9301</v>
      </c>
      <c r="B17643" s="6">
        <v>293706</v>
      </c>
      <c r="C17643" s="7">
        <f t="shared" si="275"/>
        <v>293.70600000000002</v>
      </c>
    </row>
    <row r="17644" spans="1:3" x14ac:dyDescent="0.25">
      <c r="A17644" s="2" t="s">
        <v>9302</v>
      </c>
      <c r="B17644" s="6">
        <v>293722.64999999997</v>
      </c>
      <c r="C17644" s="7">
        <f t="shared" si="275"/>
        <v>293.72264999999999</v>
      </c>
    </row>
    <row r="17645" spans="1:3" x14ac:dyDescent="0.25">
      <c r="A17645" s="2" t="s">
        <v>9303</v>
      </c>
      <c r="B17645" s="6">
        <v>293739.3</v>
      </c>
      <c r="C17645" s="7">
        <f t="shared" si="275"/>
        <v>293.73930000000001</v>
      </c>
    </row>
    <row r="17646" spans="1:3" x14ac:dyDescent="0.25">
      <c r="A17646" s="2" t="s">
        <v>9304</v>
      </c>
      <c r="B17646" s="6">
        <v>293755.94999999995</v>
      </c>
      <c r="C17646" s="7">
        <f t="shared" si="275"/>
        <v>293.75594999999993</v>
      </c>
    </row>
    <row r="17647" spans="1:3" x14ac:dyDescent="0.25">
      <c r="A17647" s="2" t="s">
        <v>9305</v>
      </c>
      <c r="B17647" s="6">
        <v>293772.59999999998</v>
      </c>
      <c r="C17647" s="7">
        <f t="shared" si="275"/>
        <v>293.77259999999995</v>
      </c>
    </row>
    <row r="17648" spans="1:3" x14ac:dyDescent="0.25">
      <c r="A17648" s="2" t="s">
        <v>9306</v>
      </c>
      <c r="B17648" s="6">
        <v>293789.25</v>
      </c>
      <c r="C17648" s="7">
        <f t="shared" si="275"/>
        <v>293.78924999999998</v>
      </c>
    </row>
    <row r="17649" spans="1:3" x14ac:dyDescent="0.25">
      <c r="A17649" s="2" t="s">
        <v>9307</v>
      </c>
      <c r="B17649" s="6">
        <v>293805.89999999997</v>
      </c>
      <c r="C17649" s="7">
        <f t="shared" si="275"/>
        <v>293.80589999999995</v>
      </c>
    </row>
    <row r="17650" spans="1:3" x14ac:dyDescent="0.25">
      <c r="A17650" s="2" t="s">
        <v>9308</v>
      </c>
      <c r="B17650" s="6">
        <v>293822.55</v>
      </c>
      <c r="C17650" s="7">
        <f t="shared" si="275"/>
        <v>293.82254999999998</v>
      </c>
    </row>
    <row r="17651" spans="1:3" x14ac:dyDescent="0.25">
      <c r="A17651" s="2" t="s">
        <v>9309</v>
      </c>
      <c r="B17651" s="6">
        <v>293839.19999999995</v>
      </c>
      <c r="C17651" s="7">
        <f t="shared" si="275"/>
        <v>293.83919999999995</v>
      </c>
    </row>
    <row r="17652" spans="1:3" x14ac:dyDescent="0.25">
      <c r="A17652" s="2" t="s">
        <v>9310</v>
      </c>
      <c r="B17652" s="6">
        <v>293855.84999999998</v>
      </c>
      <c r="C17652" s="7">
        <f t="shared" si="275"/>
        <v>293.85584999999998</v>
      </c>
    </row>
    <row r="17653" spans="1:3" x14ac:dyDescent="0.25">
      <c r="A17653" s="2" t="s">
        <v>9311</v>
      </c>
      <c r="B17653" s="6">
        <v>293872.5</v>
      </c>
      <c r="C17653" s="7">
        <f t="shared" si="275"/>
        <v>293.8725</v>
      </c>
    </row>
    <row r="17654" spans="1:3" x14ac:dyDescent="0.25">
      <c r="A17654" s="2" t="s">
        <v>9312</v>
      </c>
      <c r="B17654" s="6">
        <v>293889.14999999997</v>
      </c>
      <c r="C17654" s="7">
        <f t="shared" si="275"/>
        <v>293.88914999999997</v>
      </c>
    </row>
    <row r="17655" spans="1:3" x14ac:dyDescent="0.25">
      <c r="A17655" s="2" t="s">
        <v>9313</v>
      </c>
      <c r="B17655" s="6">
        <v>293905.8</v>
      </c>
      <c r="C17655" s="7">
        <f t="shared" si="275"/>
        <v>293.9058</v>
      </c>
    </row>
    <row r="17656" spans="1:3" x14ac:dyDescent="0.25">
      <c r="A17656" s="2" t="s">
        <v>9314</v>
      </c>
      <c r="B17656" s="6">
        <v>293922.44999999995</v>
      </c>
      <c r="C17656" s="7">
        <f t="shared" si="275"/>
        <v>293.92244999999997</v>
      </c>
    </row>
    <row r="17657" spans="1:3" x14ac:dyDescent="0.25">
      <c r="A17657" s="2" t="s">
        <v>9315</v>
      </c>
      <c r="B17657" s="6">
        <v>293939.09999999998</v>
      </c>
      <c r="C17657" s="7">
        <f t="shared" si="275"/>
        <v>293.9391</v>
      </c>
    </row>
    <row r="17658" spans="1:3" x14ac:dyDescent="0.25">
      <c r="A17658" s="2" t="s">
        <v>9316</v>
      </c>
      <c r="B17658" s="6">
        <v>293955.75</v>
      </c>
      <c r="C17658" s="7">
        <f t="shared" si="275"/>
        <v>293.95575000000002</v>
      </c>
    </row>
    <row r="17659" spans="1:3" x14ac:dyDescent="0.25">
      <c r="A17659" s="2" t="s">
        <v>9317</v>
      </c>
      <c r="B17659" s="6">
        <v>293972.39999999997</v>
      </c>
      <c r="C17659" s="7">
        <f t="shared" si="275"/>
        <v>293.97239999999999</v>
      </c>
    </row>
    <row r="17660" spans="1:3" x14ac:dyDescent="0.25">
      <c r="A17660" s="2" t="s">
        <v>9318</v>
      </c>
      <c r="B17660" s="6">
        <v>293989.05</v>
      </c>
      <c r="C17660" s="7">
        <f t="shared" si="275"/>
        <v>293.98904999999996</v>
      </c>
    </row>
    <row r="17661" spans="1:3" x14ac:dyDescent="0.25">
      <c r="A17661" s="2" t="s">
        <v>9319</v>
      </c>
      <c r="B17661" s="6">
        <v>294005.69999999995</v>
      </c>
      <c r="C17661" s="7">
        <f t="shared" si="275"/>
        <v>294.00569999999993</v>
      </c>
    </row>
    <row r="17662" spans="1:3" x14ac:dyDescent="0.25">
      <c r="A17662" s="2" t="s">
        <v>9320</v>
      </c>
      <c r="B17662" s="6">
        <v>294022.34999999998</v>
      </c>
      <c r="C17662" s="7">
        <f t="shared" si="275"/>
        <v>294.02234999999996</v>
      </c>
    </row>
    <row r="17663" spans="1:3" x14ac:dyDescent="0.25">
      <c r="A17663" s="2" t="s">
        <v>9321</v>
      </c>
      <c r="B17663" s="6">
        <v>294039</v>
      </c>
      <c r="C17663" s="7">
        <f t="shared" si="275"/>
        <v>294.03899999999999</v>
      </c>
    </row>
    <row r="17664" spans="1:3" x14ac:dyDescent="0.25">
      <c r="A17664" s="2" t="s">
        <v>9322</v>
      </c>
      <c r="B17664" s="6">
        <v>294055.64999999997</v>
      </c>
      <c r="C17664" s="7">
        <f t="shared" si="275"/>
        <v>294.05564999999996</v>
      </c>
    </row>
    <row r="17665" spans="1:3" x14ac:dyDescent="0.25">
      <c r="A17665" s="2" t="s">
        <v>9323</v>
      </c>
      <c r="B17665" s="6">
        <v>294072.3</v>
      </c>
      <c r="C17665" s="7">
        <f t="shared" si="275"/>
        <v>294.07229999999998</v>
      </c>
    </row>
    <row r="17666" spans="1:3" x14ac:dyDescent="0.25">
      <c r="A17666" s="2" t="s">
        <v>9324</v>
      </c>
      <c r="B17666" s="6">
        <v>294088.94999999995</v>
      </c>
      <c r="C17666" s="7">
        <f t="shared" si="275"/>
        <v>294.08894999999995</v>
      </c>
    </row>
    <row r="17667" spans="1:3" x14ac:dyDescent="0.25">
      <c r="A17667" s="2" t="s">
        <v>9325</v>
      </c>
      <c r="B17667" s="6">
        <v>294105.59999999998</v>
      </c>
      <c r="C17667" s="7">
        <f t="shared" ref="C17667:C17730" si="276">B17667/1000</f>
        <v>294.10559999999998</v>
      </c>
    </row>
    <row r="17668" spans="1:3" x14ac:dyDescent="0.25">
      <c r="A17668" s="2" t="s">
        <v>9326</v>
      </c>
      <c r="B17668" s="6">
        <v>294122.25</v>
      </c>
      <c r="C17668" s="7">
        <f t="shared" si="276"/>
        <v>294.12225000000001</v>
      </c>
    </row>
    <row r="17669" spans="1:3" x14ac:dyDescent="0.25">
      <c r="A17669" s="2" t="s">
        <v>9327</v>
      </c>
      <c r="B17669" s="6">
        <v>294138.89999999997</v>
      </c>
      <c r="C17669" s="7">
        <f t="shared" si="276"/>
        <v>294.13889999999998</v>
      </c>
    </row>
    <row r="17670" spans="1:3" x14ac:dyDescent="0.25">
      <c r="A17670" s="2" t="s">
        <v>9328</v>
      </c>
      <c r="B17670" s="6">
        <v>294155.55</v>
      </c>
      <c r="C17670" s="7">
        <f t="shared" si="276"/>
        <v>294.15555000000001</v>
      </c>
    </row>
    <row r="17671" spans="1:3" x14ac:dyDescent="0.25">
      <c r="A17671" s="2" t="s">
        <v>9329</v>
      </c>
      <c r="B17671" s="6">
        <v>294172.19999999995</v>
      </c>
      <c r="C17671" s="7">
        <f t="shared" si="276"/>
        <v>294.17219999999998</v>
      </c>
    </row>
    <row r="17672" spans="1:3" x14ac:dyDescent="0.25">
      <c r="A17672" s="2" t="s">
        <v>9330</v>
      </c>
      <c r="B17672" s="6">
        <v>294188.84999999998</v>
      </c>
      <c r="C17672" s="7">
        <f t="shared" si="276"/>
        <v>294.18885</v>
      </c>
    </row>
    <row r="17673" spans="1:3" x14ac:dyDescent="0.25">
      <c r="A17673" s="2" t="s">
        <v>9331</v>
      </c>
      <c r="B17673" s="6">
        <v>294205.5</v>
      </c>
      <c r="C17673" s="7">
        <f t="shared" si="276"/>
        <v>294.20549999999997</v>
      </c>
    </row>
    <row r="17674" spans="1:3" x14ac:dyDescent="0.25">
      <c r="A17674" s="2" t="s">
        <v>9332</v>
      </c>
      <c r="B17674" s="6">
        <v>294222.14999999997</v>
      </c>
      <c r="C17674" s="7">
        <f t="shared" si="276"/>
        <v>294.22214999999994</v>
      </c>
    </row>
    <row r="17675" spans="1:3" x14ac:dyDescent="0.25">
      <c r="A17675" s="2" t="s">
        <v>9333</v>
      </c>
      <c r="B17675" s="6">
        <v>294238.8</v>
      </c>
      <c r="C17675" s="7">
        <f t="shared" si="276"/>
        <v>294.23879999999997</v>
      </c>
    </row>
    <row r="17676" spans="1:3" x14ac:dyDescent="0.25">
      <c r="A17676" s="2" t="s">
        <v>9334</v>
      </c>
      <c r="B17676" s="6">
        <v>294255.44999999995</v>
      </c>
      <c r="C17676" s="7">
        <f t="shared" si="276"/>
        <v>294.25544999999994</v>
      </c>
    </row>
    <row r="17677" spans="1:3" x14ac:dyDescent="0.25">
      <c r="A17677" s="2" t="s">
        <v>9335</v>
      </c>
      <c r="B17677" s="6">
        <v>294272.09999999998</v>
      </c>
      <c r="C17677" s="7">
        <f t="shared" si="276"/>
        <v>294.27209999999997</v>
      </c>
    </row>
    <row r="17678" spans="1:3" x14ac:dyDescent="0.25">
      <c r="A17678" s="2" t="s">
        <v>9336</v>
      </c>
      <c r="B17678" s="6">
        <v>294288.75</v>
      </c>
      <c r="C17678" s="7">
        <f t="shared" si="276"/>
        <v>294.28874999999999</v>
      </c>
    </row>
    <row r="17679" spans="1:3" x14ac:dyDescent="0.25">
      <c r="A17679" s="2" t="s">
        <v>9337</v>
      </c>
      <c r="B17679" s="6">
        <v>294305.39999999997</v>
      </c>
      <c r="C17679" s="7">
        <f t="shared" si="276"/>
        <v>294.30539999999996</v>
      </c>
    </row>
    <row r="17680" spans="1:3" x14ac:dyDescent="0.25">
      <c r="A17680" s="2" t="s">
        <v>9338</v>
      </c>
      <c r="B17680" s="6">
        <v>294322.05</v>
      </c>
      <c r="C17680" s="7">
        <f t="shared" si="276"/>
        <v>294.32204999999999</v>
      </c>
    </row>
    <row r="17681" spans="1:3" x14ac:dyDescent="0.25">
      <c r="A17681" s="2" t="s">
        <v>9339</v>
      </c>
      <c r="B17681" s="6">
        <v>294338.69999999995</v>
      </c>
      <c r="C17681" s="7">
        <f t="shared" si="276"/>
        <v>294.33869999999996</v>
      </c>
    </row>
    <row r="17682" spans="1:3" x14ac:dyDescent="0.25">
      <c r="A17682" s="2" t="s">
        <v>9340</v>
      </c>
      <c r="B17682" s="6">
        <v>294355.34999999998</v>
      </c>
      <c r="C17682" s="7">
        <f t="shared" si="276"/>
        <v>294.35534999999999</v>
      </c>
    </row>
    <row r="17683" spans="1:3" x14ac:dyDescent="0.25">
      <c r="A17683" s="2" t="s">
        <v>9341</v>
      </c>
      <c r="B17683" s="6">
        <v>294372</v>
      </c>
      <c r="C17683" s="7">
        <f t="shared" si="276"/>
        <v>294.37200000000001</v>
      </c>
    </row>
    <row r="17684" spans="1:3" x14ac:dyDescent="0.25">
      <c r="A17684" s="2" t="s">
        <v>9342</v>
      </c>
      <c r="B17684" s="6">
        <v>294388.64999999997</v>
      </c>
      <c r="C17684" s="7">
        <f t="shared" si="276"/>
        <v>294.38864999999998</v>
      </c>
    </row>
    <row r="17685" spans="1:3" x14ac:dyDescent="0.25">
      <c r="A17685" s="2" t="s">
        <v>9343</v>
      </c>
      <c r="B17685" s="6">
        <v>294405.3</v>
      </c>
      <c r="C17685" s="7">
        <f t="shared" si="276"/>
        <v>294.40530000000001</v>
      </c>
    </row>
    <row r="17686" spans="1:3" x14ac:dyDescent="0.25">
      <c r="A17686" s="2" t="s">
        <v>9344</v>
      </c>
      <c r="B17686" s="6">
        <v>294421.94999999995</v>
      </c>
      <c r="C17686" s="7">
        <f t="shared" si="276"/>
        <v>294.42194999999998</v>
      </c>
    </row>
    <row r="17687" spans="1:3" x14ac:dyDescent="0.25">
      <c r="A17687" s="2" t="s">
        <v>9345</v>
      </c>
      <c r="B17687" s="6">
        <v>294438.59999999998</v>
      </c>
      <c r="C17687" s="7">
        <f t="shared" si="276"/>
        <v>294.43859999999995</v>
      </c>
    </row>
    <row r="17688" spans="1:3" x14ac:dyDescent="0.25">
      <c r="A17688" s="2" t="s">
        <v>9346</v>
      </c>
      <c r="B17688" s="6">
        <v>294455.25</v>
      </c>
      <c r="C17688" s="7">
        <f t="shared" si="276"/>
        <v>294.45524999999998</v>
      </c>
    </row>
    <row r="17689" spans="1:3" x14ac:dyDescent="0.25">
      <c r="A17689" s="2" t="s">
        <v>9347</v>
      </c>
      <c r="B17689" s="6">
        <v>294471.89999999997</v>
      </c>
      <c r="C17689" s="7">
        <f t="shared" si="276"/>
        <v>294.47189999999995</v>
      </c>
    </row>
    <row r="17690" spans="1:3" x14ac:dyDescent="0.25">
      <c r="A17690" s="2" t="s">
        <v>9348</v>
      </c>
      <c r="B17690" s="6">
        <v>294488.55</v>
      </c>
      <c r="C17690" s="7">
        <f t="shared" si="276"/>
        <v>294.48854999999998</v>
      </c>
    </row>
    <row r="17691" spans="1:3" x14ac:dyDescent="0.25">
      <c r="A17691" s="2" t="s">
        <v>9349</v>
      </c>
      <c r="B17691" s="6">
        <v>294505.19999999995</v>
      </c>
      <c r="C17691" s="7">
        <f t="shared" si="276"/>
        <v>294.50519999999995</v>
      </c>
    </row>
    <row r="17692" spans="1:3" x14ac:dyDescent="0.25">
      <c r="A17692" s="2" t="s">
        <v>9350</v>
      </c>
      <c r="B17692" s="6">
        <v>294521.84999999998</v>
      </c>
      <c r="C17692" s="7">
        <f t="shared" si="276"/>
        <v>294.52184999999997</v>
      </c>
    </row>
    <row r="17693" spans="1:3" x14ac:dyDescent="0.25">
      <c r="A17693" s="2" t="s">
        <v>9351</v>
      </c>
      <c r="B17693" s="6">
        <v>294538.5</v>
      </c>
      <c r="C17693" s="7">
        <f t="shared" si="276"/>
        <v>294.5385</v>
      </c>
    </row>
    <row r="17694" spans="1:3" x14ac:dyDescent="0.25">
      <c r="A17694" s="2" t="s">
        <v>9352</v>
      </c>
      <c r="B17694" s="6">
        <v>294555.14999999997</v>
      </c>
      <c r="C17694" s="7">
        <f t="shared" si="276"/>
        <v>294.55514999999997</v>
      </c>
    </row>
    <row r="17695" spans="1:3" x14ac:dyDescent="0.25">
      <c r="A17695" s="2" t="s">
        <v>9353</v>
      </c>
      <c r="B17695" s="6">
        <v>294571.8</v>
      </c>
      <c r="C17695" s="7">
        <f t="shared" si="276"/>
        <v>294.5718</v>
      </c>
    </row>
    <row r="17696" spans="1:3" x14ac:dyDescent="0.25">
      <c r="A17696" s="2" t="s">
        <v>9354</v>
      </c>
      <c r="B17696" s="6">
        <v>294588.44999999995</v>
      </c>
      <c r="C17696" s="7">
        <f t="shared" si="276"/>
        <v>294.58844999999997</v>
      </c>
    </row>
    <row r="17697" spans="1:3" x14ac:dyDescent="0.25">
      <c r="A17697" s="2" t="s">
        <v>9355</v>
      </c>
      <c r="B17697" s="6">
        <v>294605.09999999998</v>
      </c>
      <c r="C17697" s="7">
        <f t="shared" si="276"/>
        <v>294.60509999999999</v>
      </c>
    </row>
    <row r="17698" spans="1:3" x14ac:dyDescent="0.25">
      <c r="A17698" s="2" t="s">
        <v>9356</v>
      </c>
      <c r="B17698" s="6">
        <v>294621.75</v>
      </c>
      <c r="C17698" s="7">
        <f t="shared" si="276"/>
        <v>294.62175000000002</v>
      </c>
    </row>
    <row r="17699" spans="1:3" x14ac:dyDescent="0.25">
      <c r="A17699" s="2" t="s">
        <v>9357</v>
      </c>
      <c r="B17699" s="6">
        <v>294638.39999999997</v>
      </c>
      <c r="C17699" s="7">
        <f t="shared" si="276"/>
        <v>294.63839999999999</v>
      </c>
    </row>
    <row r="17700" spans="1:3" x14ac:dyDescent="0.25">
      <c r="A17700" s="2" t="s">
        <v>9358</v>
      </c>
      <c r="B17700" s="6">
        <v>294655.05</v>
      </c>
      <c r="C17700" s="7">
        <f t="shared" si="276"/>
        <v>294.65504999999996</v>
      </c>
    </row>
    <row r="17701" spans="1:3" x14ac:dyDescent="0.25">
      <c r="A17701" s="2" t="s">
        <v>9359</v>
      </c>
      <c r="B17701" s="6">
        <v>294671.69999999995</v>
      </c>
      <c r="C17701" s="7">
        <f t="shared" si="276"/>
        <v>294.67169999999993</v>
      </c>
    </row>
    <row r="17702" spans="1:3" x14ac:dyDescent="0.25">
      <c r="A17702" s="2" t="s">
        <v>9360</v>
      </c>
      <c r="B17702" s="6">
        <v>294688.34999999998</v>
      </c>
      <c r="C17702" s="7">
        <f t="shared" si="276"/>
        <v>294.68834999999996</v>
      </c>
    </row>
    <row r="17703" spans="1:3" x14ac:dyDescent="0.25">
      <c r="A17703" s="2" t="s">
        <v>9361</v>
      </c>
      <c r="B17703" s="6">
        <v>294705</v>
      </c>
      <c r="C17703" s="7">
        <f t="shared" si="276"/>
        <v>294.70499999999998</v>
      </c>
    </row>
    <row r="17704" spans="1:3" x14ac:dyDescent="0.25">
      <c r="A17704" s="2" t="s">
        <v>9362</v>
      </c>
      <c r="B17704" s="6">
        <v>294721.64999999997</v>
      </c>
      <c r="C17704" s="7">
        <f t="shared" si="276"/>
        <v>294.72164999999995</v>
      </c>
    </row>
    <row r="17705" spans="1:3" x14ac:dyDescent="0.25">
      <c r="A17705" s="2" t="s">
        <v>9363</v>
      </c>
      <c r="B17705" s="6">
        <v>294738.3</v>
      </c>
      <c r="C17705" s="7">
        <f t="shared" si="276"/>
        <v>294.73829999999998</v>
      </c>
    </row>
    <row r="17706" spans="1:3" x14ac:dyDescent="0.25">
      <c r="A17706" s="2" t="s">
        <v>9364</v>
      </c>
      <c r="B17706" s="6">
        <v>294754.94999999995</v>
      </c>
      <c r="C17706" s="7">
        <f t="shared" si="276"/>
        <v>294.75494999999995</v>
      </c>
    </row>
    <row r="17707" spans="1:3" x14ac:dyDescent="0.25">
      <c r="A17707" s="2" t="s">
        <v>9365</v>
      </c>
      <c r="B17707" s="6">
        <v>294771.59999999998</v>
      </c>
      <c r="C17707" s="7">
        <f t="shared" si="276"/>
        <v>294.77159999999998</v>
      </c>
    </row>
    <row r="17708" spans="1:3" x14ac:dyDescent="0.25">
      <c r="A17708" s="2" t="s">
        <v>9366</v>
      </c>
      <c r="B17708" s="6">
        <v>294788.25</v>
      </c>
      <c r="C17708" s="7">
        <f t="shared" si="276"/>
        <v>294.78825000000001</v>
      </c>
    </row>
    <row r="17709" spans="1:3" x14ac:dyDescent="0.25">
      <c r="A17709" s="2" t="s">
        <v>9367</v>
      </c>
      <c r="B17709" s="6">
        <v>294804.89999999997</v>
      </c>
      <c r="C17709" s="7">
        <f t="shared" si="276"/>
        <v>294.80489999999998</v>
      </c>
    </row>
    <row r="17710" spans="1:3" x14ac:dyDescent="0.25">
      <c r="A17710" s="2" t="s">
        <v>9368</v>
      </c>
      <c r="B17710" s="6">
        <v>294821.55</v>
      </c>
      <c r="C17710" s="7">
        <f t="shared" si="276"/>
        <v>294.82155</v>
      </c>
    </row>
    <row r="17711" spans="1:3" x14ac:dyDescent="0.25">
      <c r="A17711" s="2" t="s">
        <v>9369</v>
      </c>
      <c r="B17711" s="6">
        <v>294838.19999999995</v>
      </c>
      <c r="C17711" s="7">
        <f t="shared" si="276"/>
        <v>294.83819999999997</v>
      </c>
    </row>
    <row r="17712" spans="1:3" x14ac:dyDescent="0.25">
      <c r="A17712" s="2" t="s">
        <v>9370</v>
      </c>
      <c r="B17712" s="6">
        <v>294854.84999999998</v>
      </c>
      <c r="C17712" s="7">
        <f t="shared" si="276"/>
        <v>294.85485</v>
      </c>
    </row>
    <row r="17713" spans="1:3" x14ac:dyDescent="0.25">
      <c r="A17713" s="2" t="s">
        <v>9371</v>
      </c>
      <c r="B17713" s="6">
        <v>294871.5</v>
      </c>
      <c r="C17713" s="7">
        <f t="shared" si="276"/>
        <v>294.87150000000003</v>
      </c>
    </row>
    <row r="17714" spans="1:3" x14ac:dyDescent="0.25">
      <c r="A17714" s="2" t="s">
        <v>9372</v>
      </c>
      <c r="B17714" s="6">
        <v>294888.14999999997</v>
      </c>
      <c r="C17714" s="7">
        <f t="shared" si="276"/>
        <v>294.88814999999994</v>
      </c>
    </row>
    <row r="17715" spans="1:3" x14ac:dyDescent="0.25">
      <c r="A17715" s="2" t="s">
        <v>9373</v>
      </c>
      <c r="B17715" s="6">
        <v>294904.8</v>
      </c>
      <c r="C17715" s="7">
        <f t="shared" si="276"/>
        <v>294.90479999999997</v>
      </c>
    </row>
    <row r="17716" spans="1:3" x14ac:dyDescent="0.25">
      <c r="A17716" s="2" t="s">
        <v>9374</v>
      </c>
      <c r="B17716" s="6">
        <v>294921.44999999995</v>
      </c>
      <c r="C17716" s="7">
        <f t="shared" si="276"/>
        <v>294.92144999999994</v>
      </c>
    </row>
    <row r="17717" spans="1:3" x14ac:dyDescent="0.25">
      <c r="A17717" s="2" t="s">
        <v>9375</v>
      </c>
      <c r="B17717" s="6">
        <v>294938.09999999998</v>
      </c>
      <c r="C17717" s="7">
        <f t="shared" si="276"/>
        <v>294.93809999999996</v>
      </c>
    </row>
    <row r="17718" spans="1:3" x14ac:dyDescent="0.25">
      <c r="A17718" s="2" t="s">
        <v>9376</v>
      </c>
      <c r="B17718" s="6">
        <v>294954.75</v>
      </c>
      <c r="C17718" s="7">
        <f t="shared" si="276"/>
        <v>294.95474999999999</v>
      </c>
    </row>
    <row r="17719" spans="1:3" x14ac:dyDescent="0.25">
      <c r="A17719" s="2" t="s">
        <v>9377</v>
      </c>
      <c r="B17719" s="6">
        <v>294971.39999999997</v>
      </c>
      <c r="C17719" s="7">
        <f t="shared" si="276"/>
        <v>294.97139999999996</v>
      </c>
    </row>
    <row r="17720" spans="1:3" x14ac:dyDescent="0.25">
      <c r="A17720" s="2" t="s">
        <v>9378</v>
      </c>
      <c r="B17720" s="6">
        <v>294988.05</v>
      </c>
      <c r="C17720" s="7">
        <f t="shared" si="276"/>
        <v>294.98804999999999</v>
      </c>
    </row>
    <row r="17721" spans="1:3" x14ac:dyDescent="0.25">
      <c r="A17721" s="2" t="s">
        <v>9379</v>
      </c>
      <c r="B17721" s="6">
        <v>295004.69999999995</v>
      </c>
      <c r="C17721" s="7">
        <f t="shared" si="276"/>
        <v>295.00469999999996</v>
      </c>
    </row>
    <row r="17722" spans="1:3" x14ac:dyDescent="0.25">
      <c r="A17722" s="2" t="s">
        <v>9380</v>
      </c>
      <c r="B17722" s="6">
        <v>295021.34999999998</v>
      </c>
      <c r="C17722" s="7">
        <f t="shared" si="276"/>
        <v>295.02134999999998</v>
      </c>
    </row>
    <row r="17723" spans="1:3" x14ac:dyDescent="0.25">
      <c r="A17723" s="2" t="s">
        <v>9381</v>
      </c>
      <c r="B17723" s="6">
        <v>295038</v>
      </c>
      <c r="C17723" s="7">
        <f t="shared" si="276"/>
        <v>295.03800000000001</v>
      </c>
    </row>
    <row r="17724" spans="1:3" x14ac:dyDescent="0.25">
      <c r="A17724" s="2" t="s">
        <v>9382</v>
      </c>
      <c r="B17724" s="6">
        <v>295054.64999999997</v>
      </c>
      <c r="C17724" s="7">
        <f t="shared" si="276"/>
        <v>295.05464999999998</v>
      </c>
    </row>
    <row r="17725" spans="1:3" x14ac:dyDescent="0.25">
      <c r="A17725" s="2" t="s">
        <v>9383</v>
      </c>
      <c r="B17725" s="6">
        <v>295071.3</v>
      </c>
      <c r="C17725" s="7">
        <f t="shared" si="276"/>
        <v>295.07130000000001</v>
      </c>
    </row>
    <row r="17726" spans="1:3" x14ac:dyDescent="0.25">
      <c r="A17726" s="2" t="s">
        <v>9384</v>
      </c>
      <c r="B17726" s="6">
        <v>295087.94999999995</v>
      </c>
      <c r="C17726" s="7">
        <f t="shared" si="276"/>
        <v>295.08794999999998</v>
      </c>
    </row>
    <row r="17727" spans="1:3" x14ac:dyDescent="0.25">
      <c r="A17727" s="2" t="s">
        <v>9385</v>
      </c>
      <c r="B17727" s="6">
        <v>295104.59999999998</v>
      </c>
      <c r="C17727" s="7">
        <f t="shared" si="276"/>
        <v>295.1046</v>
      </c>
    </row>
    <row r="17728" spans="1:3" x14ac:dyDescent="0.25">
      <c r="A17728" s="2" t="s">
        <v>9386</v>
      </c>
      <c r="B17728" s="6">
        <v>295121.25</v>
      </c>
      <c r="C17728" s="7">
        <f t="shared" si="276"/>
        <v>295.12124999999997</v>
      </c>
    </row>
    <row r="17729" spans="1:3" x14ac:dyDescent="0.25">
      <c r="A17729" s="2" t="s">
        <v>9387</v>
      </c>
      <c r="B17729" s="6">
        <v>295137.89999999997</v>
      </c>
      <c r="C17729" s="7">
        <f t="shared" si="276"/>
        <v>295.13789999999995</v>
      </c>
    </row>
    <row r="17730" spans="1:3" x14ac:dyDescent="0.25">
      <c r="A17730" s="2" t="s">
        <v>9388</v>
      </c>
      <c r="B17730" s="6">
        <v>295154.55</v>
      </c>
      <c r="C17730" s="7">
        <f t="shared" si="276"/>
        <v>295.15454999999997</v>
      </c>
    </row>
    <row r="17731" spans="1:3" x14ac:dyDescent="0.25">
      <c r="A17731" s="2" t="s">
        <v>9389</v>
      </c>
      <c r="B17731" s="6">
        <v>295171.19999999995</v>
      </c>
      <c r="C17731" s="7">
        <f t="shared" ref="C17731:C17794" si="277">B17731/1000</f>
        <v>295.17119999999994</v>
      </c>
    </row>
    <row r="17732" spans="1:3" x14ac:dyDescent="0.25">
      <c r="A17732" s="2" t="s">
        <v>9390</v>
      </c>
      <c r="B17732" s="6">
        <v>295187.84999999998</v>
      </c>
      <c r="C17732" s="7">
        <f t="shared" si="277"/>
        <v>295.18784999999997</v>
      </c>
    </row>
    <row r="17733" spans="1:3" x14ac:dyDescent="0.25">
      <c r="A17733" s="2" t="s">
        <v>9391</v>
      </c>
      <c r="B17733" s="6">
        <v>295204.5</v>
      </c>
      <c r="C17733" s="7">
        <f t="shared" si="277"/>
        <v>295.2045</v>
      </c>
    </row>
    <row r="17734" spans="1:3" x14ac:dyDescent="0.25">
      <c r="A17734" s="2" t="s">
        <v>9392</v>
      </c>
      <c r="B17734" s="6">
        <v>295221.14999999997</v>
      </c>
      <c r="C17734" s="7">
        <f t="shared" si="277"/>
        <v>295.22114999999997</v>
      </c>
    </row>
    <row r="17735" spans="1:3" x14ac:dyDescent="0.25">
      <c r="A17735" s="2" t="s">
        <v>9393</v>
      </c>
      <c r="B17735" s="6">
        <v>295237.8</v>
      </c>
      <c r="C17735" s="7">
        <f t="shared" si="277"/>
        <v>295.23779999999999</v>
      </c>
    </row>
    <row r="17736" spans="1:3" x14ac:dyDescent="0.25">
      <c r="A17736" s="2" t="s">
        <v>9394</v>
      </c>
      <c r="B17736" s="6">
        <v>295254.44999999995</v>
      </c>
      <c r="C17736" s="7">
        <f t="shared" si="277"/>
        <v>295.25444999999996</v>
      </c>
    </row>
    <row r="17737" spans="1:3" x14ac:dyDescent="0.25">
      <c r="A17737" s="2" t="s">
        <v>9395</v>
      </c>
      <c r="B17737" s="6">
        <v>295271.09999999998</v>
      </c>
      <c r="C17737" s="7">
        <f t="shared" si="277"/>
        <v>295.27109999999999</v>
      </c>
    </row>
    <row r="17738" spans="1:3" x14ac:dyDescent="0.25">
      <c r="A17738" s="2" t="s">
        <v>9396</v>
      </c>
      <c r="B17738" s="6">
        <v>295287.75</v>
      </c>
      <c r="C17738" s="7">
        <f t="shared" si="277"/>
        <v>295.28775000000002</v>
      </c>
    </row>
    <row r="17739" spans="1:3" x14ac:dyDescent="0.25">
      <c r="A17739" s="2" t="s">
        <v>9397</v>
      </c>
      <c r="B17739" s="6">
        <v>295304.39999999997</v>
      </c>
      <c r="C17739" s="7">
        <f t="shared" si="277"/>
        <v>295.30439999999999</v>
      </c>
    </row>
    <row r="17740" spans="1:3" x14ac:dyDescent="0.25">
      <c r="A17740" s="2" t="s">
        <v>9398</v>
      </c>
      <c r="B17740" s="6">
        <v>295321.05</v>
      </c>
      <c r="C17740" s="7">
        <f t="shared" si="277"/>
        <v>295.32105000000001</v>
      </c>
    </row>
    <row r="17741" spans="1:3" x14ac:dyDescent="0.25">
      <c r="A17741" s="2" t="s">
        <v>9399</v>
      </c>
      <c r="B17741" s="6">
        <v>295337.69999999995</v>
      </c>
      <c r="C17741" s="7">
        <f t="shared" si="277"/>
        <v>295.33769999999993</v>
      </c>
    </row>
    <row r="17742" spans="1:3" x14ac:dyDescent="0.25">
      <c r="A17742" s="2" t="s">
        <v>9400</v>
      </c>
      <c r="B17742" s="6">
        <v>295354.34999999998</v>
      </c>
      <c r="C17742" s="7">
        <f t="shared" si="277"/>
        <v>295.35434999999995</v>
      </c>
    </row>
    <row r="17743" spans="1:3" x14ac:dyDescent="0.25">
      <c r="A17743" s="2" t="s">
        <v>9401</v>
      </c>
      <c r="B17743" s="6">
        <v>295371</v>
      </c>
      <c r="C17743" s="7">
        <f t="shared" si="277"/>
        <v>295.37099999999998</v>
      </c>
    </row>
    <row r="17744" spans="1:3" x14ac:dyDescent="0.25">
      <c r="A17744" s="2" t="s">
        <v>9402</v>
      </c>
      <c r="B17744" s="6">
        <v>295387.64999999997</v>
      </c>
      <c r="C17744" s="7">
        <f t="shared" si="277"/>
        <v>295.38764999999995</v>
      </c>
    </row>
    <row r="17745" spans="1:3" x14ac:dyDescent="0.25">
      <c r="A17745" s="2" t="s">
        <v>9403</v>
      </c>
      <c r="B17745" s="6">
        <v>295404.3</v>
      </c>
      <c r="C17745" s="7">
        <f t="shared" si="277"/>
        <v>295.40429999999998</v>
      </c>
    </row>
    <row r="17746" spans="1:3" x14ac:dyDescent="0.25">
      <c r="A17746" s="2" t="s">
        <v>9404</v>
      </c>
      <c r="B17746" s="6">
        <v>295420.94999999995</v>
      </c>
      <c r="C17746" s="7">
        <f t="shared" si="277"/>
        <v>295.42094999999995</v>
      </c>
    </row>
    <row r="17747" spans="1:3" x14ac:dyDescent="0.25">
      <c r="A17747" s="2" t="s">
        <v>9405</v>
      </c>
      <c r="B17747" s="6">
        <v>295437.59999999998</v>
      </c>
      <c r="C17747" s="7">
        <f t="shared" si="277"/>
        <v>295.43759999999997</v>
      </c>
    </row>
    <row r="17748" spans="1:3" x14ac:dyDescent="0.25">
      <c r="A17748" s="2" t="s">
        <v>9406</v>
      </c>
      <c r="B17748" s="6">
        <v>295454.25</v>
      </c>
      <c r="C17748" s="7">
        <f t="shared" si="277"/>
        <v>295.45425</v>
      </c>
    </row>
    <row r="17749" spans="1:3" x14ac:dyDescent="0.25">
      <c r="A17749" s="2" t="s">
        <v>9407</v>
      </c>
      <c r="B17749" s="6">
        <v>295470.89999999997</v>
      </c>
      <c r="C17749" s="7">
        <f t="shared" si="277"/>
        <v>295.47089999999997</v>
      </c>
    </row>
    <row r="17750" spans="1:3" x14ac:dyDescent="0.25">
      <c r="A17750" s="2" t="s">
        <v>9408</v>
      </c>
      <c r="B17750" s="6">
        <v>295487.55</v>
      </c>
      <c r="C17750" s="7">
        <f t="shared" si="277"/>
        <v>295.48755</v>
      </c>
    </row>
    <row r="17751" spans="1:3" x14ac:dyDescent="0.25">
      <c r="A17751" s="2" t="s">
        <v>9409</v>
      </c>
      <c r="B17751" s="6">
        <v>295504.19999999995</v>
      </c>
      <c r="C17751" s="7">
        <f t="shared" si="277"/>
        <v>295.50419999999997</v>
      </c>
    </row>
    <row r="17752" spans="1:3" x14ac:dyDescent="0.25">
      <c r="A17752" s="2" t="s">
        <v>9410</v>
      </c>
      <c r="B17752" s="6">
        <v>295520.84999999998</v>
      </c>
      <c r="C17752" s="7">
        <f t="shared" si="277"/>
        <v>295.52085</v>
      </c>
    </row>
    <row r="17753" spans="1:3" x14ac:dyDescent="0.25">
      <c r="A17753" s="2" t="s">
        <v>9411</v>
      </c>
      <c r="B17753" s="6">
        <v>295537.5</v>
      </c>
      <c r="C17753" s="7">
        <f t="shared" si="277"/>
        <v>295.53750000000002</v>
      </c>
    </row>
    <row r="17754" spans="1:3" x14ac:dyDescent="0.25">
      <c r="A17754" s="2" t="s">
        <v>9412</v>
      </c>
      <c r="B17754" s="6">
        <v>295554.14999999997</v>
      </c>
      <c r="C17754" s="7">
        <f t="shared" si="277"/>
        <v>295.55414999999999</v>
      </c>
    </row>
    <row r="17755" spans="1:3" x14ac:dyDescent="0.25">
      <c r="A17755" s="2" t="s">
        <v>9413</v>
      </c>
      <c r="B17755" s="6">
        <v>295570.8</v>
      </c>
      <c r="C17755" s="7">
        <f t="shared" si="277"/>
        <v>295.57079999999996</v>
      </c>
    </row>
    <row r="17756" spans="1:3" x14ac:dyDescent="0.25">
      <c r="A17756" s="2" t="s">
        <v>9414</v>
      </c>
      <c r="B17756" s="6">
        <v>295587.44999999995</v>
      </c>
      <c r="C17756" s="7">
        <f t="shared" si="277"/>
        <v>295.58744999999993</v>
      </c>
    </row>
    <row r="17757" spans="1:3" x14ac:dyDescent="0.25">
      <c r="A17757" s="2" t="s">
        <v>9415</v>
      </c>
      <c r="B17757" s="6">
        <v>295604.09999999998</v>
      </c>
      <c r="C17757" s="7">
        <f t="shared" si="277"/>
        <v>295.60409999999996</v>
      </c>
    </row>
    <row r="17758" spans="1:3" x14ac:dyDescent="0.25">
      <c r="A17758" s="2" t="s">
        <v>9416</v>
      </c>
      <c r="B17758" s="6">
        <v>295620.75</v>
      </c>
      <c r="C17758" s="7">
        <f t="shared" si="277"/>
        <v>295.62074999999999</v>
      </c>
    </row>
    <row r="17759" spans="1:3" x14ac:dyDescent="0.25">
      <c r="A17759" s="2" t="s">
        <v>9417</v>
      </c>
      <c r="B17759" s="6">
        <v>295637.39999999997</v>
      </c>
      <c r="C17759" s="7">
        <f t="shared" si="277"/>
        <v>295.63739999999996</v>
      </c>
    </row>
    <row r="17760" spans="1:3" x14ac:dyDescent="0.25">
      <c r="A17760" s="2" t="s">
        <v>9418</v>
      </c>
      <c r="B17760" s="6">
        <v>295654.05</v>
      </c>
      <c r="C17760" s="7">
        <f t="shared" si="277"/>
        <v>295.65404999999998</v>
      </c>
    </row>
    <row r="17761" spans="1:3" x14ac:dyDescent="0.25">
      <c r="A17761" s="2" t="s">
        <v>9419</v>
      </c>
      <c r="B17761" s="6">
        <v>295670.69999999995</v>
      </c>
      <c r="C17761" s="7">
        <f t="shared" si="277"/>
        <v>295.67069999999995</v>
      </c>
    </row>
    <row r="17762" spans="1:3" x14ac:dyDescent="0.25">
      <c r="A17762" s="2" t="s">
        <v>9420</v>
      </c>
      <c r="B17762" s="6">
        <v>295687.34999999998</v>
      </c>
      <c r="C17762" s="7">
        <f t="shared" si="277"/>
        <v>295.68734999999998</v>
      </c>
    </row>
    <row r="17763" spans="1:3" x14ac:dyDescent="0.25">
      <c r="A17763" s="2" t="s">
        <v>9421</v>
      </c>
      <c r="B17763" s="6">
        <v>295704</v>
      </c>
      <c r="C17763" s="7">
        <f t="shared" si="277"/>
        <v>295.70400000000001</v>
      </c>
    </row>
    <row r="17764" spans="1:3" x14ac:dyDescent="0.25">
      <c r="A17764" s="2" t="s">
        <v>9422</v>
      </c>
      <c r="B17764" s="6">
        <v>295720.64999999997</v>
      </c>
      <c r="C17764" s="7">
        <f t="shared" si="277"/>
        <v>295.72064999999998</v>
      </c>
    </row>
    <row r="17765" spans="1:3" x14ac:dyDescent="0.25">
      <c r="A17765" s="2" t="s">
        <v>9423</v>
      </c>
      <c r="B17765" s="6">
        <v>295737.3</v>
      </c>
      <c r="C17765" s="7">
        <f t="shared" si="277"/>
        <v>295.7373</v>
      </c>
    </row>
    <row r="17766" spans="1:3" x14ac:dyDescent="0.25">
      <c r="A17766" s="2" t="s">
        <v>9424</v>
      </c>
      <c r="B17766" s="6">
        <v>295753.94999999995</v>
      </c>
      <c r="C17766" s="7">
        <f t="shared" si="277"/>
        <v>295.75394999999997</v>
      </c>
    </row>
    <row r="17767" spans="1:3" x14ac:dyDescent="0.25">
      <c r="A17767" s="2" t="s">
        <v>9425</v>
      </c>
      <c r="B17767" s="6">
        <v>295770.59999999998</v>
      </c>
      <c r="C17767" s="7">
        <f t="shared" si="277"/>
        <v>295.7706</v>
      </c>
    </row>
    <row r="17768" spans="1:3" x14ac:dyDescent="0.25">
      <c r="A17768" s="2" t="s">
        <v>9426</v>
      </c>
      <c r="B17768" s="6">
        <v>295787.25</v>
      </c>
      <c r="C17768" s="7">
        <f t="shared" si="277"/>
        <v>295.78724999999997</v>
      </c>
    </row>
    <row r="17769" spans="1:3" x14ac:dyDescent="0.25">
      <c r="A17769" s="2" t="s">
        <v>9427</v>
      </c>
      <c r="B17769" s="6">
        <v>295803.89999999997</v>
      </c>
      <c r="C17769" s="7">
        <f t="shared" si="277"/>
        <v>295.80389999999994</v>
      </c>
    </row>
    <row r="17770" spans="1:3" x14ac:dyDescent="0.25">
      <c r="A17770" s="2" t="s">
        <v>9428</v>
      </c>
      <c r="B17770" s="6">
        <v>295820.55</v>
      </c>
      <c r="C17770" s="7">
        <f t="shared" si="277"/>
        <v>295.82054999999997</v>
      </c>
    </row>
    <row r="17771" spans="1:3" x14ac:dyDescent="0.25">
      <c r="A17771" s="2" t="s">
        <v>9429</v>
      </c>
      <c r="B17771" s="6">
        <v>295837.19999999995</v>
      </c>
      <c r="C17771" s="7">
        <f t="shared" si="277"/>
        <v>295.83719999999994</v>
      </c>
    </row>
    <row r="17772" spans="1:3" x14ac:dyDescent="0.25">
      <c r="A17772" s="2" t="s">
        <v>9430</v>
      </c>
      <c r="B17772" s="6">
        <v>295853.84999999998</v>
      </c>
      <c r="C17772" s="7">
        <f t="shared" si="277"/>
        <v>295.85384999999997</v>
      </c>
    </row>
    <row r="17773" spans="1:3" x14ac:dyDescent="0.25">
      <c r="A17773" s="2" t="s">
        <v>9431</v>
      </c>
      <c r="B17773" s="6">
        <v>295870.5</v>
      </c>
      <c r="C17773" s="7">
        <f t="shared" si="277"/>
        <v>295.87049999999999</v>
      </c>
    </row>
    <row r="17774" spans="1:3" x14ac:dyDescent="0.25">
      <c r="A17774" s="2" t="s">
        <v>9432</v>
      </c>
      <c r="B17774" s="6">
        <v>295887.14999999997</v>
      </c>
      <c r="C17774" s="7">
        <f t="shared" si="277"/>
        <v>295.88714999999996</v>
      </c>
    </row>
    <row r="17775" spans="1:3" x14ac:dyDescent="0.25">
      <c r="A17775" s="2" t="s">
        <v>9433</v>
      </c>
      <c r="B17775" s="6">
        <v>295903.8</v>
      </c>
      <c r="C17775" s="7">
        <f t="shared" si="277"/>
        <v>295.90379999999999</v>
      </c>
    </row>
    <row r="17776" spans="1:3" x14ac:dyDescent="0.25">
      <c r="A17776" s="2" t="s">
        <v>9434</v>
      </c>
      <c r="B17776" s="6">
        <v>295920.44999999995</v>
      </c>
      <c r="C17776" s="7">
        <f t="shared" si="277"/>
        <v>295.92044999999996</v>
      </c>
    </row>
    <row r="17777" spans="1:3" x14ac:dyDescent="0.25">
      <c r="A17777" s="2" t="s">
        <v>9435</v>
      </c>
      <c r="B17777" s="6">
        <v>295937.09999999998</v>
      </c>
      <c r="C17777" s="7">
        <f t="shared" si="277"/>
        <v>295.93709999999999</v>
      </c>
    </row>
    <row r="17778" spans="1:3" x14ac:dyDescent="0.25">
      <c r="A17778" s="2" t="s">
        <v>9436</v>
      </c>
      <c r="B17778" s="6">
        <v>295953.75</v>
      </c>
      <c r="C17778" s="7">
        <f t="shared" si="277"/>
        <v>295.95375000000001</v>
      </c>
    </row>
    <row r="17779" spans="1:3" x14ac:dyDescent="0.25">
      <c r="A17779" s="2" t="s">
        <v>9437</v>
      </c>
      <c r="B17779" s="6">
        <v>295970.39999999997</v>
      </c>
      <c r="C17779" s="7">
        <f t="shared" si="277"/>
        <v>295.97039999999998</v>
      </c>
    </row>
    <row r="17780" spans="1:3" x14ac:dyDescent="0.25">
      <c r="A17780" s="2" t="s">
        <v>9438</v>
      </c>
      <c r="B17780" s="6">
        <v>295987.05</v>
      </c>
      <c r="C17780" s="7">
        <f t="shared" si="277"/>
        <v>295.98705000000001</v>
      </c>
    </row>
    <row r="17781" spans="1:3" x14ac:dyDescent="0.25">
      <c r="A17781" s="2" t="s">
        <v>9439</v>
      </c>
      <c r="B17781" s="6">
        <v>296003.69999999995</v>
      </c>
      <c r="C17781" s="7">
        <f t="shared" si="277"/>
        <v>296.00369999999998</v>
      </c>
    </row>
    <row r="17782" spans="1:3" x14ac:dyDescent="0.25">
      <c r="A17782" s="2" t="s">
        <v>9440</v>
      </c>
      <c r="B17782" s="6">
        <v>296020.34999999998</v>
      </c>
      <c r="C17782" s="7">
        <f t="shared" si="277"/>
        <v>296.02034999999995</v>
      </c>
    </row>
    <row r="17783" spans="1:3" x14ac:dyDescent="0.25">
      <c r="A17783" s="2" t="s">
        <v>9441</v>
      </c>
      <c r="B17783" s="6">
        <v>296037</v>
      </c>
      <c r="C17783" s="7">
        <f t="shared" si="277"/>
        <v>296.03699999999998</v>
      </c>
    </row>
    <row r="17784" spans="1:3" x14ac:dyDescent="0.25">
      <c r="A17784" s="2" t="s">
        <v>9442</v>
      </c>
      <c r="B17784" s="6">
        <v>296053.64999999997</v>
      </c>
      <c r="C17784" s="7">
        <f t="shared" si="277"/>
        <v>296.05364999999995</v>
      </c>
    </row>
    <row r="17785" spans="1:3" x14ac:dyDescent="0.25">
      <c r="A17785" s="2" t="s">
        <v>9443</v>
      </c>
      <c r="B17785" s="6">
        <v>296070.3</v>
      </c>
      <c r="C17785" s="7">
        <f t="shared" si="277"/>
        <v>296.07029999999997</v>
      </c>
    </row>
    <row r="17786" spans="1:3" x14ac:dyDescent="0.25">
      <c r="A17786" s="2" t="s">
        <v>9444</v>
      </c>
      <c r="B17786" s="6">
        <v>296086.94999999995</v>
      </c>
      <c r="C17786" s="7">
        <f t="shared" si="277"/>
        <v>296.08694999999994</v>
      </c>
    </row>
    <row r="17787" spans="1:3" x14ac:dyDescent="0.25">
      <c r="A17787" s="2" t="s">
        <v>9445</v>
      </c>
      <c r="B17787" s="6">
        <v>296103.59999999998</v>
      </c>
      <c r="C17787" s="7">
        <f t="shared" si="277"/>
        <v>296.10359999999997</v>
      </c>
    </row>
    <row r="17788" spans="1:3" x14ac:dyDescent="0.25">
      <c r="A17788" s="2" t="s">
        <v>9446</v>
      </c>
      <c r="B17788" s="6">
        <v>296120.25</v>
      </c>
      <c r="C17788" s="7">
        <f t="shared" si="277"/>
        <v>296.12025</v>
      </c>
    </row>
    <row r="17789" spans="1:3" x14ac:dyDescent="0.25">
      <c r="A17789" s="2" t="s">
        <v>9447</v>
      </c>
      <c r="B17789" s="6">
        <v>296136.89999999997</v>
      </c>
      <c r="C17789" s="7">
        <f t="shared" si="277"/>
        <v>296.13689999999997</v>
      </c>
    </row>
    <row r="17790" spans="1:3" x14ac:dyDescent="0.25">
      <c r="A17790" s="2" t="s">
        <v>9448</v>
      </c>
      <c r="B17790" s="6">
        <v>296153.55</v>
      </c>
      <c r="C17790" s="7">
        <f t="shared" si="277"/>
        <v>296.15355</v>
      </c>
    </row>
    <row r="17791" spans="1:3" x14ac:dyDescent="0.25">
      <c r="A17791" s="2" t="s">
        <v>9449</v>
      </c>
      <c r="B17791" s="6">
        <v>296170.19999999995</v>
      </c>
      <c r="C17791" s="7">
        <f t="shared" si="277"/>
        <v>296.17019999999997</v>
      </c>
    </row>
    <row r="17792" spans="1:3" x14ac:dyDescent="0.25">
      <c r="A17792" s="2" t="s">
        <v>9450</v>
      </c>
      <c r="B17792" s="6">
        <v>296186.84999999998</v>
      </c>
      <c r="C17792" s="7">
        <f t="shared" si="277"/>
        <v>296.18684999999999</v>
      </c>
    </row>
    <row r="17793" spans="1:3" x14ac:dyDescent="0.25">
      <c r="A17793" s="2" t="s">
        <v>9451</v>
      </c>
      <c r="B17793" s="6">
        <v>296203.5</v>
      </c>
      <c r="C17793" s="7">
        <f t="shared" si="277"/>
        <v>296.20350000000002</v>
      </c>
    </row>
    <row r="17794" spans="1:3" x14ac:dyDescent="0.25">
      <c r="A17794" s="2" t="s">
        <v>9452</v>
      </c>
      <c r="B17794" s="6">
        <v>296220.14999999997</v>
      </c>
      <c r="C17794" s="7">
        <f t="shared" si="277"/>
        <v>296.22014999999999</v>
      </c>
    </row>
    <row r="17795" spans="1:3" x14ac:dyDescent="0.25">
      <c r="A17795" s="2" t="s">
        <v>9453</v>
      </c>
      <c r="B17795" s="6">
        <v>296236.79999999999</v>
      </c>
      <c r="C17795" s="7">
        <f t="shared" ref="C17795:C17858" si="278">B17795/1000</f>
        <v>296.23680000000002</v>
      </c>
    </row>
    <row r="17796" spans="1:3" x14ac:dyDescent="0.25">
      <c r="A17796" s="2" t="s">
        <v>9454</v>
      </c>
      <c r="B17796" s="6">
        <v>296253.44999999995</v>
      </c>
      <c r="C17796" s="7">
        <f t="shared" si="278"/>
        <v>296.25344999999993</v>
      </c>
    </row>
    <row r="17797" spans="1:3" x14ac:dyDescent="0.25">
      <c r="A17797" s="2" t="s">
        <v>9455</v>
      </c>
      <c r="B17797" s="6">
        <v>296270.09999999998</v>
      </c>
      <c r="C17797" s="7">
        <f t="shared" si="278"/>
        <v>296.27009999999996</v>
      </c>
    </row>
    <row r="17798" spans="1:3" x14ac:dyDescent="0.25">
      <c r="A17798" s="2" t="s">
        <v>9456</v>
      </c>
      <c r="B17798" s="6">
        <v>296286.75</v>
      </c>
      <c r="C17798" s="7">
        <f t="shared" si="278"/>
        <v>296.28674999999998</v>
      </c>
    </row>
    <row r="17799" spans="1:3" x14ac:dyDescent="0.25">
      <c r="A17799" s="2" t="s">
        <v>9457</v>
      </c>
      <c r="B17799" s="6">
        <v>296303.39999999997</v>
      </c>
      <c r="C17799" s="7">
        <f t="shared" si="278"/>
        <v>296.30339999999995</v>
      </c>
    </row>
    <row r="17800" spans="1:3" x14ac:dyDescent="0.25">
      <c r="A17800" s="2" t="s">
        <v>9458</v>
      </c>
      <c r="B17800" s="6">
        <v>296320.05</v>
      </c>
      <c r="C17800" s="7">
        <f t="shared" si="278"/>
        <v>296.32004999999998</v>
      </c>
    </row>
    <row r="17801" spans="1:3" x14ac:dyDescent="0.25">
      <c r="A17801" s="2" t="s">
        <v>9459</v>
      </c>
      <c r="B17801" s="6">
        <v>296336.69999999995</v>
      </c>
      <c r="C17801" s="7">
        <f t="shared" si="278"/>
        <v>296.33669999999995</v>
      </c>
    </row>
    <row r="17802" spans="1:3" x14ac:dyDescent="0.25">
      <c r="A17802" s="2" t="s">
        <v>9460</v>
      </c>
      <c r="B17802" s="6">
        <v>296353.34999999998</v>
      </c>
      <c r="C17802" s="7">
        <f t="shared" si="278"/>
        <v>296.35334999999998</v>
      </c>
    </row>
    <row r="17803" spans="1:3" x14ac:dyDescent="0.25">
      <c r="A17803" s="2" t="s">
        <v>9461</v>
      </c>
      <c r="B17803" s="6">
        <v>296370</v>
      </c>
      <c r="C17803" s="7">
        <f t="shared" si="278"/>
        <v>296.37</v>
      </c>
    </row>
    <row r="17804" spans="1:3" x14ac:dyDescent="0.25">
      <c r="A17804" s="2" t="s">
        <v>9462</v>
      </c>
      <c r="B17804" s="6">
        <v>296386.64999999997</v>
      </c>
      <c r="C17804" s="7">
        <f t="shared" si="278"/>
        <v>296.38664999999997</v>
      </c>
    </row>
    <row r="17805" spans="1:3" x14ac:dyDescent="0.25">
      <c r="A17805" s="2" t="s">
        <v>9463</v>
      </c>
      <c r="B17805" s="6">
        <v>296403.3</v>
      </c>
      <c r="C17805" s="7">
        <f t="shared" si="278"/>
        <v>296.4033</v>
      </c>
    </row>
    <row r="17806" spans="1:3" x14ac:dyDescent="0.25">
      <c r="A17806" s="2" t="s">
        <v>9464</v>
      </c>
      <c r="B17806" s="6">
        <v>296419.94999999995</v>
      </c>
      <c r="C17806" s="7">
        <f t="shared" si="278"/>
        <v>296.41994999999997</v>
      </c>
    </row>
    <row r="17807" spans="1:3" x14ac:dyDescent="0.25">
      <c r="A17807" s="2" t="s">
        <v>9465</v>
      </c>
      <c r="B17807" s="6">
        <v>296436.59999999998</v>
      </c>
      <c r="C17807" s="7">
        <f t="shared" si="278"/>
        <v>296.4366</v>
      </c>
    </row>
    <row r="17808" spans="1:3" x14ac:dyDescent="0.25">
      <c r="A17808" s="2" t="s">
        <v>9466</v>
      </c>
      <c r="B17808" s="6">
        <v>296453.25</v>
      </c>
      <c r="C17808" s="7">
        <f t="shared" si="278"/>
        <v>296.45325000000003</v>
      </c>
    </row>
    <row r="17809" spans="1:3" x14ac:dyDescent="0.25">
      <c r="A17809" s="2" t="s">
        <v>9467</v>
      </c>
      <c r="B17809" s="6">
        <v>296469.89999999997</v>
      </c>
      <c r="C17809" s="7">
        <f t="shared" si="278"/>
        <v>296.46989999999994</v>
      </c>
    </row>
    <row r="17810" spans="1:3" x14ac:dyDescent="0.25">
      <c r="A17810" s="2" t="s">
        <v>9468</v>
      </c>
      <c r="B17810" s="6">
        <v>296486.55</v>
      </c>
      <c r="C17810" s="7">
        <f t="shared" si="278"/>
        <v>296.48654999999997</v>
      </c>
    </row>
    <row r="17811" spans="1:3" x14ac:dyDescent="0.25">
      <c r="A17811" s="2" t="s">
        <v>9469</v>
      </c>
      <c r="B17811" s="6">
        <v>296503.19999999995</v>
      </c>
      <c r="C17811" s="7">
        <f t="shared" si="278"/>
        <v>296.50319999999994</v>
      </c>
    </row>
    <row r="17812" spans="1:3" x14ac:dyDescent="0.25">
      <c r="A17812" s="2" t="s">
        <v>9470</v>
      </c>
      <c r="B17812" s="6">
        <v>296519.84999999998</v>
      </c>
      <c r="C17812" s="7">
        <f t="shared" si="278"/>
        <v>296.51984999999996</v>
      </c>
    </row>
    <row r="17813" spans="1:3" x14ac:dyDescent="0.25">
      <c r="A17813" s="2" t="s">
        <v>9471</v>
      </c>
      <c r="B17813" s="6">
        <v>296536.5</v>
      </c>
      <c r="C17813" s="7">
        <f t="shared" si="278"/>
        <v>296.53649999999999</v>
      </c>
    </row>
    <row r="17814" spans="1:3" x14ac:dyDescent="0.25">
      <c r="A17814" s="2" t="s">
        <v>9472</v>
      </c>
      <c r="B17814" s="6">
        <v>296553.14999999997</v>
      </c>
      <c r="C17814" s="7">
        <f t="shared" si="278"/>
        <v>296.55314999999996</v>
      </c>
    </row>
    <row r="17815" spans="1:3" x14ac:dyDescent="0.25">
      <c r="A17815" s="2" t="s">
        <v>9473</v>
      </c>
      <c r="B17815" s="6">
        <v>296569.8</v>
      </c>
      <c r="C17815" s="7">
        <f t="shared" si="278"/>
        <v>296.56979999999999</v>
      </c>
    </row>
    <row r="17816" spans="1:3" x14ac:dyDescent="0.25">
      <c r="A17816" s="2" t="s">
        <v>9474</v>
      </c>
      <c r="B17816" s="6">
        <v>296586.44999999995</v>
      </c>
      <c r="C17816" s="7">
        <f t="shared" si="278"/>
        <v>296.58644999999996</v>
      </c>
    </row>
    <row r="17817" spans="1:3" x14ac:dyDescent="0.25">
      <c r="A17817" s="2" t="s">
        <v>9475</v>
      </c>
      <c r="B17817" s="6">
        <v>296603.09999999998</v>
      </c>
      <c r="C17817" s="7">
        <f t="shared" si="278"/>
        <v>296.60309999999998</v>
      </c>
    </row>
    <row r="17818" spans="1:3" x14ac:dyDescent="0.25">
      <c r="A17818" s="2" t="s">
        <v>9476</v>
      </c>
      <c r="B17818" s="6">
        <v>296619.75</v>
      </c>
      <c r="C17818" s="7">
        <f t="shared" si="278"/>
        <v>296.61975000000001</v>
      </c>
    </row>
    <row r="17819" spans="1:3" x14ac:dyDescent="0.25">
      <c r="A17819" s="2" t="s">
        <v>9477</v>
      </c>
      <c r="B17819" s="6">
        <v>296636.39999999997</v>
      </c>
      <c r="C17819" s="7">
        <f t="shared" si="278"/>
        <v>296.63639999999998</v>
      </c>
    </row>
    <row r="17820" spans="1:3" x14ac:dyDescent="0.25">
      <c r="A17820" s="2" t="s">
        <v>9478</v>
      </c>
      <c r="B17820" s="6">
        <v>296653.05</v>
      </c>
      <c r="C17820" s="7">
        <f t="shared" si="278"/>
        <v>296.65305000000001</v>
      </c>
    </row>
    <row r="17821" spans="1:3" x14ac:dyDescent="0.25">
      <c r="A17821" s="2" t="s">
        <v>9479</v>
      </c>
      <c r="B17821" s="6">
        <v>296669.69999999995</v>
      </c>
      <c r="C17821" s="7">
        <f t="shared" si="278"/>
        <v>296.66969999999998</v>
      </c>
    </row>
    <row r="17822" spans="1:3" x14ac:dyDescent="0.25">
      <c r="A17822" s="2" t="s">
        <v>9480</v>
      </c>
      <c r="B17822" s="6">
        <v>296686.34999999998</v>
      </c>
      <c r="C17822" s="7">
        <f t="shared" si="278"/>
        <v>296.68635</v>
      </c>
    </row>
    <row r="17823" spans="1:3" x14ac:dyDescent="0.25">
      <c r="A17823" s="2" t="s">
        <v>9481</v>
      </c>
      <c r="B17823" s="6">
        <v>296703</v>
      </c>
      <c r="C17823" s="7">
        <f t="shared" si="278"/>
        <v>296.70299999999997</v>
      </c>
    </row>
    <row r="17824" spans="1:3" x14ac:dyDescent="0.25">
      <c r="A17824" s="2" t="s">
        <v>9482</v>
      </c>
      <c r="B17824" s="6">
        <v>296719.64999999997</v>
      </c>
      <c r="C17824" s="7">
        <f t="shared" si="278"/>
        <v>296.71964999999994</v>
      </c>
    </row>
    <row r="17825" spans="1:3" x14ac:dyDescent="0.25">
      <c r="A17825" s="2" t="s">
        <v>9483</v>
      </c>
      <c r="B17825" s="6">
        <v>296736.3</v>
      </c>
      <c r="C17825" s="7">
        <f t="shared" si="278"/>
        <v>296.73629999999997</v>
      </c>
    </row>
    <row r="17826" spans="1:3" x14ac:dyDescent="0.25">
      <c r="A17826" s="2" t="s">
        <v>9484</v>
      </c>
      <c r="B17826" s="6">
        <v>296752.94999999995</v>
      </c>
      <c r="C17826" s="7">
        <f t="shared" si="278"/>
        <v>296.75294999999994</v>
      </c>
    </row>
    <row r="17827" spans="1:3" x14ac:dyDescent="0.25">
      <c r="A17827" s="2" t="s">
        <v>9485</v>
      </c>
      <c r="B17827" s="6">
        <v>296769.59999999998</v>
      </c>
      <c r="C17827" s="7">
        <f t="shared" si="278"/>
        <v>296.76959999999997</v>
      </c>
    </row>
    <row r="17828" spans="1:3" x14ac:dyDescent="0.25">
      <c r="A17828" s="2" t="s">
        <v>9486</v>
      </c>
      <c r="B17828" s="6">
        <v>296786.25</v>
      </c>
      <c r="C17828" s="7">
        <f t="shared" si="278"/>
        <v>296.78625</v>
      </c>
    </row>
    <row r="17829" spans="1:3" x14ac:dyDescent="0.25">
      <c r="A17829" s="2" t="s">
        <v>9487</v>
      </c>
      <c r="B17829" s="6">
        <v>296802.89999999997</v>
      </c>
      <c r="C17829" s="7">
        <f t="shared" si="278"/>
        <v>296.80289999999997</v>
      </c>
    </row>
    <row r="17830" spans="1:3" x14ac:dyDescent="0.25">
      <c r="A17830" s="2" t="s">
        <v>9488</v>
      </c>
      <c r="B17830" s="6">
        <v>296819.55</v>
      </c>
      <c r="C17830" s="7">
        <f t="shared" si="278"/>
        <v>296.81954999999999</v>
      </c>
    </row>
    <row r="17831" spans="1:3" x14ac:dyDescent="0.25">
      <c r="A17831" s="2" t="s">
        <v>9489</v>
      </c>
      <c r="B17831" s="6">
        <v>296836.19999999995</v>
      </c>
      <c r="C17831" s="7">
        <f t="shared" si="278"/>
        <v>296.83619999999996</v>
      </c>
    </row>
    <row r="17832" spans="1:3" x14ac:dyDescent="0.25">
      <c r="A17832" s="2" t="s">
        <v>9490</v>
      </c>
      <c r="B17832" s="6">
        <v>296852.84999999998</v>
      </c>
      <c r="C17832" s="7">
        <f t="shared" si="278"/>
        <v>296.85284999999999</v>
      </c>
    </row>
    <row r="17833" spans="1:3" x14ac:dyDescent="0.25">
      <c r="A17833" s="2" t="s">
        <v>9491</v>
      </c>
      <c r="B17833" s="6">
        <v>296869.5</v>
      </c>
      <c r="C17833" s="7">
        <f t="shared" si="278"/>
        <v>296.86950000000002</v>
      </c>
    </row>
    <row r="17834" spans="1:3" x14ac:dyDescent="0.25">
      <c r="A17834" s="2" t="s">
        <v>9492</v>
      </c>
      <c r="B17834" s="6">
        <v>296886.14999999997</v>
      </c>
      <c r="C17834" s="7">
        <f t="shared" si="278"/>
        <v>296.88614999999999</v>
      </c>
    </row>
    <row r="17835" spans="1:3" x14ac:dyDescent="0.25">
      <c r="A17835" s="2" t="s">
        <v>9493</v>
      </c>
      <c r="B17835" s="6">
        <v>296902.8</v>
      </c>
      <c r="C17835" s="7">
        <f t="shared" si="278"/>
        <v>296.90280000000001</v>
      </c>
    </row>
    <row r="17836" spans="1:3" x14ac:dyDescent="0.25">
      <c r="A17836" s="2" t="s">
        <v>9494</v>
      </c>
      <c r="B17836" s="6">
        <v>296919.44999999995</v>
      </c>
      <c r="C17836" s="7">
        <f t="shared" si="278"/>
        <v>296.91944999999993</v>
      </c>
    </row>
    <row r="17837" spans="1:3" x14ac:dyDescent="0.25">
      <c r="A17837" s="2" t="s">
        <v>9495</v>
      </c>
      <c r="B17837" s="6">
        <v>296936.09999999998</v>
      </c>
      <c r="C17837" s="7">
        <f t="shared" si="278"/>
        <v>296.93609999999995</v>
      </c>
    </row>
    <row r="17838" spans="1:3" x14ac:dyDescent="0.25">
      <c r="A17838" s="2" t="s">
        <v>9496</v>
      </c>
      <c r="B17838" s="6">
        <v>296952.75</v>
      </c>
      <c r="C17838" s="7">
        <f t="shared" si="278"/>
        <v>296.95274999999998</v>
      </c>
    </row>
    <row r="17839" spans="1:3" x14ac:dyDescent="0.25">
      <c r="A17839" s="2" t="s">
        <v>9497</v>
      </c>
      <c r="B17839" s="6">
        <v>296969.39999999997</v>
      </c>
      <c r="C17839" s="7">
        <f t="shared" si="278"/>
        <v>296.96939999999995</v>
      </c>
    </row>
    <row r="17840" spans="1:3" x14ac:dyDescent="0.25">
      <c r="A17840" s="2" t="s">
        <v>9498</v>
      </c>
      <c r="B17840" s="6">
        <v>296986.05</v>
      </c>
      <c r="C17840" s="7">
        <f t="shared" si="278"/>
        <v>296.98604999999998</v>
      </c>
    </row>
    <row r="17841" spans="1:3" x14ac:dyDescent="0.25">
      <c r="A17841" s="2" t="s">
        <v>9499</v>
      </c>
      <c r="B17841" s="6">
        <v>297002.69999999995</v>
      </c>
      <c r="C17841" s="7">
        <f t="shared" si="278"/>
        <v>297.00269999999995</v>
      </c>
    </row>
    <row r="17842" spans="1:3" x14ac:dyDescent="0.25">
      <c r="A17842" s="2" t="s">
        <v>9500</v>
      </c>
      <c r="B17842" s="6">
        <v>297019.34999999998</v>
      </c>
      <c r="C17842" s="7">
        <f t="shared" si="278"/>
        <v>297.01934999999997</v>
      </c>
    </row>
    <row r="17843" spans="1:3" x14ac:dyDescent="0.25">
      <c r="A17843" s="2" t="s">
        <v>9501</v>
      </c>
      <c r="B17843" s="6">
        <v>297036</v>
      </c>
      <c r="C17843" s="7">
        <f t="shared" si="278"/>
        <v>297.036</v>
      </c>
    </row>
    <row r="17844" spans="1:3" x14ac:dyDescent="0.25">
      <c r="A17844" s="2" t="s">
        <v>9502</v>
      </c>
      <c r="B17844" s="6">
        <v>297052.64999999997</v>
      </c>
      <c r="C17844" s="7">
        <f t="shared" si="278"/>
        <v>297.05264999999997</v>
      </c>
    </row>
    <row r="17845" spans="1:3" x14ac:dyDescent="0.25">
      <c r="A17845" s="2" t="s">
        <v>9503</v>
      </c>
      <c r="B17845" s="6">
        <v>297069.3</v>
      </c>
      <c r="C17845" s="7">
        <f t="shared" si="278"/>
        <v>297.0693</v>
      </c>
    </row>
    <row r="17846" spans="1:3" x14ac:dyDescent="0.25">
      <c r="A17846" s="2" t="s">
        <v>9504</v>
      </c>
      <c r="B17846" s="6">
        <v>297085.94999999995</v>
      </c>
      <c r="C17846" s="7">
        <f t="shared" si="278"/>
        <v>297.08594999999997</v>
      </c>
    </row>
    <row r="17847" spans="1:3" x14ac:dyDescent="0.25">
      <c r="A17847" s="2" t="s">
        <v>9505</v>
      </c>
      <c r="B17847" s="6">
        <v>297102.59999999998</v>
      </c>
      <c r="C17847" s="7">
        <f t="shared" si="278"/>
        <v>297.1026</v>
      </c>
    </row>
    <row r="17848" spans="1:3" x14ac:dyDescent="0.25">
      <c r="A17848" s="2" t="s">
        <v>9506</v>
      </c>
      <c r="B17848" s="6">
        <v>297119.25</v>
      </c>
      <c r="C17848" s="7">
        <f t="shared" si="278"/>
        <v>297.11925000000002</v>
      </c>
    </row>
    <row r="17849" spans="1:3" x14ac:dyDescent="0.25">
      <c r="A17849" s="2" t="s">
        <v>9507</v>
      </c>
      <c r="B17849" s="6">
        <v>297135.89999999997</v>
      </c>
      <c r="C17849" s="7">
        <f t="shared" si="278"/>
        <v>297.13589999999999</v>
      </c>
    </row>
    <row r="17850" spans="1:3" x14ac:dyDescent="0.25">
      <c r="A17850" s="2" t="s">
        <v>9508</v>
      </c>
      <c r="B17850" s="6">
        <v>297152.55</v>
      </c>
      <c r="C17850" s="7">
        <f t="shared" si="278"/>
        <v>297.15254999999996</v>
      </c>
    </row>
    <row r="17851" spans="1:3" x14ac:dyDescent="0.25">
      <c r="A17851" s="2" t="s">
        <v>9509</v>
      </c>
      <c r="B17851" s="6">
        <v>297169.19999999995</v>
      </c>
      <c r="C17851" s="7">
        <f t="shared" si="278"/>
        <v>297.16919999999993</v>
      </c>
    </row>
    <row r="17852" spans="1:3" x14ac:dyDescent="0.25">
      <c r="A17852" s="2" t="s">
        <v>9510</v>
      </c>
      <c r="B17852" s="6">
        <v>297185.84999999998</v>
      </c>
      <c r="C17852" s="7">
        <f t="shared" si="278"/>
        <v>297.18584999999996</v>
      </c>
    </row>
    <row r="17853" spans="1:3" x14ac:dyDescent="0.25">
      <c r="A17853" s="2" t="s">
        <v>9511</v>
      </c>
      <c r="B17853" s="6">
        <v>297202.5</v>
      </c>
      <c r="C17853" s="7">
        <f t="shared" si="278"/>
        <v>297.20249999999999</v>
      </c>
    </row>
    <row r="17854" spans="1:3" x14ac:dyDescent="0.25">
      <c r="A17854" s="2" t="s">
        <v>9512</v>
      </c>
      <c r="B17854" s="6">
        <v>297219.14999999997</v>
      </c>
      <c r="C17854" s="7">
        <f t="shared" si="278"/>
        <v>297.21914999999996</v>
      </c>
    </row>
    <row r="17855" spans="1:3" x14ac:dyDescent="0.25">
      <c r="A17855" s="2" t="s">
        <v>9513</v>
      </c>
      <c r="B17855" s="6">
        <v>297235.8</v>
      </c>
      <c r="C17855" s="7">
        <f t="shared" si="278"/>
        <v>297.23579999999998</v>
      </c>
    </row>
    <row r="17856" spans="1:3" x14ac:dyDescent="0.25">
      <c r="A17856" s="2" t="s">
        <v>9514</v>
      </c>
      <c r="B17856" s="6">
        <v>297252.44999999995</v>
      </c>
      <c r="C17856" s="7">
        <f t="shared" si="278"/>
        <v>297.25244999999995</v>
      </c>
    </row>
    <row r="17857" spans="1:3" x14ac:dyDescent="0.25">
      <c r="A17857" s="2" t="s">
        <v>9515</v>
      </c>
      <c r="B17857" s="6">
        <v>297269.09999999998</v>
      </c>
      <c r="C17857" s="7">
        <f t="shared" si="278"/>
        <v>297.26909999999998</v>
      </c>
    </row>
    <row r="17858" spans="1:3" x14ac:dyDescent="0.25">
      <c r="A17858" s="2" t="s">
        <v>9516</v>
      </c>
      <c r="B17858" s="6">
        <v>297285.75</v>
      </c>
      <c r="C17858" s="7">
        <f t="shared" si="278"/>
        <v>297.28575000000001</v>
      </c>
    </row>
    <row r="17859" spans="1:3" x14ac:dyDescent="0.25">
      <c r="A17859" s="2" t="s">
        <v>9517</v>
      </c>
      <c r="B17859" s="6">
        <v>297302.39999999997</v>
      </c>
      <c r="C17859" s="7">
        <f t="shared" ref="C17859:C17922" si="279">B17859/1000</f>
        <v>297.30239999999998</v>
      </c>
    </row>
    <row r="17860" spans="1:3" x14ac:dyDescent="0.25">
      <c r="A17860" s="2" t="s">
        <v>9518</v>
      </c>
      <c r="B17860" s="6">
        <v>297319.05</v>
      </c>
      <c r="C17860" s="7">
        <f t="shared" si="279"/>
        <v>297.31905</v>
      </c>
    </row>
    <row r="17861" spans="1:3" x14ac:dyDescent="0.25">
      <c r="A17861" s="2" t="s">
        <v>9519</v>
      </c>
      <c r="B17861" s="6">
        <v>297335.69999999995</v>
      </c>
      <c r="C17861" s="7">
        <f t="shared" si="279"/>
        <v>297.33569999999997</v>
      </c>
    </row>
    <row r="17862" spans="1:3" x14ac:dyDescent="0.25">
      <c r="A17862" s="2" t="s">
        <v>9520</v>
      </c>
      <c r="B17862" s="6">
        <v>297352.34999999998</v>
      </c>
      <c r="C17862" s="7">
        <f t="shared" si="279"/>
        <v>297.35235</v>
      </c>
    </row>
    <row r="17863" spans="1:3" x14ac:dyDescent="0.25">
      <c r="A17863" s="2" t="s">
        <v>9521</v>
      </c>
      <c r="B17863" s="6">
        <v>297369</v>
      </c>
      <c r="C17863" s="7">
        <f t="shared" si="279"/>
        <v>297.36900000000003</v>
      </c>
    </row>
    <row r="17864" spans="1:3" x14ac:dyDescent="0.25">
      <c r="A17864" s="2" t="s">
        <v>9522</v>
      </c>
      <c r="B17864" s="6">
        <v>297385.64999999997</v>
      </c>
      <c r="C17864" s="7">
        <f t="shared" si="279"/>
        <v>297.38564999999994</v>
      </c>
    </row>
    <row r="17865" spans="1:3" x14ac:dyDescent="0.25">
      <c r="A17865" s="2" t="s">
        <v>9523</v>
      </c>
      <c r="B17865" s="6">
        <v>297402.3</v>
      </c>
      <c r="C17865" s="7">
        <f t="shared" si="279"/>
        <v>297.40229999999997</v>
      </c>
    </row>
    <row r="17866" spans="1:3" x14ac:dyDescent="0.25">
      <c r="A17866" s="2" t="s">
        <v>9524</v>
      </c>
      <c r="B17866" s="6">
        <v>297418.94999999995</v>
      </c>
      <c r="C17866" s="7">
        <f t="shared" si="279"/>
        <v>297.41894999999994</v>
      </c>
    </row>
    <row r="17867" spans="1:3" x14ac:dyDescent="0.25">
      <c r="A17867" s="2" t="s">
        <v>9525</v>
      </c>
      <c r="B17867" s="6">
        <v>297435.59999999998</v>
      </c>
      <c r="C17867" s="7">
        <f t="shared" si="279"/>
        <v>297.43559999999997</v>
      </c>
    </row>
    <row r="17868" spans="1:3" x14ac:dyDescent="0.25">
      <c r="A17868" s="2" t="s">
        <v>9526</v>
      </c>
      <c r="B17868" s="6">
        <v>297452.25</v>
      </c>
      <c r="C17868" s="7">
        <f t="shared" si="279"/>
        <v>297.45224999999999</v>
      </c>
    </row>
    <row r="17869" spans="1:3" x14ac:dyDescent="0.25">
      <c r="A17869" s="2" t="s">
        <v>9527</v>
      </c>
      <c r="B17869" s="6">
        <v>297468.89999999997</v>
      </c>
      <c r="C17869" s="7">
        <f t="shared" si="279"/>
        <v>297.46889999999996</v>
      </c>
    </row>
    <row r="17870" spans="1:3" x14ac:dyDescent="0.25">
      <c r="A17870" s="2" t="s">
        <v>9528</v>
      </c>
      <c r="B17870" s="6">
        <v>297485.55</v>
      </c>
      <c r="C17870" s="7">
        <f t="shared" si="279"/>
        <v>297.48554999999999</v>
      </c>
    </row>
    <row r="17871" spans="1:3" x14ac:dyDescent="0.25">
      <c r="A17871" s="2" t="s">
        <v>9529</v>
      </c>
      <c r="B17871" s="6">
        <v>297502.19999999995</v>
      </c>
      <c r="C17871" s="7">
        <f t="shared" si="279"/>
        <v>297.50219999999996</v>
      </c>
    </row>
    <row r="17872" spans="1:3" x14ac:dyDescent="0.25">
      <c r="A17872" s="2" t="s">
        <v>9530</v>
      </c>
      <c r="B17872" s="6">
        <v>297518.84999999998</v>
      </c>
      <c r="C17872" s="7">
        <f t="shared" si="279"/>
        <v>297.51884999999999</v>
      </c>
    </row>
    <row r="17873" spans="1:3" x14ac:dyDescent="0.25">
      <c r="A17873" s="2" t="s">
        <v>9531</v>
      </c>
      <c r="B17873" s="6">
        <v>297535.5</v>
      </c>
      <c r="C17873" s="7">
        <f t="shared" si="279"/>
        <v>297.53550000000001</v>
      </c>
    </row>
    <row r="17874" spans="1:3" x14ac:dyDescent="0.25">
      <c r="A17874" s="2" t="s">
        <v>9532</v>
      </c>
      <c r="B17874" s="6">
        <v>297552.14999999997</v>
      </c>
      <c r="C17874" s="7">
        <f t="shared" si="279"/>
        <v>297.55214999999998</v>
      </c>
    </row>
    <row r="17875" spans="1:3" x14ac:dyDescent="0.25">
      <c r="A17875" s="2" t="s">
        <v>9533</v>
      </c>
      <c r="B17875" s="6">
        <v>297568.8</v>
      </c>
      <c r="C17875" s="7">
        <f t="shared" si="279"/>
        <v>297.56880000000001</v>
      </c>
    </row>
    <row r="17876" spans="1:3" x14ac:dyDescent="0.25">
      <c r="A17876" s="2" t="s">
        <v>9534</v>
      </c>
      <c r="B17876" s="6">
        <v>297585.44999999995</v>
      </c>
      <c r="C17876" s="7">
        <f t="shared" si="279"/>
        <v>297.58544999999998</v>
      </c>
    </row>
    <row r="17877" spans="1:3" x14ac:dyDescent="0.25">
      <c r="A17877" s="2" t="s">
        <v>9535</v>
      </c>
      <c r="B17877" s="6">
        <v>297602.09999999998</v>
      </c>
      <c r="C17877" s="7">
        <f t="shared" si="279"/>
        <v>297.60209999999995</v>
      </c>
    </row>
    <row r="17878" spans="1:3" x14ac:dyDescent="0.25">
      <c r="A17878" s="2" t="s">
        <v>9536</v>
      </c>
      <c r="B17878" s="6">
        <v>297618.75</v>
      </c>
      <c r="C17878" s="7">
        <f t="shared" si="279"/>
        <v>297.61874999999998</v>
      </c>
    </row>
    <row r="17879" spans="1:3" x14ac:dyDescent="0.25">
      <c r="A17879" s="2" t="s">
        <v>9537</v>
      </c>
      <c r="B17879" s="6">
        <v>297635.39999999997</v>
      </c>
      <c r="C17879" s="7">
        <f t="shared" si="279"/>
        <v>297.63539999999995</v>
      </c>
    </row>
    <row r="17880" spans="1:3" x14ac:dyDescent="0.25">
      <c r="A17880" s="2" t="s">
        <v>9538</v>
      </c>
      <c r="B17880" s="6">
        <v>297652.05</v>
      </c>
      <c r="C17880" s="7">
        <f t="shared" si="279"/>
        <v>297.65204999999997</v>
      </c>
    </row>
    <row r="17881" spans="1:3" x14ac:dyDescent="0.25">
      <c r="A17881" s="2" t="s">
        <v>9539</v>
      </c>
      <c r="B17881" s="6">
        <v>297668.69999999995</v>
      </c>
      <c r="C17881" s="7">
        <f t="shared" si="279"/>
        <v>297.66869999999994</v>
      </c>
    </row>
    <row r="17882" spans="1:3" x14ac:dyDescent="0.25">
      <c r="A17882" s="2" t="s">
        <v>9540</v>
      </c>
      <c r="B17882" s="6">
        <v>297685.34999999998</v>
      </c>
      <c r="C17882" s="7">
        <f t="shared" si="279"/>
        <v>297.68534999999997</v>
      </c>
    </row>
    <row r="17883" spans="1:3" x14ac:dyDescent="0.25">
      <c r="A17883" s="2" t="s">
        <v>9541</v>
      </c>
      <c r="B17883" s="6">
        <v>297702</v>
      </c>
      <c r="C17883" s="7">
        <f t="shared" si="279"/>
        <v>297.702</v>
      </c>
    </row>
    <row r="17884" spans="1:3" x14ac:dyDescent="0.25">
      <c r="A17884" s="2" t="s">
        <v>9542</v>
      </c>
      <c r="B17884" s="6">
        <v>297718.64999999997</v>
      </c>
      <c r="C17884" s="7">
        <f t="shared" si="279"/>
        <v>297.71864999999997</v>
      </c>
    </row>
    <row r="17885" spans="1:3" x14ac:dyDescent="0.25">
      <c r="A17885" s="2" t="s">
        <v>9543</v>
      </c>
      <c r="B17885" s="6">
        <v>297735.3</v>
      </c>
      <c r="C17885" s="7">
        <f t="shared" si="279"/>
        <v>297.7353</v>
      </c>
    </row>
    <row r="17886" spans="1:3" x14ac:dyDescent="0.25">
      <c r="A17886" s="2" t="s">
        <v>9544</v>
      </c>
      <c r="B17886" s="6">
        <v>297751.94999999995</v>
      </c>
      <c r="C17886" s="7">
        <f t="shared" si="279"/>
        <v>297.75194999999997</v>
      </c>
    </row>
    <row r="17887" spans="1:3" x14ac:dyDescent="0.25">
      <c r="A17887" s="2" t="s">
        <v>9545</v>
      </c>
      <c r="B17887" s="6">
        <v>297768.59999999998</v>
      </c>
      <c r="C17887" s="7">
        <f t="shared" si="279"/>
        <v>297.76859999999999</v>
      </c>
    </row>
    <row r="17888" spans="1:3" x14ac:dyDescent="0.25">
      <c r="A17888" s="2" t="s">
        <v>9546</v>
      </c>
      <c r="B17888" s="6">
        <v>297785.25</v>
      </c>
      <c r="C17888" s="7">
        <f t="shared" si="279"/>
        <v>297.78525000000002</v>
      </c>
    </row>
    <row r="17889" spans="1:3" x14ac:dyDescent="0.25">
      <c r="A17889" s="2" t="s">
        <v>9547</v>
      </c>
      <c r="B17889" s="6">
        <v>297801.89999999997</v>
      </c>
      <c r="C17889" s="7">
        <f t="shared" si="279"/>
        <v>297.80189999999999</v>
      </c>
    </row>
    <row r="17890" spans="1:3" x14ac:dyDescent="0.25">
      <c r="A17890" s="2" t="s">
        <v>9548</v>
      </c>
      <c r="B17890" s="6">
        <v>297818.55</v>
      </c>
      <c r="C17890" s="7">
        <f t="shared" si="279"/>
        <v>297.81855000000002</v>
      </c>
    </row>
    <row r="17891" spans="1:3" x14ac:dyDescent="0.25">
      <c r="A17891" s="2" t="s">
        <v>9549</v>
      </c>
      <c r="B17891" s="6">
        <v>297835.19999999995</v>
      </c>
      <c r="C17891" s="7">
        <f t="shared" si="279"/>
        <v>297.83519999999993</v>
      </c>
    </row>
    <row r="17892" spans="1:3" x14ac:dyDescent="0.25">
      <c r="A17892" s="2" t="s">
        <v>9550</v>
      </c>
      <c r="B17892" s="6">
        <v>297851.84999999998</v>
      </c>
      <c r="C17892" s="7">
        <f t="shared" si="279"/>
        <v>297.85184999999996</v>
      </c>
    </row>
    <row r="17893" spans="1:3" x14ac:dyDescent="0.25">
      <c r="A17893" s="2" t="s">
        <v>9551</v>
      </c>
      <c r="B17893" s="6">
        <v>297868.5</v>
      </c>
      <c r="C17893" s="7">
        <f t="shared" si="279"/>
        <v>297.86849999999998</v>
      </c>
    </row>
    <row r="17894" spans="1:3" x14ac:dyDescent="0.25">
      <c r="A17894" s="2" t="s">
        <v>9552</v>
      </c>
      <c r="B17894" s="6">
        <v>297885.14999999997</v>
      </c>
      <c r="C17894" s="7">
        <f t="shared" si="279"/>
        <v>297.88514999999995</v>
      </c>
    </row>
    <row r="17895" spans="1:3" x14ac:dyDescent="0.25">
      <c r="A17895" s="2" t="s">
        <v>9553</v>
      </c>
      <c r="B17895" s="6">
        <v>297901.8</v>
      </c>
      <c r="C17895" s="7">
        <f t="shared" si="279"/>
        <v>297.90179999999998</v>
      </c>
    </row>
    <row r="17896" spans="1:3" x14ac:dyDescent="0.25">
      <c r="A17896" s="2" t="s">
        <v>9554</v>
      </c>
      <c r="B17896" s="6">
        <v>297918.44999999995</v>
      </c>
      <c r="C17896" s="7">
        <f t="shared" si="279"/>
        <v>297.91844999999995</v>
      </c>
    </row>
    <row r="17897" spans="1:3" x14ac:dyDescent="0.25">
      <c r="A17897" s="2" t="s">
        <v>9555</v>
      </c>
      <c r="B17897" s="6">
        <v>297935.09999999998</v>
      </c>
      <c r="C17897" s="7">
        <f t="shared" si="279"/>
        <v>297.93509999999998</v>
      </c>
    </row>
    <row r="17898" spans="1:3" x14ac:dyDescent="0.25">
      <c r="A17898" s="2" t="s">
        <v>9556</v>
      </c>
      <c r="B17898" s="6">
        <v>297951.75</v>
      </c>
      <c r="C17898" s="7">
        <f t="shared" si="279"/>
        <v>297.95175</v>
      </c>
    </row>
    <row r="17899" spans="1:3" x14ac:dyDescent="0.25">
      <c r="A17899" s="2" t="s">
        <v>9557</v>
      </c>
      <c r="B17899" s="6">
        <v>297968.39999999997</v>
      </c>
      <c r="C17899" s="7">
        <f t="shared" si="279"/>
        <v>297.96839999999997</v>
      </c>
    </row>
    <row r="17900" spans="1:3" x14ac:dyDescent="0.25">
      <c r="A17900" s="2" t="s">
        <v>9558</v>
      </c>
      <c r="B17900" s="6">
        <v>297985.05</v>
      </c>
      <c r="C17900" s="7">
        <f t="shared" si="279"/>
        <v>297.98505</v>
      </c>
    </row>
    <row r="17901" spans="1:3" x14ac:dyDescent="0.25">
      <c r="A17901" s="2" t="s">
        <v>9559</v>
      </c>
      <c r="B17901" s="6">
        <v>298001.69999999995</v>
      </c>
      <c r="C17901" s="7">
        <f t="shared" si="279"/>
        <v>298.00169999999997</v>
      </c>
    </row>
    <row r="17902" spans="1:3" x14ac:dyDescent="0.25">
      <c r="A17902" s="2" t="s">
        <v>9560</v>
      </c>
      <c r="B17902" s="6">
        <v>298018.34999999998</v>
      </c>
      <c r="C17902" s="7">
        <f t="shared" si="279"/>
        <v>298.01835</v>
      </c>
    </row>
    <row r="17903" spans="1:3" x14ac:dyDescent="0.25">
      <c r="A17903" s="2" t="s">
        <v>9561</v>
      </c>
      <c r="B17903" s="6">
        <v>298035</v>
      </c>
      <c r="C17903" s="7">
        <f t="shared" si="279"/>
        <v>298.03500000000003</v>
      </c>
    </row>
    <row r="17904" spans="1:3" x14ac:dyDescent="0.25">
      <c r="A17904" s="2" t="s">
        <v>9562</v>
      </c>
      <c r="B17904" s="6">
        <v>298051.64999999997</v>
      </c>
      <c r="C17904" s="7">
        <f t="shared" si="279"/>
        <v>298.05164999999994</v>
      </c>
    </row>
    <row r="17905" spans="1:3" x14ac:dyDescent="0.25">
      <c r="A17905" s="2" t="s">
        <v>9563</v>
      </c>
      <c r="B17905" s="6">
        <v>298068.3</v>
      </c>
      <c r="C17905" s="7">
        <f t="shared" si="279"/>
        <v>298.06829999999997</v>
      </c>
    </row>
    <row r="17906" spans="1:3" x14ac:dyDescent="0.25">
      <c r="A17906" s="2" t="s">
        <v>9564</v>
      </c>
      <c r="B17906" s="6">
        <v>298084.94999999995</v>
      </c>
      <c r="C17906" s="7">
        <f t="shared" si="279"/>
        <v>298.08494999999994</v>
      </c>
    </row>
    <row r="17907" spans="1:3" x14ac:dyDescent="0.25">
      <c r="A17907" s="2" t="s">
        <v>9565</v>
      </c>
      <c r="B17907" s="6">
        <v>298101.59999999998</v>
      </c>
      <c r="C17907" s="7">
        <f t="shared" si="279"/>
        <v>298.10159999999996</v>
      </c>
    </row>
    <row r="17908" spans="1:3" x14ac:dyDescent="0.25">
      <c r="A17908" s="2" t="s">
        <v>9566</v>
      </c>
      <c r="B17908" s="6">
        <v>298118.25</v>
      </c>
      <c r="C17908" s="7">
        <f t="shared" si="279"/>
        <v>298.11824999999999</v>
      </c>
    </row>
    <row r="17909" spans="1:3" x14ac:dyDescent="0.25">
      <c r="A17909" s="2" t="s">
        <v>9567</v>
      </c>
      <c r="B17909" s="6">
        <v>298134.89999999997</v>
      </c>
      <c r="C17909" s="7">
        <f t="shared" si="279"/>
        <v>298.13489999999996</v>
      </c>
    </row>
    <row r="17910" spans="1:3" x14ac:dyDescent="0.25">
      <c r="A17910" s="2" t="s">
        <v>9568</v>
      </c>
      <c r="B17910" s="6">
        <v>298151.55</v>
      </c>
      <c r="C17910" s="7">
        <f t="shared" si="279"/>
        <v>298.15154999999999</v>
      </c>
    </row>
    <row r="17911" spans="1:3" x14ac:dyDescent="0.25">
      <c r="A17911" s="2" t="s">
        <v>9569</v>
      </c>
      <c r="B17911" s="6">
        <v>298168.19999999995</v>
      </c>
      <c r="C17911" s="7">
        <f t="shared" si="279"/>
        <v>298.16819999999996</v>
      </c>
    </row>
    <row r="17912" spans="1:3" x14ac:dyDescent="0.25">
      <c r="A17912" s="2" t="s">
        <v>9570</v>
      </c>
      <c r="B17912" s="6">
        <v>298184.84999999998</v>
      </c>
      <c r="C17912" s="7">
        <f t="shared" si="279"/>
        <v>298.18484999999998</v>
      </c>
    </row>
    <row r="17913" spans="1:3" x14ac:dyDescent="0.25">
      <c r="A17913" s="2" t="s">
        <v>9571</v>
      </c>
      <c r="B17913" s="6">
        <v>298201.5</v>
      </c>
      <c r="C17913" s="7">
        <f t="shared" si="279"/>
        <v>298.20150000000001</v>
      </c>
    </row>
    <row r="17914" spans="1:3" x14ac:dyDescent="0.25">
      <c r="A17914" s="2" t="s">
        <v>9572</v>
      </c>
      <c r="B17914" s="6">
        <v>298218.14999999997</v>
      </c>
      <c r="C17914" s="7">
        <f t="shared" si="279"/>
        <v>298.21814999999998</v>
      </c>
    </row>
    <row r="17915" spans="1:3" x14ac:dyDescent="0.25">
      <c r="A17915" s="2" t="s">
        <v>9573</v>
      </c>
      <c r="B17915" s="6">
        <v>298234.8</v>
      </c>
      <c r="C17915" s="7">
        <f t="shared" si="279"/>
        <v>298.23480000000001</v>
      </c>
    </row>
    <row r="17916" spans="1:3" x14ac:dyDescent="0.25">
      <c r="A17916" s="2" t="s">
        <v>9574</v>
      </c>
      <c r="B17916" s="6">
        <v>298251.44999999995</v>
      </c>
      <c r="C17916" s="7">
        <f t="shared" si="279"/>
        <v>298.25144999999998</v>
      </c>
    </row>
    <row r="17917" spans="1:3" x14ac:dyDescent="0.25">
      <c r="A17917" s="2" t="s">
        <v>9575</v>
      </c>
      <c r="B17917" s="6">
        <v>298268.09999999998</v>
      </c>
      <c r="C17917" s="7">
        <f t="shared" si="279"/>
        <v>298.2681</v>
      </c>
    </row>
    <row r="17918" spans="1:3" x14ac:dyDescent="0.25">
      <c r="A17918" s="2" t="s">
        <v>9576</v>
      </c>
      <c r="B17918" s="6">
        <v>298284.75</v>
      </c>
      <c r="C17918" s="7">
        <f t="shared" si="279"/>
        <v>298.28474999999997</v>
      </c>
    </row>
    <row r="17919" spans="1:3" x14ac:dyDescent="0.25">
      <c r="A17919" s="2" t="s">
        <v>9577</v>
      </c>
      <c r="B17919" s="6">
        <v>298301.39999999997</v>
      </c>
      <c r="C17919" s="7">
        <f t="shared" si="279"/>
        <v>298.30139999999994</v>
      </c>
    </row>
    <row r="17920" spans="1:3" x14ac:dyDescent="0.25">
      <c r="A17920" s="2" t="s">
        <v>9578</v>
      </c>
      <c r="B17920" s="6">
        <v>298318.05</v>
      </c>
      <c r="C17920" s="7">
        <f t="shared" si="279"/>
        <v>298.31804999999997</v>
      </c>
    </row>
    <row r="17921" spans="1:3" x14ac:dyDescent="0.25">
      <c r="A17921" s="2" t="s">
        <v>9579</v>
      </c>
      <c r="B17921" s="6">
        <v>298334.69999999995</v>
      </c>
      <c r="C17921" s="7">
        <f t="shared" si="279"/>
        <v>298.33469999999994</v>
      </c>
    </row>
    <row r="17922" spans="1:3" x14ac:dyDescent="0.25">
      <c r="A17922" s="2" t="s">
        <v>9580</v>
      </c>
      <c r="B17922" s="6">
        <v>298351.34999999998</v>
      </c>
      <c r="C17922" s="7">
        <f t="shared" si="279"/>
        <v>298.35134999999997</v>
      </c>
    </row>
    <row r="17923" spans="1:3" x14ac:dyDescent="0.25">
      <c r="A17923" s="2" t="s">
        <v>9581</v>
      </c>
      <c r="B17923" s="6">
        <v>298368</v>
      </c>
      <c r="C17923" s="7">
        <f t="shared" ref="C17923:C17986" si="280">B17923/1000</f>
        <v>298.36799999999999</v>
      </c>
    </row>
    <row r="17924" spans="1:3" x14ac:dyDescent="0.25">
      <c r="A17924" s="2" t="s">
        <v>9582</v>
      </c>
      <c r="B17924" s="6">
        <v>298384.64999999997</v>
      </c>
      <c r="C17924" s="7">
        <f t="shared" si="280"/>
        <v>298.38464999999997</v>
      </c>
    </row>
    <row r="17925" spans="1:3" x14ac:dyDescent="0.25">
      <c r="A17925" s="2" t="s">
        <v>9583</v>
      </c>
      <c r="B17925" s="6">
        <v>298401.3</v>
      </c>
      <c r="C17925" s="7">
        <f t="shared" si="280"/>
        <v>298.40129999999999</v>
      </c>
    </row>
    <row r="17926" spans="1:3" x14ac:dyDescent="0.25">
      <c r="A17926" s="2" t="s">
        <v>9584</v>
      </c>
      <c r="B17926" s="6">
        <v>298417.94999999995</v>
      </c>
      <c r="C17926" s="7">
        <f t="shared" si="280"/>
        <v>298.41794999999996</v>
      </c>
    </row>
    <row r="17927" spans="1:3" x14ac:dyDescent="0.25">
      <c r="A17927" s="2" t="s">
        <v>9585</v>
      </c>
      <c r="B17927" s="6">
        <v>298434.59999999998</v>
      </c>
      <c r="C17927" s="7">
        <f t="shared" si="280"/>
        <v>298.43459999999999</v>
      </c>
    </row>
    <row r="17928" spans="1:3" x14ac:dyDescent="0.25">
      <c r="A17928" s="2" t="s">
        <v>9586</v>
      </c>
      <c r="B17928" s="6">
        <v>298451.25</v>
      </c>
      <c r="C17928" s="7">
        <f t="shared" si="280"/>
        <v>298.45125000000002</v>
      </c>
    </row>
    <row r="17929" spans="1:3" x14ac:dyDescent="0.25">
      <c r="A17929" s="2" t="s">
        <v>9587</v>
      </c>
      <c r="B17929" s="6">
        <v>298467.89999999997</v>
      </c>
      <c r="C17929" s="7">
        <f t="shared" si="280"/>
        <v>298.46789999999999</v>
      </c>
    </row>
    <row r="17930" spans="1:3" x14ac:dyDescent="0.25">
      <c r="A17930" s="2" t="s">
        <v>9588</v>
      </c>
      <c r="B17930" s="6">
        <v>298484.55</v>
      </c>
      <c r="C17930" s="7">
        <f t="shared" si="280"/>
        <v>298.48455000000001</v>
      </c>
    </row>
    <row r="17931" spans="1:3" x14ac:dyDescent="0.25">
      <c r="A17931" s="2" t="s">
        <v>9589</v>
      </c>
      <c r="B17931" s="6">
        <v>298501.19999999995</v>
      </c>
      <c r="C17931" s="7">
        <f t="shared" si="280"/>
        <v>298.50119999999993</v>
      </c>
    </row>
    <row r="17932" spans="1:3" x14ac:dyDescent="0.25">
      <c r="A17932" s="2" t="s">
        <v>9590</v>
      </c>
      <c r="B17932" s="6">
        <v>298517.84999999998</v>
      </c>
      <c r="C17932" s="7">
        <f t="shared" si="280"/>
        <v>298.51784999999995</v>
      </c>
    </row>
    <row r="17933" spans="1:3" x14ac:dyDescent="0.25">
      <c r="A17933" s="2" t="s">
        <v>9591</v>
      </c>
      <c r="B17933" s="6">
        <v>298534.5</v>
      </c>
      <c r="C17933" s="7">
        <f t="shared" si="280"/>
        <v>298.53449999999998</v>
      </c>
    </row>
    <row r="17934" spans="1:3" x14ac:dyDescent="0.25">
      <c r="A17934" s="2" t="s">
        <v>9592</v>
      </c>
      <c r="B17934" s="6">
        <v>298551.14999999997</v>
      </c>
      <c r="C17934" s="7">
        <f t="shared" si="280"/>
        <v>298.55114999999995</v>
      </c>
    </row>
    <row r="17935" spans="1:3" x14ac:dyDescent="0.25">
      <c r="A17935" s="2" t="s">
        <v>9593</v>
      </c>
      <c r="B17935" s="6">
        <v>298567.8</v>
      </c>
      <c r="C17935" s="7">
        <f t="shared" si="280"/>
        <v>298.56779999999998</v>
      </c>
    </row>
    <row r="17936" spans="1:3" x14ac:dyDescent="0.25">
      <c r="A17936" s="2" t="s">
        <v>9594</v>
      </c>
      <c r="B17936" s="6">
        <v>298584.44999999995</v>
      </c>
      <c r="C17936" s="7">
        <f t="shared" si="280"/>
        <v>298.58444999999995</v>
      </c>
    </row>
    <row r="17937" spans="1:3" x14ac:dyDescent="0.25">
      <c r="A17937" s="2" t="s">
        <v>9595</v>
      </c>
      <c r="B17937" s="6">
        <v>298601.09999999998</v>
      </c>
      <c r="C17937" s="7">
        <f t="shared" si="280"/>
        <v>298.60109999999997</v>
      </c>
    </row>
    <row r="17938" spans="1:3" x14ac:dyDescent="0.25">
      <c r="A17938" s="2" t="s">
        <v>9596</v>
      </c>
      <c r="B17938" s="6">
        <v>298617.75</v>
      </c>
      <c r="C17938" s="7">
        <f t="shared" si="280"/>
        <v>298.61775</v>
      </c>
    </row>
    <row r="17939" spans="1:3" x14ac:dyDescent="0.25">
      <c r="A17939" s="2" t="s">
        <v>9597</v>
      </c>
      <c r="B17939" s="6">
        <v>298634.39999999997</v>
      </c>
      <c r="C17939" s="7">
        <f t="shared" si="280"/>
        <v>298.63439999999997</v>
      </c>
    </row>
    <row r="17940" spans="1:3" x14ac:dyDescent="0.25">
      <c r="A17940" s="2" t="s">
        <v>9598</v>
      </c>
      <c r="B17940" s="6">
        <v>298651.05</v>
      </c>
      <c r="C17940" s="7">
        <f t="shared" si="280"/>
        <v>298.65105</v>
      </c>
    </row>
    <row r="17941" spans="1:3" x14ac:dyDescent="0.25">
      <c r="A17941" s="2" t="s">
        <v>9599</v>
      </c>
      <c r="B17941" s="6">
        <v>298667.69999999995</v>
      </c>
      <c r="C17941" s="7">
        <f t="shared" si="280"/>
        <v>298.66769999999997</v>
      </c>
    </row>
    <row r="17942" spans="1:3" x14ac:dyDescent="0.25">
      <c r="A17942" s="2" t="s">
        <v>9600</v>
      </c>
      <c r="B17942" s="6">
        <v>298684.34999999998</v>
      </c>
      <c r="C17942" s="7">
        <f t="shared" si="280"/>
        <v>298.68434999999999</v>
      </c>
    </row>
    <row r="17943" spans="1:3" x14ac:dyDescent="0.25">
      <c r="A17943" s="2" t="s">
        <v>9601</v>
      </c>
      <c r="B17943" s="6">
        <v>298701</v>
      </c>
      <c r="C17943" s="7">
        <f t="shared" si="280"/>
        <v>298.70100000000002</v>
      </c>
    </row>
    <row r="17944" spans="1:3" x14ac:dyDescent="0.25">
      <c r="A17944" s="2" t="s">
        <v>9602</v>
      </c>
      <c r="B17944" s="6">
        <v>298717.64999999997</v>
      </c>
      <c r="C17944" s="7">
        <f t="shared" si="280"/>
        <v>298.71764999999999</v>
      </c>
    </row>
    <row r="17945" spans="1:3" x14ac:dyDescent="0.25">
      <c r="A17945" s="2" t="s">
        <v>9603</v>
      </c>
      <c r="B17945" s="6">
        <v>298734.3</v>
      </c>
      <c r="C17945" s="7">
        <f t="shared" si="280"/>
        <v>298.73429999999996</v>
      </c>
    </row>
    <row r="17946" spans="1:3" x14ac:dyDescent="0.25">
      <c r="A17946" s="2" t="s">
        <v>9604</v>
      </c>
      <c r="B17946" s="6">
        <v>298750.94999999995</v>
      </c>
      <c r="C17946" s="7">
        <f t="shared" si="280"/>
        <v>298.75094999999993</v>
      </c>
    </row>
    <row r="17947" spans="1:3" x14ac:dyDescent="0.25">
      <c r="A17947" s="2" t="s">
        <v>9605</v>
      </c>
      <c r="B17947" s="6">
        <v>298767.59999999998</v>
      </c>
      <c r="C17947" s="7">
        <f t="shared" si="280"/>
        <v>298.76759999999996</v>
      </c>
    </row>
    <row r="17948" spans="1:3" x14ac:dyDescent="0.25">
      <c r="A17948" s="2" t="s">
        <v>9606</v>
      </c>
      <c r="B17948" s="6">
        <v>298784.25</v>
      </c>
      <c r="C17948" s="7">
        <f t="shared" si="280"/>
        <v>298.78424999999999</v>
      </c>
    </row>
    <row r="17949" spans="1:3" x14ac:dyDescent="0.25">
      <c r="A17949" s="2" t="s">
        <v>9607</v>
      </c>
      <c r="B17949" s="6">
        <v>298800.89999999997</v>
      </c>
      <c r="C17949" s="7">
        <f t="shared" si="280"/>
        <v>298.80089999999996</v>
      </c>
    </row>
    <row r="17950" spans="1:3" x14ac:dyDescent="0.25">
      <c r="A17950" s="2" t="s">
        <v>9608</v>
      </c>
      <c r="B17950" s="6">
        <v>298817.55</v>
      </c>
      <c r="C17950" s="7">
        <f t="shared" si="280"/>
        <v>298.81754999999998</v>
      </c>
    </row>
    <row r="17951" spans="1:3" x14ac:dyDescent="0.25">
      <c r="A17951" s="2" t="s">
        <v>9609</v>
      </c>
      <c r="B17951" s="6">
        <v>298834.19999999995</v>
      </c>
      <c r="C17951" s="7">
        <f t="shared" si="280"/>
        <v>298.83419999999995</v>
      </c>
    </row>
    <row r="17952" spans="1:3" x14ac:dyDescent="0.25">
      <c r="A17952" s="2" t="s">
        <v>9610</v>
      </c>
      <c r="B17952" s="6">
        <v>298850.84999999998</v>
      </c>
      <c r="C17952" s="7">
        <f t="shared" si="280"/>
        <v>298.85084999999998</v>
      </c>
    </row>
    <row r="17953" spans="1:3" x14ac:dyDescent="0.25">
      <c r="A17953" s="2" t="s">
        <v>9611</v>
      </c>
      <c r="B17953" s="6">
        <v>298867.5</v>
      </c>
      <c r="C17953" s="7">
        <f t="shared" si="280"/>
        <v>298.86750000000001</v>
      </c>
    </row>
    <row r="17954" spans="1:3" x14ac:dyDescent="0.25">
      <c r="A17954" s="2" t="s">
        <v>9612</v>
      </c>
      <c r="B17954" s="6">
        <v>298884.14999999997</v>
      </c>
      <c r="C17954" s="7">
        <f t="shared" si="280"/>
        <v>298.88414999999998</v>
      </c>
    </row>
    <row r="17955" spans="1:3" x14ac:dyDescent="0.25">
      <c r="A17955" s="2" t="s">
        <v>9613</v>
      </c>
      <c r="B17955" s="6">
        <v>298900.8</v>
      </c>
      <c r="C17955" s="7">
        <f t="shared" si="280"/>
        <v>298.9008</v>
      </c>
    </row>
    <row r="17956" spans="1:3" x14ac:dyDescent="0.25">
      <c r="A17956" s="2" t="s">
        <v>9614</v>
      </c>
      <c r="B17956" s="6">
        <v>298917.44999999995</v>
      </c>
      <c r="C17956" s="7">
        <f t="shared" si="280"/>
        <v>298.91744999999997</v>
      </c>
    </row>
    <row r="17957" spans="1:3" x14ac:dyDescent="0.25">
      <c r="A17957" s="2" t="s">
        <v>9615</v>
      </c>
      <c r="B17957" s="6">
        <v>298934.09999999998</v>
      </c>
      <c r="C17957" s="7">
        <f t="shared" si="280"/>
        <v>298.9341</v>
      </c>
    </row>
    <row r="17958" spans="1:3" x14ac:dyDescent="0.25">
      <c r="A17958" s="2" t="s">
        <v>9616</v>
      </c>
      <c r="B17958" s="6">
        <v>298950.75</v>
      </c>
      <c r="C17958" s="7">
        <f t="shared" si="280"/>
        <v>298.95075000000003</v>
      </c>
    </row>
    <row r="17959" spans="1:3" x14ac:dyDescent="0.25">
      <c r="A17959" s="2" t="s">
        <v>9617</v>
      </c>
      <c r="B17959" s="6">
        <v>298967.39999999997</v>
      </c>
      <c r="C17959" s="7">
        <f t="shared" si="280"/>
        <v>298.96739999999994</v>
      </c>
    </row>
    <row r="17960" spans="1:3" x14ac:dyDescent="0.25">
      <c r="A17960" s="2" t="s">
        <v>9618</v>
      </c>
      <c r="B17960" s="6">
        <v>298984.05</v>
      </c>
      <c r="C17960" s="7">
        <f t="shared" si="280"/>
        <v>298.98404999999997</v>
      </c>
    </row>
    <row r="17961" spans="1:3" x14ac:dyDescent="0.25">
      <c r="A17961" s="2" t="s">
        <v>9619</v>
      </c>
      <c r="B17961" s="6">
        <v>299000.69999999995</v>
      </c>
      <c r="C17961" s="7">
        <f t="shared" si="280"/>
        <v>299.00069999999994</v>
      </c>
    </row>
    <row r="17962" spans="1:3" x14ac:dyDescent="0.25">
      <c r="A17962" s="2" t="s">
        <v>9620</v>
      </c>
      <c r="B17962" s="6">
        <v>299017.34999999998</v>
      </c>
      <c r="C17962" s="7">
        <f t="shared" si="280"/>
        <v>299.01734999999996</v>
      </c>
    </row>
    <row r="17963" spans="1:3" x14ac:dyDescent="0.25">
      <c r="A17963" s="2" t="s">
        <v>9621</v>
      </c>
      <c r="B17963" s="6">
        <v>299034</v>
      </c>
      <c r="C17963" s="7">
        <f t="shared" si="280"/>
        <v>299.03399999999999</v>
      </c>
    </row>
    <row r="17964" spans="1:3" x14ac:dyDescent="0.25">
      <c r="A17964" s="2" t="s">
        <v>9622</v>
      </c>
      <c r="B17964" s="6">
        <v>299050.64999999997</v>
      </c>
      <c r="C17964" s="7">
        <f t="shared" si="280"/>
        <v>299.05064999999996</v>
      </c>
    </row>
    <row r="17965" spans="1:3" x14ac:dyDescent="0.25">
      <c r="A17965" s="2" t="s">
        <v>9623</v>
      </c>
      <c r="B17965" s="6">
        <v>299067.3</v>
      </c>
      <c r="C17965" s="7">
        <f t="shared" si="280"/>
        <v>299.06729999999999</v>
      </c>
    </row>
    <row r="17966" spans="1:3" x14ac:dyDescent="0.25">
      <c r="A17966" s="2" t="s">
        <v>9624</v>
      </c>
      <c r="B17966" s="6">
        <v>299083.94999999995</v>
      </c>
      <c r="C17966" s="7">
        <f t="shared" si="280"/>
        <v>299.08394999999996</v>
      </c>
    </row>
    <row r="17967" spans="1:3" x14ac:dyDescent="0.25">
      <c r="A17967" s="2" t="s">
        <v>9625</v>
      </c>
      <c r="B17967" s="6">
        <v>299100.59999999998</v>
      </c>
      <c r="C17967" s="7">
        <f t="shared" si="280"/>
        <v>299.10059999999999</v>
      </c>
    </row>
    <row r="17968" spans="1:3" x14ac:dyDescent="0.25">
      <c r="A17968" s="2" t="s">
        <v>9626</v>
      </c>
      <c r="B17968" s="6">
        <v>299117.25</v>
      </c>
      <c r="C17968" s="7">
        <f t="shared" si="280"/>
        <v>299.11725000000001</v>
      </c>
    </row>
    <row r="17969" spans="1:3" x14ac:dyDescent="0.25">
      <c r="A17969" s="2" t="s">
        <v>9627</v>
      </c>
      <c r="B17969" s="6">
        <v>299133.89999999997</v>
      </c>
      <c r="C17969" s="7">
        <f t="shared" si="280"/>
        <v>299.13389999999998</v>
      </c>
    </row>
    <row r="17970" spans="1:3" x14ac:dyDescent="0.25">
      <c r="A17970" s="2" t="s">
        <v>9628</v>
      </c>
      <c r="B17970" s="6">
        <v>299150.55</v>
      </c>
      <c r="C17970" s="7">
        <f t="shared" si="280"/>
        <v>299.15055000000001</v>
      </c>
    </row>
    <row r="17971" spans="1:3" x14ac:dyDescent="0.25">
      <c r="A17971" s="2" t="s">
        <v>9629</v>
      </c>
      <c r="B17971" s="6">
        <v>299167.19999999995</v>
      </c>
      <c r="C17971" s="7">
        <f t="shared" si="280"/>
        <v>299.16719999999998</v>
      </c>
    </row>
    <row r="17972" spans="1:3" x14ac:dyDescent="0.25">
      <c r="A17972" s="2" t="s">
        <v>9630</v>
      </c>
      <c r="B17972" s="6">
        <v>299183.84999999998</v>
      </c>
      <c r="C17972" s="7">
        <f t="shared" si="280"/>
        <v>299.18384999999995</v>
      </c>
    </row>
    <row r="17973" spans="1:3" x14ac:dyDescent="0.25">
      <c r="A17973" s="2" t="s">
        <v>9631</v>
      </c>
      <c r="B17973" s="6">
        <v>299200.5</v>
      </c>
      <c r="C17973" s="7">
        <f t="shared" si="280"/>
        <v>299.20049999999998</v>
      </c>
    </row>
    <row r="17974" spans="1:3" x14ac:dyDescent="0.25">
      <c r="A17974" s="2" t="s">
        <v>9632</v>
      </c>
      <c r="B17974" s="6">
        <v>299217.14999999997</v>
      </c>
      <c r="C17974" s="7">
        <f t="shared" si="280"/>
        <v>299.21714999999995</v>
      </c>
    </row>
    <row r="17975" spans="1:3" x14ac:dyDescent="0.25">
      <c r="A17975" s="2" t="s">
        <v>9633</v>
      </c>
      <c r="B17975" s="6">
        <v>299233.8</v>
      </c>
      <c r="C17975" s="7">
        <f t="shared" si="280"/>
        <v>299.23379999999997</v>
      </c>
    </row>
    <row r="17976" spans="1:3" x14ac:dyDescent="0.25">
      <c r="A17976" s="2" t="s">
        <v>9634</v>
      </c>
      <c r="B17976" s="6">
        <v>299250.44999999995</v>
      </c>
      <c r="C17976" s="7">
        <f t="shared" si="280"/>
        <v>299.25044999999994</v>
      </c>
    </row>
    <row r="17977" spans="1:3" x14ac:dyDescent="0.25">
      <c r="A17977" s="2" t="s">
        <v>9635</v>
      </c>
      <c r="B17977" s="6">
        <v>299267.09999999998</v>
      </c>
      <c r="C17977" s="7">
        <f t="shared" si="280"/>
        <v>299.26709999999997</v>
      </c>
    </row>
    <row r="17978" spans="1:3" x14ac:dyDescent="0.25">
      <c r="A17978" s="2" t="s">
        <v>9636</v>
      </c>
      <c r="B17978" s="6">
        <v>299283.75</v>
      </c>
      <c r="C17978" s="7">
        <f t="shared" si="280"/>
        <v>299.28375</v>
      </c>
    </row>
    <row r="17979" spans="1:3" x14ac:dyDescent="0.25">
      <c r="A17979" s="2" t="s">
        <v>9637</v>
      </c>
      <c r="B17979" s="6">
        <v>299300.39999999997</v>
      </c>
      <c r="C17979" s="7">
        <f t="shared" si="280"/>
        <v>299.30039999999997</v>
      </c>
    </row>
    <row r="17980" spans="1:3" x14ac:dyDescent="0.25">
      <c r="A17980" s="2" t="s">
        <v>9638</v>
      </c>
      <c r="B17980" s="6">
        <v>299317.05</v>
      </c>
      <c r="C17980" s="7">
        <f t="shared" si="280"/>
        <v>299.31704999999999</v>
      </c>
    </row>
    <row r="17981" spans="1:3" x14ac:dyDescent="0.25">
      <c r="A17981" s="2" t="s">
        <v>9639</v>
      </c>
      <c r="B17981" s="6">
        <v>299333.69999999995</v>
      </c>
      <c r="C17981" s="7">
        <f t="shared" si="280"/>
        <v>299.33369999999996</v>
      </c>
    </row>
    <row r="17982" spans="1:3" x14ac:dyDescent="0.25">
      <c r="A17982" s="2" t="s">
        <v>9640</v>
      </c>
      <c r="B17982" s="6">
        <v>299350.34999999998</v>
      </c>
      <c r="C17982" s="7">
        <f t="shared" si="280"/>
        <v>299.35034999999999</v>
      </c>
    </row>
    <row r="17983" spans="1:3" x14ac:dyDescent="0.25">
      <c r="A17983" s="2" t="s">
        <v>9641</v>
      </c>
      <c r="B17983" s="6">
        <v>299367</v>
      </c>
      <c r="C17983" s="7">
        <f t="shared" si="280"/>
        <v>299.36700000000002</v>
      </c>
    </row>
    <row r="17984" spans="1:3" x14ac:dyDescent="0.25">
      <c r="A17984" s="2" t="s">
        <v>9642</v>
      </c>
      <c r="B17984" s="6">
        <v>299383.64999999997</v>
      </c>
      <c r="C17984" s="7">
        <f t="shared" si="280"/>
        <v>299.38364999999999</v>
      </c>
    </row>
    <row r="17985" spans="1:3" x14ac:dyDescent="0.25">
      <c r="A17985" s="2" t="s">
        <v>9643</v>
      </c>
      <c r="B17985" s="6">
        <v>299400.3</v>
      </c>
      <c r="C17985" s="7">
        <f t="shared" si="280"/>
        <v>299.40030000000002</v>
      </c>
    </row>
    <row r="17986" spans="1:3" x14ac:dyDescent="0.25">
      <c r="A17986" s="2" t="s">
        <v>9644</v>
      </c>
      <c r="B17986" s="6">
        <v>299416.94999999995</v>
      </c>
      <c r="C17986" s="7">
        <f t="shared" si="280"/>
        <v>299.41694999999993</v>
      </c>
    </row>
    <row r="17987" spans="1:3" x14ac:dyDescent="0.25">
      <c r="A17987" s="2" t="s">
        <v>9645</v>
      </c>
      <c r="B17987" s="6">
        <v>299433.59999999998</v>
      </c>
      <c r="C17987" s="7">
        <f t="shared" ref="C17987:C18050" si="281">B17987/1000</f>
        <v>299.43359999999996</v>
      </c>
    </row>
    <row r="17988" spans="1:3" x14ac:dyDescent="0.25">
      <c r="A17988" s="2" t="s">
        <v>9646</v>
      </c>
      <c r="B17988" s="6">
        <v>299450.25</v>
      </c>
      <c r="C17988" s="7">
        <f t="shared" si="281"/>
        <v>299.45024999999998</v>
      </c>
    </row>
    <row r="17989" spans="1:3" x14ac:dyDescent="0.25">
      <c r="A17989" s="2" t="s">
        <v>9647</v>
      </c>
      <c r="B17989" s="6">
        <v>299466.89999999997</v>
      </c>
      <c r="C17989" s="7">
        <f t="shared" si="281"/>
        <v>299.46689999999995</v>
      </c>
    </row>
    <row r="17990" spans="1:3" x14ac:dyDescent="0.25">
      <c r="A17990" s="2" t="s">
        <v>9648</v>
      </c>
      <c r="B17990" s="6">
        <v>299483.55</v>
      </c>
      <c r="C17990" s="7">
        <f t="shared" si="281"/>
        <v>299.48354999999998</v>
      </c>
    </row>
    <row r="17991" spans="1:3" x14ac:dyDescent="0.25">
      <c r="A17991" s="2" t="s">
        <v>9649</v>
      </c>
      <c r="B17991" s="6">
        <v>299500.19999999995</v>
      </c>
      <c r="C17991" s="7">
        <f t="shared" si="281"/>
        <v>299.50019999999995</v>
      </c>
    </row>
    <row r="17992" spans="1:3" x14ac:dyDescent="0.25">
      <c r="A17992" s="2" t="s">
        <v>9650</v>
      </c>
      <c r="B17992" s="6">
        <v>299516.84999999998</v>
      </c>
      <c r="C17992" s="7">
        <f t="shared" si="281"/>
        <v>299.51684999999998</v>
      </c>
    </row>
    <row r="17993" spans="1:3" x14ac:dyDescent="0.25">
      <c r="A17993" s="2" t="s">
        <v>9651</v>
      </c>
      <c r="B17993" s="6">
        <v>299533.5</v>
      </c>
      <c r="C17993" s="7">
        <f t="shared" si="281"/>
        <v>299.5335</v>
      </c>
    </row>
    <row r="17994" spans="1:3" x14ac:dyDescent="0.25">
      <c r="A17994" s="2" t="s">
        <v>9652</v>
      </c>
      <c r="B17994" s="6">
        <v>299550.14999999997</v>
      </c>
      <c r="C17994" s="7">
        <f t="shared" si="281"/>
        <v>299.55014999999997</v>
      </c>
    </row>
    <row r="17995" spans="1:3" x14ac:dyDescent="0.25">
      <c r="A17995" s="2" t="s">
        <v>9653</v>
      </c>
      <c r="B17995" s="6">
        <v>299566.8</v>
      </c>
      <c r="C17995" s="7">
        <f t="shared" si="281"/>
        <v>299.5668</v>
      </c>
    </row>
    <row r="17996" spans="1:3" x14ac:dyDescent="0.25">
      <c r="A17996" s="2" t="s">
        <v>9654</v>
      </c>
      <c r="B17996" s="6">
        <v>299583.44999999995</v>
      </c>
      <c r="C17996" s="7">
        <f t="shared" si="281"/>
        <v>299.58344999999997</v>
      </c>
    </row>
    <row r="17997" spans="1:3" x14ac:dyDescent="0.25">
      <c r="A17997" s="2" t="s">
        <v>9655</v>
      </c>
      <c r="B17997" s="6">
        <v>299600.09999999998</v>
      </c>
      <c r="C17997" s="7">
        <f t="shared" si="281"/>
        <v>299.6001</v>
      </c>
    </row>
    <row r="17998" spans="1:3" x14ac:dyDescent="0.25">
      <c r="A17998" s="2" t="s">
        <v>9656</v>
      </c>
      <c r="B17998" s="6">
        <v>299616.75</v>
      </c>
      <c r="C17998" s="7">
        <f t="shared" si="281"/>
        <v>299.61675000000002</v>
      </c>
    </row>
    <row r="17999" spans="1:3" x14ac:dyDescent="0.25">
      <c r="A17999" s="2" t="s">
        <v>9657</v>
      </c>
      <c r="B17999" s="6">
        <v>299633.39999999997</v>
      </c>
      <c r="C17999" s="7">
        <f t="shared" si="281"/>
        <v>299.63339999999994</v>
      </c>
    </row>
    <row r="18000" spans="1:3" x14ac:dyDescent="0.25">
      <c r="A18000" s="2" t="s">
        <v>9658</v>
      </c>
      <c r="B18000" s="6">
        <v>299650.05</v>
      </c>
      <c r="C18000" s="7">
        <f t="shared" si="281"/>
        <v>299.65004999999996</v>
      </c>
    </row>
    <row r="18001" spans="1:3" x14ac:dyDescent="0.25">
      <c r="A18001" s="2" t="s">
        <v>9659</v>
      </c>
      <c r="B18001" s="6">
        <v>299666.69999999995</v>
      </c>
      <c r="C18001" s="7">
        <f t="shared" si="281"/>
        <v>299.66669999999993</v>
      </c>
    </row>
    <row r="18002" spans="1:3" x14ac:dyDescent="0.25">
      <c r="A18002" s="2" t="s">
        <v>9660</v>
      </c>
      <c r="B18002" s="6">
        <v>299683.34999999998</v>
      </c>
      <c r="C18002" s="7">
        <f t="shared" si="281"/>
        <v>299.68334999999996</v>
      </c>
    </row>
    <row r="18003" spans="1:3" x14ac:dyDescent="0.25">
      <c r="A18003" s="2" t="s">
        <v>9661</v>
      </c>
      <c r="B18003" s="6">
        <v>299700</v>
      </c>
      <c r="C18003" s="7">
        <f t="shared" si="281"/>
        <v>299.7</v>
      </c>
    </row>
    <row r="18004" spans="1:3" x14ac:dyDescent="0.25">
      <c r="A18004" s="2" t="s">
        <v>9662</v>
      </c>
      <c r="B18004" s="6">
        <v>299716.64999999997</v>
      </c>
      <c r="C18004" s="7">
        <f t="shared" si="281"/>
        <v>299.71664999999996</v>
      </c>
    </row>
    <row r="18005" spans="1:3" x14ac:dyDescent="0.25">
      <c r="A18005" s="2" t="s">
        <v>9663</v>
      </c>
      <c r="B18005" s="6">
        <v>299733.3</v>
      </c>
      <c r="C18005" s="7">
        <f t="shared" si="281"/>
        <v>299.73329999999999</v>
      </c>
    </row>
    <row r="18006" spans="1:3" x14ac:dyDescent="0.25">
      <c r="A18006" s="2" t="s">
        <v>9664</v>
      </c>
      <c r="B18006" s="6">
        <v>299749.94999999995</v>
      </c>
      <c r="C18006" s="7">
        <f t="shared" si="281"/>
        <v>299.74994999999996</v>
      </c>
    </row>
    <row r="18007" spans="1:3" x14ac:dyDescent="0.25">
      <c r="A18007" s="2" t="s">
        <v>9665</v>
      </c>
      <c r="B18007" s="6">
        <v>299766.59999999998</v>
      </c>
      <c r="C18007" s="7">
        <f t="shared" si="281"/>
        <v>299.76659999999998</v>
      </c>
    </row>
    <row r="18008" spans="1:3" x14ac:dyDescent="0.25">
      <c r="A18008" s="2" t="s">
        <v>9666</v>
      </c>
      <c r="B18008" s="6">
        <v>299783.25</v>
      </c>
      <c r="C18008" s="7">
        <f t="shared" si="281"/>
        <v>299.78325000000001</v>
      </c>
    </row>
    <row r="18009" spans="1:3" x14ac:dyDescent="0.25">
      <c r="A18009" s="2" t="s">
        <v>9667</v>
      </c>
      <c r="B18009" s="6">
        <v>299799.89999999997</v>
      </c>
      <c r="C18009" s="7">
        <f t="shared" si="281"/>
        <v>299.79989999999998</v>
      </c>
    </row>
    <row r="18010" spans="1:3" x14ac:dyDescent="0.25">
      <c r="A18010" s="2" t="s">
        <v>9668</v>
      </c>
      <c r="B18010" s="6">
        <v>299816.55</v>
      </c>
      <c r="C18010" s="7">
        <f t="shared" si="281"/>
        <v>299.81655000000001</v>
      </c>
    </row>
    <row r="18011" spans="1:3" x14ac:dyDescent="0.25">
      <c r="A18011" s="2" t="s">
        <v>9669</v>
      </c>
      <c r="B18011" s="6">
        <v>299833.19999999995</v>
      </c>
      <c r="C18011" s="7">
        <f t="shared" si="281"/>
        <v>299.83319999999998</v>
      </c>
    </row>
    <row r="18012" spans="1:3" x14ac:dyDescent="0.25">
      <c r="A18012" s="2" t="s">
        <v>9670</v>
      </c>
      <c r="B18012" s="6">
        <v>299849.84999999998</v>
      </c>
      <c r="C18012" s="7">
        <f t="shared" si="281"/>
        <v>299.84985</v>
      </c>
    </row>
    <row r="18013" spans="1:3" x14ac:dyDescent="0.25">
      <c r="A18013" s="2" t="s">
        <v>9671</v>
      </c>
      <c r="B18013" s="6">
        <v>299866.5</v>
      </c>
      <c r="C18013" s="7">
        <f t="shared" si="281"/>
        <v>299.86649999999997</v>
      </c>
    </row>
    <row r="18014" spans="1:3" x14ac:dyDescent="0.25">
      <c r="A18014" s="2" t="s">
        <v>9672</v>
      </c>
      <c r="B18014" s="6">
        <v>299883.14999999997</v>
      </c>
      <c r="C18014" s="7">
        <f t="shared" si="281"/>
        <v>299.88314999999994</v>
      </c>
    </row>
    <row r="18015" spans="1:3" x14ac:dyDescent="0.25">
      <c r="A18015" s="2" t="s">
        <v>9673</v>
      </c>
      <c r="B18015" s="6">
        <v>299899.8</v>
      </c>
      <c r="C18015" s="7">
        <f t="shared" si="281"/>
        <v>299.89979999999997</v>
      </c>
    </row>
    <row r="18016" spans="1:3" x14ac:dyDescent="0.25">
      <c r="A18016" s="2" t="s">
        <v>9674</v>
      </c>
      <c r="B18016" s="6">
        <v>299916.44999999995</v>
      </c>
      <c r="C18016" s="7">
        <f t="shared" si="281"/>
        <v>299.91644999999994</v>
      </c>
    </row>
    <row r="18017" spans="1:3" x14ac:dyDescent="0.25">
      <c r="A18017" s="2" t="s">
        <v>9675</v>
      </c>
      <c r="B18017" s="6">
        <v>299933.09999999998</v>
      </c>
      <c r="C18017" s="7">
        <f t="shared" si="281"/>
        <v>299.93309999999997</v>
      </c>
    </row>
    <row r="18018" spans="1:3" x14ac:dyDescent="0.25">
      <c r="A18018" s="2" t="s">
        <v>9676</v>
      </c>
      <c r="B18018" s="6">
        <v>299949.75</v>
      </c>
      <c r="C18018" s="7">
        <f t="shared" si="281"/>
        <v>299.94974999999999</v>
      </c>
    </row>
    <row r="18019" spans="1:3" x14ac:dyDescent="0.25">
      <c r="A18019" s="2" t="s">
        <v>9677</v>
      </c>
      <c r="B18019" s="6">
        <v>299966.39999999997</v>
      </c>
      <c r="C18019" s="7">
        <f t="shared" si="281"/>
        <v>299.96639999999996</v>
      </c>
    </row>
    <row r="18020" spans="1:3" x14ac:dyDescent="0.25">
      <c r="A18020" s="2" t="s">
        <v>9678</v>
      </c>
      <c r="B18020" s="6">
        <v>299983.05</v>
      </c>
      <c r="C18020" s="7">
        <f t="shared" si="281"/>
        <v>299.98304999999999</v>
      </c>
    </row>
    <row r="18021" spans="1:3" x14ac:dyDescent="0.25">
      <c r="A18021" s="2" t="s">
        <v>9679</v>
      </c>
      <c r="B18021" s="6">
        <v>299999.69999999995</v>
      </c>
      <c r="C18021" s="7">
        <f t="shared" si="281"/>
        <v>299.99969999999996</v>
      </c>
    </row>
    <row r="18022" spans="1:3" x14ac:dyDescent="0.25">
      <c r="A18022" s="2" t="s">
        <v>9680</v>
      </c>
      <c r="B18022" s="6">
        <v>300016.34999999998</v>
      </c>
      <c r="C18022" s="7">
        <f t="shared" si="281"/>
        <v>300.01634999999999</v>
      </c>
    </row>
    <row r="18023" spans="1:3" x14ac:dyDescent="0.25">
      <c r="A18023" s="2" t="s">
        <v>9681</v>
      </c>
      <c r="B18023" s="6">
        <v>300033</v>
      </c>
      <c r="C18023" s="7">
        <f t="shared" si="281"/>
        <v>300.03300000000002</v>
      </c>
    </row>
    <row r="18024" spans="1:3" x14ac:dyDescent="0.25">
      <c r="A18024" s="2" t="s">
        <v>9682</v>
      </c>
      <c r="B18024" s="6">
        <v>300049.64999999997</v>
      </c>
      <c r="C18024" s="7">
        <f t="shared" si="281"/>
        <v>300.04964999999999</v>
      </c>
    </row>
    <row r="18025" spans="1:3" x14ac:dyDescent="0.25">
      <c r="A18025" s="2" t="s">
        <v>9683</v>
      </c>
      <c r="B18025" s="6">
        <v>300066.3</v>
      </c>
      <c r="C18025" s="7">
        <f t="shared" si="281"/>
        <v>300.06630000000001</v>
      </c>
    </row>
    <row r="18026" spans="1:3" x14ac:dyDescent="0.25">
      <c r="A18026" s="2" t="s">
        <v>9684</v>
      </c>
      <c r="B18026" s="6">
        <v>300082.94999999995</v>
      </c>
      <c r="C18026" s="7">
        <f t="shared" si="281"/>
        <v>300.08294999999993</v>
      </c>
    </row>
    <row r="18027" spans="1:3" x14ac:dyDescent="0.25">
      <c r="A18027" s="2" t="s">
        <v>9685</v>
      </c>
      <c r="B18027" s="6">
        <v>300099.59999999998</v>
      </c>
      <c r="C18027" s="7">
        <f t="shared" si="281"/>
        <v>300.09959999999995</v>
      </c>
    </row>
    <row r="18028" spans="1:3" x14ac:dyDescent="0.25">
      <c r="A18028" s="2" t="s">
        <v>9686</v>
      </c>
      <c r="B18028" s="6">
        <v>300116.25</v>
      </c>
      <c r="C18028" s="7">
        <f t="shared" si="281"/>
        <v>300.11624999999998</v>
      </c>
    </row>
    <row r="18029" spans="1:3" x14ac:dyDescent="0.25">
      <c r="A18029" s="2" t="s">
        <v>9687</v>
      </c>
      <c r="B18029" s="6">
        <v>300132.89999999997</v>
      </c>
      <c r="C18029" s="7">
        <f t="shared" si="281"/>
        <v>300.13289999999995</v>
      </c>
    </row>
    <row r="18030" spans="1:3" x14ac:dyDescent="0.25">
      <c r="A18030" s="2" t="s">
        <v>9688</v>
      </c>
      <c r="B18030" s="6">
        <v>300149.55</v>
      </c>
      <c r="C18030" s="7">
        <f t="shared" si="281"/>
        <v>300.14954999999998</v>
      </c>
    </row>
    <row r="18031" spans="1:3" x14ac:dyDescent="0.25">
      <c r="A18031" s="2" t="s">
        <v>9689</v>
      </c>
      <c r="B18031" s="6">
        <v>300166.19999999995</v>
      </c>
      <c r="C18031" s="7">
        <f t="shared" si="281"/>
        <v>300.16619999999995</v>
      </c>
    </row>
    <row r="18032" spans="1:3" x14ac:dyDescent="0.25">
      <c r="A18032" s="2" t="s">
        <v>9690</v>
      </c>
      <c r="B18032" s="6">
        <v>300182.84999999998</v>
      </c>
      <c r="C18032" s="7">
        <f t="shared" si="281"/>
        <v>300.18284999999997</v>
      </c>
    </row>
    <row r="18033" spans="1:3" x14ac:dyDescent="0.25">
      <c r="A18033" s="2" t="s">
        <v>9691</v>
      </c>
      <c r="B18033" s="6">
        <v>300199.5</v>
      </c>
      <c r="C18033" s="7">
        <f t="shared" si="281"/>
        <v>300.1995</v>
      </c>
    </row>
    <row r="18034" spans="1:3" x14ac:dyDescent="0.25">
      <c r="A18034" s="2" t="s">
        <v>9692</v>
      </c>
      <c r="B18034" s="6">
        <v>300216.14999999997</v>
      </c>
      <c r="C18034" s="7">
        <f t="shared" si="281"/>
        <v>300.21614999999997</v>
      </c>
    </row>
    <row r="18035" spans="1:3" x14ac:dyDescent="0.25">
      <c r="A18035" s="2" t="s">
        <v>9693</v>
      </c>
      <c r="B18035" s="6">
        <v>300232.8</v>
      </c>
      <c r="C18035" s="7">
        <f t="shared" si="281"/>
        <v>300.2328</v>
      </c>
    </row>
    <row r="18036" spans="1:3" x14ac:dyDescent="0.25">
      <c r="A18036" s="2" t="s">
        <v>9694</v>
      </c>
      <c r="B18036" s="6">
        <v>300249.44999999995</v>
      </c>
      <c r="C18036" s="7">
        <f t="shared" si="281"/>
        <v>300.24944999999997</v>
      </c>
    </row>
    <row r="18037" spans="1:3" x14ac:dyDescent="0.25">
      <c r="A18037" s="2" t="s">
        <v>9695</v>
      </c>
      <c r="B18037" s="6">
        <v>300266.09999999998</v>
      </c>
      <c r="C18037" s="7">
        <f t="shared" si="281"/>
        <v>300.26609999999999</v>
      </c>
    </row>
    <row r="18038" spans="1:3" x14ac:dyDescent="0.25">
      <c r="A18038" s="2" t="s">
        <v>9696</v>
      </c>
      <c r="B18038" s="6">
        <v>300282.75</v>
      </c>
      <c r="C18038" s="7">
        <f t="shared" si="281"/>
        <v>300.28275000000002</v>
      </c>
    </row>
    <row r="18039" spans="1:3" x14ac:dyDescent="0.25">
      <c r="A18039" s="2" t="s">
        <v>9697</v>
      </c>
      <c r="B18039" s="6">
        <v>300299.39999999997</v>
      </c>
      <c r="C18039" s="7">
        <f t="shared" si="281"/>
        <v>300.29939999999999</v>
      </c>
    </row>
    <row r="18040" spans="1:3" x14ac:dyDescent="0.25">
      <c r="A18040" s="2" t="s">
        <v>9698</v>
      </c>
      <c r="B18040" s="6">
        <v>300316.05</v>
      </c>
      <c r="C18040" s="7">
        <f t="shared" si="281"/>
        <v>300.31604999999996</v>
      </c>
    </row>
    <row r="18041" spans="1:3" x14ac:dyDescent="0.25">
      <c r="A18041" s="2" t="s">
        <v>9699</v>
      </c>
      <c r="B18041" s="6">
        <v>300332.69999999995</v>
      </c>
      <c r="C18041" s="7">
        <f t="shared" si="281"/>
        <v>300.33269999999993</v>
      </c>
    </row>
    <row r="18042" spans="1:3" x14ac:dyDescent="0.25">
      <c r="A18042" s="2" t="s">
        <v>9700</v>
      </c>
      <c r="B18042" s="6">
        <v>300349.34999999998</v>
      </c>
      <c r="C18042" s="7">
        <f t="shared" si="281"/>
        <v>300.34934999999996</v>
      </c>
    </row>
    <row r="18043" spans="1:3" x14ac:dyDescent="0.25">
      <c r="A18043" s="2" t="s">
        <v>9701</v>
      </c>
      <c r="B18043" s="6">
        <v>300366</v>
      </c>
      <c r="C18043" s="7">
        <f t="shared" si="281"/>
        <v>300.36599999999999</v>
      </c>
    </row>
    <row r="18044" spans="1:3" x14ac:dyDescent="0.25">
      <c r="A18044" s="2" t="s">
        <v>9702</v>
      </c>
      <c r="B18044" s="6">
        <v>300382.64999999997</v>
      </c>
      <c r="C18044" s="7">
        <f t="shared" si="281"/>
        <v>300.38264999999996</v>
      </c>
    </row>
    <row r="18045" spans="1:3" x14ac:dyDescent="0.25">
      <c r="A18045" s="2" t="s">
        <v>9703</v>
      </c>
      <c r="B18045" s="6">
        <v>300399.3</v>
      </c>
      <c r="C18045" s="7">
        <f t="shared" si="281"/>
        <v>300.39929999999998</v>
      </c>
    </row>
    <row r="18046" spans="1:3" x14ac:dyDescent="0.25">
      <c r="A18046" s="2" t="s">
        <v>9704</v>
      </c>
      <c r="B18046" s="6">
        <v>300415.94999999995</v>
      </c>
      <c r="C18046" s="7">
        <f t="shared" si="281"/>
        <v>300.41594999999995</v>
      </c>
    </row>
    <row r="18047" spans="1:3" x14ac:dyDescent="0.25">
      <c r="A18047" s="2" t="s">
        <v>9705</v>
      </c>
      <c r="B18047" s="6">
        <v>300432.59999999998</v>
      </c>
      <c r="C18047" s="7">
        <f t="shared" si="281"/>
        <v>300.43259999999998</v>
      </c>
    </row>
    <row r="18048" spans="1:3" x14ac:dyDescent="0.25">
      <c r="A18048" s="2" t="s">
        <v>9706</v>
      </c>
      <c r="B18048" s="6">
        <v>300449.25</v>
      </c>
      <c r="C18048" s="7">
        <f t="shared" si="281"/>
        <v>300.44925000000001</v>
      </c>
    </row>
    <row r="18049" spans="1:3" x14ac:dyDescent="0.25">
      <c r="A18049" s="2" t="s">
        <v>9707</v>
      </c>
      <c r="B18049" s="6">
        <v>300465.89999999997</v>
      </c>
      <c r="C18049" s="7">
        <f t="shared" si="281"/>
        <v>300.46589999999998</v>
      </c>
    </row>
    <row r="18050" spans="1:3" x14ac:dyDescent="0.25">
      <c r="A18050" s="2" t="s">
        <v>9708</v>
      </c>
      <c r="B18050" s="6">
        <v>300482.55</v>
      </c>
      <c r="C18050" s="7">
        <f t="shared" si="281"/>
        <v>300.48255</v>
      </c>
    </row>
    <row r="18051" spans="1:3" x14ac:dyDescent="0.25">
      <c r="A18051" s="2" t="s">
        <v>9709</v>
      </c>
      <c r="B18051" s="6">
        <v>300499.19999999995</v>
      </c>
      <c r="C18051" s="7">
        <f t="shared" ref="C18051:C18114" si="282">B18051/1000</f>
        <v>300.49919999999997</v>
      </c>
    </row>
    <row r="18052" spans="1:3" x14ac:dyDescent="0.25">
      <c r="A18052" s="2" t="s">
        <v>9710</v>
      </c>
      <c r="B18052" s="6">
        <v>300515.84999999998</v>
      </c>
      <c r="C18052" s="7">
        <f t="shared" si="282"/>
        <v>300.51585</v>
      </c>
    </row>
    <row r="18053" spans="1:3" x14ac:dyDescent="0.25">
      <c r="A18053" s="2" t="s">
        <v>9711</v>
      </c>
      <c r="B18053" s="6">
        <v>300532.5</v>
      </c>
      <c r="C18053" s="7">
        <f t="shared" si="282"/>
        <v>300.53250000000003</v>
      </c>
    </row>
    <row r="18054" spans="1:3" x14ac:dyDescent="0.25">
      <c r="A18054" s="2" t="s">
        <v>9712</v>
      </c>
      <c r="B18054" s="6">
        <v>300549.14999999997</v>
      </c>
      <c r="C18054" s="7">
        <f t="shared" si="282"/>
        <v>300.54914999999994</v>
      </c>
    </row>
    <row r="18055" spans="1:3" x14ac:dyDescent="0.25">
      <c r="A18055" s="2" t="s">
        <v>9713</v>
      </c>
      <c r="B18055" s="6">
        <v>300565.8</v>
      </c>
      <c r="C18055" s="7">
        <f t="shared" si="282"/>
        <v>300.56579999999997</v>
      </c>
    </row>
    <row r="18056" spans="1:3" x14ac:dyDescent="0.25">
      <c r="A18056" s="2" t="s">
        <v>9714</v>
      </c>
      <c r="B18056" s="6">
        <v>300582.44999999995</v>
      </c>
      <c r="C18056" s="7">
        <f t="shared" si="282"/>
        <v>300.58244999999994</v>
      </c>
    </row>
    <row r="18057" spans="1:3" x14ac:dyDescent="0.25">
      <c r="A18057" s="2" t="s">
        <v>9715</v>
      </c>
      <c r="B18057" s="6">
        <v>300599.09999999998</v>
      </c>
      <c r="C18057" s="7">
        <f t="shared" si="282"/>
        <v>300.59909999999996</v>
      </c>
    </row>
    <row r="18058" spans="1:3" x14ac:dyDescent="0.25">
      <c r="A18058" s="2" t="s">
        <v>9716</v>
      </c>
      <c r="B18058" s="6">
        <v>300615.75</v>
      </c>
      <c r="C18058" s="7">
        <f t="shared" si="282"/>
        <v>300.61574999999999</v>
      </c>
    </row>
    <row r="18059" spans="1:3" x14ac:dyDescent="0.25">
      <c r="A18059" s="2" t="s">
        <v>9717</v>
      </c>
      <c r="B18059" s="6">
        <v>300632.39999999997</v>
      </c>
      <c r="C18059" s="7">
        <f t="shared" si="282"/>
        <v>300.63239999999996</v>
      </c>
    </row>
    <row r="18060" spans="1:3" x14ac:dyDescent="0.25">
      <c r="A18060" s="2" t="s">
        <v>9718</v>
      </c>
      <c r="B18060" s="6">
        <v>300649.05</v>
      </c>
      <c r="C18060" s="7">
        <f t="shared" si="282"/>
        <v>300.64904999999999</v>
      </c>
    </row>
    <row r="18061" spans="1:3" x14ac:dyDescent="0.25">
      <c r="A18061" s="2" t="s">
        <v>9719</v>
      </c>
      <c r="B18061" s="6">
        <v>300665.69999999995</v>
      </c>
      <c r="C18061" s="7">
        <f t="shared" si="282"/>
        <v>300.66569999999996</v>
      </c>
    </row>
    <row r="18062" spans="1:3" x14ac:dyDescent="0.25">
      <c r="A18062" s="2" t="s">
        <v>9720</v>
      </c>
      <c r="B18062" s="6">
        <v>300682.34999999998</v>
      </c>
      <c r="C18062" s="7">
        <f t="shared" si="282"/>
        <v>300.68234999999999</v>
      </c>
    </row>
    <row r="18063" spans="1:3" x14ac:dyDescent="0.25">
      <c r="A18063" s="2" t="s">
        <v>9721</v>
      </c>
      <c r="B18063" s="6">
        <v>300699</v>
      </c>
      <c r="C18063" s="7">
        <f t="shared" si="282"/>
        <v>300.69900000000001</v>
      </c>
    </row>
    <row r="18064" spans="1:3" x14ac:dyDescent="0.25">
      <c r="A18064" s="2" t="s">
        <v>9722</v>
      </c>
      <c r="B18064" s="6">
        <v>300715.64999999997</v>
      </c>
      <c r="C18064" s="7">
        <f t="shared" si="282"/>
        <v>300.71564999999998</v>
      </c>
    </row>
    <row r="18065" spans="1:3" x14ac:dyDescent="0.25">
      <c r="A18065" s="2" t="s">
        <v>9723</v>
      </c>
      <c r="B18065" s="6">
        <v>300732.3</v>
      </c>
      <c r="C18065" s="7">
        <f t="shared" si="282"/>
        <v>300.73230000000001</v>
      </c>
    </row>
    <row r="18066" spans="1:3" x14ac:dyDescent="0.25">
      <c r="A18066" s="2" t="s">
        <v>9724</v>
      </c>
      <c r="B18066" s="6">
        <v>300748.94999999995</v>
      </c>
      <c r="C18066" s="7">
        <f t="shared" si="282"/>
        <v>300.74894999999998</v>
      </c>
    </row>
    <row r="18067" spans="1:3" x14ac:dyDescent="0.25">
      <c r="A18067" s="2" t="s">
        <v>9725</v>
      </c>
      <c r="B18067" s="6">
        <v>300765.59999999998</v>
      </c>
      <c r="C18067" s="7">
        <f t="shared" si="282"/>
        <v>300.76559999999995</v>
      </c>
    </row>
    <row r="18068" spans="1:3" x14ac:dyDescent="0.25">
      <c r="A18068" s="2" t="s">
        <v>9726</v>
      </c>
      <c r="B18068" s="6">
        <v>300782.25</v>
      </c>
      <c r="C18068" s="7">
        <f t="shared" si="282"/>
        <v>300.78224999999998</v>
      </c>
    </row>
    <row r="18069" spans="1:3" x14ac:dyDescent="0.25">
      <c r="A18069" s="2" t="s">
        <v>9727</v>
      </c>
      <c r="B18069" s="6">
        <v>300798.89999999997</v>
      </c>
      <c r="C18069" s="7">
        <f t="shared" si="282"/>
        <v>300.79889999999995</v>
      </c>
    </row>
    <row r="18070" spans="1:3" x14ac:dyDescent="0.25">
      <c r="A18070" s="2" t="s">
        <v>9728</v>
      </c>
      <c r="B18070" s="6">
        <v>300815.55</v>
      </c>
      <c r="C18070" s="7">
        <f t="shared" si="282"/>
        <v>300.81554999999997</v>
      </c>
    </row>
    <row r="18071" spans="1:3" x14ac:dyDescent="0.25">
      <c r="A18071" s="2" t="s">
        <v>9729</v>
      </c>
      <c r="B18071" s="6">
        <v>300832.19999999995</v>
      </c>
      <c r="C18071" s="7">
        <f t="shared" si="282"/>
        <v>300.83219999999994</v>
      </c>
    </row>
    <row r="18072" spans="1:3" x14ac:dyDescent="0.25">
      <c r="A18072" s="2" t="s">
        <v>9730</v>
      </c>
      <c r="B18072" s="6">
        <v>300848.84999999998</v>
      </c>
      <c r="C18072" s="7">
        <f t="shared" si="282"/>
        <v>300.84884999999997</v>
      </c>
    </row>
    <row r="18073" spans="1:3" x14ac:dyDescent="0.25">
      <c r="A18073" s="2" t="s">
        <v>9731</v>
      </c>
      <c r="B18073" s="6">
        <v>300865.5</v>
      </c>
      <c r="C18073" s="7">
        <f t="shared" si="282"/>
        <v>300.8655</v>
      </c>
    </row>
    <row r="18074" spans="1:3" x14ac:dyDescent="0.25">
      <c r="A18074" s="2" t="s">
        <v>9732</v>
      </c>
      <c r="B18074" s="6">
        <v>300882.14999999997</v>
      </c>
      <c r="C18074" s="7">
        <f t="shared" si="282"/>
        <v>300.88214999999997</v>
      </c>
    </row>
    <row r="18075" spans="1:3" x14ac:dyDescent="0.25">
      <c r="A18075" s="2" t="s">
        <v>9733</v>
      </c>
      <c r="B18075" s="6">
        <v>300898.8</v>
      </c>
      <c r="C18075" s="7">
        <f t="shared" si="282"/>
        <v>300.89879999999999</v>
      </c>
    </row>
    <row r="18076" spans="1:3" x14ac:dyDescent="0.25">
      <c r="A18076" s="2" t="s">
        <v>9734</v>
      </c>
      <c r="B18076" s="6">
        <v>300915.44999999995</v>
      </c>
      <c r="C18076" s="7">
        <f t="shared" si="282"/>
        <v>300.91544999999996</v>
      </c>
    </row>
    <row r="18077" spans="1:3" x14ac:dyDescent="0.25">
      <c r="A18077" s="2" t="s">
        <v>9735</v>
      </c>
      <c r="B18077" s="6">
        <v>300932.09999999998</v>
      </c>
      <c r="C18077" s="7">
        <f t="shared" si="282"/>
        <v>300.93209999999999</v>
      </c>
    </row>
    <row r="18078" spans="1:3" x14ac:dyDescent="0.25">
      <c r="A18078" s="2" t="s">
        <v>9736</v>
      </c>
      <c r="B18078" s="6">
        <v>300948.75</v>
      </c>
      <c r="C18078" s="7">
        <f t="shared" si="282"/>
        <v>300.94875000000002</v>
      </c>
    </row>
    <row r="18079" spans="1:3" x14ac:dyDescent="0.25">
      <c r="A18079" s="2" t="s">
        <v>9737</v>
      </c>
      <c r="B18079" s="6">
        <v>300965.39999999997</v>
      </c>
      <c r="C18079" s="7">
        <f t="shared" si="282"/>
        <v>300.96539999999999</v>
      </c>
    </row>
    <row r="18080" spans="1:3" x14ac:dyDescent="0.25">
      <c r="A18080" s="2" t="s">
        <v>9738</v>
      </c>
      <c r="B18080" s="6">
        <v>300982.05</v>
      </c>
      <c r="C18080" s="7">
        <f t="shared" si="282"/>
        <v>300.98205000000002</v>
      </c>
    </row>
    <row r="18081" spans="1:3" x14ac:dyDescent="0.25">
      <c r="A18081" s="2" t="s">
        <v>9739</v>
      </c>
      <c r="B18081" s="6">
        <v>300998.69999999995</v>
      </c>
      <c r="C18081" s="7">
        <f t="shared" si="282"/>
        <v>300.99869999999993</v>
      </c>
    </row>
    <row r="18082" spans="1:3" x14ac:dyDescent="0.25">
      <c r="A18082" s="2" t="s">
        <v>9740</v>
      </c>
      <c r="B18082" s="6">
        <v>301015.34999999998</v>
      </c>
      <c r="C18082" s="7">
        <f t="shared" si="282"/>
        <v>301.01534999999996</v>
      </c>
    </row>
    <row r="18083" spans="1:3" x14ac:dyDescent="0.25">
      <c r="A18083" s="2" t="s">
        <v>9741</v>
      </c>
      <c r="B18083" s="6">
        <v>301032</v>
      </c>
      <c r="C18083" s="7">
        <f t="shared" si="282"/>
        <v>301.03199999999998</v>
      </c>
    </row>
    <row r="18084" spans="1:3" x14ac:dyDescent="0.25">
      <c r="A18084" s="2" t="s">
        <v>9742</v>
      </c>
      <c r="B18084" s="6">
        <v>301048.64999999997</v>
      </c>
      <c r="C18084" s="7">
        <f t="shared" si="282"/>
        <v>301.04864999999995</v>
      </c>
    </row>
    <row r="18085" spans="1:3" x14ac:dyDescent="0.25">
      <c r="A18085" s="2" t="s">
        <v>9743</v>
      </c>
      <c r="B18085" s="6">
        <v>301065.3</v>
      </c>
      <c r="C18085" s="7">
        <f t="shared" si="282"/>
        <v>301.06529999999998</v>
      </c>
    </row>
    <row r="18086" spans="1:3" x14ac:dyDescent="0.25">
      <c r="A18086" s="2" t="s">
        <v>9744</v>
      </c>
      <c r="B18086" s="6">
        <v>301081.94999999995</v>
      </c>
      <c r="C18086" s="7">
        <f t="shared" si="282"/>
        <v>301.08194999999995</v>
      </c>
    </row>
    <row r="18087" spans="1:3" x14ac:dyDescent="0.25">
      <c r="A18087" s="2" t="s">
        <v>9745</v>
      </c>
      <c r="B18087" s="6">
        <v>301098.59999999998</v>
      </c>
      <c r="C18087" s="7">
        <f t="shared" si="282"/>
        <v>301.09859999999998</v>
      </c>
    </row>
    <row r="18088" spans="1:3" x14ac:dyDescent="0.25">
      <c r="A18088" s="2" t="s">
        <v>9746</v>
      </c>
      <c r="B18088" s="6">
        <v>301115.25</v>
      </c>
      <c r="C18088" s="7">
        <f t="shared" si="282"/>
        <v>301.11525</v>
      </c>
    </row>
    <row r="18089" spans="1:3" x14ac:dyDescent="0.25">
      <c r="A18089" s="2" t="s">
        <v>9747</v>
      </c>
      <c r="B18089" s="6">
        <v>301131.89999999997</v>
      </c>
      <c r="C18089" s="7">
        <f t="shared" si="282"/>
        <v>301.13189999999997</v>
      </c>
    </row>
    <row r="18090" spans="1:3" x14ac:dyDescent="0.25">
      <c r="A18090" s="2" t="s">
        <v>9748</v>
      </c>
      <c r="B18090" s="6">
        <v>301148.55</v>
      </c>
      <c r="C18090" s="7">
        <f t="shared" si="282"/>
        <v>301.14855</v>
      </c>
    </row>
    <row r="18091" spans="1:3" x14ac:dyDescent="0.25">
      <c r="A18091" s="2" t="s">
        <v>9749</v>
      </c>
      <c r="B18091" s="6">
        <v>301165.19999999995</v>
      </c>
      <c r="C18091" s="7">
        <f t="shared" si="282"/>
        <v>301.16519999999997</v>
      </c>
    </row>
    <row r="18092" spans="1:3" x14ac:dyDescent="0.25">
      <c r="A18092" s="2" t="s">
        <v>9750</v>
      </c>
      <c r="B18092" s="6">
        <v>301181.84999999998</v>
      </c>
      <c r="C18092" s="7">
        <f t="shared" si="282"/>
        <v>301.18185</v>
      </c>
    </row>
    <row r="18093" spans="1:3" x14ac:dyDescent="0.25">
      <c r="A18093" s="2" t="s">
        <v>9751</v>
      </c>
      <c r="B18093" s="6">
        <v>301198.5</v>
      </c>
      <c r="C18093" s="7">
        <f t="shared" si="282"/>
        <v>301.19850000000002</v>
      </c>
    </row>
    <row r="18094" spans="1:3" x14ac:dyDescent="0.25">
      <c r="A18094" s="2" t="s">
        <v>9752</v>
      </c>
      <c r="B18094" s="6">
        <v>301215.14999999997</v>
      </c>
      <c r="C18094" s="7">
        <f t="shared" si="282"/>
        <v>301.21514999999994</v>
      </c>
    </row>
    <row r="18095" spans="1:3" x14ac:dyDescent="0.25">
      <c r="A18095" s="2" t="s">
        <v>9753</v>
      </c>
      <c r="B18095" s="6">
        <v>301231.8</v>
      </c>
      <c r="C18095" s="7">
        <f t="shared" si="282"/>
        <v>301.23179999999996</v>
      </c>
    </row>
    <row r="18096" spans="1:3" x14ac:dyDescent="0.25">
      <c r="A18096" s="2" t="s">
        <v>9754</v>
      </c>
      <c r="B18096" s="6">
        <v>301248.44999999995</v>
      </c>
      <c r="C18096" s="7">
        <f t="shared" si="282"/>
        <v>301.24844999999993</v>
      </c>
    </row>
    <row r="18097" spans="1:3" x14ac:dyDescent="0.25">
      <c r="A18097" s="2" t="s">
        <v>9755</v>
      </c>
      <c r="B18097" s="6">
        <v>301265.09999999998</v>
      </c>
      <c r="C18097" s="7">
        <f t="shared" si="282"/>
        <v>301.26509999999996</v>
      </c>
    </row>
    <row r="18098" spans="1:3" x14ac:dyDescent="0.25">
      <c r="A18098" s="2" t="s">
        <v>9756</v>
      </c>
      <c r="B18098" s="6">
        <v>301281.75</v>
      </c>
      <c r="C18098" s="7">
        <f t="shared" si="282"/>
        <v>301.28174999999999</v>
      </c>
    </row>
    <row r="18099" spans="1:3" x14ac:dyDescent="0.25">
      <c r="A18099" s="2" t="s">
        <v>9757</v>
      </c>
      <c r="B18099" s="6">
        <v>301298.39999999997</v>
      </c>
      <c r="C18099" s="7">
        <f t="shared" si="282"/>
        <v>301.29839999999996</v>
      </c>
    </row>
    <row r="18100" spans="1:3" x14ac:dyDescent="0.25">
      <c r="A18100" s="2" t="s">
        <v>9758</v>
      </c>
      <c r="B18100" s="6">
        <v>301315.05</v>
      </c>
      <c r="C18100" s="7">
        <f t="shared" si="282"/>
        <v>301.31504999999999</v>
      </c>
    </row>
    <row r="18101" spans="1:3" x14ac:dyDescent="0.25">
      <c r="A18101" s="2" t="s">
        <v>9759</v>
      </c>
      <c r="B18101" s="6">
        <v>301331.69999999995</v>
      </c>
      <c r="C18101" s="7">
        <f t="shared" si="282"/>
        <v>301.33169999999996</v>
      </c>
    </row>
    <row r="18102" spans="1:3" x14ac:dyDescent="0.25">
      <c r="A18102" s="2" t="s">
        <v>9760</v>
      </c>
      <c r="B18102" s="6">
        <v>301348.34999999998</v>
      </c>
      <c r="C18102" s="7">
        <f t="shared" si="282"/>
        <v>301.34834999999998</v>
      </c>
    </row>
    <row r="18103" spans="1:3" x14ac:dyDescent="0.25">
      <c r="A18103" s="2" t="s">
        <v>9761</v>
      </c>
      <c r="B18103" s="6">
        <v>301365</v>
      </c>
      <c r="C18103" s="7">
        <f t="shared" si="282"/>
        <v>301.36500000000001</v>
      </c>
    </row>
    <row r="18104" spans="1:3" x14ac:dyDescent="0.25">
      <c r="A18104" s="2" t="s">
        <v>9762</v>
      </c>
      <c r="B18104" s="6">
        <v>301381.64999999997</v>
      </c>
      <c r="C18104" s="7">
        <f t="shared" si="282"/>
        <v>301.38164999999998</v>
      </c>
    </row>
    <row r="18105" spans="1:3" x14ac:dyDescent="0.25">
      <c r="A18105" s="2" t="s">
        <v>9763</v>
      </c>
      <c r="B18105" s="6">
        <v>301398.3</v>
      </c>
      <c r="C18105" s="7">
        <f t="shared" si="282"/>
        <v>301.39830000000001</v>
      </c>
    </row>
    <row r="18106" spans="1:3" x14ac:dyDescent="0.25">
      <c r="A18106" s="2" t="s">
        <v>9764</v>
      </c>
      <c r="B18106" s="6">
        <v>301414.94999999995</v>
      </c>
      <c r="C18106" s="7">
        <f t="shared" si="282"/>
        <v>301.41494999999998</v>
      </c>
    </row>
    <row r="18107" spans="1:3" x14ac:dyDescent="0.25">
      <c r="A18107" s="2" t="s">
        <v>9765</v>
      </c>
      <c r="B18107" s="6">
        <v>301431.59999999998</v>
      </c>
      <c r="C18107" s="7">
        <f t="shared" si="282"/>
        <v>301.4316</v>
      </c>
    </row>
    <row r="18108" spans="1:3" x14ac:dyDescent="0.25">
      <c r="A18108" s="2" t="s">
        <v>9766</v>
      </c>
      <c r="B18108" s="6">
        <v>301448.25</v>
      </c>
      <c r="C18108" s="7">
        <f t="shared" si="282"/>
        <v>301.44824999999997</v>
      </c>
    </row>
    <row r="18109" spans="1:3" x14ac:dyDescent="0.25">
      <c r="A18109" s="2" t="s">
        <v>9767</v>
      </c>
      <c r="B18109" s="6">
        <v>301464.89999999997</v>
      </c>
      <c r="C18109" s="7">
        <f t="shared" si="282"/>
        <v>301.46489999999994</v>
      </c>
    </row>
    <row r="18110" spans="1:3" x14ac:dyDescent="0.25">
      <c r="A18110" s="2" t="s">
        <v>9768</v>
      </c>
      <c r="B18110" s="6">
        <v>301481.55</v>
      </c>
      <c r="C18110" s="7">
        <f t="shared" si="282"/>
        <v>301.48154999999997</v>
      </c>
    </row>
    <row r="18111" spans="1:3" x14ac:dyDescent="0.25">
      <c r="A18111" s="2" t="s">
        <v>9769</v>
      </c>
      <c r="B18111" s="6">
        <v>301498.19999999995</v>
      </c>
      <c r="C18111" s="7">
        <f t="shared" si="282"/>
        <v>301.49819999999994</v>
      </c>
    </row>
    <row r="18112" spans="1:3" x14ac:dyDescent="0.25">
      <c r="A18112" s="2" t="s">
        <v>9770</v>
      </c>
      <c r="B18112" s="6">
        <v>301514.84999999998</v>
      </c>
      <c r="C18112" s="7">
        <f t="shared" si="282"/>
        <v>301.51484999999997</v>
      </c>
    </row>
    <row r="18113" spans="1:3" x14ac:dyDescent="0.25">
      <c r="A18113" s="2" t="s">
        <v>9771</v>
      </c>
      <c r="B18113" s="6">
        <v>301531.5</v>
      </c>
      <c r="C18113" s="7">
        <f t="shared" si="282"/>
        <v>301.53149999999999</v>
      </c>
    </row>
    <row r="18114" spans="1:3" x14ac:dyDescent="0.25">
      <c r="A18114" s="2" t="s">
        <v>9772</v>
      </c>
      <c r="B18114" s="6">
        <v>301548.14999999997</v>
      </c>
      <c r="C18114" s="7">
        <f t="shared" si="282"/>
        <v>301.54814999999996</v>
      </c>
    </row>
    <row r="18115" spans="1:3" x14ac:dyDescent="0.25">
      <c r="A18115" s="2" t="s">
        <v>9773</v>
      </c>
      <c r="B18115" s="6">
        <v>301564.79999999999</v>
      </c>
      <c r="C18115" s="7">
        <f t="shared" ref="C18115:C18178" si="283">B18115/1000</f>
        <v>301.56479999999999</v>
      </c>
    </row>
    <row r="18116" spans="1:3" x14ac:dyDescent="0.25">
      <c r="A18116" s="2" t="s">
        <v>9774</v>
      </c>
      <c r="B18116" s="6">
        <v>301581.44999999995</v>
      </c>
      <c r="C18116" s="7">
        <f t="shared" si="283"/>
        <v>301.58144999999996</v>
      </c>
    </row>
    <row r="18117" spans="1:3" x14ac:dyDescent="0.25">
      <c r="A18117" s="2" t="s">
        <v>9775</v>
      </c>
      <c r="B18117" s="6">
        <v>301598.09999999998</v>
      </c>
      <c r="C18117" s="7">
        <f t="shared" si="283"/>
        <v>301.59809999999999</v>
      </c>
    </row>
    <row r="18118" spans="1:3" x14ac:dyDescent="0.25">
      <c r="A18118" s="2" t="s">
        <v>9776</v>
      </c>
      <c r="B18118" s="6">
        <v>301614.75</v>
      </c>
      <c r="C18118" s="7">
        <f t="shared" si="283"/>
        <v>301.61475000000002</v>
      </c>
    </row>
    <row r="18119" spans="1:3" x14ac:dyDescent="0.25">
      <c r="A18119" s="2" t="s">
        <v>9777</v>
      </c>
      <c r="B18119" s="6">
        <v>301631.39999999997</v>
      </c>
      <c r="C18119" s="7">
        <f t="shared" si="283"/>
        <v>301.63139999999999</v>
      </c>
    </row>
    <row r="18120" spans="1:3" x14ac:dyDescent="0.25">
      <c r="A18120" s="2" t="s">
        <v>9778</v>
      </c>
      <c r="B18120" s="6">
        <v>301648.05</v>
      </c>
      <c r="C18120" s="7">
        <f t="shared" si="283"/>
        <v>301.64805000000001</v>
      </c>
    </row>
    <row r="18121" spans="1:3" x14ac:dyDescent="0.25">
      <c r="A18121" s="2" t="s">
        <v>9779</v>
      </c>
      <c r="B18121" s="6">
        <v>301664.69999999995</v>
      </c>
      <c r="C18121" s="7">
        <f t="shared" si="283"/>
        <v>301.66469999999993</v>
      </c>
    </row>
    <row r="18122" spans="1:3" x14ac:dyDescent="0.25">
      <c r="A18122" s="2" t="s">
        <v>9780</v>
      </c>
      <c r="B18122" s="6">
        <v>301681.34999999998</v>
      </c>
      <c r="C18122" s="7">
        <f t="shared" si="283"/>
        <v>301.68134999999995</v>
      </c>
    </row>
    <row r="18123" spans="1:3" x14ac:dyDescent="0.25">
      <c r="A18123" s="2" t="s">
        <v>9781</v>
      </c>
      <c r="B18123" s="6">
        <v>301698</v>
      </c>
      <c r="C18123" s="7">
        <f t="shared" si="283"/>
        <v>301.69799999999998</v>
      </c>
    </row>
    <row r="18124" spans="1:3" x14ac:dyDescent="0.25">
      <c r="A18124" s="2" t="s">
        <v>9782</v>
      </c>
      <c r="B18124" s="6">
        <v>301714.64999999997</v>
      </c>
      <c r="C18124" s="7">
        <f t="shared" si="283"/>
        <v>301.71464999999995</v>
      </c>
    </row>
    <row r="18125" spans="1:3" x14ac:dyDescent="0.25">
      <c r="A18125" s="2" t="s">
        <v>9783</v>
      </c>
      <c r="B18125" s="6">
        <v>301731.3</v>
      </c>
      <c r="C18125" s="7">
        <f t="shared" si="283"/>
        <v>301.73129999999998</v>
      </c>
    </row>
    <row r="18126" spans="1:3" x14ac:dyDescent="0.25">
      <c r="A18126" s="2" t="s">
        <v>9784</v>
      </c>
      <c r="B18126" s="6">
        <v>301747.94999999995</v>
      </c>
      <c r="C18126" s="7">
        <f t="shared" si="283"/>
        <v>301.74794999999995</v>
      </c>
    </row>
    <row r="18127" spans="1:3" x14ac:dyDescent="0.25">
      <c r="A18127" s="2" t="s">
        <v>9785</v>
      </c>
      <c r="B18127" s="6">
        <v>301764.59999999998</v>
      </c>
      <c r="C18127" s="7">
        <f t="shared" si="283"/>
        <v>301.76459999999997</v>
      </c>
    </row>
    <row r="18128" spans="1:3" x14ac:dyDescent="0.25">
      <c r="A18128" s="2" t="s">
        <v>9786</v>
      </c>
      <c r="B18128" s="6">
        <v>301781.25</v>
      </c>
      <c r="C18128" s="7">
        <f t="shared" si="283"/>
        <v>301.78125</v>
      </c>
    </row>
    <row r="18129" spans="1:3" x14ac:dyDescent="0.25">
      <c r="A18129" s="2" t="s">
        <v>9787</v>
      </c>
      <c r="B18129" s="6">
        <v>301797.89999999997</v>
      </c>
      <c r="C18129" s="7">
        <f t="shared" si="283"/>
        <v>301.79789999999997</v>
      </c>
    </row>
    <row r="18130" spans="1:3" x14ac:dyDescent="0.25">
      <c r="A18130" s="2" t="s">
        <v>9788</v>
      </c>
      <c r="B18130" s="6">
        <v>301814.55</v>
      </c>
      <c r="C18130" s="7">
        <f t="shared" si="283"/>
        <v>301.81455</v>
      </c>
    </row>
    <row r="18131" spans="1:3" x14ac:dyDescent="0.25">
      <c r="A18131" s="2" t="s">
        <v>9789</v>
      </c>
      <c r="B18131" s="6">
        <v>301831.19999999995</v>
      </c>
      <c r="C18131" s="7">
        <f t="shared" si="283"/>
        <v>301.83119999999997</v>
      </c>
    </row>
    <row r="18132" spans="1:3" x14ac:dyDescent="0.25">
      <c r="A18132" s="2" t="s">
        <v>9790</v>
      </c>
      <c r="B18132" s="6">
        <v>301847.84999999998</v>
      </c>
      <c r="C18132" s="7">
        <f t="shared" si="283"/>
        <v>301.84784999999999</v>
      </c>
    </row>
    <row r="18133" spans="1:3" x14ac:dyDescent="0.25">
      <c r="A18133" s="2" t="s">
        <v>9791</v>
      </c>
      <c r="B18133" s="6">
        <v>301864.5</v>
      </c>
      <c r="C18133" s="7">
        <f t="shared" si="283"/>
        <v>301.86450000000002</v>
      </c>
    </row>
    <row r="18134" spans="1:3" x14ac:dyDescent="0.25">
      <c r="A18134" s="2" t="s">
        <v>9792</v>
      </c>
      <c r="B18134" s="6">
        <v>301881.14999999997</v>
      </c>
      <c r="C18134" s="7">
        <f t="shared" si="283"/>
        <v>301.88114999999999</v>
      </c>
    </row>
    <row r="18135" spans="1:3" x14ac:dyDescent="0.25">
      <c r="A18135" s="2" t="s">
        <v>9793</v>
      </c>
      <c r="B18135" s="6">
        <v>301897.8</v>
      </c>
      <c r="C18135" s="7">
        <f t="shared" si="283"/>
        <v>301.89779999999996</v>
      </c>
    </row>
    <row r="18136" spans="1:3" x14ac:dyDescent="0.25">
      <c r="A18136" s="2" t="s">
        <v>9794</v>
      </c>
      <c r="B18136" s="6">
        <v>301914.44999999995</v>
      </c>
      <c r="C18136" s="7">
        <f t="shared" si="283"/>
        <v>301.91444999999993</v>
      </c>
    </row>
    <row r="18137" spans="1:3" x14ac:dyDescent="0.25">
      <c r="A18137" s="2" t="s">
        <v>9795</v>
      </c>
      <c r="B18137" s="6">
        <v>301931.09999999998</v>
      </c>
      <c r="C18137" s="7">
        <f t="shared" si="283"/>
        <v>301.93109999999996</v>
      </c>
    </row>
    <row r="18138" spans="1:3" x14ac:dyDescent="0.25">
      <c r="A18138" s="2" t="s">
        <v>9796</v>
      </c>
      <c r="B18138" s="6">
        <v>301947.75</v>
      </c>
      <c r="C18138" s="7">
        <f t="shared" si="283"/>
        <v>301.94774999999998</v>
      </c>
    </row>
    <row r="18139" spans="1:3" x14ac:dyDescent="0.25">
      <c r="A18139" s="2" t="s">
        <v>9797</v>
      </c>
      <c r="B18139" s="6">
        <v>301964.39999999997</v>
      </c>
      <c r="C18139" s="7">
        <f t="shared" si="283"/>
        <v>301.96439999999996</v>
      </c>
    </row>
    <row r="18140" spans="1:3" x14ac:dyDescent="0.25">
      <c r="A18140" s="2" t="s">
        <v>9798</v>
      </c>
      <c r="B18140" s="6">
        <v>301981.05</v>
      </c>
      <c r="C18140" s="7">
        <f t="shared" si="283"/>
        <v>301.98104999999998</v>
      </c>
    </row>
    <row r="18141" spans="1:3" x14ac:dyDescent="0.25">
      <c r="A18141" s="2" t="s">
        <v>9799</v>
      </c>
      <c r="B18141" s="6">
        <v>301997.69999999995</v>
      </c>
      <c r="C18141" s="7">
        <f t="shared" si="283"/>
        <v>301.99769999999995</v>
      </c>
    </row>
    <row r="18142" spans="1:3" x14ac:dyDescent="0.25">
      <c r="A18142" s="2" t="s">
        <v>9800</v>
      </c>
      <c r="B18142" s="6">
        <v>302014.34999999998</v>
      </c>
      <c r="C18142" s="7">
        <f t="shared" si="283"/>
        <v>302.01434999999998</v>
      </c>
    </row>
    <row r="18143" spans="1:3" x14ac:dyDescent="0.25">
      <c r="A18143" s="2" t="s">
        <v>9801</v>
      </c>
      <c r="B18143" s="6">
        <v>302031</v>
      </c>
      <c r="C18143" s="7">
        <f t="shared" si="283"/>
        <v>302.03100000000001</v>
      </c>
    </row>
    <row r="18144" spans="1:3" x14ac:dyDescent="0.25">
      <c r="A18144" s="2" t="s">
        <v>9802</v>
      </c>
      <c r="B18144" s="6">
        <v>302047.64999999997</v>
      </c>
      <c r="C18144" s="7">
        <f t="shared" si="283"/>
        <v>302.04764999999998</v>
      </c>
    </row>
    <row r="18145" spans="1:3" x14ac:dyDescent="0.25">
      <c r="A18145" s="2" t="s">
        <v>9803</v>
      </c>
      <c r="B18145" s="6">
        <v>302064.3</v>
      </c>
      <c r="C18145" s="7">
        <f t="shared" si="283"/>
        <v>302.0643</v>
      </c>
    </row>
    <row r="18146" spans="1:3" x14ac:dyDescent="0.25">
      <c r="A18146" s="2" t="s">
        <v>9804</v>
      </c>
      <c r="B18146" s="6">
        <v>302080.94999999995</v>
      </c>
      <c r="C18146" s="7">
        <f t="shared" si="283"/>
        <v>302.08094999999997</v>
      </c>
    </row>
    <row r="18147" spans="1:3" x14ac:dyDescent="0.25">
      <c r="A18147" s="2" t="s">
        <v>9805</v>
      </c>
      <c r="B18147" s="6">
        <v>302097.59999999998</v>
      </c>
      <c r="C18147" s="7">
        <f t="shared" si="283"/>
        <v>302.0976</v>
      </c>
    </row>
    <row r="18148" spans="1:3" x14ac:dyDescent="0.25">
      <c r="A18148" s="2" t="s">
        <v>9806</v>
      </c>
      <c r="B18148" s="6">
        <v>302114.25</v>
      </c>
      <c r="C18148" s="7">
        <f t="shared" si="283"/>
        <v>302.11425000000003</v>
      </c>
    </row>
    <row r="18149" spans="1:3" x14ac:dyDescent="0.25">
      <c r="A18149" s="2" t="s">
        <v>9807</v>
      </c>
      <c r="B18149" s="6">
        <v>302130.89999999997</v>
      </c>
      <c r="C18149" s="7">
        <f t="shared" si="283"/>
        <v>302.13089999999994</v>
      </c>
    </row>
    <row r="18150" spans="1:3" x14ac:dyDescent="0.25">
      <c r="A18150" s="2" t="s">
        <v>9808</v>
      </c>
      <c r="B18150" s="6">
        <v>302147.55</v>
      </c>
      <c r="C18150" s="7">
        <f t="shared" si="283"/>
        <v>302.14754999999997</v>
      </c>
    </row>
    <row r="18151" spans="1:3" x14ac:dyDescent="0.25">
      <c r="A18151" s="2" t="s">
        <v>9809</v>
      </c>
      <c r="B18151" s="6">
        <v>302164.19999999995</v>
      </c>
      <c r="C18151" s="7">
        <f t="shared" si="283"/>
        <v>302.16419999999994</v>
      </c>
    </row>
    <row r="18152" spans="1:3" x14ac:dyDescent="0.25">
      <c r="A18152" s="2" t="s">
        <v>9810</v>
      </c>
      <c r="B18152" s="6">
        <v>302180.84999999998</v>
      </c>
      <c r="C18152" s="7">
        <f t="shared" si="283"/>
        <v>302.18084999999996</v>
      </c>
    </row>
    <row r="18153" spans="1:3" x14ac:dyDescent="0.25">
      <c r="A18153" s="2" t="s">
        <v>9811</v>
      </c>
      <c r="B18153" s="6">
        <v>302197.5</v>
      </c>
      <c r="C18153" s="7">
        <f t="shared" si="283"/>
        <v>302.19749999999999</v>
      </c>
    </row>
    <row r="18154" spans="1:3" x14ac:dyDescent="0.25">
      <c r="A18154" s="2" t="s">
        <v>9812</v>
      </c>
      <c r="B18154" s="6">
        <v>302214.14999999997</v>
      </c>
      <c r="C18154" s="7">
        <f t="shared" si="283"/>
        <v>302.21414999999996</v>
      </c>
    </row>
    <row r="18155" spans="1:3" x14ac:dyDescent="0.25">
      <c r="A18155" s="2" t="s">
        <v>9813</v>
      </c>
      <c r="B18155" s="6">
        <v>302230.8</v>
      </c>
      <c r="C18155" s="7">
        <f t="shared" si="283"/>
        <v>302.23079999999999</v>
      </c>
    </row>
    <row r="18156" spans="1:3" x14ac:dyDescent="0.25">
      <c r="A18156" s="2" t="s">
        <v>9814</v>
      </c>
      <c r="B18156" s="6">
        <v>302247.44999999995</v>
      </c>
      <c r="C18156" s="7">
        <f t="shared" si="283"/>
        <v>302.24744999999996</v>
      </c>
    </row>
    <row r="18157" spans="1:3" x14ac:dyDescent="0.25">
      <c r="A18157" s="2" t="s">
        <v>9815</v>
      </c>
      <c r="B18157" s="6">
        <v>302264.09999999998</v>
      </c>
      <c r="C18157" s="7">
        <f t="shared" si="283"/>
        <v>302.26409999999998</v>
      </c>
    </row>
    <row r="18158" spans="1:3" x14ac:dyDescent="0.25">
      <c r="A18158" s="2" t="s">
        <v>9816</v>
      </c>
      <c r="B18158" s="6">
        <v>302280.75</v>
      </c>
      <c r="C18158" s="7">
        <f t="shared" si="283"/>
        <v>302.28075000000001</v>
      </c>
    </row>
    <row r="18159" spans="1:3" x14ac:dyDescent="0.25">
      <c r="A18159" s="2" t="s">
        <v>9817</v>
      </c>
      <c r="B18159" s="6">
        <v>302297.39999999997</v>
      </c>
      <c r="C18159" s="7">
        <f t="shared" si="283"/>
        <v>302.29739999999998</v>
      </c>
    </row>
    <row r="18160" spans="1:3" x14ac:dyDescent="0.25">
      <c r="A18160" s="2" t="s">
        <v>9818</v>
      </c>
      <c r="B18160" s="6">
        <v>302314.05</v>
      </c>
      <c r="C18160" s="7">
        <f t="shared" si="283"/>
        <v>302.31405000000001</v>
      </c>
    </row>
    <row r="18161" spans="1:3" x14ac:dyDescent="0.25">
      <c r="A18161" s="2" t="s">
        <v>9819</v>
      </c>
      <c r="B18161" s="6">
        <v>302330.69999999995</v>
      </c>
      <c r="C18161" s="7">
        <f t="shared" si="283"/>
        <v>302.33069999999998</v>
      </c>
    </row>
    <row r="18162" spans="1:3" x14ac:dyDescent="0.25">
      <c r="A18162" s="2" t="s">
        <v>9820</v>
      </c>
      <c r="B18162" s="6">
        <v>302347.34999999998</v>
      </c>
      <c r="C18162" s="7">
        <f t="shared" si="283"/>
        <v>302.34734999999995</v>
      </c>
    </row>
    <row r="18163" spans="1:3" x14ac:dyDescent="0.25">
      <c r="A18163" s="2" t="s">
        <v>9821</v>
      </c>
      <c r="B18163" s="6">
        <v>302364</v>
      </c>
      <c r="C18163" s="7">
        <f t="shared" si="283"/>
        <v>302.36399999999998</v>
      </c>
    </row>
    <row r="18164" spans="1:3" x14ac:dyDescent="0.25">
      <c r="A18164" s="2" t="s">
        <v>9822</v>
      </c>
      <c r="B18164" s="6">
        <v>302380.64999999997</v>
      </c>
      <c r="C18164" s="7">
        <f t="shared" si="283"/>
        <v>302.38064999999995</v>
      </c>
    </row>
    <row r="18165" spans="1:3" x14ac:dyDescent="0.25">
      <c r="A18165" s="2" t="s">
        <v>9823</v>
      </c>
      <c r="B18165" s="6">
        <v>302397.3</v>
      </c>
      <c r="C18165" s="7">
        <f t="shared" si="283"/>
        <v>302.39729999999997</v>
      </c>
    </row>
    <row r="18166" spans="1:3" x14ac:dyDescent="0.25">
      <c r="A18166" s="2" t="s">
        <v>9824</v>
      </c>
      <c r="B18166" s="6">
        <v>302413.94999999995</v>
      </c>
      <c r="C18166" s="7">
        <f t="shared" si="283"/>
        <v>302.41394999999994</v>
      </c>
    </row>
    <row r="18167" spans="1:3" x14ac:dyDescent="0.25">
      <c r="A18167" s="2" t="s">
        <v>9825</v>
      </c>
      <c r="B18167" s="6">
        <v>302430.59999999998</v>
      </c>
      <c r="C18167" s="7">
        <f t="shared" si="283"/>
        <v>302.43059999999997</v>
      </c>
    </row>
    <row r="18168" spans="1:3" x14ac:dyDescent="0.25">
      <c r="A18168" s="2" t="s">
        <v>9826</v>
      </c>
      <c r="B18168" s="6">
        <v>302447.25</v>
      </c>
      <c r="C18168" s="7">
        <f t="shared" si="283"/>
        <v>302.44725</v>
      </c>
    </row>
    <row r="18169" spans="1:3" x14ac:dyDescent="0.25">
      <c r="A18169" s="2" t="s">
        <v>9827</v>
      </c>
      <c r="B18169" s="6">
        <v>302463.89999999997</v>
      </c>
      <c r="C18169" s="7">
        <f t="shared" si="283"/>
        <v>302.46389999999997</v>
      </c>
    </row>
    <row r="18170" spans="1:3" x14ac:dyDescent="0.25">
      <c r="A18170" s="2" t="s">
        <v>9828</v>
      </c>
      <c r="B18170" s="6">
        <v>302480.55</v>
      </c>
      <c r="C18170" s="7">
        <f t="shared" si="283"/>
        <v>302.48054999999999</v>
      </c>
    </row>
    <row r="18171" spans="1:3" x14ac:dyDescent="0.25">
      <c r="A18171" s="2" t="s">
        <v>9829</v>
      </c>
      <c r="B18171" s="6">
        <v>302497.19999999995</v>
      </c>
      <c r="C18171" s="7">
        <f t="shared" si="283"/>
        <v>302.49719999999996</v>
      </c>
    </row>
    <row r="18172" spans="1:3" x14ac:dyDescent="0.25">
      <c r="A18172" s="2" t="s">
        <v>9830</v>
      </c>
      <c r="B18172" s="6">
        <v>302513.84999999998</v>
      </c>
      <c r="C18172" s="7">
        <f t="shared" si="283"/>
        <v>302.51384999999999</v>
      </c>
    </row>
    <row r="18173" spans="1:3" x14ac:dyDescent="0.25">
      <c r="A18173" s="2" t="s">
        <v>9831</v>
      </c>
      <c r="B18173" s="6">
        <v>302530.5</v>
      </c>
      <c r="C18173" s="7">
        <f t="shared" si="283"/>
        <v>302.53050000000002</v>
      </c>
    </row>
    <row r="18174" spans="1:3" x14ac:dyDescent="0.25">
      <c r="A18174" s="2" t="s">
        <v>9832</v>
      </c>
      <c r="B18174" s="6">
        <v>302547.14999999997</v>
      </c>
      <c r="C18174" s="7">
        <f t="shared" si="283"/>
        <v>302.54714999999999</v>
      </c>
    </row>
    <row r="18175" spans="1:3" x14ac:dyDescent="0.25">
      <c r="A18175" s="2" t="s">
        <v>9833</v>
      </c>
      <c r="B18175" s="6">
        <v>302563.8</v>
      </c>
      <c r="C18175" s="7">
        <f t="shared" si="283"/>
        <v>302.56380000000001</v>
      </c>
    </row>
    <row r="18176" spans="1:3" x14ac:dyDescent="0.25">
      <c r="A18176" s="2" t="s">
        <v>9834</v>
      </c>
      <c r="B18176" s="6">
        <v>302580.44999999995</v>
      </c>
      <c r="C18176" s="7">
        <f t="shared" si="283"/>
        <v>302.58044999999993</v>
      </c>
    </row>
    <row r="18177" spans="1:3" x14ac:dyDescent="0.25">
      <c r="A18177" s="2" t="s">
        <v>9835</v>
      </c>
      <c r="B18177" s="6">
        <v>302597.09999999998</v>
      </c>
      <c r="C18177" s="7">
        <f t="shared" si="283"/>
        <v>302.59709999999995</v>
      </c>
    </row>
    <row r="18178" spans="1:3" x14ac:dyDescent="0.25">
      <c r="A18178" s="2" t="s">
        <v>9836</v>
      </c>
      <c r="B18178" s="6">
        <v>302613.75</v>
      </c>
      <c r="C18178" s="7">
        <f t="shared" si="283"/>
        <v>302.61374999999998</v>
      </c>
    </row>
    <row r="18179" spans="1:3" x14ac:dyDescent="0.25">
      <c r="A18179" s="2" t="s">
        <v>9837</v>
      </c>
      <c r="B18179" s="6">
        <v>302630.39999999997</v>
      </c>
      <c r="C18179" s="7">
        <f t="shared" ref="C18179:C18242" si="284">B18179/1000</f>
        <v>302.63039999999995</v>
      </c>
    </row>
    <row r="18180" spans="1:3" x14ac:dyDescent="0.25">
      <c r="A18180" s="2" t="s">
        <v>9838</v>
      </c>
      <c r="B18180" s="6">
        <v>302647.05</v>
      </c>
      <c r="C18180" s="7">
        <f t="shared" si="284"/>
        <v>302.64704999999998</v>
      </c>
    </row>
    <row r="18181" spans="1:3" x14ac:dyDescent="0.25">
      <c r="A18181" s="2" t="s">
        <v>9839</v>
      </c>
      <c r="B18181" s="6">
        <v>302663.69999999995</v>
      </c>
      <c r="C18181" s="7">
        <f t="shared" si="284"/>
        <v>302.66369999999995</v>
      </c>
    </row>
    <row r="18182" spans="1:3" x14ac:dyDescent="0.25">
      <c r="A18182" s="2" t="s">
        <v>9840</v>
      </c>
      <c r="B18182" s="6">
        <v>302680.34999999998</v>
      </c>
      <c r="C18182" s="7">
        <f t="shared" si="284"/>
        <v>302.68034999999998</v>
      </c>
    </row>
    <row r="18183" spans="1:3" x14ac:dyDescent="0.25">
      <c r="A18183" s="2" t="s">
        <v>9841</v>
      </c>
      <c r="B18183" s="6">
        <v>302697</v>
      </c>
      <c r="C18183" s="7">
        <f t="shared" si="284"/>
        <v>302.697</v>
      </c>
    </row>
    <row r="18184" spans="1:3" x14ac:dyDescent="0.25">
      <c r="A18184" s="2" t="s">
        <v>9842</v>
      </c>
      <c r="B18184" s="6">
        <v>302713.64999999997</v>
      </c>
      <c r="C18184" s="7">
        <f t="shared" si="284"/>
        <v>302.71364999999997</v>
      </c>
    </row>
    <row r="18185" spans="1:3" x14ac:dyDescent="0.25">
      <c r="A18185" s="2" t="s">
        <v>9843</v>
      </c>
      <c r="B18185" s="6">
        <v>302730.3</v>
      </c>
      <c r="C18185" s="7">
        <f t="shared" si="284"/>
        <v>302.7303</v>
      </c>
    </row>
    <row r="18186" spans="1:3" x14ac:dyDescent="0.25">
      <c r="A18186" s="2" t="s">
        <v>9844</v>
      </c>
      <c r="B18186" s="6">
        <v>302746.94999999995</v>
      </c>
      <c r="C18186" s="7">
        <f t="shared" si="284"/>
        <v>302.74694999999997</v>
      </c>
    </row>
    <row r="18187" spans="1:3" x14ac:dyDescent="0.25">
      <c r="A18187" s="2" t="s">
        <v>9845</v>
      </c>
      <c r="B18187" s="6">
        <v>302763.59999999998</v>
      </c>
      <c r="C18187" s="7">
        <f t="shared" si="284"/>
        <v>302.7636</v>
      </c>
    </row>
    <row r="18188" spans="1:3" x14ac:dyDescent="0.25">
      <c r="A18188" s="2" t="s">
        <v>9846</v>
      </c>
      <c r="B18188" s="6">
        <v>302780.25</v>
      </c>
      <c r="C18188" s="7">
        <f t="shared" si="284"/>
        <v>302.78025000000002</v>
      </c>
    </row>
    <row r="18189" spans="1:3" x14ac:dyDescent="0.25">
      <c r="A18189" s="2" t="s">
        <v>9847</v>
      </c>
      <c r="B18189" s="6">
        <v>302796.89999999997</v>
      </c>
      <c r="C18189" s="7">
        <f t="shared" si="284"/>
        <v>302.79689999999994</v>
      </c>
    </row>
    <row r="18190" spans="1:3" x14ac:dyDescent="0.25">
      <c r="A18190" s="2" t="s">
        <v>9848</v>
      </c>
      <c r="B18190" s="6">
        <v>302813.55</v>
      </c>
      <c r="C18190" s="7">
        <f t="shared" si="284"/>
        <v>302.81354999999996</v>
      </c>
    </row>
    <row r="18191" spans="1:3" x14ac:dyDescent="0.25">
      <c r="A18191" s="2" t="s">
        <v>9849</v>
      </c>
      <c r="B18191" s="6">
        <v>302830.19999999995</v>
      </c>
      <c r="C18191" s="7">
        <f t="shared" si="284"/>
        <v>302.83019999999993</v>
      </c>
    </row>
    <row r="18192" spans="1:3" x14ac:dyDescent="0.25">
      <c r="A18192" s="2" t="s">
        <v>9850</v>
      </c>
      <c r="B18192" s="6">
        <v>302846.84999999998</v>
      </c>
      <c r="C18192" s="7">
        <f t="shared" si="284"/>
        <v>302.84684999999996</v>
      </c>
    </row>
    <row r="18193" spans="1:3" x14ac:dyDescent="0.25">
      <c r="A18193" s="2" t="s">
        <v>9851</v>
      </c>
      <c r="B18193" s="6">
        <v>302863.5</v>
      </c>
      <c r="C18193" s="7">
        <f t="shared" si="284"/>
        <v>302.86349999999999</v>
      </c>
    </row>
    <row r="18194" spans="1:3" x14ac:dyDescent="0.25">
      <c r="A18194" s="2" t="s">
        <v>9852</v>
      </c>
      <c r="B18194" s="6">
        <v>302880.14999999997</v>
      </c>
      <c r="C18194" s="7">
        <f t="shared" si="284"/>
        <v>302.88014999999996</v>
      </c>
    </row>
    <row r="18195" spans="1:3" x14ac:dyDescent="0.25">
      <c r="A18195" s="2" t="s">
        <v>9853</v>
      </c>
      <c r="B18195" s="6">
        <v>302896.8</v>
      </c>
      <c r="C18195" s="7">
        <f t="shared" si="284"/>
        <v>302.89679999999998</v>
      </c>
    </row>
    <row r="18196" spans="1:3" x14ac:dyDescent="0.25">
      <c r="A18196" s="2" t="s">
        <v>9854</v>
      </c>
      <c r="B18196" s="6">
        <v>302913.44999999995</v>
      </c>
      <c r="C18196" s="7">
        <f t="shared" si="284"/>
        <v>302.91344999999995</v>
      </c>
    </row>
    <row r="18197" spans="1:3" x14ac:dyDescent="0.25">
      <c r="A18197" s="2" t="s">
        <v>9855</v>
      </c>
      <c r="B18197" s="6">
        <v>302930.09999999998</v>
      </c>
      <c r="C18197" s="7">
        <f t="shared" si="284"/>
        <v>302.93009999999998</v>
      </c>
    </row>
    <row r="18198" spans="1:3" x14ac:dyDescent="0.25">
      <c r="A18198" s="2" t="s">
        <v>9856</v>
      </c>
      <c r="B18198" s="6">
        <v>302946.75</v>
      </c>
      <c r="C18198" s="7">
        <f t="shared" si="284"/>
        <v>302.94675000000001</v>
      </c>
    </row>
    <row r="18199" spans="1:3" x14ac:dyDescent="0.25">
      <c r="A18199" s="2" t="s">
        <v>9857</v>
      </c>
      <c r="B18199" s="6">
        <v>302963.39999999997</v>
      </c>
      <c r="C18199" s="7">
        <f t="shared" si="284"/>
        <v>302.96339999999998</v>
      </c>
    </row>
    <row r="18200" spans="1:3" x14ac:dyDescent="0.25">
      <c r="A18200" s="2" t="s">
        <v>9858</v>
      </c>
      <c r="B18200" s="6">
        <v>302980.05</v>
      </c>
      <c r="C18200" s="7">
        <f t="shared" si="284"/>
        <v>302.98005000000001</v>
      </c>
    </row>
    <row r="18201" spans="1:3" x14ac:dyDescent="0.25">
      <c r="A18201" s="2" t="s">
        <v>9859</v>
      </c>
      <c r="B18201" s="6">
        <v>302996.69999999995</v>
      </c>
      <c r="C18201" s="7">
        <f t="shared" si="284"/>
        <v>302.99669999999998</v>
      </c>
    </row>
    <row r="18202" spans="1:3" x14ac:dyDescent="0.25">
      <c r="A18202" s="2" t="s">
        <v>9860</v>
      </c>
      <c r="B18202" s="6">
        <v>303013.34999999998</v>
      </c>
      <c r="C18202" s="7">
        <f t="shared" si="284"/>
        <v>303.01335</v>
      </c>
    </row>
    <row r="18203" spans="1:3" x14ac:dyDescent="0.25">
      <c r="A18203" s="2" t="s">
        <v>9861</v>
      </c>
      <c r="B18203" s="6">
        <v>303030</v>
      </c>
      <c r="C18203" s="7">
        <f t="shared" si="284"/>
        <v>303.02999999999997</v>
      </c>
    </row>
    <row r="18204" spans="1:3" x14ac:dyDescent="0.25">
      <c r="A18204" s="2" t="s">
        <v>9862</v>
      </c>
      <c r="B18204" s="6">
        <v>303046.64999999997</v>
      </c>
      <c r="C18204" s="7">
        <f t="shared" si="284"/>
        <v>303.04664999999994</v>
      </c>
    </row>
    <row r="18205" spans="1:3" x14ac:dyDescent="0.25">
      <c r="A18205" s="2" t="s">
        <v>9863</v>
      </c>
      <c r="B18205" s="6">
        <v>303063.3</v>
      </c>
      <c r="C18205" s="7">
        <f t="shared" si="284"/>
        <v>303.06329999999997</v>
      </c>
    </row>
    <row r="18206" spans="1:3" x14ac:dyDescent="0.25">
      <c r="A18206" s="2" t="s">
        <v>9864</v>
      </c>
      <c r="B18206" s="6">
        <v>303079.94999999995</v>
      </c>
      <c r="C18206" s="7">
        <f t="shared" si="284"/>
        <v>303.07994999999994</v>
      </c>
    </row>
    <row r="18207" spans="1:3" x14ac:dyDescent="0.25">
      <c r="A18207" s="2" t="s">
        <v>9865</v>
      </c>
      <c r="B18207" s="6">
        <v>303096.59999999998</v>
      </c>
      <c r="C18207" s="7">
        <f t="shared" si="284"/>
        <v>303.09659999999997</v>
      </c>
    </row>
    <row r="18208" spans="1:3" x14ac:dyDescent="0.25">
      <c r="A18208" s="2" t="s">
        <v>9866</v>
      </c>
      <c r="B18208" s="6">
        <v>303113.25</v>
      </c>
      <c r="C18208" s="7">
        <f t="shared" si="284"/>
        <v>303.11324999999999</v>
      </c>
    </row>
    <row r="18209" spans="1:3" x14ac:dyDescent="0.25">
      <c r="A18209" s="2" t="s">
        <v>9867</v>
      </c>
      <c r="B18209" s="6">
        <v>303129.89999999997</v>
      </c>
      <c r="C18209" s="7">
        <f t="shared" si="284"/>
        <v>303.12989999999996</v>
      </c>
    </row>
    <row r="18210" spans="1:3" x14ac:dyDescent="0.25">
      <c r="A18210" s="2" t="s">
        <v>9868</v>
      </c>
      <c r="B18210" s="6">
        <v>303146.55</v>
      </c>
      <c r="C18210" s="7">
        <f t="shared" si="284"/>
        <v>303.14654999999999</v>
      </c>
    </row>
    <row r="18211" spans="1:3" x14ac:dyDescent="0.25">
      <c r="A18211" s="2" t="s">
        <v>9869</v>
      </c>
      <c r="B18211" s="6">
        <v>303163.19999999995</v>
      </c>
      <c r="C18211" s="7">
        <f t="shared" si="284"/>
        <v>303.16319999999996</v>
      </c>
    </row>
    <row r="18212" spans="1:3" x14ac:dyDescent="0.25">
      <c r="A18212" s="2" t="s">
        <v>9870</v>
      </c>
      <c r="B18212" s="6">
        <v>303179.84999999998</v>
      </c>
      <c r="C18212" s="7">
        <f t="shared" si="284"/>
        <v>303.17984999999999</v>
      </c>
    </row>
    <row r="18213" spans="1:3" x14ac:dyDescent="0.25">
      <c r="A18213" s="2" t="s">
        <v>9871</v>
      </c>
      <c r="B18213" s="6">
        <v>303196.5</v>
      </c>
      <c r="C18213" s="7">
        <f t="shared" si="284"/>
        <v>303.19650000000001</v>
      </c>
    </row>
    <row r="18214" spans="1:3" x14ac:dyDescent="0.25">
      <c r="A18214" s="2" t="s">
        <v>9872</v>
      </c>
      <c r="B18214" s="6">
        <v>303213.14999999997</v>
      </c>
      <c r="C18214" s="7">
        <f t="shared" si="284"/>
        <v>303.21314999999998</v>
      </c>
    </row>
    <row r="18215" spans="1:3" x14ac:dyDescent="0.25">
      <c r="A18215" s="2" t="s">
        <v>9873</v>
      </c>
      <c r="B18215" s="6">
        <v>303229.8</v>
      </c>
      <c r="C18215" s="7">
        <f t="shared" si="284"/>
        <v>303.22980000000001</v>
      </c>
    </row>
    <row r="18216" spans="1:3" x14ac:dyDescent="0.25">
      <c r="A18216" s="2" t="s">
        <v>9874</v>
      </c>
      <c r="B18216" s="6">
        <v>303246.44999999995</v>
      </c>
      <c r="C18216" s="7">
        <f t="shared" si="284"/>
        <v>303.24644999999998</v>
      </c>
    </row>
    <row r="18217" spans="1:3" x14ac:dyDescent="0.25">
      <c r="A18217" s="2" t="s">
        <v>9875</v>
      </c>
      <c r="B18217" s="6">
        <v>303263.09999999998</v>
      </c>
      <c r="C18217" s="7">
        <f t="shared" si="284"/>
        <v>303.26309999999995</v>
      </c>
    </row>
    <row r="18218" spans="1:3" x14ac:dyDescent="0.25">
      <c r="A18218" s="2" t="s">
        <v>9876</v>
      </c>
      <c r="B18218" s="6">
        <v>303279.75</v>
      </c>
      <c r="C18218" s="7">
        <f t="shared" si="284"/>
        <v>303.27974999999998</v>
      </c>
    </row>
    <row r="18219" spans="1:3" x14ac:dyDescent="0.25">
      <c r="A18219" s="2" t="s">
        <v>9877</v>
      </c>
      <c r="B18219" s="6">
        <v>303296.39999999997</v>
      </c>
      <c r="C18219" s="7">
        <f t="shared" si="284"/>
        <v>303.29639999999995</v>
      </c>
    </row>
    <row r="18220" spans="1:3" x14ac:dyDescent="0.25">
      <c r="A18220" s="2" t="s">
        <v>9878</v>
      </c>
      <c r="B18220" s="6">
        <v>303313.05</v>
      </c>
      <c r="C18220" s="7">
        <f t="shared" si="284"/>
        <v>303.31304999999998</v>
      </c>
    </row>
    <row r="18221" spans="1:3" x14ac:dyDescent="0.25">
      <c r="A18221" s="2" t="s">
        <v>9879</v>
      </c>
      <c r="B18221" s="6">
        <v>303329.69999999995</v>
      </c>
      <c r="C18221" s="7">
        <f t="shared" si="284"/>
        <v>303.32969999999995</v>
      </c>
    </row>
    <row r="18222" spans="1:3" x14ac:dyDescent="0.25">
      <c r="A18222" s="2" t="s">
        <v>9880</v>
      </c>
      <c r="B18222" s="6">
        <v>303346.34999999998</v>
      </c>
      <c r="C18222" s="7">
        <f t="shared" si="284"/>
        <v>303.34634999999997</v>
      </c>
    </row>
    <row r="18223" spans="1:3" x14ac:dyDescent="0.25">
      <c r="A18223" s="2" t="s">
        <v>9881</v>
      </c>
      <c r="B18223" s="6">
        <v>303363</v>
      </c>
      <c r="C18223" s="7">
        <f t="shared" si="284"/>
        <v>303.363</v>
      </c>
    </row>
    <row r="18224" spans="1:3" x14ac:dyDescent="0.25">
      <c r="A18224" s="2" t="s">
        <v>9882</v>
      </c>
      <c r="B18224" s="6">
        <v>303379.64999999997</v>
      </c>
      <c r="C18224" s="7">
        <f t="shared" si="284"/>
        <v>303.37964999999997</v>
      </c>
    </row>
    <row r="18225" spans="1:3" x14ac:dyDescent="0.25">
      <c r="A18225" s="2" t="s">
        <v>9883</v>
      </c>
      <c r="B18225" s="6">
        <v>303396.3</v>
      </c>
      <c r="C18225" s="7">
        <f t="shared" si="284"/>
        <v>303.3963</v>
      </c>
    </row>
    <row r="18226" spans="1:3" x14ac:dyDescent="0.25">
      <c r="A18226" s="2" t="s">
        <v>9884</v>
      </c>
      <c r="B18226" s="6">
        <v>303412.94999999995</v>
      </c>
      <c r="C18226" s="7">
        <f t="shared" si="284"/>
        <v>303.41294999999997</v>
      </c>
    </row>
    <row r="18227" spans="1:3" x14ac:dyDescent="0.25">
      <c r="A18227" s="2" t="s">
        <v>9885</v>
      </c>
      <c r="B18227" s="6">
        <v>303429.59999999998</v>
      </c>
      <c r="C18227" s="7">
        <f t="shared" si="284"/>
        <v>303.42959999999999</v>
      </c>
    </row>
    <row r="18228" spans="1:3" x14ac:dyDescent="0.25">
      <c r="A18228" s="2" t="s">
        <v>9886</v>
      </c>
      <c r="B18228" s="6">
        <v>303446.25</v>
      </c>
      <c r="C18228" s="7">
        <f t="shared" si="284"/>
        <v>303.44625000000002</v>
      </c>
    </row>
    <row r="18229" spans="1:3" x14ac:dyDescent="0.25">
      <c r="A18229" s="2" t="s">
        <v>9887</v>
      </c>
      <c r="B18229" s="6">
        <v>303462.89999999997</v>
      </c>
      <c r="C18229" s="7">
        <f t="shared" si="284"/>
        <v>303.46289999999999</v>
      </c>
    </row>
    <row r="18230" spans="1:3" x14ac:dyDescent="0.25">
      <c r="A18230" s="2" t="s">
        <v>9888</v>
      </c>
      <c r="B18230" s="6">
        <v>303479.55</v>
      </c>
      <c r="C18230" s="7">
        <f t="shared" si="284"/>
        <v>303.47954999999996</v>
      </c>
    </row>
    <row r="18231" spans="1:3" x14ac:dyDescent="0.25">
      <c r="A18231" s="2" t="s">
        <v>9889</v>
      </c>
      <c r="B18231" s="6">
        <v>303496.19999999995</v>
      </c>
      <c r="C18231" s="7">
        <f t="shared" si="284"/>
        <v>303.49619999999993</v>
      </c>
    </row>
    <row r="18232" spans="1:3" x14ac:dyDescent="0.25">
      <c r="A18232" s="2" t="s">
        <v>9890</v>
      </c>
      <c r="B18232" s="6">
        <v>303512.84999999998</v>
      </c>
      <c r="C18232" s="7">
        <f t="shared" si="284"/>
        <v>303.51284999999996</v>
      </c>
    </row>
    <row r="18233" spans="1:3" x14ac:dyDescent="0.25">
      <c r="A18233" s="2" t="s">
        <v>9891</v>
      </c>
      <c r="B18233" s="6">
        <v>303529.5</v>
      </c>
      <c r="C18233" s="7">
        <f t="shared" si="284"/>
        <v>303.52949999999998</v>
      </c>
    </row>
    <row r="18234" spans="1:3" x14ac:dyDescent="0.25">
      <c r="A18234" s="2" t="s">
        <v>9892</v>
      </c>
      <c r="B18234" s="6">
        <v>303546.14999999997</v>
      </c>
      <c r="C18234" s="7">
        <f t="shared" si="284"/>
        <v>303.54614999999995</v>
      </c>
    </row>
    <row r="18235" spans="1:3" x14ac:dyDescent="0.25">
      <c r="A18235" s="2" t="s">
        <v>9893</v>
      </c>
      <c r="B18235" s="6">
        <v>303562.8</v>
      </c>
      <c r="C18235" s="7">
        <f t="shared" si="284"/>
        <v>303.56279999999998</v>
      </c>
    </row>
    <row r="18236" spans="1:3" x14ac:dyDescent="0.25">
      <c r="A18236" s="2" t="s">
        <v>9894</v>
      </c>
      <c r="B18236" s="6">
        <v>303579.44999999995</v>
      </c>
      <c r="C18236" s="7">
        <f t="shared" si="284"/>
        <v>303.57944999999995</v>
      </c>
    </row>
    <row r="18237" spans="1:3" x14ac:dyDescent="0.25">
      <c r="A18237" s="2" t="s">
        <v>9895</v>
      </c>
      <c r="B18237" s="6">
        <v>303596.09999999998</v>
      </c>
      <c r="C18237" s="7">
        <f t="shared" si="284"/>
        <v>303.59609999999998</v>
      </c>
    </row>
    <row r="18238" spans="1:3" x14ac:dyDescent="0.25">
      <c r="A18238" s="2" t="s">
        <v>9896</v>
      </c>
      <c r="B18238" s="6">
        <v>303612.75</v>
      </c>
      <c r="C18238" s="7">
        <f t="shared" si="284"/>
        <v>303.61275000000001</v>
      </c>
    </row>
    <row r="18239" spans="1:3" x14ac:dyDescent="0.25">
      <c r="A18239" s="2" t="s">
        <v>9897</v>
      </c>
      <c r="B18239" s="6">
        <v>303629.39999999997</v>
      </c>
      <c r="C18239" s="7">
        <f t="shared" si="284"/>
        <v>303.62939999999998</v>
      </c>
    </row>
    <row r="18240" spans="1:3" x14ac:dyDescent="0.25">
      <c r="A18240" s="2" t="s">
        <v>9898</v>
      </c>
      <c r="B18240" s="6">
        <v>303646.05</v>
      </c>
      <c r="C18240" s="7">
        <f t="shared" si="284"/>
        <v>303.64605</v>
      </c>
    </row>
    <row r="18241" spans="1:3" x14ac:dyDescent="0.25">
      <c r="A18241" s="2" t="s">
        <v>9899</v>
      </c>
      <c r="B18241" s="6">
        <v>303662.69999999995</v>
      </c>
      <c r="C18241" s="7">
        <f t="shared" si="284"/>
        <v>303.66269999999997</v>
      </c>
    </row>
    <row r="18242" spans="1:3" x14ac:dyDescent="0.25">
      <c r="A18242" s="2" t="s">
        <v>9900</v>
      </c>
      <c r="B18242" s="6">
        <v>303679.34999999998</v>
      </c>
      <c r="C18242" s="7">
        <f t="shared" si="284"/>
        <v>303.67935</v>
      </c>
    </row>
    <row r="18243" spans="1:3" x14ac:dyDescent="0.25">
      <c r="A18243" s="2" t="s">
        <v>9901</v>
      </c>
      <c r="B18243" s="6">
        <v>303696</v>
      </c>
      <c r="C18243" s="7">
        <f t="shared" ref="C18243:C18306" si="285">B18243/1000</f>
        <v>303.69600000000003</v>
      </c>
    </row>
    <row r="18244" spans="1:3" x14ac:dyDescent="0.25">
      <c r="A18244" s="2" t="s">
        <v>9902</v>
      </c>
      <c r="B18244" s="6">
        <v>303712.64999999997</v>
      </c>
      <c r="C18244" s="7">
        <f t="shared" si="285"/>
        <v>303.71264999999994</v>
      </c>
    </row>
    <row r="18245" spans="1:3" x14ac:dyDescent="0.25">
      <c r="A18245" s="2" t="s">
        <v>9903</v>
      </c>
      <c r="B18245" s="6">
        <v>303729.3</v>
      </c>
      <c r="C18245" s="7">
        <f t="shared" si="285"/>
        <v>303.72929999999997</v>
      </c>
    </row>
    <row r="18246" spans="1:3" x14ac:dyDescent="0.25">
      <c r="A18246" s="2" t="s">
        <v>9904</v>
      </c>
      <c r="B18246" s="6">
        <v>303745.94999999995</v>
      </c>
      <c r="C18246" s="7">
        <f t="shared" si="285"/>
        <v>303.74594999999994</v>
      </c>
    </row>
    <row r="18247" spans="1:3" x14ac:dyDescent="0.25">
      <c r="A18247" s="2" t="s">
        <v>9905</v>
      </c>
      <c r="B18247" s="6">
        <v>303762.59999999998</v>
      </c>
      <c r="C18247" s="7">
        <f t="shared" si="285"/>
        <v>303.76259999999996</v>
      </c>
    </row>
    <row r="18248" spans="1:3" x14ac:dyDescent="0.25">
      <c r="A18248" s="2" t="s">
        <v>9906</v>
      </c>
      <c r="B18248" s="6">
        <v>303779.25</v>
      </c>
      <c r="C18248" s="7">
        <f t="shared" si="285"/>
        <v>303.77924999999999</v>
      </c>
    </row>
    <row r="18249" spans="1:3" x14ac:dyDescent="0.25">
      <c r="A18249" s="2" t="s">
        <v>9907</v>
      </c>
      <c r="B18249" s="6">
        <v>303795.89999999997</v>
      </c>
      <c r="C18249" s="7">
        <f t="shared" si="285"/>
        <v>303.79589999999996</v>
      </c>
    </row>
    <row r="18250" spans="1:3" x14ac:dyDescent="0.25">
      <c r="A18250" s="2" t="s">
        <v>9908</v>
      </c>
      <c r="B18250" s="6">
        <v>303812.55</v>
      </c>
      <c r="C18250" s="7">
        <f t="shared" si="285"/>
        <v>303.81254999999999</v>
      </c>
    </row>
    <row r="18251" spans="1:3" x14ac:dyDescent="0.25">
      <c r="A18251" s="2" t="s">
        <v>9909</v>
      </c>
      <c r="B18251" s="6">
        <v>303829.19999999995</v>
      </c>
      <c r="C18251" s="7">
        <f t="shared" si="285"/>
        <v>303.82919999999996</v>
      </c>
    </row>
    <row r="18252" spans="1:3" x14ac:dyDescent="0.25">
      <c r="A18252" s="2" t="s">
        <v>9910</v>
      </c>
      <c r="B18252" s="6">
        <v>303845.84999999998</v>
      </c>
      <c r="C18252" s="7">
        <f t="shared" si="285"/>
        <v>303.84584999999998</v>
      </c>
    </row>
    <row r="18253" spans="1:3" x14ac:dyDescent="0.25">
      <c r="A18253" s="2" t="s">
        <v>9911</v>
      </c>
      <c r="B18253" s="6">
        <v>303862.5</v>
      </c>
      <c r="C18253" s="7">
        <f t="shared" si="285"/>
        <v>303.86250000000001</v>
      </c>
    </row>
    <row r="18254" spans="1:3" x14ac:dyDescent="0.25">
      <c r="A18254" s="2" t="s">
        <v>9912</v>
      </c>
      <c r="B18254" s="6">
        <v>303879.14999999997</v>
      </c>
      <c r="C18254" s="7">
        <f t="shared" si="285"/>
        <v>303.87914999999998</v>
      </c>
    </row>
    <row r="18255" spans="1:3" x14ac:dyDescent="0.25">
      <c r="A18255" s="2" t="s">
        <v>9913</v>
      </c>
      <c r="B18255" s="6">
        <v>303895.8</v>
      </c>
      <c r="C18255" s="7">
        <f t="shared" si="285"/>
        <v>303.89580000000001</v>
      </c>
    </row>
    <row r="18256" spans="1:3" x14ac:dyDescent="0.25">
      <c r="A18256" s="2" t="s">
        <v>9914</v>
      </c>
      <c r="B18256" s="6">
        <v>303912.44999999995</v>
      </c>
      <c r="C18256" s="7">
        <f t="shared" si="285"/>
        <v>303.91244999999998</v>
      </c>
    </row>
    <row r="18257" spans="1:3" x14ac:dyDescent="0.25">
      <c r="A18257" s="2" t="s">
        <v>9915</v>
      </c>
      <c r="B18257" s="6">
        <v>303929.09999999998</v>
      </c>
      <c r="C18257" s="7">
        <f t="shared" si="285"/>
        <v>303.92909999999995</v>
      </c>
    </row>
    <row r="18258" spans="1:3" x14ac:dyDescent="0.25">
      <c r="A18258" s="2" t="s">
        <v>9916</v>
      </c>
      <c r="B18258" s="6">
        <v>303945.75</v>
      </c>
      <c r="C18258" s="7">
        <f t="shared" si="285"/>
        <v>303.94574999999998</v>
      </c>
    </row>
    <row r="18259" spans="1:3" x14ac:dyDescent="0.25">
      <c r="A18259" s="2" t="s">
        <v>9917</v>
      </c>
      <c r="B18259" s="6">
        <v>303962.39999999997</v>
      </c>
      <c r="C18259" s="7">
        <f t="shared" si="285"/>
        <v>303.96239999999995</v>
      </c>
    </row>
    <row r="18260" spans="1:3" x14ac:dyDescent="0.25">
      <c r="A18260" s="2" t="s">
        <v>9918</v>
      </c>
      <c r="B18260" s="6">
        <v>303979.05</v>
      </c>
      <c r="C18260" s="7">
        <f t="shared" si="285"/>
        <v>303.97904999999997</v>
      </c>
    </row>
    <row r="18261" spans="1:3" x14ac:dyDescent="0.25">
      <c r="A18261" s="2" t="s">
        <v>9919</v>
      </c>
      <c r="B18261" s="6">
        <v>303995.69999999995</v>
      </c>
      <c r="C18261" s="7">
        <f t="shared" si="285"/>
        <v>303.99569999999994</v>
      </c>
    </row>
    <row r="18262" spans="1:3" x14ac:dyDescent="0.25">
      <c r="A18262" s="2" t="s">
        <v>9920</v>
      </c>
      <c r="B18262" s="6">
        <v>304012.34999999998</v>
      </c>
      <c r="C18262" s="7">
        <f t="shared" si="285"/>
        <v>304.01234999999997</v>
      </c>
    </row>
    <row r="18263" spans="1:3" x14ac:dyDescent="0.25">
      <c r="A18263" s="2" t="s">
        <v>9921</v>
      </c>
      <c r="B18263" s="6">
        <v>304029</v>
      </c>
      <c r="C18263" s="7">
        <f t="shared" si="285"/>
        <v>304.029</v>
      </c>
    </row>
    <row r="18264" spans="1:3" x14ac:dyDescent="0.25">
      <c r="A18264" s="2" t="s">
        <v>9922</v>
      </c>
      <c r="B18264" s="6">
        <v>304045.64999999997</v>
      </c>
      <c r="C18264" s="7">
        <f t="shared" si="285"/>
        <v>304.04564999999997</v>
      </c>
    </row>
    <row r="18265" spans="1:3" x14ac:dyDescent="0.25">
      <c r="A18265" s="2" t="s">
        <v>9923</v>
      </c>
      <c r="B18265" s="6">
        <v>304062.3</v>
      </c>
      <c r="C18265" s="7">
        <f t="shared" si="285"/>
        <v>304.06229999999999</v>
      </c>
    </row>
    <row r="18266" spans="1:3" x14ac:dyDescent="0.25">
      <c r="A18266" s="2" t="s">
        <v>9924</v>
      </c>
      <c r="B18266" s="6">
        <v>304078.94999999995</v>
      </c>
      <c r="C18266" s="7">
        <f t="shared" si="285"/>
        <v>304.07894999999996</v>
      </c>
    </row>
    <row r="18267" spans="1:3" x14ac:dyDescent="0.25">
      <c r="A18267" s="2" t="s">
        <v>9925</v>
      </c>
      <c r="B18267" s="6">
        <v>304095.59999999998</v>
      </c>
      <c r="C18267" s="7">
        <f t="shared" si="285"/>
        <v>304.09559999999999</v>
      </c>
    </row>
    <row r="18268" spans="1:3" x14ac:dyDescent="0.25">
      <c r="A18268" s="2" t="s">
        <v>9926</v>
      </c>
      <c r="B18268" s="6">
        <v>304112.25</v>
      </c>
      <c r="C18268" s="7">
        <f t="shared" si="285"/>
        <v>304.11225000000002</v>
      </c>
    </row>
    <row r="18269" spans="1:3" x14ac:dyDescent="0.25">
      <c r="A18269" s="2" t="s">
        <v>9927</v>
      </c>
      <c r="B18269" s="6">
        <v>304128.89999999997</v>
      </c>
      <c r="C18269" s="7">
        <f t="shared" si="285"/>
        <v>304.12889999999999</v>
      </c>
    </row>
    <row r="18270" spans="1:3" x14ac:dyDescent="0.25">
      <c r="A18270" s="2" t="s">
        <v>9928</v>
      </c>
      <c r="B18270" s="6">
        <v>304145.55</v>
      </c>
      <c r="C18270" s="7">
        <f t="shared" si="285"/>
        <v>304.14555000000001</v>
      </c>
    </row>
    <row r="18271" spans="1:3" x14ac:dyDescent="0.25">
      <c r="A18271" s="2" t="s">
        <v>9929</v>
      </c>
      <c r="B18271" s="6">
        <v>304162.19999999995</v>
      </c>
      <c r="C18271" s="7">
        <f t="shared" si="285"/>
        <v>304.16219999999993</v>
      </c>
    </row>
    <row r="18272" spans="1:3" x14ac:dyDescent="0.25">
      <c r="A18272" s="2" t="s">
        <v>9930</v>
      </c>
      <c r="B18272" s="6">
        <v>304178.84999999998</v>
      </c>
      <c r="C18272" s="7">
        <f t="shared" si="285"/>
        <v>304.17884999999995</v>
      </c>
    </row>
    <row r="18273" spans="1:3" x14ac:dyDescent="0.25">
      <c r="A18273" s="2" t="s">
        <v>9931</v>
      </c>
      <c r="B18273" s="6">
        <v>304195.5</v>
      </c>
      <c r="C18273" s="7">
        <f t="shared" si="285"/>
        <v>304.19549999999998</v>
      </c>
    </row>
    <row r="18274" spans="1:3" x14ac:dyDescent="0.25">
      <c r="A18274" s="2" t="s">
        <v>9932</v>
      </c>
      <c r="B18274" s="6">
        <v>304212.14999999997</v>
      </c>
      <c r="C18274" s="7">
        <f t="shared" si="285"/>
        <v>304.21214999999995</v>
      </c>
    </row>
    <row r="18275" spans="1:3" x14ac:dyDescent="0.25">
      <c r="A18275" s="2" t="s">
        <v>9933</v>
      </c>
      <c r="B18275" s="6">
        <v>304228.8</v>
      </c>
      <c r="C18275" s="7">
        <f t="shared" si="285"/>
        <v>304.22879999999998</v>
      </c>
    </row>
    <row r="18276" spans="1:3" x14ac:dyDescent="0.25">
      <c r="A18276" s="2" t="s">
        <v>9934</v>
      </c>
      <c r="B18276" s="6">
        <v>304245.44999999995</v>
      </c>
      <c r="C18276" s="7">
        <f t="shared" si="285"/>
        <v>304.24544999999995</v>
      </c>
    </row>
    <row r="18277" spans="1:3" x14ac:dyDescent="0.25">
      <c r="A18277" s="2" t="s">
        <v>9935</v>
      </c>
      <c r="B18277" s="6">
        <v>304262.09999999998</v>
      </c>
      <c r="C18277" s="7">
        <f t="shared" si="285"/>
        <v>304.26209999999998</v>
      </c>
    </row>
    <row r="18278" spans="1:3" x14ac:dyDescent="0.25">
      <c r="A18278" s="2" t="s">
        <v>9936</v>
      </c>
      <c r="B18278" s="6">
        <v>304278.75</v>
      </c>
      <c r="C18278" s="7">
        <f t="shared" si="285"/>
        <v>304.27875</v>
      </c>
    </row>
    <row r="18279" spans="1:3" x14ac:dyDescent="0.25">
      <c r="A18279" s="2" t="s">
        <v>9937</v>
      </c>
      <c r="B18279" s="6">
        <v>304295.39999999997</v>
      </c>
      <c r="C18279" s="7">
        <f t="shared" si="285"/>
        <v>304.29539999999997</v>
      </c>
    </row>
    <row r="18280" spans="1:3" x14ac:dyDescent="0.25">
      <c r="A18280" s="2" t="s">
        <v>9938</v>
      </c>
      <c r="B18280" s="6">
        <v>304312.05</v>
      </c>
      <c r="C18280" s="7">
        <f t="shared" si="285"/>
        <v>304.31205</v>
      </c>
    </row>
    <row r="18281" spans="1:3" x14ac:dyDescent="0.25">
      <c r="A18281" s="2" t="s">
        <v>9939</v>
      </c>
      <c r="B18281" s="6">
        <v>304328.69999999995</v>
      </c>
      <c r="C18281" s="7">
        <f t="shared" si="285"/>
        <v>304.32869999999997</v>
      </c>
    </row>
    <row r="18282" spans="1:3" x14ac:dyDescent="0.25">
      <c r="A18282" s="2" t="s">
        <v>9940</v>
      </c>
      <c r="B18282" s="6">
        <v>304345.34999999998</v>
      </c>
      <c r="C18282" s="7">
        <f t="shared" si="285"/>
        <v>304.34535</v>
      </c>
    </row>
    <row r="18283" spans="1:3" x14ac:dyDescent="0.25">
      <c r="A18283" s="2" t="s">
        <v>9941</v>
      </c>
      <c r="B18283" s="6">
        <v>304362</v>
      </c>
      <c r="C18283" s="7">
        <f t="shared" si="285"/>
        <v>304.36200000000002</v>
      </c>
    </row>
    <row r="18284" spans="1:3" x14ac:dyDescent="0.25">
      <c r="A18284" s="2" t="s">
        <v>9942</v>
      </c>
      <c r="B18284" s="6">
        <v>304378.64999999997</v>
      </c>
      <c r="C18284" s="7">
        <f t="shared" si="285"/>
        <v>304.37864999999999</v>
      </c>
    </row>
    <row r="18285" spans="1:3" x14ac:dyDescent="0.25">
      <c r="A18285" s="2" t="s">
        <v>9943</v>
      </c>
      <c r="B18285" s="6">
        <v>304395.3</v>
      </c>
      <c r="C18285" s="7">
        <f t="shared" si="285"/>
        <v>304.39529999999996</v>
      </c>
    </row>
    <row r="18286" spans="1:3" x14ac:dyDescent="0.25">
      <c r="A18286" s="2" t="s">
        <v>9944</v>
      </c>
      <c r="B18286" s="6">
        <v>304411.94999999995</v>
      </c>
      <c r="C18286" s="7">
        <f t="shared" si="285"/>
        <v>304.41194999999993</v>
      </c>
    </row>
    <row r="18287" spans="1:3" x14ac:dyDescent="0.25">
      <c r="A18287" s="2" t="s">
        <v>9945</v>
      </c>
      <c r="B18287" s="6">
        <v>304428.59999999998</v>
      </c>
      <c r="C18287" s="7">
        <f t="shared" si="285"/>
        <v>304.42859999999996</v>
      </c>
    </row>
    <row r="18288" spans="1:3" x14ac:dyDescent="0.25">
      <c r="A18288" s="2" t="s">
        <v>9946</v>
      </c>
      <c r="B18288" s="6">
        <v>304445.25</v>
      </c>
      <c r="C18288" s="7">
        <f t="shared" si="285"/>
        <v>304.44524999999999</v>
      </c>
    </row>
    <row r="18289" spans="1:3" x14ac:dyDescent="0.25">
      <c r="A18289" s="2" t="s">
        <v>9947</v>
      </c>
      <c r="B18289" s="6">
        <v>304461.89999999997</v>
      </c>
      <c r="C18289" s="7">
        <f t="shared" si="285"/>
        <v>304.46189999999996</v>
      </c>
    </row>
    <row r="18290" spans="1:3" x14ac:dyDescent="0.25">
      <c r="A18290" s="2" t="s">
        <v>9948</v>
      </c>
      <c r="B18290" s="6">
        <v>304478.55</v>
      </c>
      <c r="C18290" s="7">
        <f t="shared" si="285"/>
        <v>304.47854999999998</v>
      </c>
    </row>
    <row r="18291" spans="1:3" x14ac:dyDescent="0.25">
      <c r="A18291" s="2" t="s">
        <v>9949</v>
      </c>
      <c r="B18291" s="6">
        <v>304495.19999999995</v>
      </c>
      <c r="C18291" s="7">
        <f t="shared" si="285"/>
        <v>304.49519999999995</v>
      </c>
    </row>
    <row r="18292" spans="1:3" x14ac:dyDescent="0.25">
      <c r="A18292" s="2" t="s">
        <v>9950</v>
      </c>
      <c r="B18292" s="6">
        <v>304511.84999999998</v>
      </c>
      <c r="C18292" s="7">
        <f t="shared" si="285"/>
        <v>304.51184999999998</v>
      </c>
    </row>
    <row r="18293" spans="1:3" x14ac:dyDescent="0.25">
      <c r="A18293" s="2" t="s">
        <v>9951</v>
      </c>
      <c r="B18293" s="6">
        <v>304528.5</v>
      </c>
      <c r="C18293" s="7">
        <f t="shared" si="285"/>
        <v>304.52850000000001</v>
      </c>
    </row>
    <row r="18294" spans="1:3" x14ac:dyDescent="0.25">
      <c r="A18294" s="2" t="s">
        <v>9952</v>
      </c>
      <c r="B18294" s="6">
        <v>304545.14999999997</v>
      </c>
      <c r="C18294" s="7">
        <f t="shared" si="285"/>
        <v>304.54514999999998</v>
      </c>
    </row>
    <row r="18295" spans="1:3" x14ac:dyDescent="0.25">
      <c r="A18295" s="2" t="s">
        <v>9953</v>
      </c>
      <c r="B18295" s="6">
        <v>304561.8</v>
      </c>
      <c r="C18295" s="7">
        <f t="shared" si="285"/>
        <v>304.56180000000001</v>
      </c>
    </row>
    <row r="18296" spans="1:3" x14ac:dyDescent="0.25">
      <c r="A18296" s="2" t="s">
        <v>9954</v>
      </c>
      <c r="B18296" s="6">
        <v>304578.44999999995</v>
      </c>
      <c r="C18296" s="7">
        <f t="shared" si="285"/>
        <v>304.57844999999998</v>
      </c>
    </row>
    <row r="18297" spans="1:3" x14ac:dyDescent="0.25">
      <c r="A18297" s="2" t="s">
        <v>9955</v>
      </c>
      <c r="B18297" s="6">
        <v>304595.09999999998</v>
      </c>
      <c r="C18297" s="7">
        <f t="shared" si="285"/>
        <v>304.5951</v>
      </c>
    </row>
    <row r="18298" spans="1:3" x14ac:dyDescent="0.25">
      <c r="A18298" s="2" t="s">
        <v>9956</v>
      </c>
      <c r="B18298" s="6">
        <v>304611.75</v>
      </c>
      <c r="C18298" s="7">
        <f t="shared" si="285"/>
        <v>304.61174999999997</v>
      </c>
    </row>
    <row r="18299" spans="1:3" x14ac:dyDescent="0.25">
      <c r="A18299" s="2" t="s">
        <v>9957</v>
      </c>
      <c r="B18299" s="6">
        <v>304628.39999999997</v>
      </c>
      <c r="C18299" s="7">
        <f t="shared" si="285"/>
        <v>304.62839999999994</v>
      </c>
    </row>
    <row r="18300" spans="1:3" x14ac:dyDescent="0.25">
      <c r="A18300" s="2" t="s">
        <v>9958</v>
      </c>
      <c r="B18300" s="6">
        <v>304645.05</v>
      </c>
      <c r="C18300" s="7">
        <f t="shared" si="285"/>
        <v>304.64504999999997</v>
      </c>
    </row>
    <row r="18301" spans="1:3" x14ac:dyDescent="0.25">
      <c r="A18301" s="2" t="s">
        <v>9959</v>
      </c>
      <c r="B18301" s="6">
        <v>304661.69999999995</v>
      </c>
      <c r="C18301" s="7">
        <f t="shared" si="285"/>
        <v>304.66169999999994</v>
      </c>
    </row>
    <row r="18302" spans="1:3" x14ac:dyDescent="0.25">
      <c r="A18302" s="2" t="s">
        <v>9960</v>
      </c>
      <c r="B18302" s="6">
        <v>304678.34999999998</v>
      </c>
      <c r="C18302" s="7">
        <f t="shared" si="285"/>
        <v>304.67834999999997</v>
      </c>
    </row>
    <row r="18303" spans="1:3" x14ac:dyDescent="0.25">
      <c r="A18303" s="2" t="s">
        <v>9961</v>
      </c>
      <c r="B18303" s="6">
        <v>304695</v>
      </c>
      <c r="C18303" s="7">
        <f t="shared" si="285"/>
        <v>304.69499999999999</v>
      </c>
    </row>
    <row r="18304" spans="1:3" x14ac:dyDescent="0.25">
      <c r="A18304" s="2" t="s">
        <v>9962</v>
      </c>
      <c r="B18304" s="6">
        <v>304711.64999999997</v>
      </c>
      <c r="C18304" s="7">
        <f t="shared" si="285"/>
        <v>304.71164999999996</v>
      </c>
    </row>
    <row r="18305" spans="1:3" x14ac:dyDescent="0.25">
      <c r="A18305" s="2" t="s">
        <v>9963</v>
      </c>
      <c r="B18305" s="6">
        <v>304728.3</v>
      </c>
      <c r="C18305" s="7">
        <f t="shared" si="285"/>
        <v>304.72829999999999</v>
      </c>
    </row>
    <row r="18306" spans="1:3" x14ac:dyDescent="0.25">
      <c r="A18306" s="2" t="s">
        <v>9964</v>
      </c>
      <c r="B18306" s="6">
        <v>304744.94999999995</v>
      </c>
      <c r="C18306" s="7">
        <f t="shared" si="285"/>
        <v>304.74494999999996</v>
      </c>
    </row>
    <row r="18307" spans="1:3" x14ac:dyDescent="0.25">
      <c r="A18307" s="2" t="s">
        <v>9965</v>
      </c>
      <c r="B18307" s="6">
        <v>304761.59999999998</v>
      </c>
      <c r="C18307" s="7">
        <f t="shared" ref="C18307:C18370" si="286">B18307/1000</f>
        <v>304.76159999999999</v>
      </c>
    </row>
    <row r="18308" spans="1:3" x14ac:dyDescent="0.25">
      <c r="A18308" s="2" t="s">
        <v>9966</v>
      </c>
      <c r="B18308" s="6">
        <v>304778.25</v>
      </c>
      <c r="C18308" s="7">
        <f t="shared" si="286"/>
        <v>304.77825000000001</v>
      </c>
    </row>
    <row r="18309" spans="1:3" x14ac:dyDescent="0.25">
      <c r="A18309" s="2" t="s">
        <v>9967</v>
      </c>
      <c r="B18309" s="6">
        <v>304794.89999999997</v>
      </c>
      <c r="C18309" s="7">
        <f t="shared" si="286"/>
        <v>304.79489999999998</v>
      </c>
    </row>
    <row r="18310" spans="1:3" x14ac:dyDescent="0.25">
      <c r="A18310" s="2" t="s">
        <v>9968</v>
      </c>
      <c r="B18310" s="6">
        <v>304811.55</v>
      </c>
      <c r="C18310" s="7">
        <f t="shared" si="286"/>
        <v>304.81155000000001</v>
      </c>
    </row>
    <row r="18311" spans="1:3" x14ac:dyDescent="0.25">
      <c r="A18311" s="2" t="s">
        <v>9969</v>
      </c>
      <c r="B18311" s="6">
        <v>304828.19999999995</v>
      </c>
      <c r="C18311" s="7">
        <f t="shared" si="286"/>
        <v>304.82819999999998</v>
      </c>
    </row>
    <row r="18312" spans="1:3" x14ac:dyDescent="0.25">
      <c r="A18312" s="2" t="s">
        <v>9970</v>
      </c>
      <c r="B18312" s="6">
        <v>304844.84999999998</v>
      </c>
      <c r="C18312" s="7">
        <f t="shared" si="286"/>
        <v>304.84484999999995</v>
      </c>
    </row>
    <row r="18313" spans="1:3" x14ac:dyDescent="0.25">
      <c r="A18313" s="2" t="s">
        <v>9971</v>
      </c>
      <c r="B18313" s="6">
        <v>304861.5</v>
      </c>
      <c r="C18313" s="7">
        <f t="shared" si="286"/>
        <v>304.86149999999998</v>
      </c>
    </row>
    <row r="18314" spans="1:3" x14ac:dyDescent="0.25">
      <c r="A18314" s="2" t="s">
        <v>9972</v>
      </c>
      <c r="B18314" s="6">
        <v>304878.14999999997</v>
      </c>
      <c r="C18314" s="7">
        <f t="shared" si="286"/>
        <v>304.87814999999995</v>
      </c>
    </row>
    <row r="18315" spans="1:3" x14ac:dyDescent="0.25">
      <c r="A18315" s="2" t="s">
        <v>9973</v>
      </c>
      <c r="B18315" s="6">
        <v>304894.8</v>
      </c>
      <c r="C18315" s="7">
        <f t="shared" si="286"/>
        <v>304.89479999999998</v>
      </c>
    </row>
    <row r="18316" spans="1:3" x14ac:dyDescent="0.25">
      <c r="A18316" s="2" t="s">
        <v>9974</v>
      </c>
      <c r="B18316" s="6">
        <v>304911.44999999995</v>
      </c>
      <c r="C18316" s="7">
        <f t="shared" si="286"/>
        <v>304.91144999999995</v>
      </c>
    </row>
    <row r="18317" spans="1:3" x14ac:dyDescent="0.25">
      <c r="A18317" s="2" t="s">
        <v>9975</v>
      </c>
      <c r="B18317" s="6">
        <v>304928.09999999998</v>
      </c>
      <c r="C18317" s="7">
        <f t="shared" si="286"/>
        <v>304.92809999999997</v>
      </c>
    </row>
    <row r="18318" spans="1:3" x14ac:dyDescent="0.25">
      <c r="A18318" s="2" t="s">
        <v>9976</v>
      </c>
      <c r="B18318" s="6">
        <v>304944.75</v>
      </c>
      <c r="C18318" s="7">
        <f t="shared" si="286"/>
        <v>304.94475</v>
      </c>
    </row>
    <row r="18319" spans="1:3" x14ac:dyDescent="0.25">
      <c r="A18319" s="2" t="s">
        <v>9977</v>
      </c>
      <c r="B18319" s="6">
        <v>304961.39999999997</v>
      </c>
      <c r="C18319" s="7">
        <f t="shared" si="286"/>
        <v>304.96139999999997</v>
      </c>
    </row>
    <row r="18320" spans="1:3" x14ac:dyDescent="0.25">
      <c r="A18320" s="2" t="s">
        <v>9978</v>
      </c>
      <c r="B18320" s="6">
        <v>304978.05</v>
      </c>
      <c r="C18320" s="7">
        <f t="shared" si="286"/>
        <v>304.97805</v>
      </c>
    </row>
    <row r="18321" spans="1:3" x14ac:dyDescent="0.25">
      <c r="A18321" s="2" t="s">
        <v>9979</v>
      </c>
      <c r="B18321" s="6">
        <v>304994.69999999995</v>
      </c>
      <c r="C18321" s="7">
        <f t="shared" si="286"/>
        <v>304.99469999999997</v>
      </c>
    </row>
    <row r="18322" spans="1:3" x14ac:dyDescent="0.25">
      <c r="A18322" s="2" t="s">
        <v>9980</v>
      </c>
      <c r="B18322" s="6">
        <v>305011.34999999998</v>
      </c>
      <c r="C18322" s="7">
        <f t="shared" si="286"/>
        <v>305.01134999999999</v>
      </c>
    </row>
    <row r="18323" spans="1:3" x14ac:dyDescent="0.25">
      <c r="A18323" s="2" t="s">
        <v>9981</v>
      </c>
      <c r="B18323" s="6">
        <v>305028</v>
      </c>
      <c r="C18323" s="7">
        <f t="shared" si="286"/>
        <v>305.02800000000002</v>
      </c>
    </row>
    <row r="18324" spans="1:3" x14ac:dyDescent="0.25">
      <c r="A18324" s="2" t="s">
        <v>9982</v>
      </c>
      <c r="B18324" s="6">
        <v>305044.64999999997</v>
      </c>
      <c r="C18324" s="7">
        <f t="shared" si="286"/>
        <v>305.04464999999999</v>
      </c>
    </row>
    <row r="18325" spans="1:3" x14ac:dyDescent="0.25">
      <c r="A18325" s="2" t="s">
        <v>9983</v>
      </c>
      <c r="B18325" s="6">
        <v>305061.3</v>
      </c>
      <c r="C18325" s="7">
        <f t="shared" si="286"/>
        <v>305.06129999999996</v>
      </c>
    </row>
    <row r="18326" spans="1:3" x14ac:dyDescent="0.25">
      <c r="A18326" s="2" t="s">
        <v>9984</v>
      </c>
      <c r="B18326" s="6">
        <v>305077.94999999995</v>
      </c>
      <c r="C18326" s="7">
        <f t="shared" si="286"/>
        <v>305.07794999999993</v>
      </c>
    </row>
    <row r="18327" spans="1:3" x14ac:dyDescent="0.25">
      <c r="A18327" s="2" t="s">
        <v>9985</v>
      </c>
      <c r="B18327" s="6">
        <v>305094.59999999998</v>
      </c>
      <c r="C18327" s="7">
        <f t="shared" si="286"/>
        <v>305.09459999999996</v>
      </c>
    </row>
    <row r="18328" spans="1:3" x14ac:dyDescent="0.25">
      <c r="A18328" s="2" t="s">
        <v>9986</v>
      </c>
      <c r="B18328" s="6">
        <v>305111.25</v>
      </c>
      <c r="C18328" s="7">
        <f t="shared" si="286"/>
        <v>305.11124999999998</v>
      </c>
    </row>
    <row r="18329" spans="1:3" x14ac:dyDescent="0.25">
      <c r="A18329" s="2" t="s">
        <v>9987</v>
      </c>
      <c r="B18329" s="6">
        <v>305127.89999999997</v>
      </c>
      <c r="C18329" s="7">
        <f t="shared" si="286"/>
        <v>305.12789999999995</v>
      </c>
    </row>
    <row r="18330" spans="1:3" x14ac:dyDescent="0.25">
      <c r="A18330" s="2" t="s">
        <v>9988</v>
      </c>
      <c r="B18330" s="6">
        <v>305144.55</v>
      </c>
      <c r="C18330" s="7">
        <f t="shared" si="286"/>
        <v>305.14454999999998</v>
      </c>
    </row>
    <row r="18331" spans="1:3" x14ac:dyDescent="0.25">
      <c r="A18331" s="2" t="s">
        <v>9989</v>
      </c>
      <c r="B18331" s="6">
        <v>305161.19999999995</v>
      </c>
      <c r="C18331" s="7">
        <f t="shared" si="286"/>
        <v>305.16119999999995</v>
      </c>
    </row>
    <row r="18332" spans="1:3" x14ac:dyDescent="0.25">
      <c r="A18332" s="2" t="s">
        <v>9990</v>
      </c>
      <c r="B18332" s="6">
        <v>305177.84999999998</v>
      </c>
      <c r="C18332" s="7">
        <f t="shared" si="286"/>
        <v>305.17784999999998</v>
      </c>
    </row>
    <row r="18333" spans="1:3" x14ac:dyDescent="0.25">
      <c r="A18333" s="2" t="s">
        <v>9991</v>
      </c>
      <c r="B18333" s="6">
        <v>305194.5</v>
      </c>
      <c r="C18333" s="7">
        <f t="shared" si="286"/>
        <v>305.19450000000001</v>
      </c>
    </row>
    <row r="18334" spans="1:3" x14ac:dyDescent="0.25">
      <c r="A18334" s="2" t="s">
        <v>9992</v>
      </c>
      <c r="B18334" s="6">
        <v>305211.14999999997</v>
      </c>
      <c r="C18334" s="7">
        <f t="shared" si="286"/>
        <v>305.21114999999998</v>
      </c>
    </row>
    <row r="18335" spans="1:3" x14ac:dyDescent="0.25">
      <c r="A18335" s="2" t="s">
        <v>9993</v>
      </c>
      <c r="B18335" s="6">
        <v>305227.8</v>
      </c>
      <c r="C18335" s="7">
        <f t="shared" si="286"/>
        <v>305.2278</v>
      </c>
    </row>
    <row r="18336" spans="1:3" x14ac:dyDescent="0.25">
      <c r="A18336" s="2" t="s">
        <v>9994</v>
      </c>
      <c r="B18336" s="6">
        <v>305244.44999999995</v>
      </c>
      <c r="C18336" s="7">
        <f t="shared" si="286"/>
        <v>305.24444999999997</v>
      </c>
    </row>
    <row r="18337" spans="1:3" x14ac:dyDescent="0.25">
      <c r="A18337" s="2" t="s">
        <v>9995</v>
      </c>
      <c r="B18337" s="6">
        <v>305261.09999999998</v>
      </c>
      <c r="C18337" s="7">
        <f t="shared" si="286"/>
        <v>305.2611</v>
      </c>
    </row>
    <row r="18338" spans="1:3" x14ac:dyDescent="0.25">
      <c r="A18338" s="2" t="s">
        <v>9996</v>
      </c>
      <c r="B18338" s="6">
        <v>305277.75</v>
      </c>
      <c r="C18338" s="7">
        <f t="shared" si="286"/>
        <v>305.27775000000003</v>
      </c>
    </row>
    <row r="18339" spans="1:3" x14ac:dyDescent="0.25">
      <c r="A18339" s="2" t="s">
        <v>9997</v>
      </c>
      <c r="B18339" s="6">
        <v>305294.39999999997</v>
      </c>
      <c r="C18339" s="7">
        <f t="shared" si="286"/>
        <v>305.29439999999994</v>
      </c>
    </row>
    <row r="18340" spans="1:3" x14ac:dyDescent="0.25">
      <c r="A18340" s="2" t="s">
        <v>9998</v>
      </c>
      <c r="B18340" s="6">
        <v>305311.05</v>
      </c>
      <c r="C18340" s="7">
        <f t="shared" si="286"/>
        <v>305.31104999999997</v>
      </c>
    </row>
    <row r="18341" spans="1:3" x14ac:dyDescent="0.25">
      <c r="A18341" s="2" t="s">
        <v>9999</v>
      </c>
      <c r="B18341" s="6">
        <v>305327.69999999995</v>
      </c>
      <c r="C18341" s="7">
        <f t="shared" si="286"/>
        <v>305.32769999999994</v>
      </c>
    </row>
    <row r="18342" spans="1:3" x14ac:dyDescent="0.25">
      <c r="A18342" s="2" t="s">
        <v>10000</v>
      </c>
      <c r="B18342" s="6">
        <v>305344.34999999998</v>
      </c>
      <c r="C18342" s="7">
        <f t="shared" si="286"/>
        <v>305.34434999999996</v>
      </c>
    </row>
    <row r="18343" spans="1:3" x14ac:dyDescent="0.25">
      <c r="A18343" s="2" t="s">
        <v>10001</v>
      </c>
      <c r="B18343" s="6">
        <v>305361</v>
      </c>
      <c r="C18343" s="7">
        <f t="shared" si="286"/>
        <v>305.36099999999999</v>
      </c>
    </row>
    <row r="18344" spans="1:3" x14ac:dyDescent="0.25">
      <c r="A18344" s="2" t="s">
        <v>10002</v>
      </c>
      <c r="B18344" s="6">
        <v>305377.64999999997</v>
      </c>
      <c r="C18344" s="7">
        <f t="shared" si="286"/>
        <v>305.37764999999996</v>
      </c>
    </row>
    <row r="18345" spans="1:3" x14ac:dyDescent="0.25">
      <c r="A18345" s="2" t="s">
        <v>10003</v>
      </c>
      <c r="B18345" s="6">
        <v>305394.3</v>
      </c>
      <c r="C18345" s="7">
        <f t="shared" si="286"/>
        <v>305.39429999999999</v>
      </c>
    </row>
    <row r="18346" spans="1:3" x14ac:dyDescent="0.25">
      <c r="A18346" s="2" t="s">
        <v>10004</v>
      </c>
      <c r="B18346" s="6">
        <v>305410.94999999995</v>
      </c>
      <c r="C18346" s="7">
        <f t="shared" si="286"/>
        <v>305.41094999999996</v>
      </c>
    </row>
    <row r="18347" spans="1:3" x14ac:dyDescent="0.25">
      <c r="A18347" s="2" t="s">
        <v>10005</v>
      </c>
      <c r="B18347" s="6">
        <v>305427.59999999998</v>
      </c>
      <c r="C18347" s="7">
        <f t="shared" si="286"/>
        <v>305.42759999999998</v>
      </c>
    </row>
    <row r="18348" spans="1:3" x14ac:dyDescent="0.25">
      <c r="A18348" s="2" t="s">
        <v>10006</v>
      </c>
      <c r="B18348" s="6">
        <v>305444.25</v>
      </c>
      <c r="C18348" s="7">
        <f t="shared" si="286"/>
        <v>305.44425000000001</v>
      </c>
    </row>
    <row r="18349" spans="1:3" x14ac:dyDescent="0.25">
      <c r="A18349" s="2" t="s">
        <v>10007</v>
      </c>
      <c r="B18349" s="6">
        <v>305460.89999999997</v>
      </c>
      <c r="C18349" s="7">
        <f t="shared" si="286"/>
        <v>305.46089999999998</v>
      </c>
    </row>
    <row r="18350" spans="1:3" x14ac:dyDescent="0.25">
      <c r="A18350" s="2" t="s">
        <v>10008</v>
      </c>
      <c r="B18350" s="6">
        <v>305477.55</v>
      </c>
      <c r="C18350" s="7">
        <f t="shared" si="286"/>
        <v>305.47755000000001</v>
      </c>
    </row>
    <row r="18351" spans="1:3" x14ac:dyDescent="0.25">
      <c r="A18351" s="2" t="s">
        <v>10009</v>
      </c>
      <c r="B18351" s="6">
        <v>305494.19999999995</v>
      </c>
      <c r="C18351" s="7">
        <f t="shared" si="286"/>
        <v>305.49419999999998</v>
      </c>
    </row>
    <row r="18352" spans="1:3" x14ac:dyDescent="0.25">
      <c r="A18352" s="2" t="s">
        <v>10010</v>
      </c>
      <c r="B18352" s="6">
        <v>305510.84999999998</v>
      </c>
      <c r="C18352" s="7">
        <f t="shared" si="286"/>
        <v>305.51085</v>
      </c>
    </row>
    <row r="18353" spans="1:3" x14ac:dyDescent="0.25">
      <c r="A18353" s="2" t="s">
        <v>10011</v>
      </c>
      <c r="B18353" s="6">
        <v>305527.5</v>
      </c>
      <c r="C18353" s="7">
        <f t="shared" si="286"/>
        <v>305.52749999999997</v>
      </c>
    </row>
    <row r="18354" spans="1:3" x14ac:dyDescent="0.25">
      <c r="A18354" s="2" t="s">
        <v>10012</v>
      </c>
      <c r="B18354" s="6">
        <v>305544.14999999997</v>
      </c>
      <c r="C18354" s="7">
        <f t="shared" si="286"/>
        <v>305.54414999999995</v>
      </c>
    </row>
    <row r="18355" spans="1:3" x14ac:dyDescent="0.25">
      <c r="A18355" s="2" t="s">
        <v>10013</v>
      </c>
      <c r="B18355" s="6">
        <v>305560.8</v>
      </c>
      <c r="C18355" s="7">
        <f t="shared" si="286"/>
        <v>305.56079999999997</v>
      </c>
    </row>
    <row r="18356" spans="1:3" x14ac:dyDescent="0.25">
      <c r="A18356" s="2" t="s">
        <v>10014</v>
      </c>
      <c r="B18356" s="6">
        <v>305577.44999999995</v>
      </c>
      <c r="C18356" s="7">
        <f t="shared" si="286"/>
        <v>305.57744999999994</v>
      </c>
    </row>
    <row r="18357" spans="1:3" x14ac:dyDescent="0.25">
      <c r="A18357" s="2" t="s">
        <v>10015</v>
      </c>
      <c r="B18357" s="6">
        <v>305594.09999999998</v>
      </c>
      <c r="C18357" s="7">
        <f t="shared" si="286"/>
        <v>305.59409999999997</v>
      </c>
    </row>
    <row r="18358" spans="1:3" x14ac:dyDescent="0.25">
      <c r="A18358" s="2" t="s">
        <v>10016</v>
      </c>
      <c r="B18358" s="6">
        <v>305610.75</v>
      </c>
      <c r="C18358" s="7">
        <f t="shared" si="286"/>
        <v>305.61075</v>
      </c>
    </row>
    <row r="18359" spans="1:3" x14ac:dyDescent="0.25">
      <c r="A18359" s="2" t="s">
        <v>10017</v>
      </c>
      <c r="B18359" s="6">
        <v>305627.39999999997</v>
      </c>
      <c r="C18359" s="7">
        <f t="shared" si="286"/>
        <v>305.62739999999997</v>
      </c>
    </row>
    <row r="18360" spans="1:3" x14ac:dyDescent="0.25">
      <c r="A18360" s="2" t="s">
        <v>10018</v>
      </c>
      <c r="B18360" s="6">
        <v>305644.05</v>
      </c>
      <c r="C18360" s="7">
        <f t="shared" si="286"/>
        <v>305.64404999999999</v>
      </c>
    </row>
    <row r="18361" spans="1:3" x14ac:dyDescent="0.25">
      <c r="A18361" s="2" t="s">
        <v>10019</v>
      </c>
      <c r="B18361" s="6">
        <v>305660.69999999995</v>
      </c>
      <c r="C18361" s="7">
        <f t="shared" si="286"/>
        <v>305.66069999999996</v>
      </c>
    </row>
    <row r="18362" spans="1:3" x14ac:dyDescent="0.25">
      <c r="A18362" s="2" t="s">
        <v>10020</v>
      </c>
      <c r="B18362" s="6">
        <v>305677.34999999998</v>
      </c>
      <c r="C18362" s="7">
        <f t="shared" si="286"/>
        <v>305.67734999999999</v>
      </c>
    </row>
    <row r="18363" spans="1:3" x14ac:dyDescent="0.25">
      <c r="A18363" s="2" t="s">
        <v>10021</v>
      </c>
      <c r="B18363" s="6">
        <v>305694</v>
      </c>
      <c r="C18363" s="7">
        <f t="shared" si="286"/>
        <v>305.69400000000002</v>
      </c>
    </row>
    <row r="18364" spans="1:3" x14ac:dyDescent="0.25">
      <c r="A18364" s="2" t="s">
        <v>10022</v>
      </c>
      <c r="B18364" s="6">
        <v>305710.64999999997</v>
      </c>
      <c r="C18364" s="7">
        <f t="shared" si="286"/>
        <v>305.71064999999999</v>
      </c>
    </row>
    <row r="18365" spans="1:3" x14ac:dyDescent="0.25">
      <c r="A18365" s="2" t="s">
        <v>10023</v>
      </c>
      <c r="B18365" s="6">
        <v>305727.3</v>
      </c>
      <c r="C18365" s="7">
        <f t="shared" si="286"/>
        <v>305.72730000000001</v>
      </c>
    </row>
    <row r="18366" spans="1:3" x14ac:dyDescent="0.25">
      <c r="A18366" s="2" t="s">
        <v>10024</v>
      </c>
      <c r="B18366" s="6">
        <v>305743.94999999995</v>
      </c>
      <c r="C18366" s="7">
        <f t="shared" si="286"/>
        <v>305.74394999999993</v>
      </c>
    </row>
    <row r="18367" spans="1:3" x14ac:dyDescent="0.25">
      <c r="A18367" s="2" t="s">
        <v>10025</v>
      </c>
      <c r="B18367" s="6">
        <v>305760.59999999998</v>
      </c>
      <c r="C18367" s="7">
        <f t="shared" si="286"/>
        <v>305.76059999999995</v>
      </c>
    </row>
    <row r="18368" spans="1:3" x14ac:dyDescent="0.25">
      <c r="A18368" s="2" t="s">
        <v>10026</v>
      </c>
      <c r="B18368" s="6">
        <v>305777.25</v>
      </c>
      <c r="C18368" s="7">
        <f t="shared" si="286"/>
        <v>305.77724999999998</v>
      </c>
    </row>
    <row r="18369" spans="1:3" x14ac:dyDescent="0.25">
      <c r="A18369" s="2" t="s">
        <v>10027</v>
      </c>
      <c r="B18369" s="6">
        <v>305793.89999999997</v>
      </c>
      <c r="C18369" s="7">
        <f t="shared" si="286"/>
        <v>305.79389999999995</v>
      </c>
    </row>
    <row r="18370" spans="1:3" x14ac:dyDescent="0.25">
      <c r="A18370" s="2" t="s">
        <v>10028</v>
      </c>
      <c r="B18370" s="6">
        <v>305810.55</v>
      </c>
      <c r="C18370" s="7">
        <f t="shared" si="286"/>
        <v>305.81054999999998</v>
      </c>
    </row>
    <row r="18371" spans="1:3" x14ac:dyDescent="0.25">
      <c r="A18371" s="2" t="s">
        <v>10029</v>
      </c>
      <c r="B18371" s="6">
        <v>305827.19999999995</v>
      </c>
      <c r="C18371" s="7">
        <f t="shared" ref="C18371:C18434" si="287">B18371/1000</f>
        <v>305.82719999999995</v>
      </c>
    </row>
    <row r="18372" spans="1:3" x14ac:dyDescent="0.25">
      <c r="A18372" s="2" t="s">
        <v>10030</v>
      </c>
      <c r="B18372" s="6">
        <v>305843.84999999998</v>
      </c>
      <c r="C18372" s="7">
        <f t="shared" si="287"/>
        <v>305.84384999999997</v>
      </c>
    </row>
    <row r="18373" spans="1:3" x14ac:dyDescent="0.25">
      <c r="A18373" s="2" t="s">
        <v>10031</v>
      </c>
      <c r="B18373" s="6">
        <v>305860.5</v>
      </c>
      <c r="C18373" s="7">
        <f t="shared" si="287"/>
        <v>305.8605</v>
      </c>
    </row>
    <row r="18374" spans="1:3" x14ac:dyDescent="0.25">
      <c r="A18374" s="2" t="s">
        <v>10032</v>
      </c>
      <c r="B18374" s="6">
        <v>305877.14999999997</v>
      </c>
      <c r="C18374" s="7">
        <f t="shared" si="287"/>
        <v>305.87714999999997</v>
      </c>
    </row>
    <row r="18375" spans="1:3" x14ac:dyDescent="0.25">
      <c r="A18375" s="2" t="s">
        <v>10033</v>
      </c>
      <c r="B18375" s="6">
        <v>305893.8</v>
      </c>
      <c r="C18375" s="7">
        <f t="shared" si="287"/>
        <v>305.8938</v>
      </c>
    </row>
    <row r="18376" spans="1:3" x14ac:dyDescent="0.25">
      <c r="A18376" s="2" t="s">
        <v>10034</v>
      </c>
      <c r="B18376" s="6">
        <v>305910.44999999995</v>
      </c>
      <c r="C18376" s="7">
        <f t="shared" si="287"/>
        <v>305.91044999999997</v>
      </c>
    </row>
    <row r="18377" spans="1:3" x14ac:dyDescent="0.25">
      <c r="A18377" s="2" t="s">
        <v>10035</v>
      </c>
      <c r="B18377" s="6">
        <v>305927.09999999998</v>
      </c>
      <c r="C18377" s="7">
        <f t="shared" si="287"/>
        <v>305.9271</v>
      </c>
    </row>
    <row r="18378" spans="1:3" x14ac:dyDescent="0.25">
      <c r="A18378" s="2" t="s">
        <v>10036</v>
      </c>
      <c r="B18378" s="6">
        <v>305943.75</v>
      </c>
      <c r="C18378" s="7">
        <f t="shared" si="287"/>
        <v>305.94375000000002</v>
      </c>
    </row>
    <row r="18379" spans="1:3" x14ac:dyDescent="0.25">
      <c r="A18379" s="2" t="s">
        <v>10037</v>
      </c>
      <c r="B18379" s="6">
        <v>305960.39999999997</v>
      </c>
      <c r="C18379" s="7">
        <f t="shared" si="287"/>
        <v>305.96039999999999</v>
      </c>
    </row>
    <row r="18380" spans="1:3" x14ac:dyDescent="0.25">
      <c r="A18380" s="2" t="s">
        <v>10038</v>
      </c>
      <c r="B18380" s="6">
        <v>305977.05</v>
      </c>
      <c r="C18380" s="7">
        <f t="shared" si="287"/>
        <v>305.97704999999996</v>
      </c>
    </row>
    <row r="18381" spans="1:3" x14ac:dyDescent="0.25">
      <c r="A18381" s="2" t="s">
        <v>10039</v>
      </c>
      <c r="B18381" s="6">
        <v>305993.69999999995</v>
      </c>
      <c r="C18381" s="7">
        <f t="shared" si="287"/>
        <v>305.99369999999993</v>
      </c>
    </row>
    <row r="18382" spans="1:3" x14ac:dyDescent="0.25">
      <c r="A18382" s="2" t="s">
        <v>10040</v>
      </c>
      <c r="B18382" s="6">
        <v>306010.34999999998</v>
      </c>
      <c r="C18382" s="7">
        <f t="shared" si="287"/>
        <v>306.01034999999996</v>
      </c>
    </row>
    <row r="18383" spans="1:3" x14ac:dyDescent="0.25">
      <c r="A18383" s="2" t="s">
        <v>10041</v>
      </c>
      <c r="B18383" s="6">
        <v>306027</v>
      </c>
      <c r="C18383" s="7">
        <f t="shared" si="287"/>
        <v>306.02699999999999</v>
      </c>
    </row>
    <row r="18384" spans="1:3" x14ac:dyDescent="0.25">
      <c r="A18384" s="2" t="s">
        <v>10042</v>
      </c>
      <c r="B18384" s="6">
        <v>306043.64999999997</v>
      </c>
      <c r="C18384" s="7">
        <f t="shared" si="287"/>
        <v>306.04364999999996</v>
      </c>
    </row>
    <row r="18385" spans="1:3" x14ac:dyDescent="0.25">
      <c r="A18385" s="2" t="s">
        <v>10043</v>
      </c>
      <c r="B18385" s="6">
        <v>306060.3</v>
      </c>
      <c r="C18385" s="7">
        <f t="shared" si="287"/>
        <v>306.06029999999998</v>
      </c>
    </row>
    <row r="18386" spans="1:3" x14ac:dyDescent="0.25">
      <c r="A18386" s="2" t="s">
        <v>10044</v>
      </c>
      <c r="B18386" s="6">
        <v>306076.94999999995</v>
      </c>
      <c r="C18386" s="7">
        <f t="shared" si="287"/>
        <v>306.07694999999995</v>
      </c>
    </row>
    <row r="18387" spans="1:3" x14ac:dyDescent="0.25">
      <c r="A18387" s="2" t="s">
        <v>10045</v>
      </c>
      <c r="B18387" s="6">
        <v>306093.59999999998</v>
      </c>
      <c r="C18387" s="7">
        <f t="shared" si="287"/>
        <v>306.09359999999998</v>
      </c>
    </row>
    <row r="18388" spans="1:3" x14ac:dyDescent="0.25">
      <c r="A18388" s="2" t="s">
        <v>10046</v>
      </c>
      <c r="B18388" s="6">
        <v>306110.25</v>
      </c>
      <c r="C18388" s="7">
        <f t="shared" si="287"/>
        <v>306.11025000000001</v>
      </c>
    </row>
    <row r="18389" spans="1:3" x14ac:dyDescent="0.25">
      <c r="A18389" s="2" t="s">
        <v>10047</v>
      </c>
      <c r="B18389" s="6">
        <v>306126.89999999997</v>
      </c>
      <c r="C18389" s="7">
        <f t="shared" si="287"/>
        <v>306.12689999999998</v>
      </c>
    </row>
    <row r="18390" spans="1:3" x14ac:dyDescent="0.25">
      <c r="A18390" s="2" t="s">
        <v>10048</v>
      </c>
      <c r="B18390" s="6">
        <v>306143.55</v>
      </c>
      <c r="C18390" s="7">
        <f t="shared" si="287"/>
        <v>306.14355</v>
      </c>
    </row>
    <row r="18391" spans="1:3" x14ac:dyDescent="0.25">
      <c r="A18391" s="2" t="s">
        <v>10049</v>
      </c>
      <c r="B18391" s="6">
        <v>306160.19999999995</v>
      </c>
      <c r="C18391" s="7">
        <f t="shared" si="287"/>
        <v>306.16019999999997</v>
      </c>
    </row>
    <row r="18392" spans="1:3" x14ac:dyDescent="0.25">
      <c r="A18392" s="2" t="s">
        <v>10050</v>
      </c>
      <c r="B18392" s="6">
        <v>306176.84999999998</v>
      </c>
      <c r="C18392" s="7">
        <f t="shared" si="287"/>
        <v>306.17685</v>
      </c>
    </row>
    <row r="18393" spans="1:3" x14ac:dyDescent="0.25">
      <c r="A18393" s="2" t="s">
        <v>10051</v>
      </c>
      <c r="B18393" s="6">
        <v>306193.5</v>
      </c>
      <c r="C18393" s="7">
        <f t="shared" si="287"/>
        <v>306.19349999999997</v>
      </c>
    </row>
    <row r="18394" spans="1:3" x14ac:dyDescent="0.25">
      <c r="A18394" s="2" t="s">
        <v>10052</v>
      </c>
      <c r="B18394" s="6">
        <v>306210.14999999997</v>
      </c>
      <c r="C18394" s="7">
        <f t="shared" si="287"/>
        <v>306.21014999999994</v>
      </c>
    </row>
    <row r="18395" spans="1:3" x14ac:dyDescent="0.25">
      <c r="A18395" s="2" t="s">
        <v>10053</v>
      </c>
      <c r="B18395" s="6">
        <v>306226.8</v>
      </c>
      <c r="C18395" s="7">
        <f t="shared" si="287"/>
        <v>306.22679999999997</v>
      </c>
    </row>
    <row r="18396" spans="1:3" x14ac:dyDescent="0.25">
      <c r="A18396" s="2" t="s">
        <v>10054</v>
      </c>
      <c r="B18396" s="6">
        <v>306243.44999999995</v>
      </c>
      <c r="C18396" s="7">
        <f t="shared" si="287"/>
        <v>306.24344999999994</v>
      </c>
    </row>
    <row r="18397" spans="1:3" x14ac:dyDescent="0.25">
      <c r="A18397" s="2" t="s">
        <v>10055</v>
      </c>
      <c r="B18397" s="6">
        <v>306260.09999999998</v>
      </c>
      <c r="C18397" s="7">
        <f t="shared" si="287"/>
        <v>306.26009999999997</v>
      </c>
    </row>
    <row r="18398" spans="1:3" x14ac:dyDescent="0.25">
      <c r="A18398" s="2" t="s">
        <v>10056</v>
      </c>
      <c r="B18398" s="6">
        <v>306276.75</v>
      </c>
      <c r="C18398" s="7">
        <f t="shared" si="287"/>
        <v>306.27674999999999</v>
      </c>
    </row>
    <row r="18399" spans="1:3" x14ac:dyDescent="0.25">
      <c r="A18399" s="2" t="s">
        <v>10057</v>
      </c>
      <c r="B18399" s="6">
        <v>306293.39999999997</v>
      </c>
      <c r="C18399" s="7">
        <f t="shared" si="287"/>
        <v>306.29339999999996</v>
      </c>
    </row>
    <row r="18400" spans="1:3" x14ac:dyDescent="0.25">
      <c r="A18400" s="2" t="s">
        <v>10058</v>
      </c>
      <c r="B18400" s="6">
        <v>306310.05</v>
      </c>
      <c r="C18400" s="7">
        <f t="shared" si="287"/>
        <v>306.31004999999999</v>
      </c>
    </row>
    <row r="18401" spans="1:3" x14ac:dyDescent="0.25">
      <c r="A18401" s="2" t="s">
        <v>10059</v>
      </c>
      <c r="B18401" s="6">
        <v>306326.69999999995</v>
      </c>
      <c r="C18401" s="7">
        <f t="shared" si="287"/>
        <v>306.32669999999996</v>
      </c>
    </row>
    <row r="18402" spans="1:3" x14ac:dyDescent="0.25">
      <c r="A18402" s="2" t="s">
        <v>10060</v>
      </c>
      <c r="B18402" s="6">
        <v>306343.34999999998</v>
      </c>
      <c r="C18402" s="7">
        <f t="shared" si="287"/>
        <v>306.34334999999999</v>
      </c>
    </row>
    <row r="18403" spans="1:3" x14ac:dyDescent="0.25">
      <c r="A18403" s="2" t="s">
        <v>10061</v>
      </c>
      <c r="B18403" s="6">
        <v>306360</v>
      </c>
      <c r="C18403" s="7">
        <f t="shared" si="287"/>
        <v>306.36</v>
      </c>
    </row>
    <row r="18404" spans="1:3" x14ac:dyDescent="0.25">
      <c r="A18404" s="2" t="s">
        <v>10062</v>
      </c>
      <c r="B18404" s="6">
        <v>306376.64999999997</v>
      </c>
      <c r="C18404" s="7">
        <f t="shared" si="287"/>
        <v>306.37664999999998</v>
      </c>
    </row>
    <row r="18405" spans="1:3" x14ac:dyDescent="0.25">
      <c r="A18405" s="2" t="s">
        <v>10063</v>
      </c>
      <c r="B18405" s="6">
        <v>306393.3</v>
      </c>
      <c r="C18405" s="7">
        <f t="shared" si="287"/>
        <v>306.39330000000001</v>
      </c>
    </row>
    <row r="18406" spans="1:3" x14ac:dyDescent="0.25">
      <c r="A18406" s="2" t="s">
        <v>10064</v>
      </c>
      <c r="B18406" s="6">
        <v>306409.94999999995</v>
      </c>
      <c r="C18406" s="7">
        <f t="shared" si="287"/>
        <v>306.40994999999998</v>
      </c>
    </row>
    <row r="18407" spans="1:3" x14ac:dyDescent="0.25">
      <c r="A18407" s="2" t="s">
        <v>10065</v>
      </c>
      <c r="B18407" s="6">
        <v>306426.59999999998</v>
      </c>
      <c r="C18407" s="7">
        <f t="shared" si="287"/>
        <v>306.42659999999995</v>
      </c>
    </row>
    <row r="18408" spans="1:3" x14ac:dyDescent="0.25">
      <c r="A18408" s="2" t="s">
        <v>10066</v>
      </c>
      <c r="B18408" s="6">
        <v>306443.25</v>
      </c>
      <c r="C18408" s="7">
        <f t="shared" si="287"/>
        <v>306.44324999999998</v>
      </c>
    </row>
    <row r="18409" spans="1:3" x14ac:dyDescent="0.25">
      <c r="A18409" s="2" t="s">
        <v>10067</v>
      </c>
      <c r="B18409" s="6">
        <v>306459.89999999997</v>
      </c>
      <c r="C18409" s="7">
        <f t="shared" si="287"/>
        <v>306.45989999999995</v>
      </c>
    </row>
    <row r="18410" spans="1:3" x14ac:dyDescent="0.25">
      <c r="A18410" s="2" t="s">
        <v>10068</v>
      </c>
      <c r="B18410" s="6">
        <v>306476.55</v>
      </c>
      <c r="C18410" s="7">
        <f t="shared" si="287"/>
        <v>306.47654999999997</v>
      </c>
    </row>
    <row r="18411" spans="1:3" x14ac:dyDescent="0.25">
      <c r="A18411" s="2" t="s">
        <v>10069</v>
      </c>
      <c r="B18411" s="6">
        <v>306493.19999999995</v>
      </c>
      <c r="C18411" s="7">
        <f t="shared" si="287"/>
        <v>306.49319999999994</v>
      </c>
    </row>
    <row r="18412" spans="1:3" x14ac:dyDescent="0.25">
      <c r="A18412" s="2" t="s">
        <v>10070</v>
      </c>
      <c r="B18412" s="6">
        <v>306509.84999999998</v>
      </c>
      <c r="C18412" s="7">
        <f t="shared" si="287"/>
        <v>306.50984999999997</v>
      </c>
    </row>
    <row r="18413" spans="1:3" x14ac:dyDescent="0.25">
      <c r="A18413" s="2" t="s">
        <v>10071</v>
      </c>
      <c r="B18413" s="6">
        <v>306526.5</v>
      </c>
      <c r="C18413" s="7">
        <f t="shared" si="287"/>
        <v>306.5265</v>
      </c>
    </row>
    <row r="18414" spans="1:3" x14ac:dyDescent="0.25">
      <c r="A18414" s="2" t="s">
        <v>10072</v>
      </c>
      <c r="B18414" s="6">
        <v>306543.14999999997</v>
      </c>
      <c r="C18414" s="7">
        <f t="shared" si="287"/>
        <v>306.54314999999997</v>
      </c>
    </row>
    <row r="18415" spans="1:3" x14ac:dyDescent="0.25">
      <c r="A18415" s="2" t="s">
        <v>10073</v>
      </c>
      <c r="B18415" s="6">
        <v>306559.8</v>
      </c>
      <c r="C18415" s="7">
        <f t="shared" si="287"/>
        <v>306.5598</v>
      </c>
    </row>
    <row r="18416" spans="1:3" x14ac:dyDescent="0.25">
      <c r="A18416" s="2" t="s">
        <v>10074</v>
      </c>
      <c r="B18416" s="6">
        <v>306576.44999999995</v>
      </c>
      <c r="C18416" s="7">
        <f t="shared" si="287"/>
        <v>306.57644999999997</v>
      </c>
    </row>
    <row r="18417" spans="1:3" x14ac:dyDescent="0.25">
      <c r="A18417" s="2" t="s">
        <v>10075</v>
      </c>
      <c r="B18417" s="6">
        <v>306593.09999999998</v>
      </c>
      <c r="C18417" s="7">
        <f t="shared" si="287"/>
        <v>306.59309999999999</v>
      </c>
    </row>
    <row r="18418" spans="1:3" x14ac:dyDescent="0.25">
      <c r="A18418" s="2" t="s">
        <v>10076</v>
      </c>
      <c r="B18418" s="6">
        <v>306609.75</v>
      </c>
      <c r="C18418" s="7">
        <f t="shared" si="287"/>
        <v>306.60975000000002</v>
      </c>
    </row>
    <row r="18419" spans="1:3" x14ac:dyDescent="0.25">
      <c r="A18419" s="2" t="s">
        <v>10077</v>
      </c>
      <c r="B18419" s="6">
        <v>306626.39999999997</v>
      </c>
      <c r="C18419" s="7">
        <f t="shared" si="287"/>
        <v>306.62639999999999</v>
      </c>
    </row>
    <row r="18420" spans="1:3" x14ac:dyDescent="0.25">
      <c r="A18420" s="2" t="s">
        <v>10078</v>
      </c>
      <c r="B18420" s="6">
        <v>306643.05</v>
      </c>
      <c r="C18420" s="7">
        <f t="shared" si="287"/>
        <v>306.64305000000002</v>
      </c>
    </row>
    <row r="18421" spans="1:3" x14ac:dyDescent="0.25">
      <c r="A18421" s="2" t="s">
        <v>10079</v>
      </c>
      <c r="B18421" s="6">
        <v>306659.69999999995</v>
      </c>
      <c r="C18421" s="7">
        <f t="shared" si="287"/>
        <v>306.65969999999993</v>
      </c>
    </row>
    <row r="18422" spans="1:3" x14ac:dyDescent="0.25">
      <c r="A18422" s="2" t="s">
        <v>10080</v>
      </c>
      <c r="B18422" s="6">
        <v>306676.34999999998</v>
      </c>
      <c r="C18422" s="7">
        <f t="shared" si="287"/>
        <v>306.67634999999996</v>
      </c>
    </row>
    <row r="18423" spans="1:3" x14ac:dyDescent="0.25">
      <c r="A18423" s="2" t="s">
        <v>10081</v>
      </c>
      <c r="B18423" s="6">
        <v>306693</v>
      </c>
      <c r="C18423" s="7">
        <f t="shared" si="287"/>
        <v>306.69299999999998</v>
      </c>
    </row>
    <row r="18424" spans="1:3" x14ac:dyDescent="0.25">
      <c r="A18424" s="2" t="s">
        <v>10082</v>
      </c>
      <c r="B18424" s="6">
        <v>306709.64999999997</v>
      </c>
      <c r="C18424" s="7">
        <f t="shared" si="287"/>
        <v>306.70964999999995</v>
      </c>
    </row>
    <row r="18425" spans="1:3" x14ac:dyDescent="0.25">
      <c r="A18425" s="2" t="s">
        <v>10083</v>
      </c>
      <c r="B18425" s="6">
        <v>306726.3</v>
      </c>
      <c r="C18425" s="7">
        <f t="shared" si="287"/>
        <v>306.72629999999998</v>
      </c>
    </row>
    <row r="18426" spans="1:3" x14ac:dyDescent="0.25">
      <c r="A18426" s="2" t="s">
        <v>10084</v>
      </c>
      <c r="B18426" s="6">
        <v>306742.94999999995</v>
      </c>
      <c r="C18426" s="7">
        <f t="shared" si="287"/>
        <v>306.74294999999995</v>
      </c>
    </row>
    <row r="18427" spans="1:3" x14ac:dyDescent="0.25">
      <c r="A18427" s="2" t="s">
        <v>10085</v>
      </c>
      <c r="B18427" s="6">
        <v>306759.59999999998</v>
      </c>
      <c r="C18427" s="7">
        <f t="shared" si="287"/>
        <v>306.75959999999998</v>
      </c>
    </row>
    <row r="18428" spans="1:3" x14ac:dyDescent="0.25">
      <c r="A18428" s="2" t="s">
        <v>10086</v>
      </c>
      <c r="B18428" s="6">
        <v>306776.25</v>
      </c>
      <c r="C18428" s="7">
        <f t="shared" si="287"/>
        <v>306.77625</v>
      </c>
    </row>
    <row r="18429" spans="1:3" x14ac:dyDescent="0.25">
      <c r="A18429" s="2" t="s">
        <v>10087</v>
      </c>
      <c r="B18429" s="6">
        <v>306792.89999999997</v>
      </c>
      <c r="C18429" s="7">
        <f t="shared" si="287"/>
        <v>306.79289999999997</v>
      </c>
    </row>
    <row r="18430" spans="1:3" x14ac:dyDescent="0.25">
      <c r="A18430" s="2" t="s">
        <v>10088</v>
      </c>
      <c r="B18430" s="6">
        <v>306809.55</v>
      </c>
      <c r="C18430" s="7">
        <f t="shared" si="287"/>
        <v>306.80955</v>
      </c>
    </row>
    <row r="18431" spans="1:3" x14ac:dyDescent="0.25">
      <c r="A18431" s="2" t="s">
        <v>10089</v>
      </c>
      <c r="B18431" s="6">
        <v>306826.19999999995</v>
      </c>
      <c r="C18431" s="7">
        <f t="shared" si="287"/>
        <v>306.82619999999997</v>
      </c>
    </row>
    <row r="18432" spans="1:3" x14ac:dyDescent="0.25">
      <c r="A18432" s="2" t="s">
        <v>10090</v>
      </c>
      <c r="B18432" s="6">
        <v>306842.84999999998</v>
      </c>
      <c r="C18432" s="7">
        <f t="shared" si="287"/>
        <v>306.84285</v>
      </c>
    </row>
    <row r="18433" spans="1:3" x14ac:dyDescent="0.25">
      <c r="A18433" s="2" t="s">
        <v>10091</v>
      </c>
      <c r="B18433" s="6">
        <v>306859.5</v>
      </c>
      <c r="C18433" s="7">
        <f t="shared" si="287"/>
        <v>306.85950000000003</v>
      </c>
    </row>
    <row r="18434" spans="1:3" x14ac:dyDescent="0.25">
      <c r="A18434" s="2" t="s">
        <v>10092</v>
      </c>
      <c r="B18434" s="6">
        <v>306876.14999999997</v>
      </c>
      <c r="C18434" s="7">
        <f t="shared" si="287"/>
        <v>306.87614999999994</v>
      </c>
    </row>
    <row r="18435" spans="1:3" x14ac:dyDescent="0.25">
      <c r="A18435" s="2" t="s">
        <v>10093</v>
      </c>
      <c r="B18435" s="6">
        <v>306892.79999999999</v>
      </c>
      <c r="C18435" s="7">
        <f t="shared" ref="C18435:C18498" si="288">B18435/1000</f>
        <v>306.89279999999997</v>
      </c>
    </row>
    <row r="18436" spans="1:3" x14ac:dyDescent="0.25">
      <c r="A18436" s="2" t="s">
        <v>10094</v>
      </c>
      <c r="B18436" s="6">
        <v>306909.44999999995</v>
      </c>
      <c r="C18436" s="7">
        <f t="shared" si="288"/>
        <v>306.90944999999994</v>
      </c>
    </row>
    <row r="18437" spans="1:3" x14ac:dyDescent="0.25">
      <c r="A18437" s="2" t="s">
        <v>10095</v>
      </c>
      <c r="B18437" s="6">
        <v>306926.09999999998</v>
      </c>
      <c r="C18437" s="7">
        <f t="shared" si="288"/>
        <v>306.92609999999996</v>
      </c>
    </row>
    <row r="18438" spans="1:3" x14ac:dyDescent="0.25">
      <c r="A18438" s="2" t="s">
        <v>10096</v>
      </c>
      <c r="B18438" s="6">
        <v>306942.75</v>
      </c>
      <c r="C18438" s="7">
        <f t="shared" si="288"/>
        <v>306.94274999999999</v>
      </c>
    </row>
    <row r="18439" spans="1:3" x14ac:dyDescent="0.25">
      <c r="A18439" s="2" t="s">
        <v>10097</v>
      </c>
      <c r="B18439" s="6">
        <v>306959.39999999997</v>
      </c>
      <c r="C18439" s="7">
        <f t="shared" si="288"/>
        <v>306.95939999999996</v>
      </c>
    </row>
    <row r="18440" spans="1:3" x14ac:dyDescent="0.25">
      <c r="A18440" s="2" t="s">
        <v>10098</v>
      </c>
      <c r="B18440" s="6">
        <v>306976.05</v>
      </c>
      <c r="C18440" s="7">
        <f t="shared" si="288"/>
        <v>306.97604999999999</v>
      </c>
    </row>
    <row r="18441" spans="1:3" x14ac:dyDescent="0.25">
      <c r="A18441" s="2" t="s">
        <v>10099</v>
      </c>
      <c r="B18441" s="6">
        <v>306992.69999999995</v>
      </c>
      <c r="C18441" s="7">
        <f t="shared" si="288"/>
        <v>306.99269999999996</v>
      </c>
    </row>
    <row r="18442" spans="1:3" x14ac:dyDescent="0.25">
      <c r="A18442" s="2" t="s">
        <v>10100</v>
      </c>
      <c r="B18442" s="6">
        <v>307009.34999999998</v>
      </c>
      <c r="C18442" s="7">
        <f t="shared" si="288"/>
        <v>307.00934999999998</v>
      </c>
    </row>
    <row r="18443" spans="1:3" x14ac:dyDescent="0.25">
      <c r="A18443" s="2" t="s">
        <v>10101</v>
      </c>
      <c r="B18443" s="6">
        <v>307026</v>
      </c>
      <c r="C18443" s="7">
        <f t="shared" si="288"/>
        <v>307.02600000000001</v>
      </c>
    </row>
    <row r="18444" spans="1:3" x14ac:dyDescent="0.25">
      <c r="A18444" s="2" t="s">
        <v>10102</v>
      </c>
      <c r="B18444" s="6">
        <v>307042.64999999997</v>
      </c>
      <c r="C18444" s="7">
        <f t="shared" si="288"/>
        <v>307.04264999999998</v>
      </c>
    </row>
    <row r="18445" spans="1:3" x14ac:dyDescent="0.25">
      <c r="A18445" s="2" t="s">
        <v>10103</v>
      </c>
      <c r="B18445" s="6">
        <v>307059.3</v>
      </c>
      <c r="C18445" s="7">
        <f t="shared" si="288"/>
        <v>307.05930000000001</v>
      </c>
    </row>
    <row r="18446" spans="1:3" x14ac:dyDescent="0.25">
      <c r="A18446" s="2" t="s">
        <v>10104</v>
      </c>
      <c r="B18446" s="6">
        <v>307075.94999999995</v>
      </c>
      <c r="C18446" s="7">
        <f t="shared" si="288"/>
        <v>307.07594999999998</v>
      </c>
    </row>
    <row r="18447" spans="1:3" x14ac:dyDescent="0.25">
      <c r="A18447" s="2" t="s">
        <v>10105</v>
      </c>
      <c r="B18447" s="6">
        <v>307092.59999999998</v>
      </c>
      <c r="C18447" s="7">
        <f t="shared" si="288"/>
        <v>307.0926</v>
      </c>
    </row>
    <row r="18448" spans="1:3" x14ac:dyDescent="0.25">
      <c r="A18448" s="2" t="s">
        <v>10106</v>
      </c>
      <c r="B18448" s="6">
        <v>307109.25</v>
      </c>
      <c r="C18448" s="7">
        <f t="shared" si="288"/>
        <v>307.10924999999997</v>
      </c>
    </row>
    <row r="18449" spans="1:3" x14ac:dyDescent="0.25">
      <c r="A18449" s="2" t="s">
        <v>10107</v>
      </c>
      <c r="B18449" s="6">
        <v>307125.89999999997</v>
      </c>
      <c r="C18449" s="7">
        <f t="shared" si="288"/>
        <v>307.12589999999994</v>
      </c>
    </row>
    <row r="18450" spans="1:3" x14ac:dyDescent="0.25">
      <c r="A18450" s="2" t="s">
        <v>10108</v>
      </c>
      <c r="B18450" s="6">
        <v>307142.55</v>
      </c>
      <c r="C18450" s="7">
        <f t="shared" si="288"/>
        <v>307.14254999999997</v>
      </c>
    </row>
    <row r="18451" spans="1:3" x14ac:dyDescent="0.25">
      <c r="A18451" s="2" t="s">
        <v>10109</v>
      </c>
      <c r="B18451" s="6">
        <v>307159.19999999995</v>
      </c>
      <c r="C18451" s="7">
        <f t="shared" si="288"/>
        <v>307.15919999999994</v>
      </c>
    </row>
    <row r="18452" spans="1:3" x14ac:dyDescent="0.25">
      <c r="A18452" s="2" t="s">
        <v>10110</v>
      </c>
      <c r="B18452" s="6">
        <v>307175.84999999998</v>
      </c>
      <c r="C18452" s="7">
        <f t="shared" si="288"/>
        <v>307.17584999999997</v>
      </c>
    </row>
    <row r="18453" spans="1:3" x14ac:dyDescent="0.25">
      <c r="A18453" s="2" t="s">
        <v>10111</v>
      </c>
      <c r="B18453" s="6">
        <v>307192.5</v>
      </c>
      <c r="C18453" s="7">
        <f t="shared" si="288"/>
        <v>307.1925</v>
      </c>
    </row>
    <row r="18454" spans="1:3" x14ac:dyDescent="0.25">
      <c r="A18454" s="2" t="s">
        <v>10112</v>
      </c>
      <c r="B18454" s="6">
        <v>307209.14999999997</v>
      </c>
      <c r="C18454" s="7">
        <f t="shared" si="288"/>
        <v>307.20914999999997</v>
      </c>
    </row>
    <row r="18455" spans="1:3" x14ac:dyDescent="0.25">
      <c r="A18455" s="2" t="s">
        <v>10113</v>
      </c>
      <c r="B18455" s="6">
        <v>307225.8</v>
      </c>
      <c r="C18455" s="7">
        <f t="shared" si="288"/>
        <v>307.22579999999999</v>
      </c>
    </row>
    <row r="18456" spans="1:3" x14ac:dyDescent="0.25">
      <c r="A18456" s="2" t="s">
        <v>10114</v>
      </c>
      <c r="B18456" s="6">
        <v>307242.44999999995</v>
      </c>
      <c r="C18456" s="7">
        <f t="shared" si="288"/>
        <v>307.24244999999996</v>
      </c>
    </row>
    <row r="18457" spans="1:3" x14ac:dyDescent="0.25">
      <c r="A18457" s="2" t="s">
        <v>10115</v>
      </c>
      <c r="B18457" s="6">
        <v>307259.09999999998</v>
      </c>
      <c r="C18457" s="7">
        <f t="shared" si="288"/>
        <v>307.25909999999999</v>
      </c>
    </row>
    <row r="18458" spans="1:3" x14ac:dyDescent="0.25">
      <c r="A18458" s="2" t="s">
        <v>10116</v>
      </c>
      <c r="B18458" s="6">
        <v>307275.75</v>
      </c>
      <c r="C18458" s="7">
        <f t="shared" si="288"/>
        <v>307.27575000000002</v>
      </c>
    </row>
    <row r="18459" spans="1:3" x14ac:dyDescent="0.25">
      <c r="A18459" s="2" t="s">
        <v>10117</v>
      </c>
      <c r="B18459" s="6">
        <v>307292.39999999997</v>
      </c>
      <c r="C18459" s="7">
        <f t="shared" si="288"/>
        <v>307.29239999999999</v>
      </c>
    </row>
    <row r="18460" spans="1:3" x14ac:dyDescent="0.25">
      <c r="A18460" s="2" t="s">
        <v>10118</v>
      </c>
      <c r="B18460" s="6">
        <v>307309.05</v>
      </c>
      <c r="C18460" s="7">
        <f t="shared" si="288"/>
        <v>307.30905000000001</v>
      </c>
    </row>
    <row r="18461" spans="1:3" x14ac:dyDescent="0.25">
      <c r="A18461" s="2" t="s">
        <v>10119</v>
      </c>
      <c r="B18461" s="6">
        <v>307325.69999999995</v>
      </c>
      <c r="C18461" s="7">
        <f t="shared" si="288"/>
        <v>307.32569999999993</v>
      </c>
    </row>
    <row r="18462" spans="1:3" x14ac:dyDescent="0.25">
      <c r="A18462" s="2" t="s">
        <v>10120</v>
      </c>
      <c r="B18462" s="6">
        <v>307342.34999999998</v>
      </c>
      <c r="C18462" s="7">
        <f t="shared" si="288"/>
        <v>307.34234999999995</v>
      </c>
    </row>
    <row r="18463" spans="1:3" x14ac:dyDescent="0.25">
      <c r="A18463" s="2" t="s">
        <v>10121</v>
      </c>
      <c r="B18463" s="6">
        <v>307359</v>
      </c>
      <c r="C18463" s="7">
        <f t="shared" si="288"/>
        <v>307.35899999999998</v>
      </c>
    </row>
    <row r="18464" spans="1:3" x14ac:dyDescent="0.25">
      <c r="A18464" s="2" t="s">
        <v>10122</v>
      </c>
      <c r="B18464" s="6">
        <v>307375.64999999997</v>
      </c>
      <c r="C18464" s="7">
        <f t="shared" si="288"/>
        <v>307.37564999999995</v>
      </c>
    </row>
    <row r="18465" spans="1:3" x14ac:dyDescent="0.25">
      <c r="A18465" s="2" t="s">
        <v>10123</v>
      </c>
      <c r="B18465" s="6">
        <v>307392.3</v>
      </c>
      <c r="C18465" s="7">
        <f t="shared" si="288"/>
        <v>307.39229999999998</v>
      </c>
    </row>
    <row r="18466" spans="1:3" x14ac:dyDescent="0.25">
      <c r="A18466" s="2" t="s">
        <v>10124</v>
      </c>
      <c r="B18466" s="6">
        <v>307408.94999999995</v>
      </c>
      <c r="C18466" s="7">
        <f t="shared" si="288"/>
        <v>307.40894999999995</v>
      </c>
    </row>
    <row r="18467" spans="1:3" x14ac:dyDescent="0.25">
      <c r="A18467" s="2" t="s">
        <v>10125</v>
      </c>
      <c r="B18467" s="6">
        <v>307425.59999999998</v>
      </c>
      <c r="C18467" s="7">
        <f t="shared" si="288"/>
        <v>307.42559999999997</v>
      </c>
    </row>
    <row r="18468" spans="1:3" x14ac:dyDescent="0.25">
      <c r="A18468" s="2" t="s">
        <v>10126</v>
      </c>
      <c r="B18468" s="6">
        <v>307442.25</v>
      </c>
      <c r="C18468" s="7">
        <f t="shared" si="288"/>
        <v>307.44225</v>
      </c>
    </row>
    <row r="18469" spans="1:3" x14ac:dyDescent="0.25">
      <c r="A18469" s="2" t="s">
        <v>10127</v>
      </c>
      <c r="B18469" s="6">
        <v>307458.89999999997</v>
      </c>
      <c r="C18469" s="7">
        <f t="shared" si="288"/>
        <v>307.45889999999997</v>
      </c>
    </row>
    <row r="18470" spans="1:3" x14ac:dyDescent="0.25">
      <c r="A18470" s="2" t="s">
        <v>10128</v>
      </c>
      <c r="B18470" s="6">
        <v>307475.55</v>
      </c>
      <c r="C18470" s="7">
        <f t="shared" si="288"/>
        <v>307.47555</v>
      </c>
    </row>
    <row r="18471" spans="1:3" x14ac:dyDescent="0.25">
      <c r="A18471" s="2" t="s">
        <v>10129</v>
      </c>
      <c r="B18471" s="6">
        <v>307492.19999999995</v>
      </c>
      <c r="C18471" s="7">
        <f t="shared" si="288"/>
        <v>307.49219999999997</v>
      </c>
    </row>
    <row r="18472" spans="1:3" x14ac:dyDescent="0.25">
      <c r="A18472" s="2" t="s">
        <v>10130</v>
      </c>
      <c r="B18472" s="6">
        <v>307508.84999999998</v>
      </c>
      <c r="C18472" s="7">
        <f t="shared" si="288"/>
        <v>307.50885</v>
      </c>
    </row>
    <row r="18473" spans="1:3" x14ac:dyDescent="0.25">
      <c r="A18473" s="2" t="s">
        <v>10131</v>
      </c>
      <c r="B18473" s="6">
        <v>307525.5</v>
      </c>
      <c r="C18473" s="7">
        <f t="shared" si="288"/>
        <v>307.52550000000002</v>
      </c>
    </row>
    <row r="18474" spans="1:3" x14ac:dyDescent="0.25">
      <c r="A18474" s="2" t="s">
        <v>10132</v>
      </c>
      <c r="B18474" s="6">
        <v>307542.14999999997</v>
      </c>
      <c r="C18474" s="7">
        <f t="shared" si="288"/>
        <v>307.54214999999999</v>
      </c>
    </row>
    <row r="18475" spans="1:3" x14ac:dyDescent="0.25">
      <c r="A18475" s="2" t="s">
        <v>10133</v>
      </c>
      <c r="B18475" s="6">
        <v>307558.8</v>
      </c>
      <c r="C18475" s="7">
        <f t="shared" si="288"/>
        <v>307.55879999999996</v>
      </c>
    </row>
    <row r="18476" spans="1:3" x14ac:dyDescent="0.25">
      <c r="A18476" s="2" t="s">
        <v>10134</v>
      </c>
      <c r="B18476" s="6">
        <v>307575.44999999995</v>
      </c>
      <c r="C18476" s="7">
        <f t="shared" si="288"/>
        <v>307.57544999999993</v>
      </c>
    </row>
    <row r="18477" spans="1:3" x14ac:dyDescent="0.25">
      <c r="A18477" s="2" t="s">
        <v>10135</v>
      </c>
      <c r="B18477" s="6">
        <v>307592.09999999998</v>
      </c>
      <c r="C18477" s="7">
        <f t="shared" si="288"/>
        <v>307.59209999999996</v>
      </c>
    </row>
    <row r="18478" spans="1:3" x14ac:dyDescent="0.25">
      <c r="A18478" s="2" t="s">
        <v>10136</v>
      </c>
      <c r="B18478" s="6">
        <v>307608.75</v>
      </c>
      <c r="C18478" s="7">
        <f t="shared" si="288"/>
        <v>307.60874999999999</v>
      </c>
    </row>
    <row r="18479" spans="1:3" x14ac:dyDescent="0.25">
      <c r="A18479" s="2" t="s">
        <v>10137</v>
      </c>
      <c r="B18479" s="6">
        <v>307625.39999999997</v>
      </c>
      <c r="C18479" s="7">
        <f t="shared" si="288"/>
        <v>307.62539999999996</v>
      </c>
    </row>
    <row r="18480" spans="1:3" x14ac:dyDescent="0.25">
      <c r="A18480" s="2" t="s">
        <v>10138</v>
      </c>
      <c r="B18480" s="6">
        <v>307642.05</v>
      </c>
      <c r="C18480" s="7">
        <f t="shared" si="288"/>
        <v>307.64204999999998</v>
      </c>
    </row>
    <row r="18481" spans="1:3" x14ac:dyDescent="0.25">
      <c r="A18481" s="2" t="s">
        <v>10139</v>
      </c>
      <c r="B18481" s="6">
        <v>307658.69999999995</v>
      </c>
      <c r="C18481" s="7">
        <f t="shared" si="288"/>
        <v>307.65869999999995</v>
      </c>
    </row>
    <row r="18482" spans="1:3" x14ac:dyDescent="0.25">
      <c r="A18482" s="2" t="s">
        <v>10140</v>
      </c>
      <c r="B18482" s="6">
        <v>307675.34999999998</v>
      </c>
      <c r="C18482" s="7">
        <f t="shared" si="288"/>
        <v>307.67534999999998</v>
      </c>
    </row>
    <row r="18483" spans="1:3" x14ac:dyDescent="0.25">
      <c r="A18483" s="2" t="s">
        <v>10141</v>
      </c>
      <c r="B18483" s="6">
        <v>307692</v>
      </c>
      <c r="C18483" s="7">
        <f t="shared" si="288"/>
        <v>307.69200000000001</v>
      </c>
    </row>
    <row r="18484" spans="1:3" x14ac:dyDescent="0.25">
      <c r="A18484" s="2" t="s">
        <v>10142</v>
      </c>
      <c r="B18484" s="6">
        <v>307708.64999999997</v>
      </c>
      <c r="C18484" s="7">
        <f t="shared" si="288"/>
        <v>307.70864999999998</v>
      </c>
    </row>
    <row r="18485" spans="1:3" x14ac:dyDescent="0.25">
      <c r="A18485" s="2" t="s">
        <v>10143</v>
      </c>
      <c r="B18485" s="6">
        <v>307725.3</v>
      </c>
      <c r="C18485" s="7">
        <f t="shared" si="288"/>
        <v>307.7253</v>
      </c>
    </row>
    <row r="18486" spans="1:3" x14ac:dyDescent="0.25">
      <c r="A18486" s="2" t="s">
        <v>10144</v>
      </c>
      <c r="B18486" s="6">
        <v>307741.94999999995</v>
      </c>
      <c r="C18486" s="7">
        <f t="shared" si="288"/>
        <v>307.74194999999997</v>
      </c>
    </row>
    <row r="18487" spans="1:3" x14ac:dyDescent="0.25">
      <c r="A18487" s="2" t="s">
        <v>10145</v>
      </c>
      <c r="B18487" s="6">
        <v>307758.59999999998</v>
      </c>
      <c r="C18487" s="7">
        <f t="shared" si="288"/>
        <v>307.7586</v>
      </c>
    </row>
    <row r="18488" spans="1:3" x14ac:dyDescent="0.25">
      <c r="A18488" s="2" t="s">
        <v>10146</v>
      </c>
      <c r="B18488" s="6">
        <v>307775.25</v>
      </c>
      <c r="C18488" s="7">
        <f t="shared" si="288"/>
        <v>307.77525000000003</v>
      </c>
    </row>
    <row r="18489" spans="1:3" x14ac:dyDescent="0.25">
      <c r="A18489" s="2" t="s">
        <v>10147</v>
      </c>
      <c r="B18489" s="6">
        <v>307791.89999999997</v>
      </c>
      <c r="C18489" s="7">
        <f t="shared" si="288"/>
        <v>307.79189999999994</v>
      </c>
    </row>
    <row r="18490" spans="1:3" x14ac:dyDescent="0.25">
      <c r="A18490" s="2" t="s">
        <v>10148</v>
      </c>
      <c r="B18490" s="6">
        <v>307808.55</v>
      </c>
      <c r="C18490" s="7">
        <f t="shared" si="288"/>
        <v>307.80854999999997</v>
      </c>
    </row>
    <row r="18491" spans="1:3" x14ac:dyDescent="0.25">
      <c r="A18491" s="2" t="s">
        <v>10149</v>
      </c>
      <c r="B18491" s="6">
        <v>307825.19999999995</v>
      </c>
      <c r="C18491" s="7">
        <f t="shared" si="288"/>
        <v>307.82519999999994</v>
      </c>
    </row>
    <row r="18492" spans="1:3" x14ac:dyDescent="0.25">
      <c r="A18492" s="2" t="s">
        <v>10150</v>
      </c>
      <c r="B18492" s="6">
        <v>307841.84999999998</v>
      </c>
      <c r="C18492" s="7">
        <f t="shared" si="288"/>
        <v>307.84184999999997</v>
      </c>
    </row>
    <row r="18493" spans="1:3" x14ac:dyDescent="0.25">
      <c r="A18493" s="2" t="s">
        <v>10151</v>
      </c>
      <c r="B18493" s="6">
        <v>307858.5</v>
      </c>
      <c r="C18493" s="7">
        <f t="shared" si="288"/>
        <v>307.85849999999999</v>
      </c>
    </row>
    <row r="18494" spans="1:3" x14ac:dyDescent="0.25">
      <c r="A18494" s="2" t="s">
        <v>10152</v>
      </c>
      <c r="B18494" s="6">
        <v>307875.14999999997</v>
      </c>
      <c r="C18494" s="7">
        <f t="shared" si="288"/>
        <v>307.87514999999996</v>
      </c>
    </row>
    <row r="18495" spans="1:3" x14ac:dyDescent="0.25">
      <c r="A18495" s="2" t="s">
        <v>10153</v>
      </c>
      <c r="B18495" s="6">
        <v>307891.8</v>
      </c>
      <c r="C18495" s="7">
        <f t="shared" si="288"/>
        <v>307.89179999999999</v>
      </c>
    </row>
    <row r="18496" spans="1:3" x14ac:dyDescent="0.25">
      <c r="A18496" s="2" t="s">
        <v>10154</v>
      </c>
      <c r="B18496" s="6">
        <v>307908.44999999995</v>
      </c>
      <c r="C18496" s="7">
        <f t="shared" si="288"/>
        <v>307.90844999999996</v>
      </c>
    </row>
    <row r="18497" spans="1:3" x14ac:dyDescent="0.25">
      <c r="A18497" s="2" t="s">
        <v>10155</v>
      </c>
      <c r="B18497" s="6">
        <v>307925.09999999998</v>
      </c>
      <c r="C18497" s="7">
        <f t="shared" si="288"/>
        <v>307.92509999999999</v>
      </c>
    </row>
    <row r="18498" spans="1:3" x14ac:dyDescent="0.25">
      <c r="A18498" s="2" t="s">
        <v>10156</v>
      </c>
      <c r="B18498" s="6">
        <v>307941.75</v>
      </c>
      <c r="C18498" s="7">
        <f t="shared" si="288"/>
        <v>307.94175000000001</v>
      </c>
    </row>
    <row r="18499" spans="1:3" x14ac:dyDescent="0.25">
      <c r="A18499" s="2" t="s">
        <v>10157</v>
      </c>
      <c r="B18499" s="6">
        <v>307958.39999999997</v>
      </c>
      <c r="C18499" s="7">
        <f t="shared" ref="C18499:C18562" si="289">B18499/1000</f>
        <v>307.95839999999998</v>
      </c>
    </row>
    <row r="18500" spans="1:3" x14ac:dyDescent="0.25">
      <c r="A18500" s="2" t="s">
        <v>10158</v>
      </c>
      <c r="B18500" s="6">
        <v>307975.05</v>
      </c>
      <c r="C18500" s="7">
        <f t="shared" si="289"/>
        <v>307.97505000000001</v>
      </c>
    </row>
    <row r="18501" spans="1:3" x14ac:dyDescent="0.25">
      <c r="A18501" s="2" t="s">
        <v>10159</v>
      </c>
      <c r="B18501" s="6">
        <v>307991.69999999995</v>
      </c>
      <c r="C18501" s="7">
        <f t="shared" si="289"/>
        <v>307.99169999999998</v>
      </c>
    </row>
    <row r="18502" spans="1:3" x14ac:dyDescent="0.25">
      <c r="A18502" s="2" t="s">
        <v>10160</v>
      </c>
      <c r="B18502" s="6">
        <v>308008.34999999998</v>
      </c>
      <c r="C18502" s="7">
        <f t="shared" si="289"/>
        <v>308.00834999999995</v>
      </c>
    </row>
    <row r="18503" spans="1:3" x14ac:dyDescent="0.25">
      <c r="A18503" s="2" t="s">
        <v>10161</v>
      </c>
      <c r="B18503" s="6">
        <v>308025</v>
      </c>
      <c r="C18503" s="7">
        <f t="shared" si="289"/>
        <v>308.02499999999998</v>
      </c>
    </row>
    <row r="18504" spans="1:3" x14ac:dyDescent="0.25">
      <c r="A18504" s="2" t="s">
        <v>10162</v>
      </c>
      <c r="B18504" s="6">
        <v>308041.64999999997</v>
      </c>
      <c r="C18504" s="7">
        <f t="shared" si="289"/>
        <v>308.04164999999995</v>
      </c>
    </row>
    <row r="18505" spans="1:3" x14ac:dyDescent="0.25">
      <c r="A18505" s="2" t="s">
        <v>10163</v>
      </c>
      <c r="B18505" s="6">
        <v>308058.3</v>
      </c>
      <c r="C18505" s="7">
        <f t="shared" si="289"/>
        <v>308.05829999999997</v>
      </c>
    </row>
    <row r="18506" spans="1:3" x14ac:dyDescent="0.25">
      <c r="A18506" s="2" t="s">
        <v>10164</v>
      </c>
      <c r="B18506" s="6">
        <v>308074.94999999995</v>
      </c>
      <c r="C18506" s="7">
        <f t="shared" si="289"/>
        <v>308.07494999999994</v>
      </c>
    </row>
    <row r="18507" spans="1:3" x14ac:dyDescent="0.25">
      <c r="A18507" s="2" t="s">
        <v>10165</v>
      </c>
      <c r="B18507" s="6">
        <v>308091.59999999998</v>
      </c>
      <c r="C18507" s="7">
        <f t="shared" si="289"/>
        <v>308.09159999999997</v>
      </c>
    </row>
    <row r="18508" spans="1:3" x14ac:dyDescent="0.25">
      <c r="A18508" s="2" t="s">
        <v>10166</v>
      </c>
      <c r="B18508" s="6">
        <v>308108.25</v>
      </c>
      <c r="C18508" s="7">
        <f t="shared" si="289"/>
        <v>308.10825</v>
      </c>
    </row>
    <row r="18509" spans="1:3" x14ac:dyDescent="0.25">
      <c r="A18509" s="2" t="s">
        <v>10167</v>
      </c>
      <c r="B18509" s="6">
        <v>308124.89999999997</v>
      </c>
      <c r="C18509" s="7">
        <f t="shared" si="289"/>
        <v>308.12489999999997</v>
      </c>
    </row>
    <row r="18510" spans="1:3" x14ac:dyDescent="0.25">
      <c r="A18510" s="2" t="s">
        <v>10168</v>
      </c>
      <c r="B18510" s="6">
        <v>308141.55</v>
      </c>
      <c r="C18510" s="7">
        <f t="shared" si="289"/>
        <v>308.14155</v>
      </c>
    </row>
    <row r="18511" spans="1:3" x14ac:dyDescent="0.25">
      <c r="A18511" s="2" t="s">
        <v>10169</v>
      </c>
      <c r="B18511" s="6">
        <v>308158.19999999995</v>
      </c>
      <c r="C18511" s="7">
        <f t="shared" si="289"/>
        <v>308.15819999999997</v>
      </c>
    </row>
    <row r="18512" spans="1:3" x14ac:dyDescent="0.25">
      <c r="A18512" s="2" t="s">
        <v>10170</v>
      </c>
      <c r="B18512" s="6">
        <v>308174.84999999998</v>
      </c>
      <c r="C18512" s="7">
        <f t="shared" si="289"/>
        <v>308.17484999999999</v>
      </c>
    </row>
    <row r="18513" spans="1:3" x14ac:dyDescent="0.25">
      <c r="A18513" s="2" t="s">
        <v>10171</v>
      </c>
      <c r="B18513" s="6">
        <v>308191.5</v>
      </c>
      <c r="C18513" s="7">
        <f t="shared" si="289"/>
        <v>308.19150000000002</v>
      </c>
    </row>
    <row r="18514" spans="1:3" x14ac:dyDescent="0.25">
      <c r="A18514" s="2" t="s">
        <v>10172</v>
      </c>
      <c r="B18514" s="6">
        <v>308208.14999999997</v>
      </c>
      <c r="C18514" s="7">
        <f t="shared" si="289"/>
        <v>308.20814999999999</v>
      </c>
    </row>
    <row r="18515" spans="1:3" x14ac:dyDescent="0.25">
      <c r="A18515" s="2" t="s">
        <v>10173</v>
      </c>
      <c r="B18515" s="6">
        <v>308224.8</v>
      </c>
      <c r="C18515" s="7">
        <f t="shared" si="289"/>
        <v>308.22480000000002</v>
      </c>
    </row>
    <row r="18516" spans="1:3" x14ac:dyDescent="0.25">
      <c r="A18516" s="2" t="s">
        <v>10174</v>
      </c>
      <c r="B18516" s="6">
        <v>308241.44999999995</v>
      </c>
      <c r="C18516" s="7">
        <f t="shared" si="289"/>
        <v>308.24144999999993</v>
      </c>
    </row>
    <row r="18517" spans="1:3" x14ac:dyDescent="0.25">
      <c r="A18517" s="2" t="s">
        <v>10175</v>
      </c>
      <c r="B18517" s="6">
        <v>308258.09999999998</v>
      </c>
      <c r="C18517" s="7">
        <f t="shared" si="289"/>
        <v>308.25809999999996</v>
      </c>
    </row>
    <row r="18518" spans="1:3" x14ac:dyDescent="0.25">
      <c r="A18518" s="2" t="s">
        <v>10176</v>
      </c>
      <c r="B18518" s="6">
        <v>308274.75</v>
      </c>
      <c r="C18518" s="7">
        <f t="shared" si="289"/>
        <v>308.27474999999998</v>
      </c>
    </row>
    <row r="18519" spans="1:3" x14ac:dyDescent="0.25">
      <c r="A18519" s="2" t="s">
        <v>10177</v>
      </c>
      <c r="B18519" s="6">
        <v>308291.39999999997</v>
      </c>
      <c r="C18519" s="7">
        <f t="shared" si="289"/>
        <v>308.29139999999995</v>
      </c>
    </row>
    <row r="18520" spans="1:3" x14ac:dyDescent="0.25">
      <c r="A18520" s="2" t="s">
        <v>10178</v>
      </c>
      <c r="B18520" s="6">
        <v>308308.05</v>
      </c>
      <c r="C18520" s="7">
        <f t="shared" si="289"/>
        <v>308.30804999999998</v>
      </c>
    </row>
    <row r="18521" spans="1:3" x14ac:dyDescent="0.25">
      <c r="A18521" s="2" t="s">
        <v>10179</v>
      </c>
      <c r="B18521" s="6">
        <v>308324.69999999995</v>
      </c>
      <c r="C18521" s="7">
        <f t="shared" si="289"/>
        <v>308.32469999999995</v>
      </c>
    </row>
    <row r="18522" spans="1:3" x14ac:dyDescent="0.25">
      <c r="A18522" s="2" t="s">
        <v>10180</v>
      </c>
      <c r="B18522" s="6">
        <v>308341.34999999998</v>
      </c>
      <c r="C18522" s="7">
        <f t="shared" si="289"/>
        <v>308.34134999999998</v>
      </c>
    </row>
    <row r="18523" spans="1:3" x14ac:dyDescent="0.25">
      <c r="A18523" s="2" t="s">
        <v>10181</v>
      </c>
      <c r="B18523" s="6">
        <v>308358</v>
      </c>
      <c r="C18523" s="7">
        <f t="shared" si="289"/>
        <v>308.358</v>
      </c>
    </row>
    <row r="18524" spans="1:3" x14ac:dyDescent="0.25">
      <c r="A18524" s="2" t="s">
        <v>10182</v>
      </c>
      <c r="B18524" s="6">
        <v>308374.64999999997</v>
      </c>
      <c r="C18524" s="7">
        <f t="shared" si="289"/>
        <v>308.37464999999997</v>
      </c>
    </row>
    <row r="18525" spans="1:3" x14ac:dyDescent="0.25">
      <c r="A18525" s="2" t="s">
        <v>10183</v>
      </c>
      <c r="B18525" s="6">
        <v>308391.3</v>
      </c>
      <c r="C18525" s="7">
        <f t="shared" si="289"/>
        <v>308.3913</v>
      </c>
    </row>
    <row r="18526" spans="1:3" x14ac:dyDescent="0.25">
      <c r="A18526" s="2" t="s">
        <v>10184</v>
      </c>
      <c r="B18526" s="6">
        <v>308407.94999999995</v>
      </c>
      <c r="C18526" s="7">
        <f t="shared" si="289"/>
        <v>308.40794999999997</v>
      </c>
    </row>
    <row r="18527" spans="1:3" x14ac:dyDescent="0.25">
      <c r="A18527" s="2" t="s">
        <v>10185</v>
      </c>
      <c r="B18527" s="6">
        <v>308424.59999999998</v>
      </c>
      <c r="C18527" s="7">
        <f t="shared" si="289"/>
        <v>308.4246</v>
      </c>
    </row>
    <row r="18528" spans="1:3" x14ac:dyDescent="0.25">
      <c r="A18528" s="2" t="s">
        <v>10186</v>
      </c>
      <c r="B18528" s="6">
        <v>308441.25</v>
      </c>
      <c r="C18528" s="7">
        <f t="shared" si="289"/>
        <v>308.44125000000003</v>
      </c>
    </row>
    <row r="18529" spans="1:3" x14ac:dyDescent="0.25">
      <c r="A18529" s="2" t="s">
        <v>10187</v>
      </c>
      <c r="B18529" s="6">
        <v>308457.89999999997</v>
      </c>
      <c r="C18529" s="7">
        <f t="shared" si="289"/>
        <v>308.45789999999994</v>
      </c>
    </row>
    <row r="18530" spans="1:3" x14ac:dyDescent="0.25">
      <c r="A18530" s="2" t="s">
        <v>10188</v>
      </c>
      <c r="B18530" s="6">
        <v>308474.55</v>
      </c>
      <c r="C18530" s="7">
        <f t="shared" si="289"/>
        <v>308.47454999999997</v>
      </c>
    </row>
    <row r="18531" spans="1:3" x14ac:dyDescent="0.25">
      <c r="A18531" s="2" t="s">
        <v>10189</v>
      </c>
      <c r="B18531" s="6">
        <v>308491.19999999995</v>
      </c>
      <c r="C18531" s="7">
        <f t="shared" si="289"/>
        <v>308.49119999999994</v>
      </c>
    </row>
    <row r="18532" spans="1:3" x14ac:dyDescent="0.25">
      <c r="A18532" s="2" t="s">
        <v>10190</v>
      </c>
      <c r="B18532" s="6">
        <v>308507.84999999998</v>
      </c>
      <c r="C18532" s="7">
        <f t="shared" si="289"/>
        <v>308.50784999999996</v>
      </c>
    </row>
    <row r="18533" spans="1:3" x14ac:dyDescent="0.25">
      <c r="A18533" s="2" t="s">
        <v>10191</v>
      </c>
      <c r="B18533" s="6">
        <v>308524.5</v>
      </c>
      <c r="C18533" s="7">
        <f t="shared" si="289"/>
        <v>308.52449999999999</v>
      </c>
    </row>
    <row r="18534" spans="1:3" x14ac:dyDescent="0.25">
      <c r="A18534" s="2" t="s">
        <v>10192</v>
      </c>
      <c r="B18534" s="6">
        <v>308541.14999999997</v>
      </c>
      <c r="C18534" s="7">
        <f t="shared" si="289"/>
        <v>308.54114999999996</v>
      </c>
    </row>
    <row r="18535" spans="1:3" x14ac:dyDescent="0.25">
      <c r="A18535" s="2" t="s">
        <v>10193</v>
      </c>
      <c r="B18535" s="6">
        <v>308557.8</v>
      </c>
      <c r="C18535" s="7">
        <f t="shared" si="289"/>
        <v>308.55779999999999</v>
      </c>
    </row>
    <row r="18536" spans="1:3" x14ac:dyDescent="0.25">
      <c r="A18536" s="2" t="s">
        <v>10194</v>
      </c>
      <c r="B18536" s="6">
        <v>308574.44999999995</v>
      </c>
      <c r="C18536" s="7">
        <f t="shared" si="289"/>
        <v>308.57444999999996</v>
      </c>
    </row>
    <row r="18537" spans="1:3" x14ac:dyDescent="0.25">
      <c r="A18537" s="2" t="s">
        <v>10195</v>
      </c>
      <c r="B18537" s="6">
        <v>308591.09999999998</v>
      </c>
      <c r="C18537" s="7">
        <f t="shared" si="289"/>
        <v>308.59109999999998</v>
      </c>
    </row>
    <row r="18538" spans="1:3" x14ac:dyDescent="0.25">
      <c r="A18538" s="2" t="s">
        <v>10196</v>
      </c>
      <c r="B18538" s="6">
        <v>308607.75</v>
      </c>
      <c r="C18538" s="7">
        <f t="shared" si="289"/>
        <v>308.60775000000001</v>
      </c>
    </row>
    <row r="18539" spans="1:3" x14ac:dyDescent="0.25">
      <c r="A18539" s="2" t="s">
        <v>10197</v>
      </c>
      <c r="B18539" s="6">
        <v>308624.39999999997</v>
      </c>
      <c r="C18539" s="7">
        <f t="shared" si="289"/>
        <v>308.62439999999998</v>
      </c>
    </row>
    <row r="18540" spans="1:3" x14ac:dyDescent="0.25">
      <c r="A18540" s="2" t="s">
        <v>10198</v>
      </c>
      <c r="B18540" s="6">
        <v>308641.05</v>
      </c>
      <c r="C18540" s="7">
        <f t="shared" si="289"/>
        <v>308.64105000000001</v>
      </c>
    </row>
    <row r="18541" spans="1:3" x14ac:dyDescent="0.25">
      <c r="A18541" s="2" t="s">
        <v>10199</v>
      </c>
      <c r="B18541" s="6">
        <v>308657.69999999995</v>
      </c>
      <c r="C18541" s="7">
        <f t="shared" si="289"/>
        <v>308.65769999999998</v>
      </c>
    </row>
    <row r="18542" spans="1:3" x14ac:dyDescent="0.25">
      <c r="A18542" s="2" t="s">
        <v>10200</v>
      </c>
      <c r="B18542" s="6">
        <v>308674.34999999998</v>
      </c>
      <c r="C18542" s="7">
        <f t="shared" si="289"/>
        <v>308.67435</v>
      </c>
    </row>
    <row r="18543" spans="1:3" x14ac:dyDescent="0.25">
      <c r="A18543" s="2" t="s">
        <v>10201</v>
      </c>
      <c r="B18543" s="6">
        <v>308691</v>
      </c>
      <c r="C18543" s="7">
        <f t="shared" si="289"/>
        <v>308.69099999999997</v>
      </c>
    </row>
    <row r="18544" spans="1:3" x14ac:dyDescent="0.25">
      <c r="A18544" s="2" t="s">
        <v>10202</v>
      </c>
      <c r="B18544" s="6">
        <v>308707.64999999997</v>
      </c>
      <c r="C18544" s="7">
        <f t="shared" si="289"/>
        <v>308.70764999999994</v>
      </c>
    </row>
    <row r="18545" spans="1:3" x14ac:dyDescent="0.25">
      <c r="A18545" s="2" t="s">
        <v>10203</v>
      </c>
      <c r="B18545" s="6">
        <v>308724.3</v>
      </c>
      <c r="C18545" s="7">
        <f t="shared" si="289"/>
        <v>308.72429999999997</v>
      </c>
    </row>
    <row r="18546" spans="1:3" x14ac:dyDescent="0.25">
      <c r="A18546" s="2" t="s">
        <v>10204</v>
      </c>
      <c r="B18546" s="6">
        <v>308740.94999999995</v>
      </c>
      <c r="C18546" s="7">
        <f t="shared" si="289"/>
        <v>308.74094999999994</v>
      </c>
    </row>
    <row r="18547" spans="1:3" x14ac:dyDescent="0.25">
      <c r="A18547" s="2" t="s">
        <v>10205</v>
      </c>
      <c r="B18547" s="6">
        <v>308757.59999999998</v>
      </c>
      <c r="C18547" s="7">
        <f t="shared" si="289"/>
        <v>308.75759999999997</v>
      </c>
    </row>
    <row r="18548" spans="1:3" x14ac:dyDescent="0.25">
      <c r="A18548" s="2" t="s">
        <v>10206</v>
      </c>
      <c r="B18548" s="6">
        <v>308774.25</v>
      </c>
      <c r="C18548" s="7">
        <f t="shared" si="289"/>
        <v>308.77424999999999</v>
      </c>
    </row>
    <row r="18549" spans="1:3" x14ac:dyDescent="0.25">
      <c r="A18549" s="2" t="s">
        <v>10207</v>
      </c>
      <c r="B18549" s="6">
        <v>308790.89999999997</v>
      </c>
      <c r="C18549" s="7">
        <f t="shared" si="289"/>
        <v>308.79089999999997</v>
      </c>
    </row>
    <row r="18550" spans="1:3" x14ac:dyDescent="0.25">
      <c r="A18550" s="2" t="s">
        <v>10208</v>
      </c>
      <c r="B18550" s="6">
        <v>308807.55</v>
      </c>
      <c r="C18550" s="7">
        <f t="shared" si="289"/>
        <v>308.80754999999999</v>
      </c>
    </row>
    <row r="18551" spans="1:3" x14ac:dyDescent="0.25">
      <c r="A18551" s="2" t="s">
        <v>10209</v>
      </c>
      <c r="B18551" s="6">
        <v>308824.19999999995</v>
      </c>
      <c r="C18551" s="7">
        <f t="shared" si="289"/>
        <v>308.82419999999996</v>
      </c>
    </row>
    <row r="18552" spans="1:3" x14ac:dyDescent="0.25">
      <c r="A18552" s="2" t="s">
        <v>10210</v>
      </c>
      <c r="B18552" s="6">
        <v>308840.84999999998</v>
      </c>
      <c r="C18552" s="7">
        <f t="shared" si="289"/>
        <v>308.84084999999999</v>
      </c>
    </row>
    <row r="18553" spans="1:3" x14ac:dyDescent="0.25">
      <c r="A18553" s="2" t="s">
        <v>10211</v>
      </c>
      <c r="B18553" s="6">
        <v>308857.5</v>
      </c>
      <c r="C18553" s="7">
        <f t="shared" si="289"/>
        <v>308.85750000000002</v>
      </c>
    </row>
    <row r="18554" spans="1:3" x14ac:dyDescent="0.25">
      <c r="A18554" s="2" t="s">
        <v>10212</v>
      </c>
      <c r="B18554" s="6">
        <v>308874.14999999997</v>
      </c>
      <c r="C18554" s="7">
        <f t="shared" si="289"/>
        <v>308.87414999999999</v>
      </c>
    </row>
    <row r="18555" spans="1:3" x14ac:dyDescent="0.25">
      <c r="A18555" s="2" t="s">
        <v>10213</v>
      </c>
      <c r="B18555" s="6">
        <v>308890.8</v>
      </c>
      <c r="C18555" s="7">
        <f t="shared" si="289"/>
        <v>308.89080000000001</v>
      </c>
    </row>
    <row r="18556" spans="1:3" x14ac:dyDescent="0.25">
      <c r="A18556" s="2" t="s">
        <v>10214</v>
      </c>
      <c r="B18556" s="6">
        <v>308907.44999999995</v>
      </c>
      <c r="C18556" s="7">
        <f t="shared" si="289"/>
        <v>308.90744999999993</v>
      </c>
    </row>
    <row r="18557" spans="1:3" x14ac:dyDescent="0.25">
      <c r="A18557" s="2" t="s">
        <v>10215</v>
      </c>
      <c r="B18557" s="6">
        <v>308924.09999999998</v>
      </c>
      <c r="C18557" s="7">
        <f t="shared" si="289"/>
        <v>308.92409999999995</v>
      </c>
    </row>
    <row r="18558" spans="1:3" x14ac:dyDescent="0.25">
      <c r="A18558" s="2" t="s">
        <v>10216</v>
      </c>
      <c r="B18558" s="6">
        <v>308940.75</v>
      </c>
      <c r="C18558" s="7">
        <f t="shared" si="289"/>
        <v>308.94074999999998</v>
      </c>
    </row>
    <row r="18559" spans="1:3" x14ac:dyDescent="0.25">
      <c r="A18559" s="2" t="s">
        <v>10217</v>
      </c>
      <c r="B18559" s="6">
        <v>308957.39999999997</v>
      </c>
      <c r="C18559" s="7">
        <f t="shared" si="289"/>
        <v>308.95739999999995</v>
      </c>
    </row>
    <row r="18560" spans="1:3" x14ac:dyDescent="0.25">
      <c r="A18560" s="2" t="s">
        <v>10218</v>
      </c>
      <c r="B18560" s="6">
        <v>308974.05</v>
      </c>
      <c r="C18560" s="7">
        <f t="shared" si="289"/>
        <v>308.97404999999998</v>
      </c>
    </row>
    <row r="18561" spans="1:3" x14ac:dyDescent="0.25">
      <c r="A18561" s="2" t="s">
        <v>10219</v>
      </c>
      <c r="B18561" s="6">
        <v>308990.69999999995</v>
      </c>
      <c r="C18561" s="7">
        <f t="shared" si="289"/>
        <v>308.99069999999995</v>
      </c>
    </row>
    <row r="18562" spans="1:3" x14ac:dyDescent="0.25">
      <c r="A18562" s="2" t="s">
        <v>10220</v>
      </c>
      <c r="B18562" s="6">
        <v>309007.34999999998</v>
      </c>
      <c r="C18562" s="7">
        <f t="shared" si="289"/>
        <v>309.00734999999997</v>
      </c>
    </row>
    <row r="18563" spans="1:3" x14ac:dyDescent="0.25">
      <c r="A18563" s="2" t="s">
        <v>10221</v>
      </c>
      <c r="B18563" s="6">
        <v>309024</v>
      </c>
      <c r="C18563" s="7">
        <f t="shared" ref="C18563:C18626" si="290">B18563/1000</f>
        <v>309.024</v>
      </c>
    </row>
    <row r="18564" spans="1:3" x14ac:dyDescent="0.25">
      <c r="A18564" s="2" t="s">
        <v>10222</v>
      </c>
      <c r="B18564" s="6">
        <v>309040.64999999997</v>
      </c>
      <c r="C18564" s="7">
        <f t="shared" si="290"/>
        <v>309.04064999999997</v>
      </c>
    </row>
    <row r="18565" spans="1:3" x14ac:dyDescent="0.25">
      <c r="A18565" s="2" t="s">
        <v>10223</v>
      </c>
      <c r="B18565" s="6">
        <v>309057.3</v>
      </c>
      <c r="C18565" s="7">
        <f t="shared" si="290"/>
        <v>309.0573</v>
      </c>
    </row>
    <row r="18566" spans="1:3" x14ac:dyDescent="0.25">
      <c r="A18566" s="2" t="s">
        <v>10224</v>
      </c>
      <c r="B18566" s="6">
        <v>309073.94999999995</v>
      </c>
      <c r="C18566" s="7">
        <f t="shared" si="290"/>
        <v>309.07394999999997</v>
      </c>
    </row>
    <row r="18567" spans="1:3" x14ac:dyDescent="0.25">
      <c r="A18567" s="2" t="s">
        <v>10225</v>
      </c>
      <c r="B18567" s="6">
        <v>309090.59999999998</v>
      </c>
      <c r="C18567" s="7">
        <f t="shared" si="290"/>
        <v>309.09059999999999</v>
      </c>
    </row>
    <row r="18568" spans="1:3" x14ac:dyDescent="0.25">
      <c r="A18568" s="2" t="s">
        <v>10226</v>
      </c>
      <c r="B18568" s="6">
        <v>309107.25</v>
      </c>
      <c r="C18568" s="7">
        <f t="shared" si="290"/>
        <v>309.10725000000002</v>
      </c>
    </row>
    <row r="18569" spans="1:3" x14ac:dyDescent="0.25">
      <c r="A18569" s="2" t="s">
        <v>10227</v>
      </c>
      <c r="B18569" s="6">
        <v>309123.89999999997</v>
      </c>
      <c r="C18569" s="7">
        <f t="shared" si="290"/>
        <v>309.12389999999999</v>
      </c>
    </row>
    <row r="18570" spans="1:3" x14ac:dyDescent="0.25">
      <c r="A18570" s="2" t="s">
        <v>10228</v>
      </c>
      <c r="B18570" s="6">
        <v>309140.55</v>
      </c>
      <c r="C18570" s="7">
        <f t="shared" si="290"/>
        <v>309.14054999999996</v>
      </c>
    </row>
    <row r="18571" spans="1:3" x14ac:dyDescent="0.25">
      <c r="A18571" s="2" t="s">
        <v>10229</v>
      </c>
      <c r="B18571" s="6">
        <v>309157.19999999995</v>
      </c>
      <c r="C18571" s="7">
        <f t="shared" si="290"/>
        <v>309.15719999999993</v>
      </c>
    </row>
    <row r="18572" spans="1:3" x14ac:dyDescent="0.25">
      <c r="A18572" s="2" t="s">
        <v>10230</v>
      </c>
      <c r="B18572" s="6">
        <v>309173.84999999998</v>
      </c>
      <c r="C18572" s="7">
        <f t="shared" si="290"/>
        <v>309.17384999999996</v>
      </c>
    </row>
    <row r="18573" spans="1:3" x14ac:dyDescent="0.25">
      <c r="A18573" s="2" t="s">
        <v>10231</v>
      </c>
      <c r="B18573" s="6">
        <v>309190.5</v>
      </c>
      <c r="C18573" s="7">
        <f t="shared" si="290"/>
        <v>309.19049999999999</v>
      </c>
    </row>
    <row r="18574" spans="1:3" x14ac:dyDescent="0.25">
      <c r="A18574" s="2" t="s">
        <v>10232</v>
      </c>
      <c r="B18574" s="6">
        <v>309207.14999999997</v>
      </c>
      <c r="C18574" s="7">
        <f t="shared" si="290"/>
        <v>309.20714999999996</v>
      </c>
    </row>
    <row r="18575" spans="1:3" x14ac:dyDescent="0.25">
      <c r="A18575" s="2" t="s">
        <v>10233</v>
      </c>
      <c r="B18575" s="6">
        <v>309223.8</v>
      </c>
      <c r="C18575" s="7">
        <f t="shared" si="290"/>
        <v>309.22379999999998</v>
      </c>
    </row>
    <row r="18576" spans="1:3" x14ac:dyDescent="0.25">
      <c r="A18576" s="2" t="s">
        <v>10234</v>
      </c>
      <c r="B18576" s="6">
        <v>309240.44999999995</v>
      </c>
      <c r="C18576" s="7">
        <f t="shared" si="290"/>
        <v>309.24044999999995</v>
      </c>
    </row>
    <row r="18577" spans="1:3" x14ac:dyDescent="0.25">
      <c r="A18577" s="2" t="s">
        <v>10235</v>
      </c>
      <c r="B18577" s="6">
        <v>309257.09999999998</v>
      </c>
      <c r="C18577" s="7">
        <f t="shared" si="290"/>
        <v>309.25709999999998</v>
      </c>
    </row>
    <row r="18578" spans="1:3" x14ac:dyDescent="0.25">
      <c r="A18578" s="2" t="s">
        <v>10236</v>
      </c>
      <c r="B18578" s="6">
        <v>309273.75</v>
      </c>
      <c r="C18578" s="7">
        <f t="shared" si="290"/>
        <v>309.27375000000001</v>
      </c>
    </row>
    <row r="18579" spans="1:3" x14ac:dyDescent="0.25">
      <c r="A18579" s="2" t="s">
        <v>10237</v>
      </c>
      <c r="B18579" s="6">
        <v>309290.39999999997</v>
      </c>
      <c r="C18579" s="7">
        <f t="shared" si="290"/>
        <v>309.29039999999998</v>
      </c>
    </row>
    <row r="18580" spans="1:3" x14ac:dyDescent="0.25">
      <c r="A18580" s="2" t="s">
        <v>10238</v>
      </c>
      <c r="B18580" s="6">
        <v>309307.05</v>
      </c>
      <c r="C18580" s="7">
        <f t="shared" si="290"/>
        <v>309.30705</v>
      </c>
    </row>
    <row r="18581" spans="1:3" x14ac:dyDescent="0.25">
      <c r="A18581" s="2" t="s">
        <v>10239</v>
      </c>
      <c r="B18581" s="6">
        <v>309323.69999999995</v>
      </c>
      <c r="C18581" s="7">
        <f t="shared" si="290"/>
        <v>309.32369999999997</v>
      </c>
    </row>
    <row r="18582" spans="1:3" x14ac:dyDescent="0.25">
      <c r="A18582" s="2" t="s">
        <v>10240</v>
      </c>
      <c r="B18582" s="6">
        <v>309340.34999999998</v>
      </c>
      <c r="C18582" s="7">
        <f t="shared" si="290"/>
        <v>309.34035</v>
      </c>
    </row>
    <row r="18583" spans="1:3" x14ac:dyDescent="0.25">
      <c r="A18583" s="2" t="s">
        <v>10241</v>
      </c>
      <c r="B18583" s="6">
        <v>309357</v>
      </c>
      <c r="C18583" s="7">
        <f t="shared" si="290"/>
        <v>309.35700000000003</v>
      </c>
    </row>
    <row r="18584" spans="1:3" x14ac:dyDescent="0.25">
      <c r="A18584" s="2" t="s">
        <v>10242</v>
      </c>
      <c r="B18584" s="6">
        <v>309373.64999999997</v>
      </c>
      <c r="C18584" s="7">
        <f t="shared" si="290"/>
        <v>309.37364999999994</v>
      </c>
    </row>
    <row r="18585" spans="1:3" x14ac:dyDescent="0.25">
      <c r="A18585" s="2" t="s">
        <v>10243</v>
      </c>
      <c r="B18585" s="6">
        <v>309390.3</v>
      </c>
      <c r="C18585" s="7">
        <f t="shared" si="290"/>
        <v>309.39029999999997</v>
      </c>
    </row>
    <row r="18586" spans="1:3" x14ac:dyDescent="0.25">
      <c r="A18586" s="2" t="s">
        <v>10244</v>
      </c>
      <c r="B18586" s="6">
        <v>309406.94999999995</v>
      </c>
      <c r="C18586" s="7">
        <f t="shared" si="290"/>
        <v>309.40694999999994</v>
      </c>
    </row>
    <row r="18587" spans="1:3" x14ac:dyDescent="0.25">
      <c r="A18587" s="2" t="s">
        <v>10245</v>
      </c>
      <c r="B18587" s="6">
        <v>309423.59999999998</v>
      </c>
      <c r="C18587" s="7">
        <f t="shared" si="290"/>
        <v>309.42359999999996</v>
      </c>
    </row>
    <row r="18588" spans="1:3" x14ac:dyDescent="0.25">
      <c r="A18588" s="2" t="s">
        <v>10246</v>
      </c>
      <c r="B18588" s="6">
        <v>309440.25</v>
      </c>
      <c r="C18588" s="7">
        <f t="shared" si="290"/>
        <v>309.44024999999999</v>
      </c>
    </row>
    <row r="18589" spans="1:3" x14ac:dyDescent="0.25">
      <c r="A18589" s="2" t="s">
        <v>10247</v>
      </c>
      <c r="B18589" s="6">
        <v>309456.89999999997</v>
      </c>
      <c r="C18589" s="7">
        <f t="shared" si="290"/>
        <v>309.45689999999996</v>
      </c>
    </row>
    <row r="18590" spans="1:3" x14ac:dyDescent="0.25">
      <c r="A18590" s="2" t="s">
        <v>10248</v>
      </c>
      <c r="B18590" s="6">
        <v>309473.55</v>
      </c>
      <c r="C18590" s="7">
        <f t="shared" si="290"/>
        <v>309.47354999999999</v>
      </c>
    </row>
    <row r="18591" spans="1:3" x14ac:dyDescent="0.25">
      <c r="A18591" s="2" t="s">
        <v>10249</v>
      </c>
      <c r="B18591" s="6">
        <v>309490.19999999995</v>
      </c>
      <c r="C18591" s="7">
        <f t="shared" si="290"/>
        <v>309.49019999999996</v>
      </c>
    </row>
    <row r="18592" spans="1:3" x14ac:dyDescent="0.25">
      <c r="A18592" s="2" t="s">
        <v>10250</v>
      </c>
      <c r="B18592" s="6">
        <v>309506.84999999998</v>
      </c>
      <c r="C18592" s="7">
        <f t="shared" si="290"/>
        <v>309.50684999999999</v>
      </c>
    </row>
    <row r="18593" spans="1:3" x14ac:dyDescent="0.25">
      <c r="A18593" s="2" t="s">
        <v>10251</v>
      </c>
      <c r="B18593" s="6">
        <v>309523.5</v>
      </c>
      <c r="C18593" s="7">
        <f t="shared" si="290"/>
        <v>309.52350000000001</v>
      </c>
    </row>
    <row r="18594" spans="1:3" x14ac:dyDescent="0.25">
      <c r="A18594" s="2" t="s">
        <v>10252</v>
      </c>
      <c r="B18594" s="6">
        <v>309540.14999999997</v>
      </c>
      <c r="C18594" s="7">
        <f t="shared" si="290"/>
        <v>309.54014999999998</v>
      </c>
    </row>
    <row r="18595" spans="1:3" x14ac:dyDescent="0.25">
      <c r="A18595" s="2" t="s">
        <v>10253</v>
      </c>
      <c r="B18595" s="6">
        <v>309556.8</v>
      </c>
      <c r="C18595" s="7">
        <f t="shared" si="290"/>
        <v>309.55680000000001</v>
      </c>
    </row>
    <row r="18596" spans="1:3" x14ac:dyDescent="0.25">
      <c r="A18596" s="2" t="s">
        <v>10254</v>
      </c>
      <c r="B18596" s="6">
        <v>309573.44999999995</v>
      </c>
      <c r="C18596" s="7">
        <f t="shared" si="290"/>
        <v>309.57344999999998</v>
      </c>
    </row>
    <row r="18597" spans="1:3" x14ac:dyDescent="0.25">
      <c r="A18597" s="2" t="s">
        <v>10255</v>
      </c>
      <c r="B18597" s="6">
        <v>309590.09999999998</v>
      </c>
      <c r="C18597" s="7">
        <f t="shared" si="290"/>
        <v>309.59009999999995</v>
      </c>
    </row>
    <row r="18598" spans="1:3" x14ac:dyDescent="0.25">
      <c r="A18598" s="2" t="s">
        <v>10256</v>
      </c>
      <c r="B18598" s="6">
        <v>309606.75</v>
      </c>
      <c r="C18598" s="7">
        <f t="shared" si="290"/>
        <v>309.60674999999998</v>
      </c>
    </row>
    <row r="18599" spans="1:3" x14ac:dyDescent="0.25">
      <c r="A18599" s="2" t="s">
        <v>10257</v>
      </c>
      <c r="B18599" s="6">
        <v>309623.39999999997</v>
      </c>
      <c r="C18599" s="7">
        <f t="shared" si="290"/>
        <v>309.62339999999995</v>
      </c>
    </row>
    <row r="18600" spans="1:3" x14ac:dyDescent="0.25">
      <c r="A18600" s="2" t="s">
        <v>10258</v>
      </c>
      <c r="B18600" s="6">
        <v>309640.05</v>
      </c>
      <c r="C18600" s="7">
        <f t="shared" si="290"/>
        <v>309.64004999999997</v>
      </c>
    </row>
    <row r="18601" spans="1:3" x14ac:dyDescent="0.25">
      <c r="A18601" s="2" t="s">
        <v>10259</v>
      </c>
      <c r="B18601" s="6">
        <v>309656.69999999995</v>
      </c>
      <c r="C18601" s="7">
        <f t="shared" si="290"/>
        <v>309.65669999999994</v>
      </c>
    </row>
    <row r="18602" spans="1:3" x14ac:dyDescent="0.25">
      <c r="A18602" s="2" t="s">
        <v>10260</v>
      </c>
      <c r="B18602" s="6">
        <v>309673.34999999998</v>
      </c>
      <c r="C18602" s="7">
        <f t="shared" si="290"/>
        <v>309.67334999999997</v>
      </c>
    </row>
    <row r="18603" spans="1:3" x14ac:dyDescent="0.25">
      <c r="A18603" s="2" t="s">
        <v>10261</v>
      </c>
      <c r="B18603" s="6">
        <v>309690</v>
      </c>
      <c r="C18603" s="7">
        <f t="shared" si="290"/>
        <v>309.69</v>
      </c>
    </row>
    <row r="18604" spans="1:3" x14ac:dyDescent="0.25">
      <c r="A18604" s="2" t="s">
        <v>10262</v>
      </c>
      <c r="B18604" s="6">
        <v>309706.64999999997</v>
      </c>
      <c r="C18604" s="7">
        <f t="shared" si="290"/>
        <v>309.70664999999997</v>
      </c>
    </row>
    <row r="18605" spans="1:3" x14ac:dyDescent="0.25">
      <c r="A18605" s="2" t="s">
        <v>10263</v>
      </c>
      <c r="B18605" s="6">
        <v>309723.3</v>
      </c>
      <c r="C18605" s="7">
        <f t="shared" si="290"/>
        <v>309.72329999999999</v>
      </c>
    </row>
    <row r="18606" spans="1:3" x14ac:dyDescent="0.25">
      <c r="A18606" s="2" t="s">
        <v>10264</v>
      </c>
      <c r="B18606" s="6">
        <v>309739.94999999995</v>
      </c>
      <c r="C18606" s="7">
        <f t="shared" si="290"/>
        <v>309.73994999999996</v>
      </c>
    </row>
    <row r="18607" spans="1:3" x14ac:dyDescent="0.25">
      <c r="A18607" s="2" t="s">
        <v>10265</v>
      </c>
      <c r="B18607" s="6">
        <v>309756.59999999998</v>
      </c>
      <c r="C18607" s="7">
        <f t="shared" si="290"/>
        <v>309.75659999999999</v>
      </c>
    </row>
    <row r="18608" spans="1:3" x14ac:dyDescent="0.25">
      <c r="A18608" s="2" t="s">
        <v>10266</v>
      </c>
      <c r="B18608" s="6">
        <v>309773.25</v>
      </c>
      <c r="C18608" s="7">
        <f t="shared" si="290"/>
        <v>309.77325000000002</v>
      </c>
    </row>
    <row r="18609" spans="1:3" x14ac:dyDescent="0.25">
      <c r="A18609" s="2" t="s">
        <v>10267</v>
      </c>
      <c r="B18609" s="6">
        <v>309789.89999999997</v>
      </c>
      <c r="C18609" s="7">
        <f t="shared" si="290"/>
        <v>309.78989999999999</v>
      </c>
    </row>
    <row r="18610" spans="1:3" x14ac:dyDescent="0.25">
      <c r="A18610" s="2" t="s">
        <v>10268</v>
      </c>
      <c r="B18610" s="6">
        <v>309806.55</v>
      </c>
      <c r="C18610" s="7">
        <f t="shared" si="290"/>
        <v>309.80655000000002</v>
      </c>
    </row>
    <row r="18611" spans="1:3" x14ac:dyDescent="0.25">
      <c r="A18611" s="2" t="s">
        <v>10269</v>
      </c>
      <c r="B18611" s="6">
        <v>309823.19999999995</v>
      </c>
      <c r="C18611" s="7">
        <f t="shared" si="290"/>
        <v>309.82319999999993</v>
      </c>
    </row>
    <row r="18612" spans="1:3" x14ac:dyDescent="0.25">
      <c r="A18612" s="2" t="s">
        <v>10270</v>
      </c>
      <c r="B18612" s="6">
        <v>309839.84999999998</v>
      </c>
      <c r="C18612" s="7">
        <f t="shared" si="290"/>
        <v>309.83984999999996</v>
      </c>
    </row>
    <row r="18613" spans="1:3" x14ac:dyDescent="0.25">
      <c r="A18613" s="2" t="s">
        <v>10271</v>
      </c>
      <c r="B18613" s="6">
        <v>309856.5</v>
      </c>
      <c r="C18613" s="7">
        <f t="shared" si="290"/>
        <v>309.85649999999998</v>
      </c>
    </row>
    <row r="18614" spans="1:3" x14ac:dyDescent="0.25">
      <c r="A18614" s="2" t="s">
        <v>10272</v>
      </c>
      <c r="B18614" s="6">
        <v>309873.14999999997</v>
      </c>
      <c r="C18614" s="7">
        <f t="shared" si="290"/>
        <v>309.87314999999995</v>
      </c>
    </row>
    <row r="18615" spans="1:3" x14ac:dyDescent="0.25">
      <c r="A18615" s="2" t="s">
        <v>10273</v>
      </c>
      <c r="B18615" s="6">
        <v>309889.8</v>
      </c>
      <c r="C18615" s="7">
        <f t="shared" si="290"/>
        <v>309.88979999999998</v>
      </c>
    </row>
    <row r="18616" spans="1:3" x14ac:dyDescent="0.25">
      <c r="A18616" s="2" t="s">
        <v>10274</v>
      </c>
      <c r="B18616" s="6">
        <v>309906.44999999995</v>
      </c>
      <c r="C18616" s="7">
        <f t="shared" si="290"/>
        <v>309.90644999999995</v>
      </c>
    </row>
    <row r="18617" spans="1:3" x14ac:dyDescent="0.25">
      <c r="A18617" s="2" t="s">
        <v>10275</v>
      </c>
      <c r="B18617" s="6">
        <v>309923.09999999998</v>
      </c>
      <c r="C18617" s="7">
        <f t="shared" si="290"/>
        <v>309.92309999999998</v>
      </c>
    </row>
    <row r="18618" spans="1:3" x14ac:dyDescent="0.25">
      <c r="A18618" s="2" t="s">
        <v>10276</v>
      </c>
      <c r="B18618" s="6">
        <v>309939.75</v>
      </c>
      <c r="C18618" s="7">
        <f t="shared" si="290"/>
        <v>309.93975</v>
      </c>
    </row>
    <row r="18619" spans="1:3" x14ac:dyDescent="0.25">
      <c r="A18619" s="2" t="s">
        <v>10277</v>
      </c>
      <c r="B18619" s="6">
        <v>309956.39999999997</v>
      </c>
      <c r="C18619" s="7">
        <f t="shared" si="290"/>
        <v>309.95639999999997</v>
      </c>
    </row>
    <row r="18620" spans="1:3" x14ac:dyDescent="0.25">
      <c r="A18620" s="2" t="s">
        <v>10278</v>
      </c>
      <c r="B18620" s="6">
        <v>309973.05</v>
      </c>
      <c r="C18620" s="7">
        <f t="shared" si="290"/>
        <v>309.97305</v>
      </c>
    </row>
    <row r="18621" spans="1:3" x14ac:dyDescent="0.25">
      <c r="A18621" s="2" t="s">
        <v>10279</v>
      </c>
      <c r="B18621" s="6">
        <v>309989.69999999995</v>
      </c>
      <c r="C18621" s="7">
        <f t="shared" si="290"/>
        <v>309.98969999999997</v>
      </c>
    </row>
    <row r="18622" spans="1:3" x14ac:dyDescent="0.25">
      <c r="A18622" s="2" t="s">
        <v>10280</v>
      </c>
      <c r="B18622" s="6">
        <v>310006.34999999998</v>
      </c>
      <c r="C18622" s="7">
        <f t="shared" si="290"/>
        <v>310.00635</v>
      </c>
    </row>
    <row r="18623" spans="1:3" x14ac:dyDescent="0.25">
      <c r="A18623" s="2" t="s">
        <v>10281</v>
      </c>
      <c r="B18623" s="6">
        <v>310023</v>
      </c>
      <c r="C18623" s="7">
        <f t="shared" si="290"/>
        <v>310.02300000000002</v>
      </c>
    </row>
    <row r="18624" spans="1:3" x14ac:dyDescent="0.25">
      <c r="A18624" s="2" t="s">
        <v>10282</v>
      </c>
      <c r="B18624" s="6">
        <v>310039.64999999997</v>
      </c>
      <c r="C18624" s="7">
        <f t="shared" si="290"/>
        <v>310.03964999999994</v>
      </c>
    </row>
    <row r="18625" spans="1:3" x14ac:dyDescent="0.25">
      <c r="A18625" s="2" t="s">
        <v>10283</v>
      </c>
      <c r="B18625" s="6">
        <v>310056.3</v>
      </c>
      <c r="C18625" s="7">
        <f t="shared" si="290"/>
        <v>310.05629999999996</v>
      </c>
    </row>
    <row r="18626" spans="1:3" x14ac:dyDescent="0.25">
      <c r="A18626" s="2" t="s">
        <v>10284</v>
      </c>
      <c r="B18626" s="6">
        <v>310072.94999999995</v>
      </c>
      <c r="C18626" s="7">
        <f t="shared" si="290"/>
        <v>310.07294999999993</v>
      </c>
    </row>
    <row r="18627" spans="1:3" x14ac:dyDescent="0.25">
      <c r="A18627" s="2" t="s">
        <v>10285</v>
      </c>
      <c r="B18627" s="6">
        <v>310089.59999999998</v>
      </c>
      <c r="C18627" s="7">
        <f t="shared" ref="C18627:C18690" si="291">B18627/1000</f>
        <v>310.08959999999996</v>
      </c>
    </row>
    <row r="18628" spans="1:3" x14ac:dyDescent="0.25">
      <c r="A18628" s="2" t="s">
        <v>10286</v>
      </c>
      <c r="B18628" s="6">
        <v>310106.25</v>
      </c>
      <c r="C18628" s="7">
        <f t="shared" si="291"/>
        <v>310.10624999999999</v>
      </c>
    </row>
    <row r="18629" spans="1:3" x14ac:dyDescent="0.25">
      <c r="A18629" s="2" t="s">
        <v>10287</v>
      </c>
      <c r="B18629" s="6">
        <v>310122.89999999997</v>
      </c>
      <c r="C18629" s="7">
        <f t="shared" si="291"/>
        <v>310.12289999999996</v>
      </c>
    </row>
    <row r="18630" spans="1:3" x14ac:dyDescent="0.25">
      <c r="A18630" s="2" t="s">
        <v>10288</v>
      </c>
      <c r="B18630" s="6">
        <v>310139.55</v>
      </c>
      <c r="C18630" s="7">
        <f t="shared" si="291"/>
        <v>310.13954999999999</v>
      </c>
    </row>
    <row r="18631" spans="1:3" x14ac:dyDescent="0.25">
      <c r="A18631" s="2" t="s">
        <v>10289</v>
      </c>
      <c r="B18631" s="6">
        <v>310156.19999999995</v>
      </c>
      <c r="C18631" s="7">
        <f t="shared" si="291"/>
        <v>310.15619999999996</v>
      </c>
    </row>
    <row r="18632" spans="1:3" x14ac:dyDescent="0.25">
      <c r="A18632" s="2" t="s">
        <v>10290</v>
      </c>
      <c r="B18632" s="6">
        <v>310172.84999999998</v>
      </c>
      <c r="C18632" s="7">
        <f t="shared" si="291"/>
        <v>310.17284999999998</v>
      </c>
    </row>
    <row r="18633" spans="1:3" x14ac:dyDescent="0.25">
      <c r="A18633" s="2" t="s">
        <v>10291</v>
      </c>
      <c r="B18633" s="6">
        <v>310189.5</v>
      </c>
      <c r="C18633" s="7">
        <f t="shared" si="291"/>
        <v>310.18950000000001</v>
      </c>
    </row>
    <row r="18634" spans="1:3" x14ac:dyDescent="0.25">
      <c r="A18634" s="2" t="s">
        <v>10292</v>
      </c>
      <c r="B18634" s="6">
        <v>310206.14999999997</v>
      </c>
      <c r="C18634" s="7">
        <f t="shared" si="291"/>
        <v>310.20614999999998</v>
      </c>
    </row>
    <row r="18635" spans="1:3" x14ac:dyDescent="0.25">
      <c r="A18635" s="2" t="s">
        <v>10293</v>
      </c>
      <c r="B18635" s="6">
        <v>310222.8</v>
      </c>
      <c r="C18635" s="7">
        <f t="shared" si="291"/>
        <v>310.22280000000001</v>
      </c>
    </row>
    <row r="18636" spans="1:3" x14ac:dyDescent="0.25">
      <c r="A18636" s="2" t="s">
        <v>10294</v>
      </c>
      <c r="B18636" s="6">
        <v>310239.44999999995</v>
      </c>
      <c r="C18636" s="7">
        <f t="shared" si="291"/>
        <v>310.23944999999998</v>
      </c>
    </row>
    <row r="18637" spans="1:3" x14ac:dyDescent="0.25">
      <c r="A18637" s="2" t="s">
        <v>10295</v>
      </c>
      <c r="B18637" s="6">
        <v>310256.09999999998</v>
      </c>
      <c r="C18637" s="7">
        <f t="shared" si="291"/>
        <v>310.2561</v>
      </c>
    </row>
    <row r="18638" spans="1:3" x14ac:dyDescent="0.25">
      <c r="A18638" s="2" t="s">
        <v>10296</v>
      </c>
      <c r="B18638" s="6">
        <v>310272.75</v>
      </c>
      <c r="C18638" s="7">
        <f t="shared" si="291"/>
        <v>310.27274999999997</v>
      </c>
    </row>
    <row r="18639" spans="1:3" x14ac:dyDescent="0.25">
      <c r="A18639" s="2" t="s">
        <v>10297</v>
      </c>
      <c r="B18639" s="6">
        <v>310289.39999999997</v>
      </c>
      <c r="C18639" s="7">
        <f t="shared" si="291"/>
        <v>310.28939999999994</v>
      </c>
    </row>
    <row r="18640" spans="1:3" x14ac:dyDescent="0.25">
      <c r="A18640" s="2" t="s">
        <v>10298</v>
      </c>
      <c r="B18640" s="6">
        <v>310306.05</v>
      </c>
      <c r="C18640" s="7">
        <f t="shared" si="291"/>
        <v>310.30604999999997</v>
      </c>
    </row>
    <row r="18641" spans="1:3" x14ac:dyDescent="0.25">
      <c r="A18641" s="2" t="s">
        <v>10299</v>
      </c>
      <c r="B18641" s="6">
        <v>310322.69999999995</v>
      </c>
      <c r="C18641" s="7">
        <f t="shared" si="291"/>
        <v>310.32269999999994</v>
      </c>
    </row>
    <row r="18642" spans="1:3" x14ac:dyDescent="0.25">
      <c r="A18642" s="2" t="s">
        <v>10300</v>
      </c>
      <c r="B18642" s="6">
        <v>310339.34999999998</v>
      </c>
      <c r="C18642" s="7">
        <f t="shared" si="291"/>
        <v>310.33934999999997</v>
      </c>
    </row>
    <row r="18643" spans="1:3" x14ac:dyDescent="0.25">
      <c r="A18643" s="2" t="s">
        <v>10301</v>
      </c>
      <c r="B18643" s="6">
        <v>310356</v>
      </c>
      <c r="C18643" s="7">
        <f t="shared" si="291"/>
        <v>310.35599999999999</v>
      </c>
    </row>
    <row r="18644" spans="1:3" x14ac:dyDescent="0.25">
      <c r="A18644" s="2" t="s">
        <v>10302</v>
      </c>
      <c r="B18644" s="6">
        <v>310372.64999999997</v>
      </c>
      <c r="C18644" s="7">
        <f t="shared" si="291"/>
        <v>310.37264999999996</v>
      </c>
    </row>
    <row r="18645" spans="1:3" x14ac:dyDescent="0.25">
      <c r="A18645" s="2" t="s">
        <v>10303</v>
      </c>
      <c r="B18645" s="6">
        <v>310389.3</v>
      </c>
      <c r="C18645" s="7">
        <f t="shared" si="291"/>
        <v>310.38929999999999</v>
      </c>
    </row>
    <row r="18646" spans="1:3" x14ac:dyDescent="0.25">
      <c r="A18646" s="2" t="s">
        <v>10304</v>
      </c>
      <c r="B18646" s="6">
        <v>310405.94999999995</v>
      </c>
      <c r="C18646" s="7">
        <f t="shared" si="291"/>
        <v>310.40594999999996</v>
      </c>
    </row>
    <row r="18647" spans="1:3" x14ac:dyDescent="0.25">
      <c r="A18647" s="2" t="s">
        <v>10305</v>
      </c>
      <c r="B18647" s="6">
        <v>310422.59999999998</v>
      </c>
      <c r="C18647" s="7">
        <f t="shared" si="291"/>
        <v>310.42259999999999</v>
      </c>
    </row>
    <row r="18648" spans="1:3" x14ac:dyDescent="0.25">
      <c r="A18648" s="2" t="s">
        <v>10306</v>
      </c>
      <c r="B18648" s="6">
        <v>310439.25</v>
      </c>
      <c r="C18648" s="7">
        <f t="shared" si="291"/>
        <v>310.43925000000002</v>
      </c>
    </row>
    <row r="18649" spans="1:3" x14ac:dyDescent="0.25">
      <c r="A18649" s="2" t="s">
        <v>10307</v>
      </c>
      <c r="B18649" s="6">
        <v>310455.89999999997</v>
      </c>
      <c r="C18649" s="7">
        <f t="shared" si="291"/>
        <v>310.45589999999999</v>
      </c>
    </row>
    <row r="18650" spans="1:3" x14ac:dyDescent="0.25">
      <c r="A18650" s="2" t="s">
        <v>10308</v>
      </c>
      <c r="B18650" s="6">
        <v>310472.55</v>
      </c>
      <c r="C18650" s="7">
        <f t="shared" si="291"/>
        <v>310.47255000000001</v>
      </c>
    </row>
    <row r="18651" spans="1:3" x14ac:dyDescent="0.25">
      <c r="A18651" s="2" t="s">
        <v>10309</v>
      </c>
      <c r="B18651" s="6">
        <v>310489.19999999995</v>
      </c>
      <c r="C18651" s="7">
        <f t="shared" si="291"/>
        <v>310.48919999999993</v>
      </c>
    </row>
    <row r="18652" spans="1:3" x14ac:dyDescent="0.25">
      <c r="A18652" s="2" t="s">
        <v>10310</v>
      </c>
      <c r="B18652" s="6">
        <v>310505.84999999998</v>
      </c>
      <c r="C18652" s="7">
        <f t="shared" si="291"/>
        <v>310.50584999999995</v>
      </c>
    </row>
    <row r="18653" spans="1:3" x14ac:dyDescent="0.25">
      <c r="A18653" s="2" t="s">
        <v>10311</v>
      </c>
      <c r="B18653" s="6">
        <v>310522.5</v>
      </c>
      <c r="C18653" s="7">
        <f t="shared" si="291"/>
        <v>310.52249999999998</v>
      </c>
    </row>
    <row r="18654" spans="1:3" x14ac:dyDescent="0.25">
      <c r="A18654" s="2" t="s">
        <v>10312</v>
      </c>
      <c r="B18654" s="6">
        <v>310539.14999999997</v>
      </c>
      <c r="C18654" s="7">
        <f t="shared" si="291"/>
        <v>310.53914999999995</v>
      </c>
    </row>
    <row r="18655" spans="1:3" x14ac:dyDescent="0.25">
      <c r="A18655" s="2" t="s">
        <v>10313</v>
      </c>
      <c r="B18655" s="6">
        <v>310555.8</v>
      </c>
      <c r="C18655" s="7">
        <f t="shared" si="291"/>
        <v>310.55579999999998</v>
      </c>
    </row>
    <row r="18656" spans="1:3" x14ac:dyDescent="0.25">
      <c r="A18656" s="2" t="s">
        <v>10314</v>
      </c>
      <c r="B18656" s="6">
        <v>310572.44999999995</v>
      </c>
      <c r="C18656" s="7">
        <f t="shared" si="291"/>
        <v>310.57244999999995</v>
      </c>
    </row>
    <row r="18657" spans="1:3" x14ac:dyDescent="0.25">
      <c r="A18657" s="2" t="s">
        <v>10315</v>
      </c>
      <c r="B18657" s="6">
        <v>310589.09999999998</v>
      </c>
      <c r="C18657" s="7">
        <f t="shared" si="291"/>
        <v>310.58909999999997</v>
      </c>
    </row>
    <row r="18658" spans="1:3" x14ac:dyDescent="0.25">
      <c r="A18658" s="2" t="s">
        <v>10316</v>
      </c>
      <c r="B18658" s="6">
        <v>310605.75</v>
      </c>
      <c r="C18658" s="7">
        <f t="shared" si="291"/>
        <v>310.60575</v>
      </c>
    </row>
    <row r="18659" spans="1:3" x14ac:dyDescent="0.25">
      <c r="A18659" s="2" t="s">
        <v>10317</v>
      </c>
      <c r="B18659" s="6">
        <v>310622.39999999997</v>
      </c>
      <c r="C18659" s="7">
        <f t="shared" si="291"/>
        <v>310.62239999999997</v>
      </c>
    </row>
    <row r="18660" spans="1:3" x14ac:dyDescent="0.25">
      <c r="A18660" s="2" t="s">
        <v>10318</v>
      </c>
      <c r="B18660" s="6">
        <v>310639.05</v>
      </c>
      <c r="C18660" s="7">
        <f t="shared" si="291"/>
        <v>310.63905</v>
      </c>
    </row>
    <row r="18661" spans="1:3" x14ac:dyDescent="0.25">
      <c r="A18661" s="2" t="s">
        <v>10319</v>
      </c>
      <c r="B18661" s="6">
        <v>310655.69999999995</v>
      </c>
      <c r="C18661" s="7">
        <f t="shared" si="291"/>
        <v>310.65569999999997</v>
      </c>
    </row>
    <row r="18662" spans="1:3" x14ac:dyDescent="0.25">
      <c r="A18662" s="2" t="s">
        <v>10320</v>
      </c>
      <c r="B18662" s="6">
        <v>310672.34999999998</v>
      </c>
      <c r="C18662" s="7">
        <f t="shared" si="291"/>
        <v>310.67234999999999</v>
      </c>
    </row>
    <row r="18663" spans="1:3" x14ac:dyDescent="0.25">
      <c r="A18663" s="2" t="s">
        <v>10321</v>
      </c>
      <c r="B18663" s="6">
        <v>310689</v>
      </c>
      <c r="C18663" s="7">
        <f t="shared" si="291"/>
        <v>310.68900000000002</v>
      </c>
    </row>
    <row r="18664" spans="1:3" x14ac:dyDescent="0.25">
      <c r="A18664" s="2" t="s">
        <v>10322</v>
      </c>
      <c r="B18664" s="6">
        <v>310705.64999999997</v>
      </c>
      <c r="C18664" s="7">
        <f t="shared" si="291"/>
        <v>310.70564999999999</v>
      </c>
    </row>
    <row r="18665" spans="1:3" x14ac:dyDescent="0.25">
      <c r="A18665" s="2" t="s">
        <v>10323</v>
      </c>
      <c r="B18665" s="6">
        <v>310722.3</v>
      </c>
      <c r="C18665" s="7">
        <f t="shared" si="291"/>
        <v>310.72229999999996</v>
      </c>
    </row>
    <row r="18666" spans="1:3" x14ac:dyDescent="0.25">
      <c r="A18666" s="2" t="s">
        <v>10324</v>
      </c>
      <c r="B18666" s="6">
        <v>310738.94999999995</v>
      </c>
      <c r="C18666" s="7">
        <f t="shared" si="291"/>
        <v>310.73894999999993</v>
      </c>
    </row>
    <row r="18667" spans="1:3" x14ac:dyDescent="0.25">
      <c r="A18667" s="2" t="s">
        <v>10325</v>
      </c>
      <c r="B18667" s="6">
        <v>310755.59999999998</v>
      </c>
      <c r="C18667" s="7">
        <f t="shared" si="291"/>
        <v>310.75559999999996</v>
      </c>
    </row>
    <row r="18668" spans="1:3" x14ac:dyDescent="0.25">
      <c r="A18668" s="2" t="s">
        <v>10326</v>
      </c>
      <c r="B18668" s="6">
        <v>310772.25</v>
      </c>
      <c r="C18668" s="7">
        <f t="shared" si="291"/>
        <v>310.77224999999999</v>
      </c>
    </row>
    <row r="18669" spans="1:3" x14ac:dyDescent="0.25">
      <c r="A18669" s="2" t="s">
        <v>10327</v>
      </c>
      <c r="B18669" s="6">
        <v>310788.89999999997</v>
      </c>
      <c r="C18669" s="7">
        <f t="shared" si="291"/>
        <v>310.78889999999996</v>
      </c>
    </row>
    <row r="18670" spans="1:3" x14ac:dyDescent="0.25">
      <c r="A18670" s="2" t="s">
        <v>10328</v>
      </c>
      <c r="B18670" s="6">
        <v>310805.55</v>
      </c>
      <c r="C18670" s="7">
        <f t="shared" si="291"/>
        <v>310.80554999999998</v>
      </c>
    </row>
    <row r="18671" spans="1:3" x14ac:dyDescent="0.25">
      <c r="A18671" s="2" t="s">
        <v>10329</v>
      </c>
      <c r="B18671" s="6">
        <v>310822.19999999995</v>
      </c>
      <c r="C18671" s="7">
        <f t="shared" si="291"/>
        <v>310.82219999999995</v>
      </c>
    </row>
    <row r="18672" spans="1:3" x14ac:dyDescent="0.25">
      <c r="A18672" s="2" t="s">
        <v>10330</v>
      </c>
      <c r="B18672" s="6">
        <v>310838.84999999998</v>
      </c>
      <c r="C18672" s="7">
        <f t="shared" si="291"/>
        <v>310.83884999999998</v>
      </c>
    </row>
    <row r="18673" spans="1:3" x14ac:dyDescent="0.25">
      <c r="A18673" s="2" t="s">
        <v>10331</v>
      </c>
      <c r="B18673" s="6">
        <v>310855.5</v>
      </c>
      <c r="C18673" s="7">
        <f t="shared" si="291"/>
        <v>310.85550000000001</v>
      </c>
    </row>
    <row r="18674" spans="1:3" x14ac:dyDescent="0.25">
      <c r="A18674" s="2" t="s">
        <v>10332</v>
      </c>
      <c r="B18674" s="6">
        <v>310872.14999999997</v>
      </c>
      <c r="C18674" s="7">
        <f t="shared" si="291"/>
        <v>310.87214999999998</v>
      </c>
    </row>
    <row r="18675" spans="1:3" x14ac:dyDescent="0.25">
      <c r="A18675" s="2" t="s">
        <v>10333</v>
      </c>
      <c r="B18675" s="6">
        <v>310888.8</v>
      </c>
      <c r="C18675" s="7">
        <f t="shared" si="291"/>
        <v>310.8888</v>
      </c>
    </row>
    <row r="18676" spans="1:3" x14ac:dyDescent="0.25">
      <c r="A18676" s="2" t="s">
        <v>10334</v>
      </c>
      <c r="B18676" s="6">
        <v>310905.44999999995</v>
      </c>
      <c r="C18676" s="7">
        <f t="shared" si="291"/>
        <v>310.90544999999997</v>
      </c>
    </row>
    <row r="18677" spans="1:3" x14ac:dyDescent="0.25">
      <c r="A18677" s="2" t="s">
        <v>10335</v>
      </c>
      <c r="B18677" s="6">
        <v>310922.09999999998</v>
      </c>
      <c r="C18677" s="7">
        <f t="shared" si="291"/>
        <v>310.9221</v>
      </c>
    </row>
    <row r="18678" spans="1:3" x14ac:dyDescent="0.25">
      <c r="A18678" s="2" t="s">
        <v>10336</v>
      </c>
      <c r="B18678" s="6">
        <v>310938.75</v>
      </c>
      <c r="C18678" s="7">
        <f t="shared" si="291"/>
        <v>310.93875000000003</v>
      </c>
    </row>
    <row r="18679" spans="1:3" x14ac:dyDescent="0.25">
      <c r="A18679" s="2" t="s">
        <v>10337</v>
      </c>
      <c r="B18679" s="6">
        <v>310955.39999999997</v>
      </c>
      <c r="C18679" s="7">
        <f t="shared" si="291"/>
        <v>310.95539999999994</v>
      </c>
    </row>
    <row r="18680" spans="1:3" x14ac:dyDescent="0.25">
      <c r="A18680" s="2" t="s">
        <v>10338</v>
      </c>
      <c r="B18680" s="6">
        <v>310972.05</v>
      </c>
      <c r="C18680" s="7">
        <f t="shared" si="291"/>
        <v>310.97204999999997</v>
      </c>
    </row>
    <row r="18681" spans="1:3" x14ac:dyDescent="0.25">
      <c r="A18681" s="2" t="s">
        <v>10339</v>
      </c>
      <c r="B18681" s="6">
        <v>310988.69999999995</v>
      </c>
      <c r="C18681" s="7">
        <f t="shared" si="291"/>
        <v>310.98869999999994</v>
      </c>
    </row>
    <row r="18682" spans="1:3" x14ac:dyDescent="0.25">
      <c r="A18682" s="2" t="s">
        <v>10340</v>
      </c>
      <c r="B18682" s="6">
        <v>311005.34999999998</v>
      </c>
      <c r="C18682" s="7">
        <f t="shared" si="291"/>
        <v>311.00534999999996</v>
      </c>
    </row>
    <row r="18683" spans="1:3" x14ac:dyDescent="0.25">
      <c r="A18683" s="2" t="s">
        <v>10341</v>
      </c>
      <c r="B18683" s="6">
        <v>311022</v>
      </c>
      <c r="C18683" s="7">
        <f t="shared" si="291"/>
        <v>311.02199999999999</v>
      </c>
    </row>
    <row r="18684" spans="1:3" x14ac:dyDescent="0.25">
      <c r="A18684" s="2" t="s">
        <v>10342</v>
      </c>
      <c r="B18684" s="6">
        <v>311038.64999999997</v>
      </c>
      <c r="C18684" s="7">
        <f t="shared" si="291"/>
        <v>311.03864999999996</v>
      </c>
    </row>
    <row r="18685" spans="1:3" x14ac:dyDescent="0.25">
      <c r="A18685" s="2" t="s">
        <v>10343</v>
      </c>
      <c r="B18685" s="6">
        <v>311055.3</v>
      </c>
      <c r="C18685" s="7">
        <f t="shared" si="291"/>
        <v>311.05529999999999</v>
      </c>
    </row>
    <row r="18686" spans="1:3" x14ac:dyDescent="0.25">
      <c r="A18686" s="2" t="s">
        <v>10344</v>
      </c>
      <c r="B18686" s="6">
        <v>311071.94999999995</v>
      </c>
      <c r="C18686" s="7">
        <f t="shared" si="291"/>
        <v>311.07194999999996</v>
      </c>
    </row>
    <row r="18687" spans="1:3" x14ac:dyDescent="0.25">
      <c r="A18687" s="2" t="s">
        <v>10345</v>
      </c>
      <c r="B18687" s="6">
        <v>311088.59999999998</v>
      </c>
      <c r="C18687" s="7">
        <f t="shared" si="291"/>
        <v>311.08859999999999</v>
      </c>
    </row>
    <row r="18688" spans="1:3" x14ac:dyDescent="0.25">
      <c r="A18688" s="2" t="s">
        <v>10346</v>
      </c>
      <c r="B18688" s="6">
        <v>311105.25</v>
      </c>
      <c r="C18688" s="7">
        <f t="shared" si="291"/>
        <v>311.10525000000001</v>
      </c>
    </row>
    <row r="18689" spans="1:3" x14ac:dyDescent="0.25">
      <c r="A18689" s="2" t="s">
        <v>10347</v>
      </c>
      <c r="B18689" s="6">
        <v>311121.89999999997</v>
      </c>
      <c r="C18689" s="7">
        <f t="shared" si="291"/>
        <v>311.12189999999998</v>
      </c>
    </row>
    <row r="18690" spans="1:3" x14ac:dyDescent="0.25">
      <c r="A18690" s="2" t="s">
        <v>10348</v>
      </c>
      <c r="B18690" s="6">
        <v>311138.55</v>
      </c>
      <c r="C18690" s="7">
        <f t="shared" si="291"/>
        <v>311.13855000000001</v>
      </c>
    </row>
    <row r="18691" spans="1:3" x14ac:dyDescent="0.25">
      <c r="A18691" s="2" t="s">
        <v>10349</v>
      </c>
      <c r="B18691" s="6">
        <v>311155.19999999995</v>
      </c>
      <c r="C18691" s="7">
        <f t="shared" ref="C18691:C18754" si="292">B18691/1000</f>
        <v>311.15519999999998</v>
      </c>
    </row>
    <row r="18692" spans="1:3" x14ac:dyDescent="0.25">
      <c r="A18692" s="2" t="s">
        <v>10350</v>
      </c>
      <c r="B18692" s="6">
        <v>311171.84999999998</v>
      </c>
      <c r="C18692" s="7">
        <f t="shared" si="292"/>
        <v>311.17184999999995</v>
      </c>
    </row>
    <row r="18693" spans="1:3" x14ac:dyDescent="0.25">
      <c r="A18693" s="2" t="s">
        <v>10351</v>
      </c>
      <c r="B18693" s="6">
        <v>311188.5</v>
      </c>
      <c r="C18693" s="7">
        <f t="shared" si="292"/>
        <v>311.18849999999998</v>
      </c>
    </row>
    <row r="18694" spans="1:3" x14ac:dyDescent="0.25">
      <c r="A18694" s="2" t="s">
        <v>10352</v>
      </c>
      <c r="B18694" s="6">
        <v>311205.14999999997</v>
      </c>
      <c r="C18694" s="7">
        <f t="shared" si="292"/>
        <v>311.20514999999995</v>
      </c>
    </row>
    <row r="18695" spans="1:3" x14ac:dyDescent="0.25">
      <c r="A18695" s="2" t="s">
        <v>10353</v>
      </c>
      <c r="B18695" s="6">
        <v>311221.8</v>
      </c>
      <c r="C18695" s="7">
        <f t="shared" si="292"/>
        <v>311.22179999999997</v>
      </c>
    </row>
    <row r="18696" spans="1:3" x14ac:dyDescent="0.25">
      <c r="A18696" s="2" t="s">
        <v>10354</v>
      </c>
      <c r="B18696" s="6">
        <v>311238.44999999995</v>
      </c>
      <c r="C18696" s="7">
        <f t="shared" si="292"/>
        <v>311.23844999999994</v>
      </c>
    </row>
    <row r="18697" spans="1:3" x14ac:dyDescent="0.25">
      <c r="A18697" s="2" t="s">
        <v>10355</v>
      </c>
      <c r="B18697" s="6">
        <v>311255.09999999998</v>
      </c>
      <c r="C18697" s="7">
        <f t="shared" si="292"/>
        <v>311.25509999999997</v>
      </c>
    </row>
    <row r="18698" spans="1:3" x14ac:dyDescent="0.25">
      <c r="A18698" s="2" t="s">
        <v>10356</v>
      </c>
      <c r="B18698" s="6">
        <v>311271.75</v>
      </c>
      <c r="C18698" s="7">
        <f t="shared" si="292"/>
        <v>311.27175</v>
      </c>
    </row>
    <row r="18699" spans="1:3" x14ac:dyDescent="0.25">
      <c r="A18699" s="2" t="s">
        <v>10357</v>
      </c>
      <c r="B18699" s="6">
        <v>311288.39999999997</v>
      </c>
      <c r="C18699" s="7">
        <f t="shared" si="292"/>
        <v>311.28839999999997</v>
      </c>
    </row>
    <row r="18700" spans="1:3" x14ac:dyDescent="0.25">
      <c r="A18700" s="2" t="s">
        <v>10358</v>
      </c>
      <c r="B18700" s="6">
        <v>311305.05</v>
      </c>
      <c r="C18700" s="7">
        <f t="shared" si="292"/>
        <v>311.30504999999999</v>
      </c>
    </row>
    <row r="18701" spans="1:3" x14ac:dyDescent="0.25">
      <c r="A18701" s="2" t="s">
        <v>10359</v>
      </c>
      <c r="B18701" s="6">
        <v>311321.69999999995</v>
      </c>
      <c r="C18701" s="7">
        <f t="shared" si="292"/>
        <v>311.32169999999996</v>
      </c>
    </row>
    <row r="18702" spans="1:3" x14ac:dyDescent="0.25">
      <c r="A18702" s="2" t="s">
        <v>10360</v>
      </c>
      <c r="B18702" s="6">
        <v>311338.34999999998</v>
      </c>
      <c r="C18702" s="7">
        <f t="shared" si="292"/>
        <v>311.33834999999999</v>
      </c>
    </row>
    <row r="18703" spans="1:3" x14ac:dyDescent="0.25">
      <c r="A18703" s="2" t="s">
        <v>10361</v>
      </c>
      <c r="B18703" s="6">
        <v>311355</v>
      </c>
      <c r="C18703" s="7">
        <f t="shared" si="292"/>
        <v>311.35500000000002</v>
      </c>
    </row>
    <row r="18704" spans="1:3" x14ac:dyDescent="0.25">
      <c r="A18704" s="2" t="s">
        <v>10362</v>
      </c>
      <c r="B18704" s="6">
        <v>311371.64999999997</v>
      </c>
      <c r="C18704" s="7">
        <f t="shared" si="292"/>
        <v>311.37164999999999</v>
      </c>
    </row>
    <row r="18705" spans="1:3" x14ac:dyDescent="0.25">
      <c r="A18705" s="2" t="s">
        <v>10363</v>
      </c>
      <c r="B18705" s="6">
        <v>311388.3</v>
      </c>
      <c r="C18705" s="7">
        <f t="shared" si="292"/>
        <v>311.38830000000002</v>
      </c>
    </row>
    <row r="18706" spans="1:3" x14ac:dyDescent="0.25">
      <c r="A18706" s="2" t="s">
        <v>10364</v>
      </c>
      <c r="B18706" s="6">
        <v>311404.94999999995</v>
      </c>
      <c r="C18706" s="7">
        <f t="shared" si="292"/>
        <v>311.40494999999993</v>
      </c>
    </row>
    <row r="18707" spans="1:3" x14ac:dyDescent="0.25">
      <c r="A18707" s="2" t="s">
        <v>10365</v>
      </c>
      <c r="B18707" s="6">
        <v>311421.59999999998</v>
      </c>
      <c r="C18707" s="7">
        <f t="shared" si="292"/>
        <v>311.42159999999996</v>
      </c>
    </row>
    <row r="18708" spans="1:3" x14ac:dyDescent="0.25">
      <c r="A18708" s="2" t="s">
        <v>10366</v>
      </c>
      <c r="B18708" s="6">
        <v>311438.25</v>
      </c>
      <c r="C18708" s="7">
        <f t="shared" si="292"/>
        <v>311.43824999999998</v>
      </c>
    </row>
    <row r="18709" spans="1:3" x14ac:dyDescent="0.25">
      <c r="A18709" s="2" t="s">
        <v>10367</v>
      </c>
      <c r="B18709" s="6">
        <v>311454.89999999997</v>
      </c>
      <c r="C18709" s="7">
        <f t="shared" si="292"/>
        <v>311.45489999999995</v>
      </c>
    </row>
    <row r="18710" spans="1:3" x14ac:dyDescent="0.25">
      <c r="A18710" s="2" t="s">
        <v>10368</v>
      </c>
      <c r="B18710" s="6">
        <v>311471.55</v>
      </c>
      <c r="C18710" s="7">
        <f t="shared" si="292"/>
        <v>311.47154999999998</v>
      </c>
    </row>
    <row r="18711" spans="1:3" x14ac:dyDescent="0.25">
      <c r="A18711" s="2" t="s">
        <v>10369</v>
      </c>
      <c r="B18711" s="6">
        <v>311488.19999999995</v>
      </c>
      <c r="C18711" s="7">
        <f t="shared" si="292"/>
        <v>311.48819999999995</v>
      </c>
    </row>
    <row r="18712" spans="1:3" x14ac:dyDescent="0.25">
      <c r="A18712" s="2" t="s">
        <v>10370</v>
      </c>
      <c r="B18712" s="6">
        <v>311504.84999999998</v>
      </c>
      <c r="C18712" s="7">
        <f t="shared" si="292"/>
        <v>311.50484999999998</v>
      </c>
    </row>
    <row r="18713" spans="1:3" x14ac:dyDescent="0.25">
      <c r="A18713" s="2" t="s">
        <v>10371</v>
      </c>
      <c r="B18713" s="6">
        <v>311521.5</v>
      </c>
      <c r="C18713" s="7">
        <f t="shared" si="292"/>
        <v>311.5215</v>
      </c>
    </row>
    <row r="18714" spans="1:3" x14ac:dyDescent="0.25">
      <c r="A18714" s="2" t="s">
        <v>10372</v>
      </c>
      <c r="B18714" s="6">
        <v>311538.14999999997</v>
      </c>
      <c r="C18714" s="7">
        <f t="shared" si="292"/>
        <v>311.53814999999997</v>
      </c>
    </row>
    <row r="18715" spans="1:3" x14ac:dyDescent="0.25">
      <c r="A18715" s="2" t="s">
        <v>10373</v>
      </c>
      <c r="B18715" s="6">
        <v>311554.8</v>
      </c>
      <c r="C18715" s="7">
        <f t="shared" si="292"/>
        <v>311.5548</v>
      </c>
    </row>
    <row r="18716" spans="1:3" x14ac:dyDescent="0.25">
      <c r="A18716" s="2" t="s">
        <v>10374</v>
      </c>
      <c r="B18716" s="6">
        <v>311571.44999999995</v>
      </c>
      <c r="C18716" s="7">
        <f t="shared" si="292"/>
        <v>311.57144999999997</v>
      </c>
    </row>
    <row r="18717" spans="1:3" x14ac:dyDescent="0.25">
      <c r="A18717" s="2" t="s">
        <v>10375</v>
      </c>
      <c r="B18717" s="6">
        <v>311588.09999999998</v>
      </c>
      <c r="C18717" s="7">
        <f t="shared" si="292"/>
        <v>311.5881</v>
      </c>
    </row>
    <row r="18718" spans="1:3" x14ac:dyDescent="0.25">
      <c r="A18718" s="2" t="s">
        <v>10376</v>
      </c>
      <c r="B18718" s="6">
        <v>311604.75</v>
      </c>
      <c r="C18718" s="7">
        <f t="shared" si="292"/>
        <v>311.60475000000002</v>
      </c>
    </row>
    <row r="18719" spans="1:3" x14ac:dyDescent="0.25">
      <c r="A18719" s="2" t="s">
        <v>10377</v>
      </c>
      <c r="B18719" s="6">
        <v>311621.39999999997</v>
      </c>
      <c r="C18719" s="7">
        <f t="shared" si="292"/>
        <v>311.62139999999994</v>
      </c>
    </row>
    <row r="18720" spans="1:3" x14ac:dyDescent="0.25">
      <c r="A18720" s="2" t="s">
        <v>10378</v>
      </c>
      <c r="B18720" s="6">
        <v>311638.05</v>
      </c>
      <c r="C18720" s="7">
        <f t="shared" si="292"/>
        <v>311.63804999999996</v>
      </c>
    </row>
    <row r="18721" spans="1:3" x14ac:dyDescent="0.25">
      <c r="A18721" s="2" t="s">
        <v>10379</v>
      </c>
      <c r="B18721" s="6">
        <v>311654.69999999995</v>
      </c>
      <c r="C18721" s="7">
        <f t="shared" si="292"/>
        <v>311.65469999999993</v>
      </c>
    </row>
    <row r="18722" spans="1:3" x14ac:dyDescent="0.25">
      <c r="A18722" s="2" t="s">
        <v>10380</v>
      </c>
      <c r="B18722" s="6">
        <v>311671.34999999998</v>
      </c>
      <c r="C18722" s="7">
        <f t="shared" si="292"/>
        <v>311.67134999999996</v>
      </c>
    </row>
    <row r="18723" spans="1:3" x14ac:dyDescent="0.25">
      <c r="A18723" s="2" t="s">
        <v>10381</v>
      </c>
      <c r="B18723" s="6">
        <v>311688</v>
      </c>
      <c r="C18723" s="7">
        <f t="shared" si="292"/>
        <v>311.68799999999999</v>
      </c>
    </row>
    <row r="18724" spans="1:3" x14ac:dyDescent="0.25">
      <c r="A18724" s="2" t="s">
        <v>10382</v>
      </c>
      <c r="B18724" s="6">
        <v>311704.64999999997</v>
      </c>
      <c r="C18724" s="7">
        <f t="shared" si="292"/>
        <v>311.70464999999996</v>
      </c>
    </row>
    <row r="18725" spans="1:3" x14ac:dyDescent="0.25">
      <c r="A18725" s="2" t="s">
        <v>10383</v>
      </c>
      <c r="B18725" s="6">
        <v>311721.3</v>
      </c>
      <c r="C18725" s="7">
        <f t="shared" si="292"/>
        <v>311.72129999999999</v>
      </c>
    </row>
    <row r="18726" spans="1:3" x14ac:dyDescent="0.25">
      <c r="A18726" s="2" t="s">
        <v>10384</v>
      </c>
      <c r="B18726" s="6">
        <v>311737.94999999995</v>
      </c>
      <c r="C18726" s="7">
        <f t="shared" si="292"/>
        <v>311.73794999999996</v>
      </c>
    </row>
    <row r="18727" spans="1:3" x14ac:dyDescent="0.25">
      <c r="A18727" s="2" t="s">
        <v>10385</v>
      </c>
      <c r="B18727" s="6">
        <v>311754.59999999998</v>
      </c>
      <c r="C18727" s="7">
        <f t="shared" si="292"/>
        <v>311.75459999999998</v>
      </c>
    </row>
    <row r="18728" spans="1:3" x14ac:dyDescent="0.25">
      <c r="A18728" s="2" t="s">
        <v>10386</v>
      </c>
      <c r="B18728" s="6">
        <v>311771.25</v>
      </c>
      <c r="C18728" s="7">
        <f t="shared" si="292"/>
        <v>311.77125000000001</v>
      </c>
    </row>
    <row r="18729" spans="1:3" x14ac:dyDescent="0.25">
      <c r="A18729" s="2" t="s">
        <v>10387</v>
      </c>
      <c r="B18729" s="6">
        <v>311787.89999999997</v>
      </c>
      <c r="C18729" s="7">
        <f t="shared" si="292"/>
        <v>311.78789999999998</v>
      </c>
    </row>
    <row r="18730" spans="1:3" x14ac:dyDescent="0.25">
      <c r="A18730" s="2" t="s">
        <v>10388</v>
      </c>
      <c r="B18730" s="6">
        <v>311804.55</v>
      </c>
      <c r="C18730" s="7">
        <f t="shared" si="292"/>
        <v>311.80455000000001</v>
      </c>
    </row>
    <row r="18731" spans="1:3" x14ac:dyDescent="0.25">
      <c r="A18731" s="2" t="s">
        <v>10389</v>
      </c>
      <c r="B18731" s="6">
        <v>311821.19999999995</v>
      </c>
      <c r="C18731" s="7">
        <f t="shared" si="292"/>
        <v>311.82119999999998</v>
      </c>
    </row>
    <row r="18732" spans="1:3" x14ac:dyDescent="0.25">
      <c r="A18732" s="2" t="s">
        <v>10390</v>
      </c>
      <c r="B18732" s="6">
        <v>311837.84999999998</v>
      </c>
      <c r="C18732" s="7">
        <f t="shared" si="292"/>
        <v>311.83785</v>
      </c>
    </row>
    <row r="18733" spans="1:3" x14ac:dyDescent="0.25">
      <c r="A18733" s="2" t="s">
        <v>10391</v>
      </c>
      <c r="B18733" s="6">
        <v>311854.5</v>
      </c>
      <c r="C18733" s="7">
        <f t="shared" si="292"/>
        <v>311.85449999999997</v>
      </c>
    </row>
    <row r="18734" spans="1:3" x14ac:dyDescent="0.25">
      <c r="A18734" s="2" t="s">
        <v>10392</v>
      </c>
      <c r="B18734" s="6">
        <v>311871.14999999997</v>
      </c>
      <c r="C18734" s="7">
        <f t="shared" si="292"/>
        <v>311.87114999999994</v>
      </c>
    </row>
    <row r="18735" spans="1:3" x14ac:dyDescent="0.25">
      <c r="A18735" s="2" t="s">
        <v>10393</v>
      </c>
      <c r="B18735" s="6">
        <v>311887.8</v>
      </c>
      <c r="C18735" s="7">
        <f t="shared" si="292"/>
        <v>311.88779999999997</v>
      </c>
    </row>
    <row r="18736" spans="1:3" x14ac:dyDescent="0.25">
      <c r="A18736" s="2" t="s">
        <v>10394</v>
      </c>
      <c r="B18736" s="6">
        <v>311904.44999999995</v>
      </c>
      <c r="C18736" s="7">
        <f t="shared" si="292"/>
        <v>311.90444999999994</v>
      </c>
    </row>
    <row r="18737" spans="1:3" x14ac:dyDescent="0.25">
      <c r="A18737" s="2" t="s">
        <v>10395</v>
      </c>
      <c r="B18737" s="6">
        <v>311921.09999999998</v>
      </c>
      <c r="C18737" s="7">
        <f t="shared" si="292"/>
        <v>311.92109999999997</v>
      </c>
    </row>
    <row r="18738" spans="1:3" x14ac:dyDescent="0.25">
      <c r="A18738" s="2" t="s">
        <v>10396</v>
      </c>
      <c r="B18738" s="6">
        <v>311937.75</v>
      </c>
      <c r="C18738" s="7">
        <f t="shared" si="292"/>
        <v>311.93774999999999</v>
      </c>
    </row>
    <row r="18739" spans="1:3" x14ac:dyDescent="0.25">
      <c r="A18739" s="2" t="s">
        <v>10397</v>
      </c>
      <c r="B18739" s="6">
        <v>311954.39999999997</v>
      </c>
      <c r="C18739" s="7">
        <f t="shared" si="292"/>
        <v>311.95439999999996</v>
      </c>
    </row>
    <row r="18740" spans="1:3" x14ac:dyDescent="0.25">
      <c r="A18740" s="2" t="s">
        <v>10398</v>
      </c>
      <c r="B18740" s="6">
        <v>311971.05</v>
      </c>
      <c r="C18740" s="7">
        <f t="shared" si="292"/>
        <v>311.97104999999999</v>
      </c>
    </row>
    <row r="18741" spans="1:3" x14ac:dyDescent="0.25">
      <c r="A18741" s="2" t="s">
        <v>10399</v>
      </c>
      <c r="B18741" s="6">
        <v>311987.69999999995</v>
      </c>
      <c r="C18741" s="7">
        <f t="shared" si="292"/>
        <v>311.98769999999996</v>
      </c>
    </row>
    <row r="18742" spans="1:3" x14ac:dyDescent="0.25">
      <c r="A18742" s="2" t="s">
        <v>10400</v>
      </c>
      <c r="B18742" s="6">
        <v>312004.34999999998</v>
      </c>
      <c r="C18742" s="7">
        <f t="shared" si="292"/>
        <v>312.00434999999999</v>
      </c>
    </row>
    <row r="18743" spans="1:3" x14ac:dyDescent="0.25">
      <c r="A18743" s="2" t="s">
        <v>10401</v>
      </c>
      <c r="B18743" s="6">
        <v>312021</v>
      </c>
      <c r="C18743" s="7">
        <f t="shared" si="292"/>
        <v>312.02100000000002</v>
      </c>
    </row>
    <row r="18744" spans="1:3" x14ac:dyDescent="0.25">
      <c r="A18744" s="2" t="s">
        <v>10402</v>
      </c>
      <c r="B18744" s="6">
        <v>312037.64999999997</v>
      </c>
      <c r="C18744" s="7">
        <f t="shared" si="292"/>
        <v>312.03764999999999</v>
      </c>
    </row>
    <row r="18745" spans="1:3" x14ac:dyDescent="0.25">
      <c r="A18745" s="2" t="s">
        <v>10403</v>
      </c>
      <c r="B18745" s="6">
        <v>312054.3</v>
      </c>
      <c r="C18745" s="7">
        <f t="shared" si="292"/>
        <v>312.05430000000001</v>
      </c>
    </row>
    <row r="18746" spans="1:3" x14ac:dyDescent="0.25">
      <c r="A18746" s="2" t="s">
        <v>10404</v>
      </c>
      <c r="B18746" s="6">
        <v>312070.94999999995</v>
      </c>
      <c r="C18746" s="7">
        <f t="shared" si="292"/>
        <v>312.07094999999993</v>
      </c>
    </row>
    <row r="18747" spans="1:3" x14ac:dyDescent="0.25">
      <c r="A18747" s="2" t="s">
        <v>10405</v>
      </c>
      <c r="B18747" s="6">
        <v>312087.59999999998</v>
      </c>
      <c r="C18747" s="7">
        <f t="shared" si="292"/>
        <v>312.08759999999995</v>
      </c>
    </row>
    <row r="18748" spans="1:3" x14ac:dyDescent="0.25">
      <c r="A18748" s="2" t="s">
        <v>10406</v>
      </c>
      <c r="B18748" s="6">
        <v>312104.25</v>
      </c>
      <c r="C18748" s="7">
        <f t="shared" si="292"/>
        <v>312.10424999999998</v>
      </c>
    </row>
    <row r="18749" spans="1:3" x14ac:dyDescent="0.25">
      <c r="A18749" s="2" t="s">
        <v>10407</v>
      </c>
      <c r="B18749" s="6">
        <v>312120.89999999997</v>
      </c>
      <c r="C18749" s="7">
        <f t="shared" si="292"/>
        <v>312.12089999999995</v>
      </c>
    </row>
    <row r="18750" spans="1:3" x14ac:dyDescent="0.25">
      <c r="A18750" s="2" t="s">
        <v>10408</v>
      </c>
      <c r="B18750" s="6">
        <v>312137.55</v>
      </c>
      <c r="C18750" s="7">
        <f t="shared" si="292"/>
        <v>312.13754999999998</v>
      </c>
    </row>
    <row r="18751" spans="1:3" x14ac:dyDescent="0.25">
      <c r="A18751" s="2" t="s">
        <v>10409</v>
      </c>
      <c r="B18751" s="6">
        <v>312154.19999999995</v>
      </c>
      <c r="C18751" s="7">
        <f t="shared" si="292"/>
        <v>312.15419999999995</v>
      </c>
    </row>
    <row r="18752" spans="1:3" x14ac:dyDescent="0.25">
      <c r="A18752" s="2" t="s">
        <v>10410</v>
      </c>
      <c r="B18752" s="6">
        <v>312170.84999999998</v>
      </c>
      <c r="C18752" s="7">
        <f t="shared" si="292"/>
        <v>312.17084999999997</v>
      </c>
    </row>
    <row r="18753" spans="1:3" x14ac:dyDescent="0.25">
      <c r="A18753" s="2" t="s">
        <v>10411</v>
      </c>
      <c r="B18753" s="6">
        <v>312187.5</v>
      </c>
      <c r="C18753" s="7">
        <f t="shared" si="292"/>
        <v>312.1875</v>
      </c>
    </row>
    <row r="18754" spans="1:3" x14ac:dyDescent="0.25">
      <c r="A18754" s="2" t="s">
        <v>10412</v>
      </c>
      <c r="B18754" s="6">
        <v>312204.14999999997</v>
      </c>
      <c r="C18754" s="7">
        <f t="shared" si="292"/>
        <v>312.20414999999997</v>
      </c>
    </row>
    <row r="18755" spans="1:3" x14ac:dyDescent="0.25">
      <c r="A18755" s="2" t="s">
        <v>10413</v>
      </c>
      <c r="B18755" s="6">
        <v>312220.79999999999</v>
      </c>
      <c r="C18755" s="7">
        <f t="shared" ref="C18755:C18818" si="293">B18755/1000</f>
        <v>312.2208</v>
      </c>
    </row>
    <row r="18756" spans="1:3" x14ac:dyDescent="0.25">
      <c r="A18756" s="2" t="s">
        <v>10414</v>
      </c>
      <c r="B18756" s="6">
        <v>312237.44999999995</v>
      </c>
      <c r="C18756" s="7">
        <f t="shared" si="293"/>
        <v>312.23744999999997</v>
      </c>
    </row>
    <row r="18757" spans="1:3" x14ac:dyDescent="0.25">
      <c r="A18757" s="2" t="s">
        <v>10415</v>
      </c>
      <c r="B18757" s="6">
        <v>312254.09999999998</v>
      </c>
      <c r="C18757" s="7">
        <f t="shared" si="293"/>
        <v>312.25409999999999</v>
      </c>
    </row>
    <row r="18758" spans="1:3" x14ac:dyDescent="0.25">
      <c r="A18758" s="2" t="s">
        <v>10416</v>
      </c>
      <c r="B18758" s="6">
        <v>312270.75</v>
      </c>
      <c r="C18758" s="7">
        <f t="shared" si="293"/>
        <v>312.27075000000002</v>
      </c>
    </row>
    <row r="18759" spans="1:3" x14ac:dyDescent="0.25">
      <c r="A18759" s="2" t="s">
        <v>10417</v>
      </c>
      <c r="B18759" s="6">
        <v>312287.39999999997</v>
      </c>
      <c r="C18759" s="7">
        <f t="shared" si="293"/>
        <v>312.28739999999999</v>
      </c>
    </row>
    <row r="18760" spans="1:3" x14ac:dyDescent="0.25">
      <c r="A18760" s="2" t="s">
        <v>10418</v>
      </c>
      <c r="B18760" s="6">
        <v>312304.05</v>
      </c>
      <c r="C18760" s="7">
        <f t="shared" si="293"/>
        <v>312.30404999999996</v>
      </c>
    </row>
    <row r="18761" spans="1:3" x14ac:dyDescent="0.25">
      <c r="A18761" s="2" t="s">
        <v>10419</v>
      </c>
      <c r="B18761" s="6">
        <v>312320.69999999995</v>
      </c>
      <c r="C18761" s="7">
        <f t="shared" si="293"/>
        <v>312.32069999999993</v>
      </c>
    </row>
    <row r="18762" spans="1:3" x14ac:dyDescent="0.25">
      <c r="A18762" s="2" t="s">
        <v>10420</v>
      </c>
      <c r="B18762" s="6">
        <v>312337.34999999998</v>
      </c>
      <c r="C18762" s="7">
        <f t="shared" si="293"/>
        <v>312.33734999999996</v>
      </c>
    </row>
    <row r="18763" spans="1:3" x14ac:dyDescent="0.25">
      <c r="A18763" s="2" t="s">
        <v>10421</v>
      </c>
      <c r="B18763" s="6">
        <v>312354</v>
      </c>
      <c r="C18763" s="7">
        <f t="shared" si="293"/>
        <v>312.35399999999998</v>
      </c>
    </row>
    <row r="18764" spans="1:3" x14ac:dyDescent="0.25">
      <c r="A18764" s="2" t="s">
        <v>10422</v>
      </c>
      <c r="B18764" s="6">
        <v>312370.64999999997</v>
      </c>
      <c r="C18764" s="7">
        <f t="shared" si="293"/>
        <v>312.37064999999996</v>
      </c>
    </row>
    <row r="18765" spans="1:3" x14ac:dyDescent="0.25">
      <c r="A18765" s="2" t="s">
        <v>10423</v>
      </c>
      <c r="B18765" s="6">
        <v>312387.3</v>
      </c>
      <c r="C18765" s="7">
        <f t="shared" si="293"/>
        <v>312.38729999999998</v>
      </c>
    </row>
    <row r="18766" spans="1:3" x14ac:dyDescent="0.25">
      <c r="A18766" s="2" t="s">
        <v>10424</v>
      </c>
      <c r="B18766" s="6">
        <v>312403.94999999995</v>
      </c>
      <c r="C18766" s="7">
        <f t="shared" si="293"/>
        <v>312.40394999999995</v>
      </c>
    </row>
    <row r="18767" spans="1:3" x14ac:dyDescent="0.25">
      <c r="A18767" s="2" t="s">
        <v>10425</v>
      </c>
      <c r="B18767" s="6">
        <v>312420.59999999998</v>
      </c>
      <c r="C18767" s="7">
        <f t="shared" si="293"/>
        <v>312.42059999999998</v>
      </c>
    </row>
    <row r="18768" spans="1:3" x14ac:dyDescent="0.25">
      <c r="A18768" s="2" t="s">
        <v>10426</v>
      </c>
      <c r="B18768" s="6">
        <v>312437.25</v>
      </c>
      <c r="C18768" s="7">
        <f t="shared" si="293"/>
        <v>312.43725000000001</v>
      </c>
    </row>
    <row r="18769" spans="1:3" x14ac:dyDescent="0.25">
      <c r="A18769" s="2" t="s">
        <v>10427</v>
      </c>
      <c r="B18769" s="6">
        <v>312453.89999999997</v>
      </c>
      <c r="C18769" s="7">
        <f t="shared" si="293"/>
        <v>312.45389999999998</v>
      </c>
    </row>
    <row r="18770" spans="1:3" x14ac:dyDescent="0.25">
      <c r="A18770" s="2" t="s">
        <v>10428</v>
      </c>
      <c r="B18770" s="6">
        <v>312470.55</v>
      </c>
      <c r="C18770" s="7">
        <f t="shared" si="293"/>
        <v>312.47055</v>
      </c>
    </row>
    <row r="18771" spans="1:3" x14ac:dyDescent="0.25">
      <c r="A18771" s="2" t="s">
        <v>10429</v>
      </c>
      <c r="B18771" s="6">
        <v>312487.19999999995</v>
      </c>
      <c r="C18771" s="7">
        <f t="shared" si="293"/>
        <v>312.48719999999997</v>
      </c>
    </row>
    <row r="18772" spans="1:3" x14ac:dyDescent="0.25">
      <c r="A18772" s="2" t="s">
        <v>10430</v>
      </c>
      <c r="B18772" s="6">
        <v>312503.84999999998</v>
      </c>
      <c r="C18772" s="7">
        <f t="shared" si="293"/>
        <v>312.50385</v>
      </c>
    </row>
    <row r="18773" spans="1:3" x14ac:dyDescent="0.25">
      <c r="A18773" s="2" t="s">
        <v>10431</v>
      </c>
      <c r="B18773" s="6">
        <v>312520.5</v>
      </c>
      <c r="C18773" s="7">
        <f t="shared" si="293"/>
        <v>312.52050000000003</v>
      </c>
    </row>
    <row r="18774" spans="1:3" x14ac:dyDescent="0.25">
      <c r="A18774" s="2" t="s">
        <v>10432</v>
      </c>
      <c r="B18774" s="6">
        <v>312537.14999999997</v>
      </c>
      <c r="C18774" s="7">
        <f t="shared" si="293"/>
        <v>312.53714999999994</v>
      </c>
    </row>
    <row r="18775" spans="1:3" x14ac:dyDescent="0.25">
      <c r="A18775" s="2" t="s">
        <v>10433</v>
      </c>
      <c r="B18775" s="6">
        <v>312553.8</v>
      </c>
      <c r="C18775" s="7">
        <f t="shared" si="293"/>
        <v>312.55379999999997</v>
      </c>
    </row>
    <row r="18776" spans="1:3" x14ac:dyDescent="0.25">
      <c r="A18776" s="2" t="s">
        <v>10434</v>
      </c>
      <c r="B18776" s="6">
        <v>312570.44999999995</v>
      </c>
      <c r="C18776" s="7">
        <f t="shared" si="293"/>
        <v>312.57044999999994</v>
      </c>
    </row>
    <row r="18777" spans="1:3" x14ac:dyDescent="0.25">
      <c r="A18777" s="2" t="s">
        <v>10435</v>
      </c>
      <c r="B18777" s="6">
        <v>312587.09999999998</v>
      </c>
      <c r="C18777" s="7">
        <f t="shared" si="293"/>
        <v>312.58709999999996</v>
      </c>
    </row>
    <row r="18778" spans="1:3" x14ac:dyDescent="0.25">
      <c r="A18778" s="2" t="s">
        <v>10436</v>
      </c>
      <c r="B18778" s="6">
        <v>312603.75</v>
      </c>
      <c r="C18778" s="7">
        <f t="shared" si="293"/>
        <v>312.60374999999999</v>
      </c>
    </row>
    <row r="18779" spans="1:3" x14ac:dyDescent="0.25">
      <c r="A18779" s="2" t="s">
        <v>10437</v>
      </c>
      <c r="B18779" s="6">
        <v>312620.39999999997</v>
      </c>
      <c r="C18779" s="7">
        <f t="shared" si="293"/>
        <v>312.62039999999996</v>
      </c>
    </row>
    <row r="18780" spans="1:3" x14ac:dyDescent="0.25">
      <c r="A18780" s="2" t="s">
        <v>10438</v>
      </c>
      <c r="B18780" s="6">
        <v>312637.05</v>
      </c>
      <c r="C18780" s="7">
        <f t="shared" si="293"/>
        <v>312.63704999999999</v>
      </c>
    </row>
    <row r="18781" spans="1:3" x14ac:dyDescent="0.25">
      <c r="A18781" s="2" t="s">
        <v>10439</v>
      </c>
      <c r="B18781" s="6">
        <v>312653.69999999995</v>
      </c>
      <c r="C18781" s="7">
        <f t="shared" si="293"/>
        <v>312.65369999999996</v>
      </c>
    </row>
    <row r="18782" spans="1:3" x14ac:dyDescent="0.25">
      <c r="A18782" s="2" t="s">
        <v>10440</v>
      </c>
      <c r="B18782" s="6">
        <v>312670.34999999998</v>
      </c>
      <c r="C18782" s="7">
        <f t="shared" si="293"/>
        <v>312.67034999999998</v>
      </c>
    </row>
    <row r="18783" spans="1:3" x14ac:dyDescent="0.25">
      <c r="A18783" s="2" t="s">
        <v>10441</v>
      </c>
      <c r="B18783" s="6">
        <v>312687</v>
      </c>
      <c r="C18783" s="7">
        <f t="shared" si="293"/>
        <v>312.68700000000001</v>
      </c>
    </row>
    <row r="18784" spans="1:3" x14ac:dyDescent="0.25">
      <c r="A18784" s="2" t="s">
        <v>10442</v>
      </c>
      <c r="B18784" s="6">
        <v>312703.64999999997</v>
      </c>
      <c r="C18784" s="7">
        <f t="shared" si="293"/>
        <v>312.70364999999998</v>
      </c>
    </row>
    <row r="18785" spans="1:3" x14ac:dyDescent="0.25">
      <c r="A18785" s="2" t="s">
        <v>10443</v>
      </c>
      <c r="B18785" s="6">
        <v>312720.3</v>
      </c>
      <c r="C18785" s="7">
        <f t="shared" si="293"/>
        <v>312.72030000000001</v>
      </c>
    </row>
    <row r="18786" spans="1:3" x14ac:dyDescent="0.25">
      <c r="A18786" s="2" t="s">
        <v>10444</v>
      </c>
      <c r="B18786" s="6">
        <v>312736.94999999995</v>
      </c>
      <c r="C18786" s="7">
        <f t="shared" si="293"/>
        <v>312.73694999999998</v>
      </c>
    </row>
    <row r="18787" spans="1:3" x14ac:dyDescent="0.25">
      <c r="A18787" s="2" t="s">
        <v>10445</v>
      </c>
      <c r="B18787" s="6">
        <v>312753.59999999998</v>
      </c>
      <c r="C18787" s="7">
        <f t="shared" si="293"/>
        <v>312.75359999999995</v>
      </c>
    </row>
    <row r="18788" spans="1:3" x14ac:dyDescent="0.25">
      <c r="A18788" s="2" t="s">
        <v>10446</v>
      </c>
      <c r="B18788" s="6">
        <v>312770.25</v>
      </c>
      <c r="C18788" s="7">
        <f t="shared" si="293"/>
        <v>312.77024999999998</v>
      </c>
    </row>
    <row r="18789" spans="1:3" x14ac:dyDescent="0.25">
      <c r="A18789" s="2" t="s">
        <v>10447</v>
      </c>
      <c r="B18789" s="6">
        <v>312786.89999999997</v>
      </c>
      <c r="C18789" s="7">
        <f t="shared" si="293"/>
        <v>312.78689999999995</v>
      </c>
    </row>
    <row r="18790" spans="1:3" x14ac:dyDescent="0.25">
      <c r="A18790" s="2" t="s">
        <v>10448</v>
      </c>
      <c r="B18790" s="6">
        <v>312803.55</v>
      </c>
      <c r="C18790" s="7">
        <f t="shared" si="293"/>
        <v>312.80354999999997</v>
      </c>
    </row>
    <row r="18791" spans="1:3" x14ac:dyDescent="0.25">
      <c r="A18791" s="2" t="s">
        <v>10449</v>
      </c>
      <c r="B18791" s="6">
        <v>312820.19999999995</v>
      </c>
      <c r="C18791" s="7">
        <f t="shared" si="293"/>
        <v>312.82019999999994</v>
      </c>
    </row>
    <row r="18792" spans="1:3" x14ac:dyDescent="0.25">
      <c r="A18792" s="2" t="s">
        <v>10450</v>
      </c>
      <c r="B18792" s="6">
        <v>312836.84999999998</v>
      </c>
      <c r="C18792" s="7">
        <f t="shared" si="293"/>
        <v>312.83684999999997</v>
      </c>
    </row>
    <row r="18793" spans="1:3" x14ac:dyDescent="0.25">
      <c r="A18793" s="2" t="s">
        <v>10451</v>
      </c>
      <c r="B18793" s="6">
        <v>312853.5</v>
      </c>
      <c r="C18793" s="7">
        <f t="shared" si="293"/>
        <v>312.8535</v>
      </c>
    </row>
    <row r="18794" spans="1:3" x14ac:dyDescent="0.25">
      <c r="A18794" s="2" t="s">
        <v>10452</v>
      </c>
      <c r="B18794" s="6">
        <v>312870.14999999997</v>
      </c>
      <c r="C18794" s="7">
        <f t="shared" si="293"/>
        <v>312.87014999999997</v>
      </c>
    </row>
    <row r="18795" spans="1:3" x14ac:dyDescent="0.25">
      <c r="A18795" s="2" t="s">
        <v>10453</v>
      </c>
      <c r="B18795" s="6">
        <v>312886.8</v>
      </c>
      <c r="C18795" s="7">
        <f t="shared" si="293"/>
        <v>312.88679999999999</v>
      </c>
    </row>
    <row r="18796" spans="1:3" x14ac:dyDescent="0.25">
      <c r="A18796" s="2" t="s">
        <v>10454</v>
      </c>
      <c r="B18796" s="6">
        <v>312903.44999999995</v>
      </c>
      <c r="C18796" s="7">
        <f t="shared" si="293"/>
        <v>312.90344999999996</v>
      </c>
    </row>
    <row r="18797" spans="1:3" x14ac:dyDescent="0.25">
      <c r="A18797" s="2" t="s">
        <v>10455</v>
      </c>
      <c r="B18797" s="6">
        <v>312920.09999999998</v>
      </c>
      <c r="C18797" s="7">
        <f t="shared" si="293"/>
        <v>312.92009999999999</v>
      </c>
    </row>
    <row r="18798" spans="1:3" x14ac:dyDescent="0.25">
      <c r="A18798" s="2" t="s">
        <v>10456</v>
      </c>
      <c r="B18798" s="6">
        <v>312936.75</v>
      </c>
      <c r="C18798" s="7">
        <f t="shared" si="293"/>
        <v>312.93675000000002</v>
      </c>
    </row>
    <row r="18799" spans="1:3" x14ac:dyDescent="0.25">
      <c r="A18799" s="2" t="s">
        <v>10457</v>
      </c>
      <c r="B18799" s="6">
        <v>312953.39999999997</v>
      </c>
      <c r="C18799" s="7">
        <f t="shared" si="293"/>
        <v>312.95339999999999</v>
      </c>
    </row>
    <row r="18800" spans="1:3" x14ac:dyDescent="0.25">
      <c r="A18800" s="2" t="s">
        <v>10458</v>
      </c>
      <c r="B18800" s="6">
        <v>312970.05</v>
      </c>
      <c r="C18800" s="7">
        <f t="shared" si="293"/>
        <v>312.97005000000001</v>
      </c>
    </row>
    <row r="18801" spans="1:3" x14ac:dyDescent="0.25">
      <c r="A18801" s="2" t="s">
        <v>10459</v>
      </c>
      <c r="B18801" s="6">
        <v>312986.69999999995</v>
      </c>
      <c r="C18801" s="7">
        <f t="shared" si="293"/>
        <v>312.98669999999993</v>
      </c>
    </row>
    <row r="18802" spans="1:3" x14ac:dyDescent="0.25">
      <c r="A18802" s="2" t="s">
        <v>10460</v>
      </c>
      <c r="B18802" s="6">
        <v>313003.34999999998</v>
      </c>
      <c r="C18802" s="7">
        <f t="shared" si="293"/>
        <v>313.00334999999995</v>
      </c>
    </row>
    <row r="18803" spans="1:3" x14ac:dyDescent="0.25">
      <c r="A18803" s="2" t="s">
        <v>10461</v>
      </c>
      <c r="B18803" s="6">
        <v>313020</v>
      </c>
      <c r="C18803" s="7">
        <f t="shared" si="293"/>
        <v>313.02</v>
      </c>
    </row>
    <row r="18804" spans="1:3" x14ac:dyDescent="0.25">
      <c r="A18804" s="2" t="s">
        <v>10462</v>
      </c>
      <c r="B18804" s="6">
        <v>313036.64999999997</v>
      </c>
      <c r="C18804" s="7">
        <f t="shared" si="293"/>
        <v>313.03664999999995</v>
      </c>
    </row>
    <row r="18805" spans="1:3" x14ac:dyDescent="0.25">
      <c r="A18805" s="2" t="s">
        <v>10463</v>
      </c>
      <c r="B18805" s="6">
        <v>313053.3</v>
      </c>
      <c r="C18805" s="7">
        <f t="shared" si="293"/>
        <v>313.05329999999998</v>
      </c>
    </row>
    <row r="18806" spans="1:3" x14ac:dyDescent="0.25">
      <c r="A18806" s="2" t="s">
        <v>10464</v>
      </c>
      <c r="B18806" s="6">
        <v>313069.94999999995</v>
      </c>
      <c r="C18806" s="7">
        <f t="shared" si="293"/>
        <v>313.06994999999995</v>
      </c>
    </row>
    <row r="18807" spans="1:3" x14ac:dyDescent="0.25">
      <c r="A18807" s="2" t="s">
        <v>10465</v>
      </c>
      <c r="B18807" s="6">
        <v>313086.59999999998</v>
      </c>
      <c r="C18807" s="7">
        <f t="shared" si="293"/>
        <v>313.08659999999998</v>
      </c>
    </row>
    <row r="18808" spans="1:3" x14ac:dyDescent="0.25">
      <c r="A18808" s="2" t="s">
        <v>10466</v>
      </c>
      <c r="B18808" s="6">
        <v>313103.25</v>
      </c>
      <c r="C18808" s="7">
        <f t="shared" si="293"/>
        <v>313.10325</v>
      </c>
    </row>
    <row r="18809" spans="1:3" x14ac:dyDescent="0.25">
      <c r="A18809" s="2" t="s">
        <v>10467</v>
      </c>
      <c r="B18809" s="6">
        <v>313119.89999999997</v>
      </c>
      <c r="C18809" s="7">
        <f t="shared" si="293"/>
        <v>313.11989999999997</v>
      </c>
    </row>
    <row r="18810" spans="1:3" x14ac:dyDescent="0.25">
      <c r="A18810" s="2" t="s">
        <v>10468</v>
      </c>
      <c r="B18810" s="6">
        <v>313136.55</v>
      </c>
      <c r="C18810" s="7">
        <f t="shared" si="293"/>
        <v>313.13655</v>
      </c>
    </row>
    <row r="18811" spans="1:3" x14ac:dyDescent="0.25">
      <c r="A18811" s="2" t="s">
        <v>10469</v>
      </c>
      <c r="B18811" s="6">
        <v>313153.19999999995</v>
      </c>
      <c r="C18811" s="7">
        <f t="shared" si="293"/>
        <v>313.15319999999997</v>
      </c>
    </row>
    <row r="18812" spans="1:3" x14ac:dyDescent="0.25">
      <c r="A18812" s="2" t="s">
        <v>10470</v>
      </c>
      <c r="B18812" s="6">
        <v>313169.84999999998</v>
      </c>
      <c r="C18812" s="7">
        <f t="shared" si="293"/>
        <v>313.16985</v>
      </c>
    </row>
    <row r="18813" spans="1:3" x14ac:dyDescent="0.25">
      <c r="A18813" s="2" t="s">
        <v>10471</v>
      </c>
      <c r="B18813" s="6">
        <v>313186.5</v>
      </c>
      <c r="C18813" s="7">
        <f t="shared" si="293"/>
        <v>313.18650000000002</v>
      </c>
    </row>
    <row r="18814" spans="1:3" x14ac:dyDescent="0.25">
      <c r="A18814" s="2" t="s">
        <v>10472</v>
      </c>
      <c r="B18814" s="6">
        <v>313203.14999999997</v>
      </c>
      <c r="C18814" s="7">
        <f t="shared" si="293"/>
        <v>313.20314999999994</v>
      </c>
    </row>
    <row r="18815" spans="1:3" x14ac:dyDescent="0.25">
      <c r="A18815" s="2" t="s">
        <v>10473</v>
      </c>
      <c r="B18815" s="6">
        <v>313219.8</v>
      </c>
      <c r="C18815" s="7">
        <f t="shared" si="293"/>
        <v>313.21979999999996</v>
      </c>
    </row>
    <row r="18816" spans="1:3" x14ac:dyDescent="0.25">
      <c r="A18816" s="2" t="s">
        <v>10474</v>
      </c>
      <c r="B18816" s="6">
        <v>313236.44999999995</v>
      </c>
      <c r="C18816" s="7">
        <f t="shared" si="293"/>
        <v>313.23644999999993</v>
      </c>
    </row>
    <row r="18817" spans="1:3" x14ac:dyDescent="0.25">
      <c r="A18817" s="2" t="s">
        <v>10475</v>
      </c>
      <c r="B18817" s="6">
        <v>313253.09999999998</v>
      </c>
      <c r="C18817" s="7">
        <f t="shared" si="293"/>
        <v>313.25309999999996</v>
      </c>
    </row>
    <row r="18818" spans="1:3" x14ac:dyDescent="0.25">
      <c r="A18818" s="2" t="s">
        <v>10476</v>
      </c>
      <c r="B18818" s="6">
        <v>313269.75</v>
      </c>
      <c r="C18818" s="7">
        <f t="shared" si="293"/>
        <v>313.26974999999999</v>
      </c>
    </row>
    <row r="18819" spans="1:3" x14ac:dyDescent="0.25">
      <c r="A18819" s="2" t="s">
        <v>10477</v>
      </c>
      <c r="B18819" s="6">
        <v>313286.39999999997</v>
      </c>
      <c r="C18819" s="7">
        <f t="shared" ref="C18819:C18882" si="294">B18819/1000</f>
        <v>313.28639999999996</v>
      </c>
    </row>
    <row r="18820" spans="1:3" x14ac:dyDescent="0.25">
      <c r="A18820" s="2" t="s">
        <v>10478</v>
      </c>
      <c r="B18820" s="6">
        <v>313303.05</v>
      </c>
      <c r="C18820" s="7">
        <f t="shared" si="294"/>
        <v>313.30304999999998</v>
      </c>
    </row>
    <row r="18821" spans="1:3" x14ac:dyDescent="0.25">
      <c r="A18821" s="2" t="s">
        <v>10479</v>
      </c>
      <c r="B18821" s="6">
        <v>313319.69999999995</v>
      </c>
      <c r="C18821" s="7">
        <f t="shared" si="294"/>
        <v>313.31969999999995</v>
      </c>
    </row>
    <row r="18822" spans="1:3" x14ac:dyDescent="0.25">
      <c r="A18822" s="2" t="s">
        <v>10480</v>
      </c>
      <c r="B18822" s="6">
        <v>313336.34999999998</v>
      </c>
      <c r="C18822" s="7">
        <f t="shared" si="294"/>
        <v>313.33634999999998</v>
      </c>
    </row>
    <row r="18823" spans="1:3" x14ac:dyDescent="0.25">
      <c r="A18823" s="2" t="s">
        <v>10481</v>
      </c>
      <c r="B18823" s="6">
        <v>313353</v>
      </c>
      <c r="C18823" s="7">
        <f t="shared" si="294"/>
        <v>313.35300000000001</v>
      </c>
    </row>
    <row r="18824" spans="1:3" x14ac:dyDescent="0.25">
      <c r="A18824" s="2" t="s">
        <v>10482</v>
      </c>
      <c r="B18824" s="6">
        <v>313369.64999999997</v>
      </c>
      <c r="C18824" s="7">
        <f t="shared" si="294"/>
        <v>313.36964999999998</v>
      </c>
    </row>
    <row r="18825" spans="1:3" x14ac:dyDescent="0.25">
      <c r="A18825" s="2" t="s">
        <v>10483</v>
      </c>
      <c r="B18825" s="6">
        <v>313386.3</v>
      </c>
      <c r="C18825" s="7">
        <f t="shared" si="294"/>
        <v>313.38630000000001</v>
      </c>
    </row>
    <row r="18826" spans="1:3" x14ac:dyDescent="0.25">
      <c r="A18826" s="2" t="s">
        <v>10484</v>
      </c>
      <c r="B18826" s="6">
        <v>313402.94999999995</v>
      </c>
      <c r="C18826" s="7">
        <f t="shared" si="294"/>
        <v>313.40294999999998</v>
      </c>
    </row>
    <row r="18827" spans="1:3" x14ac:dyDescent="0.25">
      <c r="A18827" s="2" t="s">
        <v>10485</v>
      </c>
      <c r="B18827" s="6">
        <v>313419.59999999998</v>
      </c>
      <c r="C18827" s="7">
        <f t="shared" si="294"/>
        <v>313.4196</v>
      </c>
    </row>
    <row r="18828" spans="1:3" x14ac:dyDescent="0.25">
      <c r="A18828" s="2" t="s">
        <v>10486</v>
      </c>
      <c r="B18828" s="6">
        <v>313436.25</v>
      </c>
      <c r="C18828" s="7">
        <f t="shared" si="294"/>
        <v>313.43624999999997</v>
      </c>
    </row>
    <row r="18829" spans="1:3" x14ac:dyDescent="0.25">
      <c r="A18829" s="2" t="s">
        <v>10487</v>
      </c>
      <c r="B18829" s="6">
        <v>313452.89999999997</v>
      </c>
      <c r="C18829" s="7">
        <f t="shared" si="294"/>
        <v>313.45289999999994</v>
      </c>
    </row>
    <row r="18830" spans="1:3" x14ac:dyDescent="0.25">
      <c r="A18830" s="2" t="s">
        <v>10488</v>
      </c>
      <c r="B18830" s="6">
        <v>313469.55</v>
      </c>
      <c r="C18830" s="7">
        <f t="shared" si="294"/>
        <v>313.46954999999997</v>
      </c>
    </row>
    <row r="18831" spans="1:3" x14ac:dyDescent="0.25">
      <c r="A18831" s="2" t="s">
        <v>10489</v>
      </c>
      <c r="B18831" s="6">
        <v>313486.19999999995</v>
      </c>
      <c r="C18831" s="7">
        <f t="shared" si="294"/>
        <v>313.48619999999994</v>
      </c>
    </row>
    <row r="18832" spans="1:3" x14ac:dyDescent="0.25">
      <c r="A18832" s="2" t="s">
        <v>10490</v>
      </c>
      <c r="B18832" s="6">
        <v>313502.84999999998</v>
      </c>
      <c r="C18832" s="7">
        <f t="shared" si="294"/>
        <v>313.50284999999997</v>
      </c>
    </row>
    <row r="18833" spans="1:3" x14ac:dyDescent="0.25">
      <c r="A18833" s="2" t="s">
        <v>10491</v>
      </c>
      <c r="B18833" s="6">
        <v>313519.5</v>
      </c>
      <c r="C18833" s="7">
        <f t="shared" si="294"/>
        <v>313.51949999999999</v>
      </c>
    </row>
    <row r="18834" spans="1:3" x14ac:dyDescent="0.25">
      <c r="A18834" s="2" t="s">
        <v>10492</v>
      </c>
      <c r="B18834" s="6">
        <v>313536.14999999997</v>
      </c>
      <c r="C18834" s="7">
        <f t="shared" si="294"/>
        <v>313.53614999999996</v>
      </c>
    </row>
    <row r="18835" spans="1:3" x14ac:dyDescent="0.25">
      <c r="A18835" s="2" t="s">
        <v>10493</v>
      </c>
      <c r="B18835" s="6">
        <v>313552.8</v>
      </c>
      <c r="C18835" s="7">
        <f t="shared" si="294"/>
        <v>313.55279999999999</v>
      </c>
    </row>
    <row r="18836" spans="1:3" x14ac:dyDescent="0.25">
      <c r="A18836" s="2" t="s">
        <v>10494</v>
      </c>
      <c r="B18836" s="6">
        <v>313569.44999999995</v>
      </c>
      <c r="C18836" s="7">
        <f t="shared" si="294"/>
        <v>313.56944999999996</v>
      </c>
    </row>
    <row r="18837" spans="1:3" x14ac:dyDescent="0.25">
      <c r="A18837" s="2" t="s">
        <v>10495</v>
      </c>
      <c r="B18837" s="6">
        <v>313586.09999999998</v>
      </c>
      <c r="C18837" s="7">
        <f t="shared" si="294"/>
        <v>313.58609999999999</v>
      </c>
    </row>
    <row r="18838" spans="1:3" x14ac:dyDescent="0.25">
      <c r="A18838" s="2" t="s">
        <v>10496</v>
      </c>
      <c r="B18838" s="6">
        <v>313602.75</v>
      </c>
      <c r="C18838" s="7">
        <f t="shared" si="294"/>
        <v>313.60275000000001</v>
      </c>
    </row>
    <row r="18839" spans="1:3" x14ac:dyDescent="0.25">
      <c r="A18839" s="2" t="s">
        <v>10497</v>
      </c>
      <c r="B18839" s="6">
        <v>313619.39999999997</v>
      </c>
      <c r="C18839" s="7">
        <f t="shared" si="294"/>
        <v>313.61939999999998</v>
      </c>
    </row>
    <row r="18840" spans="1:3" x14ac:dyDescent="0.25">
      <c r="A18840" s="2" t="s">
        <v>10498</v>
      </c>
      <c r="B18840" s="6">
        <v>313636.05</v>
      </c>
      <c r="C18840" s="7">
        <f t="shared" si="294"/>
        <v>313.63605000000001</v>
      </c>
    </row>
    <row r="18841" spans="1:3" x14ac:dyDescent="0.25">
      <c r="A18841" s="2" t="s">
        <v>10499</v>
      </c>
      <c r="B18841" s="6">
        <v>313652.69999999995</v>
      </c>
      <c r="C18841" s="7">
        <f t="shared" si="294"/>
        <v>313.65269999999998</v>
      </c>
    </row>
    <row r="18842" spans="1:3" x14ac:dyDescent="0.25">
      <c r="A18842" s="2" t="s">
        <v>10500</v>
      </c>
      <c r="B18842" s="6">
        <v>313669.34999999998</v>
      </c>
      <c r="C18842" s="7">
        <f t="shared" si="294"/>
        <v>313.66934999999995</v>
      </c>
    </row>
    <row r="18843" spans="1:3" x14ac:dyDescent="0.25">
      <c r="A18843" s="2" t="s">
        <v>10501</v>
      </c>
      <c r="B18843" s="6">
        <v>313686</v>
      </c>
      <c r="C18843" s="7">
        <f t="shared" si="294"/>
        <v>313.68599999999998</v>
      </c>
    </row>
    <row r="18844" spans="1:3" x14ac:dyDescent="0.25">
      <c r="A18844" s="2" t="s">
        <v>10502</v>
      </c>
      <c r="B18844" s="6">
        <v>313702.64999999997</v>
      </c>
      <c r="C18844" s="7">
        <f t="shared" si="294"/>
        <v>313.70264999999995</v>
      </c>
    </row>
    <row r="18845" spans="1:3" x14ac:dyDescent="0.25">
      <c r="A18845" s="2" t="s">
        <v>10503</v>
      </c>
      <c r="B18845" s="6">
        <v>313719.3</v>
      </c>
      <c r="C18845" s="7">
        <f t="shared" si="294"/>
        <v>313.71929999999998</v>
      </c>
    </row>
    <row r="18846" spans="1:3" x14ac:dyDescent="0.25">
      <c r="A18846" s="2" t="s">
        <v>10504</v>
      </c>
      <c r="B18846" s="6">
        <v>313735.94999999995</v>
      </c>
      <c r="C18846" s="7">
        <f t="shared" si="294"/>
        <v>313.73594999999995</v>
      </c>
    </row>
    <row r="18847" spans="1:3" x14ac:dyDescent="0.25">
      <c r="A18847" s="2" t="s">
        <v>10505</v>
      </c>
      <c r="B18847" s="6">
        <v>313752.59999999998</v>
      </c>
      <c r="C18847" s="7">
        <f t="shared" si="294"/>
        <v>313.75259999999997</v>
      </c>
    </row>
    <row r="18848" spans="1:3" x14ac:dyDescent="0.25">
      <c r="A18848" s="2" t="s">
        <v>10506</v>
      </c>
      <c r="B18848" s="6">
        <v>313769.25</v>
      </c>
      <c r="C18848" s="7">
        <f t="shared" si="294"/>
        <v>313.76925</v>
      </c>
    </row>
    <row r="18849" spans="1:3" x14ac:dyDescent="0.25">
      <c r="A18849" s="2" t="s">
        <v>10507</v>
      </c>
      <c r="B18849" s="6">
        <v>313785.89999999997</v>
      </c>
      <c r="C18849" s="7">
        <f t="shared" si="294"/>
        <v>313.78589999999997</v>
      </c>
    </row>
    <row r="18850" spans="1:3" x14ac:dyDescent="0.25">
      <c r="A18850" s="2" t="s">
        <v>10508</v>
      </c>
      <c r="B18850" s="6">
        <v>313802.55</v>
      </c>
      <c r="C18850" s="7">
        <f t="shared" si="294"/>
        <v>313.80255</v>
      </c>
    </row>
    <row r="18851" spans="1:3" x14ac:dyDescent="0.25">
      <c r="A18851" s="2" t="s">
        <v>10509</v>
      </c>
      <c r="B18851" s="6">
        <v>313819.19999999995</v>
      </c>
      <c r="C18851" s="7">
        <f t="shared" si="294"/>
        <v>313.81919999999997</v>
      </c>
    </row>
    <row r="18852" spans="1:3" x14ac:dyDescent="0.25">
      <c r="A18852" s="2" t="s">
        <v>10510</v>
      </c>
      <c r="B18852" s="6">
        <v>313835.84999999998</v>
      </c>
      <c r="C18852" s="7">
        <f t="shared" si="294"/>
        <v>313.83584999999999</v>
      </c>
    </row>
    <row r="18853" spans="1:3" x14ac:dyDescent="0.25">
      <c r="A18853" s="2" t="s">
        <v>10511</v>
      </c>
      <c r="B18853" s="6">
        <v>313852.5</v>
      </c>
      <c r="C18853" s="7">
        <f t="shared" si="294"/>
        <v>313.85250000000002</v>
      </c>
    </row>
    <row r="18854" spans="1:3" x14ac:dyDescent="0.25">
      <c r="A18854" s="2" t="s">
        <v>10512</v>
      </c>
      <c r="B18854" s="6">
        <v>313869.14999999997</v>
      </c>
      <c r="C18854" s="7">
        <f t="shared" si="294"/>
        <v>313.86914999999999</v>
      </c>
    </row>
    <row r="18855" spans="1:3" x14ac:dyDescent="0.25">
      <c r="A18855" s="2" t="s">
        <v>10513</v>
      </c>
      <c r="B18855" s="6">
        <v>313885.8</v>
      </c>
      <c r="C18855" s="7">
        <f t="shared" si="294"/>
        <v>313.88579999999996</v>
      </c>
    </row>
    <row r="18856" spans="1:3" x14ac:dyDescent="0.25">
      <c r="A18856" s="2" t="s">
        <v>10514</v>
      </c>
      <c r="B18856" s="6">
        <v>313902.44999999995</v>
      </c>
      <c r="C18856" s="7">
        <f t="shared" si="294"/>
        <v>313.90244999999993</v>
      </c>
    </row>
    <row r="18857" spans="1:3" x14ac:dyDescent="0.25">
      <c r="A18857" s="2" t="s">
        <v>10515</v>
      </c>
      <c r="B18857" s="6">
        <v>313919.09999999998</v>
      </c>
      <c r="C18857" s="7">
        <f t="shared" si="294"/>
        <v>313.91909999999996</v>
      </c>
    </row>
    <row r="18858" spans="1:3" x14ac:dyDescent="0.25">
      <c r="A18858" s="2" t="s">
        <v>10516</v>
      </c>
      <c r="B18858" s="6">
        <v>313935.75</v>
      </c>
      <c r="C18858" s="7">
        <f t="shared" si="294"/>
        <v>313.93574999999998</v>
      </c>
    </row>
    <row r="18859" spans="1:3" x14ac:dyDescent="0.25">
      <c r="A18859" s="2" t="s">
        <v>10517</v>
      </c>
      <c r="B18859" s="6">
        <v>313952.39999999997</v>
      </c>
      <c r="C18859" s="7">
        <f t="shared" si="294"/>
        <v>313.95239999999995</v>
      </c>
    </row>
    <row r="18860" spans="1:3" x14ac:dyDescent="0.25">
      <c r="A18860" s="2" t="s">
        <v>10518</v>
      </c>
      <c r="B18860" s="6">
        <v>313969.05</v>
      </c>
      <c r="C18860" s="7">
        <f t="shared" si="294"/>
        <v>313.96904999999998</v>
      </c>
    </row>
    <row r="18861" spans="1:3" x14ac:dyDescent="0.25">
      <c r="A18861" s="2" t="s">
        <v>10519</v>
      </c>
      <c r="B18861" s="6">
        <v>313985.69999999995</v>
      </c>
      <c r="C18861" s="7">
        <f t="shared" si="294"/>
        <v>313.98569999999995</v>
      </c>
    </row>
    <row r="18862" spans="1:3" x14ac:dyDescent="0.25">
      <c r="A18862" s="2" t="s">
        <v>10520</v>
      </c>
      <c r="B18862" s="6">
        <v>314002.34999999998</v>
      </c>
      <c r="C18862" s="7">
        <f t="shared" si="294"/>
        <v>314.00234999999998</v>
      </c>
    </row>
    <row r="18863" spans="1:3" x14ac:dyDescent="0.25">
      <c r="A18863" s="2" t="s">
        <v>10521</v>
      </c>
      <c r="B18863" s="6">
        <v>314019</v>
      </c>
      <c r="C18863" s="7">
        <f t="shared" si="294"/>
        <v>314.01900000000001</v>
      </c>
    </row>
    <row r="18864" spans="1:3" x14ac:dyDescent="0.25">
      <c r="A18864" s="2" t="s">
        <v>10522</v>
      </c>
      <c r="B18864" s="6">
        <v>314035.64999999997</v>
      </c>
      <c r="C18864" s="7">
        <f t="shared" si="294"/>
        <v>314.03564999999998</v>
      </c>
    </row>
    <row r="18865" spans="1:3" x14ac:dyDescent="0.25">
      <c r="A18865" s="2" t="s">
        <v>10523</v>
      </c>
      <c r="B18865" s="6">
        <v>314052.3</v>
      </c>
      <c r="C18865" s="7">
        <f t="shared" si="294"/>
        <v>314.0523</v>
      </c>
    </row>
    <row r="18866" spans="1:3" x14ac:dyDescent="0.25">
      <c r="A18866" s="2" t="s">
        <v>10524</v>
      </c>
      <c r="B18866" s="6">
        <v>314068.94999999995</v>
      </c>
      <c r="C18866" s="7">
        <f t="shared" si="294"/>
        <v>314.06894999999997</v>
      </c>
    </row>
    <row r="18867" spans="1:3" x14ac:dyDescent="0.25">
      <c r="A18867" s="2" t="s">
        <v>10525</v>
      </c>
      <c r="B18867" s="6">
        <v>314085.59999999998</v>
      </c>
      <c r="C18867" s="7">
        <f t="shared" si="294"/>
        <v>314.0856</v>
      </c>
    </row>
    <row r="18868" spans="1:3" x14ac:dyDescent="0.25">
      <c r="A18868" s="2" t="s">
        <v>10526</v>
      </c>
      <c r="B18868" s="6">
        <v>314102.25</v>
      </c>
      <c r="C18868" s="7">
        <f t="shared" si="294"/>
        <v>314.10225000000003</v>
      </c>
    </row>
    <row r="18869" spans="1:3" x14ac:dyDescent="0.25">
      <c r="A18869" s="2" t="s">
        <v>10527</v>
      </c>
      <c r="B18869" s="6">
        <v>314118.89999999997</v>
      </c>
      <c r="C18869" s="7">
        <f t="shared" si="294"/>
        <v>314.11889999999994</v>
      </c>
    </row>
    <row r="18870" spans="1:3" x14ac:dyDescent="0.25">
      <c r="A18870" s="2" t="s">
        <v>10528</v>
      </c>
      <c r="B18870" s="6">
        <v>314135.55</v>
      </c>
      <c r="C18870" s="7">
        <f t="shared" si="294"/>
        <v>314.13554999999997</v>
      </c>
    </row>
    <row r="18871" spans="1:3" x14ac:dyDescent="0.25">
      <c r="A18871" s="2" t="s">
        <v>10529</v>
      </c>
      <c r="B18871" s="6">
        <v>314152.19999999995</v>
      </c>
      <c r="C18871" s="7">
        <f t="shared" si="294"/>
        <v>314.15219999999994</v>
      </c>
    </row>
    <row r="18872" spans="1:3" x14ac:dyDescent="0.25">
      <c r="A18872" s="2" t="s">
        <v>10530</v>
      </c>
      <c r="B18872" s="6">
        <v>314168.84999999998</v>
      </c>
      <c r="C18872" s="7">
        <f t="shared" si="294"/>
        <v>314.16884999999996</v>
      </c>
    </row>
    <row r="18873" spans="1:3" x14ac:dyDescent="0.25">
      <c r="A18873" s="2" t="s">
        <v>10531</v>
      </c>
      <c r="B18873" s="6">
        <v>314185.5</v>
      </c>
      <c r="C18873" s="7">
        <f t="shared" si="294"/>
        <v>314.18549999999999</v>
      </c>
    </row>
    <row r="18874" spans="1:3" x14ac:dyDescent="0.25">
      <c r="A18874" s="2" t="s">
        <v>10532</v>
      </c>
      <c r="B18874" s="6">
        <v>314202.14999999997</v>
      </c>
      <c r="C18874" s="7">
        <f t="shared" si="294"/>
        <v>314.20214999999996</v>
      </c>
    </row>
    <row r="18875" spans="1:3" x14ac:dyDescent="0.25">
      <c r="A18875" s="2" t="s">
        <v>10533</v>
      </c>
      <c r="B18875" s="6">
        <v>314218.8</v>
      </c>
      <c r="C18875" s="7">
        <f t="shared" si="294"/>
        <v>314.21879999999999</v>
      </c>
    </row>
    <row r="18876" spans="1:3" x14ac:dyDescent="0.25">
      <c r="A18876" s="2" t="s">
        <v>10534</v>
      </c>
      <c r="B18876" s="6">
        <v>314235.44999999995</v>
      </c>
      <c r="C18876" s="7">
        <f t="shared" si="294"/>
        <v>314.23544999999996</v>
      </c>
    </row>
    <row r="18877" spans="1:3" x14ac:dyDescent="0.25">
      <c r="A18877" s="2" t="s">
        <v>10535</v>
      </c>
      <c r="B18877" s="6">
        <v>314252.09999999998</v>
      </c>
      <c r="C18877" s="7">
        <f t="shared" si="294"/>
        <v>314.25209999999998</v>
      </c>
    </row>
    <row r="18878" spans="1:3" x14ac:dyDescent="0.25">
      <c r="A18878" s="2" t="s">
        <v>10536</v>
      </c>
      <c r="B18878" s="6">
        <v>314268.75</v>
      </c>
      <c r="C18878" s="7">
        <f t="shared" si="294"/>
        <v>314.26875000000001</v>
      </c>
    </row>
    <row r="18879" spans="1:3" x14ac:dyDescent="0.25">
      <c r="A18879" s="2" t="s">
        <v>10537</v>
      </c>
      <c r="B18879" s="6">
        <v>314285.39999999997</v>
      </c>
      <c r="C18879" s="7">
        <f t="shared" si="294"/>
        <v>314.28539999999998</v>
      </c>
    </row>
    <row r="18880" spans="1:3" x14ac:dyDescent="0.25">
      <c r="A18880" s="2" t="s">
        <v>10538</v>
      </c>
      <c r="B18880" s="6">
        <v>314302.05</v>
      </c>
      <c r="C18880" s="7">
        <f t="shared" si="294"/>
        <v>314.30205000000001</v>
      </c>
    </row>
    <row r="18881" spans="1:3" x14ac:dyDescent="0.25">
      <c r="A18881" s="2" t="s">
        <v>10539</v>
      </c>
      <c r="B18881" s="6">
        <v>314318.69999999995</v>
      </c>
      <c r="C18881" s="7">
        <f t="shared" si="294"/>
        <v>314.31869999999998</v>
      </c>
    </row>
    <row r="18882" spans="1:3" x14ac:dyDescent="0.25">
      <c r="A18882" s="2" t="s">
        <v>10540</v>
      </c>
      <c r="B18882" s="6">
        <v>314335.34999999998</v>
      </c>
      <c r="C18882" s="7">
        <f t="shared" si="294"/>
        <v>314.33534999999995</v>
      </c>
    </row>
    <row r="18883" spans="1:3" x14ac:dyDescent="0.25">
      <c r="A18883" s="2" t="s">
        <v>10541</v>
      </c>
      <c r="B18883" s="6">
        <v>314352</v>
      </c>
      <c r="C18883" s="7">
        <f t="shared" ref="C18883:C18946" si="295">B18883/1000</f>
        <v>314.35199999999998</v>
      </c>
    </row>
    <row r="18884" spans="1:3" x14ac:dyDescent="0.25">
      <c r="A18884" s="2" t="s">
        <v>10542</v>
      </c>
      <c r="B18884" s="6">
        <v>314368.64999999997</v>
      </c>
      <c r="C18884" s="7">
        <f t="shared" si="295"/>
        <v>314.36864999999995</v>
      </c>
    </row>
    <row r="18885" spans="1:3" x14ac:dyDescent="0.25">
      <c r="A18885" s="2" t="s">
        <v>10543</v>
      </c>
      <c r="B18885" s="6">
        <v>314385.3</v>
      </c>
      <c r="C18885" s="7">
        <f t="shared" si="295"/>
        <v>314.38529999999997</v>
      </c>
    </row>
    <row r="18886" spans="1:3" x14ac:dyDescent="0.25">
      <c r="A18886" s="2" t="s">
        <v>10544</v>
      </c>
      <c r="B18886" s="6">
        <v>314401.94999999995</v>
      </c>
      <c r="C18886" s="7">
        <f t="shared" si="295"/>
        <v>314.40194999999994</v>
      </c>
    </row>
    <row r="18887" spans="1:3" x14ac:dyDescent="0.25">
      <c r="A18887" s="2" t="s">
        <v>10545</v>
      </c>
      <c r="B18887" s="6">
        <v>314418.59999999998</v>
      </c>
      <c r="C18887" s="7">
        <f t="shared" si="295"/>
        <v>314.41859999999997</v>
      </c>
    </row>
    <row r="18888" spans="1:3" x14ac:dyDescent="0.25">
      <c r="A18888" s="2" t="s">
        <v>10546</v>
      </c>
      <c r="B18888" s="6">
        <v>314435.25</v>
      </c>
      <c r="C18888" s="7">
        <f t="shared" si="295"/>
        <v>314.43525</v>
      </c>
    </row>
    <row r="18889" spans="1:3" x14ac:dyDescent="0.25">
      <c r="A18889" s="2" t="s">
        <v>10547</v>
      </c>
      <c r="B18889" s="6">
        <v>314451.89999999997</v>
      </c>
      <c r="C18889" s="7">
        <f t="shared" si="295"/>
        <v>314.45189999999997</v>
      </c>
    </row>
    <row r="18890" spans="1:3" x14ac:dyDescent="0.25">
      <c r="A18890" s="2" t="s">
        <v>10548</v>
      </c>
      <c r="B18890" s="6">
        <v>314468.55</v>
      </c>
      <c r="C18890" s="7">
        <f t="shared" si="295"/>
        <v>314.46854999999999</v>
      </c>
    </row>
    <row r="18891" spans="1:3" x14ac:dyDescent="0.25">
      <c r="A18891" s="2" t="s">
        <v>10549</v>
      </c>
      <c r="B18891" s="6">
        <v>314485.19999999995</v>
      </c>
      <c r="C18891" s="7">
        <f t="shared" si="295"/>
        <v>314.48519999999996</v>
      </c>
    </row>
    <row r="18892" spans="1:3" x14ac:dyDescent="0.25">
      <c r="A18892" s="2" t="s">
        <v>10550</v>
      </c>
      <c r="B18892" s="6">
        <v>314501.84999999998</v>
      </c>
      <c r="C18892" s="7">
        <f t="shared" si="295"/>
        <v>314.50184999999999</v>
      </c>
    </row>
    <row r="18893" spans="1:3" x14ac:dyDescent="0.25">
      <c r="A18893" s="2" t="s">
        <v>10551</v>
      </c>
      <c r="B18893" s="6">
        <v>314518.5</v>
      </c>
      <c r="C18893" s="7">
        <f t="shared" si="295"/>
        <v>314.51850000000002</v>
      </c>
    </row>
    <row r="18894" spans="1:3" x14ac:dyDescent="0.25">
      <c r="A18894" s="2" t="s">
        <v>10552</v>
      </c>
      <c r="B18894" s="6">
        <v>314535.14999999997</v>
      </c>
      <c r="C18894" s="7">
        <f t="shared" si="295"/>
        <v>314.53514999999999</v>
      </c>
    </row>
    <row r="18895" spans="1:3" x14ac:dyDescent="0.25">
      <c r="A18895" s="2" t="s">
        <v>10553</v>
      </c>
      <c r="B18895" s="6">
        <v>314551.8</v>
      </c>
      <c r="C18895" s="7">
        <f t="shared" si="295"/>
        <v>314.55180000000001</v>
      </c>
    </row>
    <row r="18896" spans="1:3" x14ac:dyDescent="0.25">
      <c r="A18896" s="2" t="s">
        <v>10554</v>
      </c>
      <c r="B18896" s="6">
        <v>314568.44999999995</v>
      </c>
      <c r="C18896" s="7">
        <f t="shared" si="295"/>
        <v>314.56844999999993</v>
      </c>
    </row>
    <row r="18897" spans="1:3" x14ac:dyDescent="0.25">
      <c r="A18897" s="2" t="s">
        <v>10555</v>
      </c>
      <c r="B18897" s="6">
        <v>314585.09999999998</v>
      </c>
      <c r="C18897" s="7">
        <f t="shared" si="295"/>
        <v>314.58509999999995</v>
      </c>
    </row>
    <row r="18898" spans="1:3" x14ac:dyDescent="0.25">
      <c r="A18898" s="2" t="s">
        <v>10556</v>
      </c>
      <c r="B18898" s="6">
        <v>314601.75</v>
      </c>
      <c r="C18898" s="7">
        <f t="shared" si="295"/>
        <v>314.60174999999998</v>
      </c>
    </row>
    <row r="18899" spans="1:3" x14ac:dyDescent="0.25">
      <c r="A18899" s="2" t="s">
        <v>10557</v>
      </c>
      <c r="B18899" s="6">
        <v>314618.39999999997</v>
      </c>
      <c r="C18899" s="7">
        <f t="shared" si="295"/>
        <v>314.61839999999995</v>
      </c>
    </row>
    <row r="18900" spans="1:3" x14ac:dyDescent="0.25">
      <c r="A18900" s="2" t="s">
        <v>10558</v>
      </c>
      <c r="B18900" s="6">
        <v>314635.05</v>
      </c>
      <c r="C18900" s="7">
        <f t="shared" si="295"/>
        <v>314.63504999999998</v>
      </c>
    </row>
    <row r="18901" spans="1:3" x14ac:dyDescent="0.25">
      <c r="A18901" s="2" t="s">
        <v>10559</v>
      </c>
      <c r="B18901" s="6">
        <v>314651.69999999995</v>
      </c>
      <c r="C18901" s="7">
        <f t="shared" si="295"/>
        <v>314.65169999999995</v>
      </c>
    </row>
    <row r="18902" spans="1:3" x14ac:dyDescent="0.25">
      <c r="A18902" s="2" t="s">
        <v>10560</v>
      </c>
      <c r="B18902" s="6">
        <v>314668.34999999998</v>
      </c>
      <c r="C18902" s="7">
        <f t="shared" si="295"/>
        <v>314.66834999999998</v>
      </c>
    </row>
    <row r="18903" spans="1:3" x14ac:dyDescent="0.25">
      <c r="A18903" s="2" t="s">
        <v>10561</v>
      </c>
      <c r="B18903" s="6">
        <v>314685</v>
      </c>
      <c r="C18903" s="7">
        <f t="shared" si="295"/>
        <v>314.685</v>
      </c>
    </row>
    <row r="18904" spans="1:3" x14ac:dyDescent="0.25">
      <c r="A18904" s="2" t="s">
        <v>10562</v>
      </c>
      <c r="B18904" s="6">
        <v>314701.64999999997</v>
      </c>
      <c r="C18904" s="7">
        <f t="shared" si="295"/>
        <v>314.70164999999997</v>
      </c>
    </row>
    <row r="18905" spans="1:3" x14ac:dyDescent="0.25">
      <c r="A18905" s="2" t="s">
        <v>10563</v>
      </c>
      <c r="B18905" s="6">
        <v>314718.3</v>
      </c>
      <c r="C18905" s="7">
        <f t="shared" si="295"/>
        <v>314.7183</v>
      </c>
    </row>
    <row r="18906" spans="1:3" x14ac:dyDescent="0.25">
      <c r="A18906" s="2" t="s">
        <v>10564</v>
      </c>
      <c r="B18906" s="6">
        <v>314734.94999999995</v>
      </c>
      <c r="C18906" s="7">
        <f t="shared" si="295"/>
        <v>314.73494999999997</v>
      </c>
    </row>
    <row r="18907" spans="1:3" x14ac:dyDescent="0.25">
      <c r="A18907" s="2" t="s">
        <v>10565</v>
      </c>
      <c r="B18907" s="6">
        <v>314751.59999999998</v>
      </c>
      <c r="C18907" s="7">
        <f t="shared" si="295"/>
        <v>314.7516</v>
      </c>
    </row>
    <row r="18908" spans="1:3" x14ac:dyDescent="0.25">
      <c r="A18908" s="2" t="s">
        <v>10566</v>
      </c>
      <c r="B18908" s="6">
        <v>314768.25</v>
      </c>
      <c r="C18908" s="7">
        <f t="shared" si="295"/>
        <v>314.76825000000002</v>
      </c>
    </row>
    <row r="18909" spans="1:3" x14ac:dyDescent="0.25">
      <c r="A18909" s="2" t="s">
        <v>10567</v>
      </c>
      <c r="B18909" s="6">
        <v>314784.89999999997</v>
      </c>
      <c r="C18909" s="7">
        <f t="shared" si="295"/>
        <v>314.78489999999999</v>
      </c>
    </row>
    <row r="18910" spans="1:3" x14ac:dyDescent="0.25">
      <c r="A18910" s="2" t="s">
        <v>10568</v>
      </c>
      <c r="B18910" s="6">
        <v>314801.55</v>
      </c>
      <c r="C18910" s="7">
        <f t="shared" si="295"/>
        <v>314.80154999999996</v>
      </c>
    </row>
    <row r="18911" spans="1:3" x14ac:dyDescent="0.25">
      <c r="A18911" s="2" t="s">
        <v>10569</v>
      </c>
      <c r="B18911" s="6">
        <v>314818.19999999995</v>
      </c>
      <c r="C18911" s="7">
        <f t="shared" si="295"/>
        <v>314.81819999999993</v>
      </c>
    </row>
    <row r="18912" spans="1:3" x14ac:dyDescent="0.25">
      <c r="A18912" s="2" t="s">
        <v>10570</v>
      </c>
      <c r="B18912" s="6">
        <v>314834.84999999998</v>
      </c>
      <c r="C18912" s="7">
        <f t="shared" si="295"/>
        <v>314.83484999999996</v>
      </c>
    </row>
    <row r="18913" spans="1:3" x14ac:dyDescent="0.25">
      <c r="A18913" s="2" t="s">
        <v>10571</v>
      </c>
      <c r="B18913" s="6">
        <v>314851.5</v>
      </c>
      <c r="C18913" s="7">
        <f t="shared" si="295"/>
        <v>314.85149999999999</v>
      </c>
    </row>
    <row r="18914" spans="1:3" x14ac:dyDescent="0.25">
      <c r="A18914" s="2" t="s">
        <v>10572</v>
      </c>
      <c r="B18914" s="6">
        <v>314868.14999999997</v>
      </c>
      <c r="C18914" s="7">
        <f t="shared" si="295"/>
        <v>314.86814999999996</v>
      </c>
    </row>
    <row r="18915" spans="1:3" x14ac:dyDescent="0.25">
      <c r="A18915" s="2" t="s">
        <v>10573</v>
      </c>
      <c r="B18915" s="6">
        <v>314884.8</v>
      </c>
      <c r="C18915" s="7">
        <f t="shared" si="295"/>
        <v>314.88479999999998</v>
      </c>
    </row>
    <row r="18916" spans="1:3" x14ac:dyDescent="0.25">
      <c r="A18916" s="2" t="s">
        <v>10574</v>
      </c>
      <c r="B18916" s="6">
        <v>314901.44999999995</v>
      </c>
      <c r="C18916" s="7">
        <f t="shared" si="295"/>
        <v>314.90144999999995</v>
      </c>
    </row>
    <row r="18917" spans="1:3" x14ac:dyDescent="0.25">
      <c r="A18917" s="2" t="s">
        <v>10575</v>
      </c>
      <c r="B18917" s="6">
        <v>314918.09999999998</v>
      </c>
      <c r="C18917" s="7">
        <f t="shared" si="295"/>
        <v>314.91809999999998</v>
      </c>
    </row>
    <row r="18918" spans="1:3" x14ac:dyDescent="0.25">
      <c r="A18918" s="2" t="s">
        <v>10576</v>
      </c>
      <c r="B18918" s="6">
        <v>314934.75</v>
      </c>
      <c r="C18918" s="7">
        <f t="shared" si="295"/>
        <v>314.93475000000001</v>
      </c>
    </row>
    <row r="18919" spans="1:3" x14ac:dyDescent="0.25">
      <c r="A18919" s="2" t="s">
        <v>10577</v>
      </c>
      <c r="B18919" s="6">
        <v>314951.39999999997</v>
      </c>
      <c r="C18919" s="7">
        <f t="shared" si="295"/>
        <v>314.95139999999998</v>
      </c>
    </row>
    <row r="18920" spans="1:3" x14ac:dyDescent="0.25">
      <c r="A18920" s="2" t="s">
        <v>10578</v>
      </c>
      <c r="B18920" s="6">
        <v>314968.05</v>
      </c>
      <c r="C18920" s="7">
        <f t="shared" si="295"/>
        <v>314.96805000000001</v>
      </c>
    </row>
    <row r="18921" spans="1:3" x14ac:dyDescent="0.25">
      <c r="A18921" s="2" t="s">
        <v>10579</v>
      </c>
      <c r="B18921" s="6">
        <v>314984.69999999995</v>
      </c>
      <c r="C18921" s="7">
        <f t="shared" si="295"/>
        <v>314.98469999999998</v>
      </c>
    </row>
    <row r="18922" spans="1:3" x14ac:dyDescent="0.25">
      <c r="A18922" s="2" t="s">
        <v>10580</v>
      </c>
      <c r="B18922" s="6">
        <v>315001.34999999998</v>
      </c>
      <c r="C18922" s="7">
        <f t="shared" si="295"/>
        <v>315.00135</v>
      </c>
    </row>
    <row r="18923" spans="1:3" x14ac:dyDescent="0.25">
      <c r="A18923" s="2" t="s">
        <v>10581</v>
      </c>
      <c r="B18923" s="6">
        <v>315018</v>
      </c>
      <c r="C18923" s="7">
        <f t="shared" si="295"/>
        <v>315.01799999999997</v>
      </c>
    </row>
    <row r="18924" spans="1:3" x14ac:dyDescent="0.25">
      <c r="A18924" s="2" t="s">
        <v>10582</v>
      </c>
      <c r="B18924" s="6">
        <v>315034.64999999997</v>
      </c>
      <c r="C18924" s="7">
        <f t="shared" si="295"/>
        <v>315.03464999999994</v>
      </c>
    </row>
    <row r="18925" spans="1:3" x14ac:dyDescent="0.25">
      <c r="A18925" s="2" t="s">
        <v>10583</v>
      </c>
      <c r="B18925" s="6">
        <v>315051.3</v>
      </c>
      <c r="C18925" s="7">
        <f t="shared" si="295"/>
        <v>315.05129999999997</v>
      </c>
    </row>
    <row r="18926" spans="1:3" x14ac:dyDescent="0.25">
      <c r="A18926" s="2" t="s">
        <v>10584</v>
      </c>
      <c r="B18926" s="6">
        <v>315067.94999999995</v>
      </c>
      <c r="C18926" s="7">
        <f t="shared" si="295"/>
        <v>315.06794999999994</v>
      </c>
    </row>
    <row r="18927" spans="1:3" x14ac:dyDescent="0.25">
      <c r="A18927" s="2" t="s">
        <v>10585</v>
      </c>
      <c r="B18927" s="6">
        <v>315084.59999999998</v>
      </c>
      <c r="C18927" s="7">
        <f t="shared" si="295"/>
        <v>315.08459999999997</v>
      </c>
    </row>
    <row r="18928" spans="1:3" x14ac:dyDescent="0.25">
      <c r="A18928" s="2" t="s">
        <v>10586</v>
      </c>
      <c r="B18928" s="6">
        <v>315101.25</v>
      </c>
      <c r="C18928" s="7">
        <f t="shared" si="295"/>
        <v>315.10124999999999</v>
      </c>
    </row>
    <row r="18929" spans="1:3" x14ac:dyDescent="0.25">
      <c r="A18929" s="2" t="s">
        <v>10587</v>
      </c>
      <c r="B18929" s="6">
        <v>315117.89999999997</v>
      </c>
      <c r="C18929" s="7">
        <f t="shared" si="295"/>
        <v>315.11789999999996</v>
      </c>
    </row>
    <row r="18930" spans="1:3" x14ac:dyDescent="0.25">
      <c r="A18930" s="2" t="s">
        <v>10588</v>
      </c>
      <c r="B18930" s="6">
        <v>315134.55</v>
      </c>
      <c r="C18930" s="7">
        <f t="shared" si="295"/>
        <v>315.13454999999999</v>
      </c>
    </row>
    <row r="18931" spans="1:3" x14ac:dyDescent="0.25">
      <c r="A18931" s="2" t="s">
        <v>10589</v>
      </c>
      <c r="B18931" s="6">
        <v>315151.19999999995</v>
      </c>
      <c r="C18931" s="7">
        <f t="shared" si="295"/>
        <v>315.15119999999996</v>
      </c>
    </row>
    <row r="18932" spans="1:3" x14ac:dyDescent="0.25">
      <c r="A18932" s="2" t="s">
        <v>10590</v>
      </c>
      <c r="B18932" s="6">
        <v>315167.84999999998</v>
      </c>
      <c r="C18932" s="7">
        <f t="shared" si="295"/>
        <v>315.16784999999999</v>
      </c>
    </row>
    <row r="18933" spans="1:3" x14ac:dyDescent="0.25">
      <c r="A18933" s="2" t="s">
        <v>10591</v>
      </c>
      <c r="B18933" s="6">
        <v>315184.5</v>
      </c>
      <c r="C18933" s="7">
        <f t="shared" si="295"/>
        <v>315.18450000000001</v>
      </c>
    </row>
    <row r="18934" spans="1:3" x14ac:dyDescent="0.25">
      <c r="A18934" s="2" t="s">
        <v>10592</v>
      </c>
      <c r="B18934" s="6">
        <v>315201.14999999997</v>
      </c>
      <c r="C18934" s="7">
        <f t="shared" si="295"/>
        <v>315.20114999999998</v>
      </c>
    </row>
    <row r="18935" spans="1:3" x14ac:dyDescent="0.25">
      <c r="A18935" s="2" t="s">
        <v>10593</v>
      </c>
      <c r="B18935" s="6">
        <v>315217.8</v>
      </c>
      <c r="C18935" s="7">
        <f t="shared" si="295"/>
        <v>315.21780000000001</v>
      </c>
    </row>
    <row r="18936" spans="1:3" x14ac:dyDescent="0.25">
      <c r="A18936" s="2" t="s">
        <v>10594</v>
      </c>
      <c r="B18936" s="6">
        <v>315234.44999999995</v>
      </c>
      <c r="C18936" s="7">
        <f t="shared" si="295"/>
        <v>315.23444999999998</v>
      </c>
    </row>
    <row r="18937" spans="1:3" x14ac:dyDescent="0.25">
      <c r="A18937" s="2" t="s">
        <v>10595</v>
      </c>
      <c r="B18937" s="6">
        <v>315251.09999999998</v>
      </c>
      <c r="C18937" s="7">
        <f t="shared" si="295"/>
        <v>315.25109999999995</v>
      </c>
    </row>
    <row r="18938" spans="1:3" x14ac:dyDescent="0.25">
      <c r="A18938" s="2" t="s">
        <v>10596</v>
      </c>
      <c r="B18938" s="6">
        <v>315267.75</v>
      </c>
      <c r="C18938" s="7">
        <f t="shared" si="295"/>
        <v>315.26774999999998</v>
      </c>
    </row>
    <row r="18939" spans="1:3" x14ac:dyDescent="0.25">
      <c r="A18939" s="2" t="s">
        <v>10597</v>
      </c>
      <c r="B18939" s="6">
        <v>315284.39999999997</v>
      </c>
      <c r="C18939" s="7">
        <f t="shared" si="295"/>
        <v>315.28439999999995</v>
      </c>
    </row>
    <row r="18940" spans="1:3" x14ac:dyDescent="0.25">
      <c r="A18940" s="2" t="s">
        <v>10598</v>
      </c>
      <c r="B18940" s="6">
        <v>315301.05</v>
      </c>
      <c r="C18940" s="7">
        <f t="shared" si="295"/>
        <v>315.30104999999998</v>
      </c>
    </row>
    <row r="18941" spans="1:3" x14ac:dyDescent="0.25">
      <c r="A18941" s="2" t="s">
        <v>10599</v>
      </c>
      <c r="B18941" s="6">
        <v>315317.69999999995</v>
      </c>
      <c r="C18941" s="7">
        <f t="shared" si="295"/>
        <v>315.31769999999995</v>
      </c>
    </row>
    <row r="18942" spans="1:3" x14ac:dyDescent="0.25">
      <c r="A18942" s="2" t="s">
        <v>10600</v>
      </c>
      <c r="B18942" s="6">
        <v>315334.34999999998</v>
      </c>
      <c r="C18942" s="7">
        <f t="shared" si="295"/>
        <v>315.33434999999997</v>
      </c>
    </row>
    <row r="18943" spans="1:3" x14ac:dyDescent="0.25">
      <c r="A18943" s="2" t="s">
        <v>10601</v>
      </c>
      <c r="B18943" s="6">
        <v>315351</v>
      </c>
      <c r="C18943" s="7">
        <f t="shared" si="295"/>
        <v>315.351</v>
      </c>
    </row>
    <row r="18944" spans="1:3" x14ac:dyDescent="0.25">
      <c r="A18944" s="2" t="s">
        <v>10602</v>
      </c>
      <c r="B18944" s="6">
        <v>315367.64999999997</v>
      </c>
      <c r="C18944" s="7">
        <f t="shared" si="295"/>
        <v>315.36764999999997</v>
      </c>
    </row>
    <row r="18945" spans="1:3" x14ac:dyDescent="0.25">
      <c r="A18945" s="2" t="s">
        <v>10603</v>
      </c>
      <c r="B18945" s="6">
        <v>315384.3</v>
      </c>
      <c r="C18945" s="7">
        <f t="shared" si="295"/>
        <v>315.3843</v>
      </c>
    </row>
    <row r="18946" spans="1:3" x14ac:dyDescent="0.25">
      <c r="A18946" s="2" t="s">
        <v>10604</v>
      </c>
      <c r="B18946" s="6">
        <v>315400.94999999995</v>
      </c>
      <c r="C18946" s="7">
        <f t="shared" si="295"/>
        <v>315.40094999999997</v>
      </c>
    </row>
    <row r="18947" spans="1:3" x14ac:dyDescent="0.25">
      <c r="A18947" s="2" t="s">
        <v>10605</v>
      </c>
      <c r="B18947" s="6">
        <v>315417.59999999998</v>
      </c>
      <c r="C18947" s="7">
        <f t="shared" ref="C18947:C19010" si="296">B18947/1000</f>
        <v>315.41759999999999</v>
      </c>
    </row>
    <row r="18948" spans="1:3" x14ac:dyDescent="0.25">
      <c r="A18948" s="2" t="s">
        <v>10606</v>
      </c>
      <c r="B18948" s="6">
        <v>315434.25</v>
      </c>
      <c r="C18948" s="7">
        <f t="shared" si="296"/>
        <v>315.43425000000002</v>
      </c>
    </row>
    <row r="18949" spans="1:3" x14ac:dyDescent="0.25">
      <c r="A18949" s="2" t="s">
        <v>10607</v>
      </c>
      <c r="B18949" s="6">
        <v>315450.89999999997</v>
      </c>
      <c r="C18949" s="7">
        <f t="shared" si="296"/>
        <v>315.45089999999999</v>
      </c>
    </row>
    <row r="18950" spans="1:3" x14ac:dyDescent="0.25">
      <c r="A18950" s="2" t="s">
        <v>10608</v>
      </c>
      <c r="B18950" s="6">
        <v>315467.55</v>
      </c>
      <c r="C18950" s="7">
        <f t="shared" si="296"/>
        <v>315.46754999999996</v>
      </c>
    </row>
    <row r="18951" spans="1:3" x14ac:dyDescent="0.25">
      <c r="A18951" s="2" t="s">
        <v>10609</v>
      </c>
      <c r="B18951" s="6">
        <v>315484.19999999995</v>
      </c>
      <c r="C18951" s="7">
        <f t="shared" si="296"/>
        <v>315.48419999999993</v>
      </c>
    </row>
    <row r="18952" spans="1:3" x14ac:dyDescent="0.25">
      <c r="A18952" s="2" t="s">
        <v>10610</v>
      </c>
      <c r="B18952" s="6">
        <v>315500.84999999998</v>
      </c>
      <c r="C18952" s="7">
        <f t="shared" si="296"/>
        <v>315.50084999999996</v>
      </c>
    </row>
    <row r="18953" spans="1:3" x14ac:dyDescent="0.25">
      <c r="A18953" s="2" t="s">
        <v>10611</v>
      </c>
      <c r="B18953" s="6">
        <v>315517.5</v>
      </c>
      <c r="C18953" s="7">
        <f t="shared" si="296"/>
        <v>315.51749999999998</v>
      </c>
    </row>
    <row r="18954" spans="1:3" x14ac:dyDescent="0.25">
      <c r="A18954" s="2" t="s">
        <v>10612</v>
      </c>
      <c r="B18954" s="6">
        <v>315534.14999999997</v>
      </c>
      <c r="C18954" s="7">
        <f t="shared" si="296"/>
        <v>315.53414999999995</v>
      </c>
    </row>
    <row r="18955" spans="1:3" x14ac:dyDescent="0.25">
      <c r="A18955" s="2" t="s">
        <v>10613</v>
      </c>
      <c r="B18955" s="6">
        <v>315550.8</v>
      </c>
      <c r="C18955" s="7">
        <f t="shared" si="296"/>
        <v>315.55079999999998</v>
      </c>
    </row>
    <row r="18956" spans="1:3" x14ac:dyDescent="0.25">
      <c r="A18956" s="2" t="s">
        <v>10614</v>
      </c>
      <c r="B18956" s="6">
        <v>315567.44999999995</v>
      </c>
      <c r="C18956" s="7">
        <f t="shared" si="296"/>
        <v>315.56744999999995</v>
      </c>
    </row>
    <row r="18957" spans="1:3" x14ac:dyDescent="0.25">
      <c r="A18957" s="2" t="s">
        <v>10615</v>
      </c>
      <c r="B18957" s="6">
        <v>315584.09999999998</v>
      </c>
      <c r="C18957" s="7">
        <f t="shared" si="296"/>
        <v>315.58409999999998</v>
      </c>
    </row>
    <row r="18958" spans="1:3" x14ac:dyDescent="0.25">
      <c r="A18958" s="2" t="s">
        <v>10616</v>
      </c>
      <c r="B18958" s="6">
        <v>315600.75</v>
      </c>
      <c r="C18958" s="7">
        <f t="shared" si="296"/>
        <v>315.60075000000001</v>
      </c>
    </row>
    <row r="18959" spans="1:3" x14ac:dyDescent="0.25">
      <c r="A18959" s="2" t="s">
        <v>10617</v>
      </c>
      <c r="B18959" s="6">
        <v>315617.39999999997</v>
      </c>
      <c r="C18959" s="7">
        <f t="shared" si="296"/>
        <v>315.61739999999998</v>
      </c>
    </row>
    <row r="18960" spans="1:3" x14ac:dyDescent="0.25">
      <c r="A18960" s="2" t="s">
        <v>10618</v>
      </c>
      <c r="B18960" s="6">
        <v>315634.05</v>
      </c>
      <c r="C18960" s="7">
        <f t="shared" si="296"/>
        <v>315.63405</v>
      </c>
    </row>
    <row r="18961" spans="1:3" x14ac:dyDescent="0.25">
      <c r="A18961" s="2" t="s">
        <v>10619</v>
      </c>
      <c r="B18961" s="6">
        <v>315650.69999999995</v>
      </c>
      <c r="C18961" s="7">
        <f t="shared" si="296"/>
        <v>315.65069999999997</v>
      </c>
    </row>
    <row r="18962" spans="1:3" x14ac:dyDescent="0.25">
      <c r="A18962" s="2" t="s">
        <v>10620</v>
      </c>
      <c r="B18962" s="6">
        <v>315667.34999999998</v>
      </c>
      <c r="C18962" s="7">
        <f t="shared" si="296"/>
        <v>315.66735</v>
      </c>
    </row>
    <row r="18963" spans="1:3" x14ac:dyDescent="0.25">
      <c r="A18963" s="2" t="s">
        <v>10621</v>
      </c>
      <c r="B18963" s="6">
        <v>315684</v>
      </c>
      <c r="C18963" s="7">
        <f t="shared" si="296"/>
        <v>315.68400000000003</v>
      </c>
    </row>
    <row r="18964" spans="1:3" x14ac:dyDescent="0.25">
      <c r="A18964" s="2" t="s">
        <v>10622</v>
      </c>
      <c r="B18964" s="6">
        <v>315700.64999999997</v>
      </c>
      <c r="C18964" s="7">
        <f t="shared" si="296"/>
        <v>315.70064999999994</v>
      </c>
    </row>
    <row r="18965" spans="1:3" x14ac:dyDescent="0.25">
      <c r="A18965" s="2" t="s">
        <v>10623</v>
      </c>
      <c r="B18965" s="6">
        <v>315717.3</v>
      </c>
      <c r="C18965" s="7">
        <f t="shared" si="296"/>
        <v>315.71729999999997</v>
      </c>
    </row>
    <row r="18966" spans="1:3" x14ac:dyDescent="0.25">
      <c r="A18966" s="2" t="s">
        <v>10624</v>
      </c>
      <c r="B18966" s="6">
        <v>315733.94999999995</v>
      </c>
      <c r="C18966" s="7">
        <f t="shared" si="296"/>
        <v>315.73394999999994</v>
      </c>
    </row>
    <row r="18967" spans="1:3" x14ac:dyDescent="0.25">
      <c r="A18967" s="2" t="s">
        <v>10625</v>
      </c>
      <c r="B18967" s="6">
        <v>315750.59999999998</v>
      </c>
      <c r="C18967" s="7">
        <f t="shared" si="296"/>
        <v>315.75059999999996</v>
      </c>
    </row>
    <row r="18968" spans="1:3" x14ac:dyDescent="0.25">
      <c r="A18968" s="2" t="s">
        <v>10626</v>
      </c>
      <c r="B18968" s="6">
        <v>315767.25</v>
      </c>
      <c r="C18968" s="7">
        <f t="shared" si="296"/>
        <v>315.76724999999999</v>
      </c>
    </row>
    <row r="18969" spans="1:3" x14ac:dyDescent="0.25">
      <c r="A18969" s="2" t="s">
        <v>10627</v>
      </c>
      <c r="B18969" s="6">
        <v>315783.89999999997</v>
      </c>
      <c r="C18969" s="7">
        <f t="shared" si="296"/>
        <v>315.78389999999996</v>
      </c>
    </row>
    <row r="18970" spans="1:3" x14ac:dyDescent="0.25">
      <c r="A18970" s="2" t="s">
        <v>10628</v>
      </c>
      <c r="B18970" s="6">
        <v>315800.55</v>
      </c>
      <c r="C18970" s="7">
        <f t="shared" si="296"/>
        <v>315.80054999999999</v>
      </c>
    </row>
    <row r="18971" spans="1:3" x14ac:dyDescent="0.25">
      <c r="A18971" s="2" t="s">
        <v>10629</v>
      </c>
      <c r="B18971" s="6">
        <v>315817.19999999995</v>
      </c>
      <c r="C18971" s="7">
        <f t="shared" si="296"/>
        <v>315.81719999999996</v>
      </c>
    </row>
    <row r="18972" spans="1:3" x14ac:dyDescent="0.25">
      <c r="A18972" s="2" t="s">
        <v>10630</v>
      </c>
      <c r="B18972" s="6">
        <v>315833.84999999998</v>
      </c>
      <c r="C18972" s="7">
        <f t="shared" si="296"/>
        <v>315.83384999999998</v>
      </c>
    </row>
    <row r="18973" spans="1:3" x14ac:dyDescent="0.25">
      <c r="A18973" s="2" t="s">
        <v>10631</v>
      </c>
      <c r="B18973" s="6">
        <v>315850.5</v>
      </c>
      <c r="C18973" s="7">
        <f t="shared" si="296"/>
        <v>315.85050000000001</v>
      </c>
    </row>
    <row r="18974" spans="1:3" x14ac:dyDescent="0.25">
      <c r="A18974" s="2" t="s">
        <v>10632</v>
      </c>
      <c r="B18974" s="6">
        <v>315867.14999999997</v>
      </c>
      <c r="C18974" s="7">
        <f t="shared" si="296"/>
        <v>315.86714999999998</v>
      </c>
    </row>
    <row r="18975" spans="1:3" x14ac:dyDescent="0.25">
      <c r="A18975" s="2" t="s">
        <v>10633</v>
      </c>
      <c r="B18975" s="6">
        <v>315883.8</v>
      </c>
      <c r="C18975" s="7">
        <f t="shared" si="296"/>
        <v>315.88380000000001</v>
      </c>
    </row>
    <row r="18976" spans="1:3" x14ac:dyDescent="0.25">
      <c r="A18976" s="2" t="s">
        <v>10634</v>
      </c>
      <c r="B18976" s="6">
        <v>315900.44999999995</v>
      </c>
      <c r="C18976" s="7">
        <f t="shared" si="296"/>
        <v>315.90044999999998</v>
      </c>
    </row>
    <row r="18977" spans="1:3" x14ac:dyDescent="0.25">
      <c r="A18977" s="2" t="s">
        <v>10635</v>
      </c>
      <c r="B18977" s="6">
        <v>315917.09999999998</v>
      </c>
      <c r="C18977" s="7">
        <f t="shared" si="296"/>
        <v>315.9171</v>
      </c>
    </row>
    <row r="18978" spans="1:3" x14ac:dyDescent="0.25">
      <c r="A18978" s="2" t="s">
        <v>10636</v>
      </c>
      <c r="B18978" s="6">
        <v>315933.75</v>
      </c>
      <c r="C18978" s="7">
        <f t="shared" si="296"/>
        <v>315.93374999999997</v>
      </c>
    </row>
    <row r="18979" spans="1:3" x14ac:dyDescent="0.25">
      <c r="A18979" s="2" t="s">
        <v>10637</v>
      </c>
      <c r="B18979" s="6">
        <v>315950.39999999997</v>
      </c>
      <c r="C18979" s="7">
        <f t="shared" si="296"/>
        <v>315.95039999999995</v>
      </c>
    </row>
    <row r="18980" spans="1:3" x14ac:dyDescent="0.25">
      <c r="A18980" s="2" t="s">
        <v>10638</v>
      </c>
      <c r="B18980" s="6">
        <v>315967.05</v>
      </c>
      <c r="C18980" s="7">
        <f t="shared" si="296"/>
        <v>315.96704999999997</v>
      </c>
    </row>
    <row r="18981" spans="1:3" x14ac:dyDescent="0.25">
      <c r="A18981" s="2" t="s">
        <v>10639</v>
      </c>
      <c r="B18981" s="6">
        <v>315983.69999999995</v>
      </c>
      <c r="C18981" s="7">
        <f t="shared" si="296"/>
        <v>315.98369999999994</v>
      </c>
    </row>
    <row r="18982" spans="1:3" x14ac:dyDescent="0.25">
      <c r="A18982" s="2" t="s">
        <v>10640</v>
      </c>
      <c r="B18982" s="6">
        <v>316000.34999999998</v>
      </c>
      <c r="C18982" s="7">
        <f t="shared" si="296"/>
        <v>316.00034999999997</v>
      </c>
    </row>
    <row r="18983" spans="1:3" x14ac:dyDescent="0.25">
      <c r="A18983" s="2" t="s">
        <v>10641</v>
      </c>
      <c r="B18983" s="6">
        <v>316017</v>
      </c>
      <c r="C18983" s="7">
        <f t="shared" si="296"/>
        <v>316.017</v>
      </c>
    </row>
    <row r="18984" spans="1:3" x14ac:dyDescent="0.25">
      <c r="A18984" s="2" t="s">
        <v>10642</v>
      </c>
      <c r="B18984" s="6">
        <v>316033.64999999997</v>
      </c>
      <c r="C18984" s="7">
        <f t="shared" si="296"/>
        <v>316.03364999999997</v>
      </c>
    </row>
    <row r="18985" spans="1:3" x14ac:dyDescent="0.25">
      <c r="A18985" s="2" t="s">
        <v>10643</v>
      </c>
      <c r="B18985" s="6">
        <v>316050.3</v>
      </c>
      <c r="C18985" s="7">
        <f t="shared" si="296"/>
        <v>316.05029999999999</v>
      </c>
    </row>
    <row r="18986" spans="1:3" x14ac:dyDescent="0.25">
      <c r="A18986" s="2" t="s">
        <v>10644</v>
      </c>
      <c r="B18986" s="6">
        <v>316066.94999999995</v>
      </c>
      <c r="C18986" s="7">
        <f t="shared" si="296"/>
        <v>316.06694999999996</v>
      </c>
    </row>
    <row r="18987" spans="1:3" x14ac:dyDescent="0.25">
      <c r="A18987" s="2" t="s">
        <v>10645</v>
      </c>
      <c r="B18987" s="6">
        <v>316083.59999999998</v>
      </c>
      <c r="C18987" s="7">
        <f t="shared" si="296"/>
        <v>316.08359999999999</v>
      </c>
    </row>
    <row r="18988" spans="1:3" x14ac:dyDescent="0.25">
      <c r="A18988" s="2" t="s">
        <v>10646</v>
      </c>
      <c r="B18988" s="6">
        <v>316100.25</v>
      </c>
      <c r="C18988" s="7">
        <f t="shared" si="296"/>
        <v>316.10025000000002</v>
      </c>
    </row>
    <row r="18989" spans="1:3" x14ac:dyDescent="0.25">
      <c r="A18989" s="2" t="s">
        <v>10647</v>
      </c>
      <c r="B18989" s="6">
        <v>316116.89999999997</v>
      </c>
      <c r="C18989" s="7">
        <f t="shared" si="296"/>
        <v>316.11689999999999</v>
      </c>
    </row>
    <row r="18990" spans="1:3" x14ac:dyDescent="0.25">
      <c r="A18990" s="2" t="s">
        <v>10648</v>
      </c>
      <c r="B18990" s="6">
        <v>316133.55</v>
      </c>
      <c r="C18990" s="7">
        <f t="shared" si="296"/>
        <v>316.13355000000001</v>
      </c>
    </row>
    <row r="18991" spans="1:3" x14ac:dyDescent="0.25">
      <c r="A18991" s="2" t="s">
        <v>10649</v>
      </c>
      <c r="B18991" s="6">
        <v>316150.19999999995</v>
      </c>
      <c r="C18991" s="7">
        <f t="shared" si="296"/>
        <v>316.15019999999993</v>
      </c>
    </row>
    <row r="18992" spans="1:3" x14ac:dyDescent="0.25">
      <c r="A18992" s="2" t="s">
        <v>10650</v>
      </c>
      <c r="B18992" s="6">
        <v>316166.84999999998</v>
      </c>
      <c r="C18992" s="7">
        <f t="shared" si="296"/>
        <v>316.16684999999995</v>
      </c>
    </row>
    <row r="18993" spans="1:3" x14ac:dyDescent="0.25">
      <c r="A18993" s="2" t="s">
        <v>10651</v>
      </c>
      <c r="B18993" s="6">
        <v>316183.5</v>
      </c>
      <c r="C18993" s="7">
        <f t="shared" si="296"/>
        <v>316.18349999999998</v>
      </c>
    </row>
    <row r="18994" spans="1:3" x14ac:dyDescent="0.25">
      <c r="A18994" s="2" t="s">
        <v>10652</v>
      </c>
      <c r="B18994" s="6">
        <v>316200.14999999997</v>
      </c>
      <c r="C18994" s="7">
        <f t="shared" si="296"/>
        <v>316.20014999999995</v>
      </c>
    </row>
    <row r="18995" spans="1:3" x14ac:dyDescent="0.25">
      <c r="A18995" s="2" t="s">
        <v>10653</v>
      </c>
      <c r="B18995" s="6">
        <v>316216.8</v>
      </c>
      <c r="C18995" s="7">
        <f t="shared" si="296"/>
        <v>316.21679999999998</v>
      </c>
    </row>
    <row r="18996" spans="1:3" x14ac:dyDescent="0.25">
      <c r="A18996" s="2" t="s">
        <v>10654</v>
      </c>
      <c r="B18996" s="6">
        <v>316233.44999999995</v>
      </c>
      <c r="C18996" s="7">
        <f t="shared" si="296"/>
        <v>316.23344999999995</v>
      </c>
    </row>
    <row r="18997" spans="1:3" x14ac:dyDescent="0.25">
      <c r="A18997" s="2" t="s">
        <v>10655</v>
      </c>
      <c r="B18997" s="6">
        <v>316250.09999999998</v>
      </c>
      <c r="C18997" s="7">
        <f t="shared" si="296"/>
        <v>316.25009999999997</v>
      </c>
    </row>
    <row r="18998" spans="1:3" x14ac:dyDescent="0.25">
      <c r="A18998" s="2" t="s">
        <v>10656</v>
      </c>
      <c r="B18998" s="6">
        <v>316266.75</v>
      </c>
      <c r="C18998" s="7">
        <f t="shared" si="296"/>
        <v>316.26675</v>
      </c>
    </row>
    <row r="18999" spans="1:3" x14ac:dyDescent="0.25">
      <c r="A18999" s="2" t="s">
        <v>10657</v>
      </c>
      <c r="B18999" s="6">
        <v>316283.39999999997</v>
      </c>
      <c r="C18999" s="7">
        <f t="shared" si="296"/>
        <v>316.28339999999997</v>
      </c>
    </row>
    <row r="19000" spans="1:3" x14ac:dyDescent="0.25">
      <c r="A19000" s="2" t="s">
        <v>10658</v>
      </c>
      <c r="B19000" s="6">
        <v>316300.05</v>
      </c>
      <c r="C19000" s="7">
        <f t="shared" si="296"/>
        <v>316.30005</v>
      </c>
    </row>
    <row r="19001" spans="1:3" x14ac:dyDescent="0.25">
      <c r="A19001" s="2" t="s">
        <v>10659</v>
      </c>
      <c r="B19001" s="6">
        <v>316316.69999999995</v>
      </c>
      <c r="C19001" s="7">
        <f t="shared" si="296"/>
        <v>316.31669999999997</v>
      </c>
    </row>
    <row r="19002" spans="1:3" x14ac:dyDescent="0.25">
      <c r="A19002" s="2" t="s">
        <v>10660</v>
      </c>
      <c r="B19002" s="6">
        <v>316333.34999999998</v>
      </c>
      <c r="C19002" s="7">
        <f t="shared" si="296"/>
        <v>316.33335</v>
      </c>
    </row>
    <row r="19003" spans="1:3" x14ac:dyDescent="0.25">
      <c r="A19003" s="2" t="s">
        <v>10661</v>
      </c>
      <c r="B19003" s="6">
        <v>316350</v>
      </c>
      <c r="C19003" s="7">
        <f t="shared" si="296"/>
        <v>316.35000000000002</v>
      </c>
    </row>
    <row r="19004" spans="1:3" x14ac:dyDescent="0.25">
      <c r="A19004" s="2" t="s">
        <v>10662</v>
      </c>
      <c r="B19004" s="6">
        <v>316366.64999999997</v>
      </c>
      <c r="C19004" s="7">
        <f t="shared" si="296"/>
        <v>316.36664999999999</v>
      </c>
    </row>
    <row r="19005" spans="1:3" x14ac:dyDescent="0.25">
      <c r="A19005" s="2" t="s">
        <v>10663</v>
      </c>
      <c r="B19005" s="6">
        <v>316383.3</v>
      </c>
      <c r="C19005" s="7">
        <f t="shared" si="296"/>
        <v>316.38329999999996</v>
      </c>
    </row>
    <row r="19006" spans="1:3" x14ac:dyDescent="0.25">
      <c r="A19006" s="2" t="s">
        <v>10664</v>
      </c>
      <c r="B19006" s="6">
        <v>316399.94999999995</v>
      </c>
      <c r="C19006" s="7">
        <f t="shared" si="296"/>
        <v>316.39994999999993</v>
      </c>
    </row>
    <row r="19007" spans="1:3" x14ac:dyDescent="0.25">
      <c r="A19007" s="2" t="s">
        <v>10665</v>
      </c>
      <c r="B19007" s="6">
        <v>316416.59999999998</v>
      </c>
      <c r="C19007" s="7">
        <f t="shared" si="296"/>
        <v>316.41659999999996</v>
      </c>
    </row>
    <row r="19008" spans="1:3" x14ac:dyDescent="0.25">
      <c r="A19008" s="2" t="s">
        <v>10666</v>
      </c>
      <c r="B19008" s="6">
        <v>316433.25</v>
      </c>
      <c r="C19008" s="7">
        <f t="shared" si="296"/>
        <v>316.43324999999999</v>
      </c>
    </row>
    <row r="19009" spans="1:3" x14ac:dyDescent="0.25">
      <c r="A19009" s="2" t="s">
        <v>10667</v>
      </c>
      <c r="B19009" s="6">
        <v>316449.89999999997</v>
      </c>
      <c r="C19009" s="7">
        <f t="shared" si="296"/>
        <v>316.44989999999996</v>
      </c>
    </row>
    <row r="19010" spans="1:3" x14ac:dyDescent="0.25">
      <c r="A19010" s="2" t="s">
        <v>10668</v>
      </c>
      <c r="B19010" s="6">
        <v>316466.55</v>
      </c>
      <c r="C19010" s="7">
        <f t="shared" si="296"/>
        <v>316.46654999999998</v>
      </c>
    </row>
    <row r="19011" spans="1:3" x14ac:dyDescent="0.25">
      <c r="A19011" s="2" t="s">
        <v>10669</v>
      </c>
      <c r="B19011" s="6">
        <v>316483.19999999995</v>
      </c>
      <c r="C19011" s="7">
        <f t="shared" ref="C19011:C19074" si="297">B19011/1000</f>
        <v>316.48319999999995</v>
      </c>
    </row>
    <row r="19012" spans="1:3" x14ac:dyDescent="0.25">
      <c r="A19012" s="2" t="s">
        <v>10670</v>
      </c>
      <c r="B19012" s="6">
        <v>316499.84999999998</v>
      </c>
      <c r="C19012" s="7">
        <f t="shared" si="297"/>
        <v>316.49984999999998</v>
      </c>
    </row>
    <row r="19013" spans="1:3" x14ac:dyDescent="0.25">
      <c r="A19013" s="2" t="s">
        <v>10671</v>
      </c>
      <c r="B19013" s="6">
        <v>316516.5</v>
      </c>
      <c r="C19013" s="7">
        <f t="shared" si="297"/>
        <v>316.51650000000001</v>
      </c>
    </row>
    <row r="19014" spans="1:3" x14ac:dyDescent="0.25">
      <c r="A19014" s="2" t="s">
        <v>10672</v>
      </c>
      <c r="B19014" s="6">
        <v>316533.14999999997</v>
      </c>
      <c r="C19014" s="7">
        <f t="shared" si="297"/>
        <v>316.53314999999998</v>
      </c>
    </row>
    <row r="19015" spans="1:3" x14ac:dyDescent="0.25">
      <c r="A19015" s="2" t="s">
        <v>10673</v>
      </c>
      <c r="B19015" s="6">
        <v>316549.8</v>
      </c>
      <c r="C19015" s="7">
        <f t="shared" si="297"/>
        <v>316.5498</v>
      </c>
    </row>
    <row r="19016" spans="1:3" x14ac:dyDescent="0.25">
      <c r="A19016" s="2" t="s">
        <v>10674</v>
      </c>
      <c r="B19016" s="6">
        <v>316566.44999999995</v>
      </c>
      <c r="C19016" s="7">
        <f t="shared" si="297"/>
        <v>316.56644999999997</v>
      </c>
    </row>
    <row r="19017" spans="1:3" x14ac:dyDescent="0.25">
      <c r="A19017" s="2" t="s">
        <v>10675</v>
      </c>
      <c r="B19017" s="6">
        <v>316583.09999999998</v>
      </c>
      <c r="C19017" s="7">
        <f t="shared" si="297"/>
        <v>316.5831</v>
      </c>
    </row>
    <row r="19018" spans="1:3" x14ac:dyDescent="0.25">
      <c r="A19018" s="2" t="s">
        <v>10676</v>
      </c>
      <c r="B19018" s="6">
        <v>316599.75</v>
      </c>
      <c r="C19018" s="7">
        <f t="shared" si="297"/>
        <v>316.59974999999997</v>
      </c>
    </row>
    <row r="19019" spans="1:3" x14ac:dyDescent="0.25">
      <c r="A19019" s="2" t="s">
        <v>10677</v>
      </c>
      <c r="B19019" s="6">
        <v>316616.39999999997</v>
      </c>
      <c r="C19019" s="7">
        <f t="shared" si="297"/>
        <v>316.61639999999994</v>
      </c>
    </row>
    <row r="19020" spans="1:3" x14ac:dyDescent="0.25">
      <c r="A19020" s="2" t="s">
        <v>10678</v>
      </c>
      <c r="B19020" s="6">
        <v>316633.05</v>
      </c>
      <c r="C19020" s="7">
        <f t="shared" si="297"/>
        <v>316.63304999999997</v>
      </c>
    </row>
    <row r="19021" spans="1:3" x14ac:dyDescent="0.25">
      <c r="A19021" s="2" t="s">
        <v>10679</v>
      </c>
      <c r="B19021" s="6">
        <v>316649.69999999995</v>
      </c>
      <c r="C19021" s="7">
        <f t="shared" si="297"/>
        <v>316.64969999999994</v>
      </c>
    </row>
    <row r="19022" spans="1:3" x14ac:dyDescent="0.25">
      <c r="A19022" s="2" t="s">
        <v>10680</v>
      </c>
      <c r="B19022" s="6">
        <v>316666.34999999998</v>
      </c>
      <c r="C19022" s="7">
        <f t="shared" si="297"/>
        <v>316.66634999999997</v>
      </c>
    </row>
    <row r="19023" spans="1:3" x14ac:dyDescent="0.25">
      <c r="A19023" s="2" t="s">
        <v>10681</v>
      </c>
      <c r="B19023" s="6">
        <v>316683</v>
      </c>
      <c r="C19023" s="7">
        <f t="shared" si="297"/>
        <v>316.68299999999999</v>
      </c>
    </row>
    <row r="19024" spans="1:3" x14ac:dyDescent="0.25">
      <c r="A19024" s="2" t="s">
        <v>10682</v>
      </c>
      <c r="B19024" s="6">
        <v>316699.64999999997</v>
      </c>
      <c r="C19024" s="7">
        <f t="shared" si="297"/>
        <v>316.69964999999996</v>
      </c>
    </row>
    <row r="19025" spans="1:3" x14ac:dyDescent="0.25">
      <c r="A19025" s="2" t="s">
        <v>10683</v>
      </c>
      <c r="B19025" s="6">
        <v>316716.3</v>
      </c>
      <c r="C19025" s="7">
        <f t="shared" si="297"/>
        <v>316.71629999999999</v>
      </c>
    </row>
    <row r="19026" spans="1:3" x14ac:dyDescent="0.25">
      <c r="A19026" s="2" t="s">
        <v>10684</v>
      </c>
      <c r="B19026" s="6">
        <v>316732.94999999995</v>
      </c>
      <c r="C19026" s="7">
        <f t="shared" si="297"/>
        <v>316.73294999999996</v>
      </c>
    </row>
    <row r="19027" spans="1:3" x14ac:dyDescent="0.25">
      <c r="A19027" s="2" t="s">
        <v>10685</v>
      </c>
      <c r="B19027" s="6">
        <v>316749.59999999998</v>
      </c>
      <c r="C19027" s="7">
        <f t="shared" si="297"/>
        <v>316.74959999999999</v>
      </c>
    </row>
    <row r="19028" spans="1:3" x14ac:dyDescent="0.25">
      <c r="A19028" s="2" t="s">
        <v>10686</v>
      </c>
      <c r="B19028" s="6">
        <v>316766.25</v>
      </c>
      <c r="C19028" s="7">
        <f t="shared" si="297"/>
        <v>316.76625000000001</v>
      </c>
    </row>
    <row r="19029" spans="1:3" x14ac:dyDescent="0.25">
      <c r="A19029" s="2" t="s">
        <v>10687</v>
      </c>
      <c r="B19029" s="6">
        <v>316782.89999999997</v>
      </c>
      <c r="C19029" s="7">
        <f t="shared" si="297"/>
        <v>316.78289999999998</v>
      </c>
    </row>
    <row r="19030" spans="1:3" x14ac:dyDescent="0.25">
      <c r="A19030" s="2" t="s">
        <v>10688</v>
      </c>
      <c r="B19030" s="6">
        <v>316799.55</v>
      </c>
      <c r="C19030" s="7">
        <f t="shared" si="297"/>
        <v>316.79955000000001</v>
      </c>
    </row>
    <row r="19031" spans="1:3" x14ac:dyDescent="0.25">
      <c r="A19031" s="2" t="s">
        <v>10689</v>
      </c>
      <c r="B19031" s="6">
        <v>316816.19999999995</v>
      </c>
      <c r="C19031" s="7">
        <f t="shared" si="297"/>
        <v>316.81619999999998</v>
      </c>
    </row>
    <row r="19032" spans="1:3" x14ac:dyDescent="0.25">
      <c r="A19032" s="2" t="s">
        <v>10690</v>
      </c>
      <c r="B19032" s="6">
        <v>316832.84999999998</v>
      </c>
      <c r="C19032" s="7">
        <f t="shared" si="297"/>
        <v>316.83284999999995</v>
      </c>
    </row>
    <row r="19033" spans="1:3" x14ac:dyDescent="0.25">
      <c r="A19033" s="2" t="s">
        <v>10691</v>
      </c>
      <c r="B19033" s="6">
        <v>316849.5</v>
      </c>
      <c r="C19033" s="7">
        <f t="shared" si="297"/>
        <v>316.84949999999998</v>
      </c>
    </row>
    <row r="19034" spans="1:3" x14ac:dyDescent="0.25">
      <c r="A19034" s="2" t="s">
        <v>10692</v>
      </c>
      <c r="B19034" s="6">
        <v>316866.14999999997</v>
      </c>
      <c r="C19034" s="7">
        <f t="shared" si="297"/>
        <v>316.86614999999995</v>
      </c>
    </row>
    <row r="19035" spans="1:3" x14ac:dyDescent="0.25">
      <c r="A19035" s="2" t="s">
        <v>10693</v>
      </c>
      <c r="B19035" s="6">
        <v>316882.8</v>
      </c>
      <c r="C19035" s="7">
        <f t="shared" si="297"/>
        <v>316.88279999999997</v>
      </c>
    </row>
    <row r="19036" spans="1:3" x14ac:dyDescent="0.25">
      <c r="A19036" s="2" t="s">
        <v>10694</v>
      </c>
      <c r="B19036" s="6">
        <v>316899.44999999995</v>
      </c>
      <c r="C19036" s="7">
        <f t="shared" si="297"/>
        <v>316.89944999999994</v>
      </c>
    </row>
    <row r="19037" spans="1:3" x14ac:dyDescent="0.25">
      <c r="A19037" s="2" t="s">
        <v>10695</v>
      </c>
      <c r="B19037" s="6">
        <v>316916.09999999998</v>
      </c>
      <c r="C19037" s="7">
        <f t="shared" si="297"/>
        <v>316.91609999999997</v>
      </c>
    </row>
    <row r="19038" spans="1:3" x14ac:dyDescent="0.25">
      <c r="A19038" s="2" t="s">
        <v>10696</v>
      </c>
      <c r="B19038" s="6">
        <v>316932.75</v>
      </c>
      <c r="C19038" s="7">
        <f t="shared" si="297"/>
        <v>316.93275</v>
      </c>
    </row>
    <row r="19039" spans="1:3" x14ac:dyDescent="0.25">
      <c r="A19039" s="2" t="s">
        <v>10697</v>
      </c>
      <c r="B19039" s="6">
        <v>316949.39999999997</v>
      </c>
      <c r="C19039" s="7">
        <f t="shared" si="297"/>
        <v>316.94939999999997</v>
      </c>
    </row>
    <row r="19040" spans="1:3" x14ac:dyDescent="0.25">
      <c r="A19040" s="2" t="s">
        <v>10698</v>
      </c>
      <c r="B19040" s="6">
        <v>316966.05</v>
      </c>
      <c r="C19040" s="7">
        <f t="shared" si="297"/>
        <v>316.96605</v>
      </c>
    </row>
    <row r="19041" spans="1:3" x14ac:dyDescent="0.25">
      <c r="A19041" s="2" t="s">
        <v>10699</v>
      </c>
      <c r="B19041" s="6">
        <v>316982.69999999995</v>
      </c>
      <c r="C19041" s="7">
        <f t="shared" si="297"/>
        <v>316.98269999999997</v>
      </c>
    </row>
    <row r="19042" spans="1:3" x14ac:dyDescent="0.25">
      <c r="A19042" s="2" t="s">
        <v>10700</v>
      </c>
      <c r="B19042" s="6">
        <v>316999.34999999998</v>
      </c>
      <c r="C19042" s="7">
        <f t="shared" si="297"/>
        <v>316.99934999999999</v>
      </c>
    </row>
    <row r="19043" spans="1:3" x14ac:dyDescent="0.25">
      <c r="A19043" s="2" t="s">
        <v>10701</v>
      </c>
      <c r="B19043" s="6">
        <v>317016</v>
      </c>
      <c r="C19043" s="7">
        <f t="shared" si="297"/>
        <v>317.01600000000002</v>
      </c>
    </row>
    <row r="19044" spans="1:3" x14ac:dyDescent="0.25">
      <c r="A19044" s="2" t="s">
        <v>10702</v>
      </c>
      <c r="B19044" s="6">
        <v>317032.64999999997</v>
      </c>
      <c r="C19044" s="7">
        <f t="shared" si="297"/>
        <v>317.03264999999999</v>
      </c>
    </row>
    <row r="19045" spans="1:3" x14ac:dyDescent="0.25">
      <c r="A19045" s="2" t="s">
        <v>10703</v>
      </c>
      <c r="B19045" s="6">
        <v>317049.3</v>
      </c>
      <c r="C19045" s="7">
        <f t="shared" si="297"/>
        <v>317.04930000000002</v>
      </c>
    </row>
    <row r="19046" spans="1:3" x14ac:dyDescent="0.25">
      <c r="A19046" s="2" t="s">
        <v>10704</v>
      </c>
      <c r="B19046" s="6">
        <v>317065.94999999995</v>
      </c>
      <c r="C19046" s="7">
        <f t="shared" si="297"/>
        <v>317.06594999999993</v>
      </c>
    </row>
    <row r="19047" spans="1:3" x14ac:dyDescent="0.25">
      <c r="A19047" s="2" t="s">
        <v>10705</v>
      </c>
      <c r="B19047" s="6">
        <v>317082.59999999998</v>
      </c>
      <c r="C19047" s="7">
        <f t="shared" si="297"/>
        <v>317.08259999999996</v>
      </c>
    </row>
    <row r="19048" spans="1:3" x14ac:dyDescent="0.25">
      <c r="A19048" s="2" t="s">
        <v>10706</v>
      </c>
      <c r="B19048" s="6">
        <v>317099.25</v>
      </c>
      <c r="C19048" s="7">
        <f t="shared" si="297"/>
        <v>317.09924999999998</v>
      </c>
    </row>
    <row r="19049" spans="1:3" x14ac:dyDescent="0.25">
      <c r="A19049" s="2" t="s">
        <v>10707</v>
      </c>
      <c r="B19049" s="6">
        <v>317115.89999999997</v>
      </c>
      <c r="C19049" s="7">
        <f t="shared" si="297"/>
        <v>317.11589999999995</v>
      </c>
    </row>
    <row r="19050" spans="1:3" x14ac:dyDescent="0.25">
      <c r="A19050" s="2" t="s">
        <v>10708</v>
      </c>
      <c r="B19050" s="6">
        <v>317132.55</v>
      </c>
      <c r="C19050" s="7">
        <f t="shared" si="297"/>
        <v>317.13254999999998</v>
      </c>
    </row>
    <row r="19051" spans="1:3" x14ac:dyDescent="0.25">
      <c r="A19051" s="2" t="s">
        <v>10709</v>
      </c>
      <c r="B19051" s="6">
        <v>317149.19999999995</v>
      </c>
      <c r="C19051" s="7">
        <f t="shared" si="297"/>
        <v>317.14919999999995</v>
      </c>
    </row>
    <row r="19052" spans="1:3" x14ac:dyDescent="0.25">
      <c r="A19052" s="2" t="s">
        <v>10710</v>
      </c>
      <c r="B19052" s="6">
        <v>317165.84999999998</v>
      </c>
      <c r="C19052" s="7">
        <f t="shared" si="297"/>
        <v>317.16584999999998</v>
      </c>
    </row>
    <row r="19053" spans="1:3" x14ac:dyDescent="0.25">
      <c r="A19053" s="2" t="s">
        <v>10711</v>
      </c>
      <c r="B19053" s="6">
        <v>317182.5</v>
      </c>
      <c r="C19053" s="7">
        <f t="shared" si="297"/>
        <v>317.1825</v>
      </c>
    </row>
    <row r="19054" spans="1:3" x14ac:dyDescent="0.25">
      <c r="A19054" s="2" t="s">
        <v>10712</v>
      </c>
      <c r="B19054" s="6">
        <v>317199.14999999997</v>
      </c>
      <c r="C19054" s="7">
        <f t="shared" si="297"/>
        <v>317.19914999999997</v>
      </c>
    </row>
    <row r="19055" spans="1:3" x14ac:dyDescent="0.25">
      <c r="A19055" s="2" t="s">
        <v>10713</v>
      </c>
      <c r="B19055" s="6">
        <v>317215.8</v>
      </c>
      <c r="C19055" s="7">
        <f t="shared" si="297"/>
        <v>317.2158</v>
      </c>
    </row>
    <row r="19056" spans="1:3" x14ac:dyDescent="0.25">
      <c r="A19056" s="2" t="s">
        <v>10714</v>
      </c>
      <c r="B19056" s="6">
        <v>317232.44999999995</v>
      </c>
      <c r="C19056" s="7">
        <f t="shared" si="297"/>
        <v>317.23244999999997</v>
      </c>
    </row>
    <row r="19057" spans="1:3" x14ac:dyDescent="0.25">
      <c r="A19057" s="2" t="s">
        <v>10715</v>
      </c>
      <c r="B19057" s="6">
        <v>317249.09999999998</v>
      </c>
      <c r="C19057" s="7">
        <f t="shared" si="297"/>
        <v>317.2491</v>
      </c>
    </row>
    <row r="19058" spans="1:3" x14ac:dyDescent="0.25">
      <c r="A19058" s="2" t="s">
        <v>10716</v>
      </c>
      <c r="B19058" s="6">
        <v>317265.75</v>
      </c>
      <c r="C19058" s="7">
        <f t="shared" si="297"/>
        <v>317.26575000000003</v>
      </c>
    </row>
    <row r="19059" spans="1:3" x14ac:dyDescent="0.25">
      <c r="A19059" s="2" t="s">
        <v>10717</v>
      </c>
      <c r="B19059" s="6">
        <v>317282.39999999997</v>
      </c>
      <c r="C19059" s="7">
        <f t="shared" si="297"/>
        <v>317.28239999999994</v>
      </c>
    </row>
    <row r="19060" spans="1:3" x14ac:dyDescent="0.25">
      <c r="A19060" s="2" t="s">
        <v>10718</v>
      </c>
      <c r="B19060" s="6">
        <v>317299.05</v>
      </c>
      <c r="C19060" s="7">
        <f t="shared" si="297"/>
        <v>317.29904999999997</v>
      </c>
    </row>
    <row r="19061" spans="1:3" x14ac:dyDescent="0.25">
      <c r="A19061" s="2" t="s">
        <v>10719</v>
      </c>
      <c r="B19061" s="6">
        <v>317315.69999999995</v>
      </c>
      <c r="C19061" s="7">
        <f t="shared" si="297"/>
        <v>317.31569999999994</v>
      </c>
    </row>
    <row r="19062" spans="1:3" x14ac:dyDescent="0.25">
      <c r="A19062" s="2" t="s">
        <v>10720</v>
      </c>
      <c r="B19062" s="6">
        <v>317332.34999999998</v>
      </c>
      <c r="C19062" s="7">
        <f t="shared" si="297"/>
        <v>317.33234999999996</v>
      </c>
    </row>
    <row r="19063" spans="1:3" x14ac:dyDescent="0.25">
      <c r="A19063" s="2" t="s">
        <v>10721</v>
      </c>
      <c r="B19063" s="6">
        <v>317349</v>
      </c>
      <c r="C19063" s="7">
        <f t="shared" si="297"/>
        <v>317.34899999999999</v>
      </c>
    </row>
    <row r="19064" spans="1:3" x14ac:dyDescent="0.25">
      <c r="A19064" s="2" t="s">
        <v>10722</v>
      </c>
      <c r="B19064" s="6">
        <v>317365.64999999997</v>
      </c>
      <c r="C19064" s="7">
        <f t="shared" si="297"/>
        <v>317.36564999999996</v>
      </c>
    </row>
    <row r="19065" spans="1:3" x14ac:dyDescent="0.25">
      <c r="A19065" s="2" t="s">
        <v>10723</v>
      </c>
      <c r="B19065" s="6">
        <v>317382.3</v>
      </c>
      <c r="C19065" s="7">
        <f t="shared" si="297"/>
        <v>317.38229999999999</v>
      </c>
    </row>
    <row r="19066" spans="1:3" x14ac:dyDescent="0.25">
      <c r="A19066" s="2" t="s">
        <v>10724</v>
      </c>
      <c r="B19066" s="6">
        <v>317398.94999999995</v>
      </c>
      <c r="C19066" s="7">
        <f t="shared" si="297"/>
        <v>317.39894999999996</v>
      </c>
    </row>
    <row r="19067" spans="1:3" x14ac:dyDescent="0.25">
      <c r="A19067" s="2" t="s">
        <v>10725</v>
      </c>
      <c r="B19067" s="6">
        <v>317415.59999999998</v>
      </c>
      <c r="C19067" s="7">
        <f t="shared" si="297"/>
        <v>317.41559999999998</v>
      </c>
    </row>
    <row r="19068" spans="1:3" x14ac:dyDescent="0.25">
      <c r="A19068" s="2" t="s">
        <v>10726</v>
      </c>
      <c r="B19068" s="6">
        <v>317432.25</v>
      </c>
      <c r="C19068" s="7">
        <f t="shared" si="297"/>
        <v>317.43225000000001</v>
      </c>
    </row>
    <row r="19069" spans="1:3" x14ac:dyDescent="0.25">
      <c r="A19069" s="2" t="s">
        <v>10727</v>
      </c>
      <c r="B19069" s="6">
        <v>317448.89999999997</v>
      </c>
      <c r="C19069" s="7">
        <f t="shared" si="297"/>
        <v>317.44889999999998</v>
      </c>
    </row>
    <row r="19070" spans="1:3" x14ac:dyDescent="0.25">
      <c r="A19070" s="2" t="s">
        <v>10728</v>
      </c>
      <c r="B19070" s="6">
        <v>317465.55</v>
      </c>
      <c r="C19070" s="7">
        <f t="shared" si="297"/>
        <v>317.46555000000001</v>
      </c>
    </row>
    <row r="19071" spans="1:3" x14ac:dyDescent="0.25">
      <c r="A19071" s="2" t="s">
        <v>10729</v>
      </c>
      <c r="B19071" s="6">
        <v>317482.19999999995</v>
      </c>
      <c r="C19071" s="7">
        <f t="shared" si="297"/>
        <v>317.48219999999998</v>
      </c>
    </row>
    <row r="19072" spans="1:3" x14ac:dyDescent="0.25">
      <c r="A19072" s="2" t="s">
        <v>10730</v>
      </c>
      <c r="B19072" s="6">
        <v>317498.84999999998</v>
      </c>
      <c r="C19072" s="7">
        <f t="shared" si="297"/>
        <v>317.49885</v>
      </c>
    </row>
    <row r="19073" spans="1:3" x14ac:dyDescent="0.25">
      <c r="A19073" s="2" t="s">
        <v>10731</v>
      </c>
      <c r="B19073" s="6">
        <v>317515.5</v>
      </c>
      <c r="C19073" s="7">
        <f t="shared" si="297"/>
        <v>317.51549999999997</v>
      </c>
    </row>
    <row r="19074" spans="1:3" x14ac:dyDescent="0.25">
      <c r="A19074" s="2" t="s">
        <v>10732</v>
      </c>
      <c r="B19074" s="6">
        <v>317532.14999999997</v>
      </c>
      <c r="C19074" s="7">
        <f t="shared" si="297"/>
        <v>317.53214999999994</v>
      </c>
    </row>
    <row r="19075" spans="1:3" x14ac:dyDescent="0.25">
      <c r="A19075" s="2" t="s">
        <v>10733</v>
      </c>
      <c r="B19075" s="6">
        <v>317548.79999999999</v>
      </c>
      <c r="C19075" s="7">
        <f t="shared" ref="C19075:C19138" si="298">B19075/1000</f>
        <v>317.54879999999997</v>
      </c>
    </row>
    <row r="19076" spans="1:3" x14ac:dyDescent="0.25">
      <c r="A19076" s="2" t="s">
        <v>10734</v>
      </c>
      <c r="B19076" s="6">
        <v>317565.44999999995</v>
      </c>
      <c r="C19076" s="7">
        <f t="shared" si="298"/>
        <v>317.56544999999994</v>
      </c>
    </row>
    <row r="19077" spans="1:3" x14ac:dyDescent="0.25">
      <c r="A19077" s="2" t="s">
        <v>10735</v>
      </c>
      <c r="B19077" s="6">
        <v>317582.09999999998</v>
      </c>
      <c r="C19077" s="7">
        <f t="shared" si="298"/>
        <v>317.58209999999997</v>
      </c>
    </row>
    <row r="19078" spans="1:3" x14ac:dyDescent="0.25">
      <c r="A19078" s="2" t="s">
        <v>10736</v>
      </c>
      <c r="B19078" s="6">
        <v>317598.75</v>
      </c>
      <c r="C19078" s="7">
        <f t="shared" si="298"/>
        <v>317.59875</v>
      </c>
    </row>
    <row r="19079" spans="1:3" x14ac:dyDescent="0.25">
      <c r="A19079" s="2" t="s">
        <v>10737</v>
      </c>
      <c r="B19079" s="6">
        <v>317615.39999999997</v>
      </c>
      <c r="C19079" s="7">
        <f t="shared" si="298"/>
        <v>317.61539999999997</v>
      </c>
    </row>
    <row r="19080" spans="1:3" x14ac:dyDescent="0.25">
      <c r="A19080" s="2" t="s">
        <v>10738</v>
      </c>
      <c r="B19080" s="6">
        <v>317632.05</v>
      </c>
      <c r="C19080" s="7">
        <f t="shared" si="298"/>
        <v>317.63204999999999</v>
      </c>
    </row>
    <row r="19081" spans="1:3" x14ac:dyDescent="0.25">
      <c r="A19081" s="2" t="s">
        <v>10739</v>
      </c>
      <c r="B19081" s="6">
        <v>317648.69999999995</v>
      </c>
      <c r="C19081" s="7">
        <f t="shared" si="298"/>
        <v>317.64869999999996</v>
      </c>
    </row>
    <row r="19082" spans="1:3" x14ac:dyDescent="0.25">
      <c r="A19082" s="2" t="s">
        <v>10740</v>
      </c>
      <c r="B19082" s="6">
        <v>317665.34999999998</v>
      </c>
      <c r="C19082" s="7">
        <f t="shared" si="298"/>
        <v>317.66534999999999</v>
      </c>
    </row>
    <row r="19083" spans="1:3" x14ac:dyDescent="0.25">
      <c r="A19083" s="2" t="s">
        <v>10741</v>
      </c>
      <c r="B19083" s="6">
        <v>317682</v>
      </c>
      <c r="C19083" s="7">
        <f t="shared" si="298"/>
        <v>317.68200000000002</v>
      </c>
    </row>
    <row r="19084" spans="1:3" x14ac:dyDescent="0.25">
      <c r="A19084" s="2" t="s">
        <v>10742</v>
      </c>
      <c r="B19084" s="6">
        <v>317698.64999999997</v>
      </c>
      <c r="C19084" s="7">
        <f t="shared" si="298"/>
        <v>317.69864999999999</v>
      </c>
    </row>
    <row r="19085" spans="1:3" x14ac:dyDescent="0.25">
      <c r="A19085" s="2" t="s">
        <v>10743</v>
      </c>
      <c r="B19085" s="6">
        <v>317715.3</v>
      </c>
      <c r="C19085" s="7">
        <f t="shared" si="298"/>
        <v>317.71530000000001</v>
      </c>
    </row>
    <row r="19086" spans="1:3" x14ac:dyDescent="0.25">
      <c r="A19086" s="2" t="s">
        <v>10744</v>
      </c>
      <c r="B19086" s="6">
        <v>317731.94999999995</v>
      </c>
      <c r="C19086" s="7">
        <f t="shared" si="298"/>
        <v>317.73194999999993</v>
      </c>
    </row>
    <row r="19087" spans="1:3" x14ac:dyDescent="0.25">
      <c r="A19087" s="2" t="s">
        <v>10745</v>
      </c>
      <c r="B19087" s="6">
        <v>317748.59999999998</v>
      </c>
      <c r="C19087" s="7">
        <f t="shared" si="298"/>
        <v>317.74859999999995</v>
      </c>
    </row>
    <row r="19088" spans="1:3" x14ac:dyDescent="0.25">
      <c r="A19088" s="2" t="s">
        <v>10746</v>
      </c>
      <c r="B19088" s="6">
        <v>317765.25</v>
      </c>
      <c r="C19088" s="7">
        <f t="shared" si="298"/>
        <v>317.76524999999998</v>
      </c>
    </row>
    <row r="19089" spans="1:3" x14ac:dyDescent="0.25">
      <c r="A19089" s="2" t="s">
        <v>10747</v>
      </c>
      <c r="B19089" s="6">
        <v>317781.89999999997</v>
      </c>
      <c r="C19089" s="7">
        <f t="shared" si="298"/>
        <v>317.78189999999995</v>
      </c>
    </row>
    <row r="19090" spans="1:3" x14ac:dyDescent="0.25">
      <c r="A19090" s="2" t="s">
        <v>10748</v>
      </c>
      <c r="B19090" s="6">
        <v>317798.55</v>
      </c>
      <c r="C19090" s="7">
        <f t="shared" si="298"/>
        <v>317.79854999999998</v>
      </c>
    </row>
    <row r="19091" spans="1:3" x14ac:dyDescent="0.25">
      <c r="A19091" s="2" t="s">
        <v>10749</v>
      </c>
      <c r="B19091" s="6">
        <v>317815.19999999995</v>
      </c>
      <c r="C19091" s="7">
        <f t="shared" si="298"/>
        <v>317.81519999999995</v>
      </c>
    </row>
    <row r="19092" spans="1:3" x14ac:dyDescent="0.25">
      <c r="A19092" s="2" t="s">
        <v>10750</v>
      </c>
      <c r="B19092" s="6">
        <v>317831.84999999998</v>
      </c>
      <c r="C19092" s="7">
        <f t="shared" si="298"/>
        <v>317.83184999999997</v>
      </c>
    </row>
    <row r="19093" spans="1:3" x14ac:dyDescent="0.25">
      <c r="A19093" s="2" t="s">
        <v>10751</v>
      </c>
      <c r="B19093" s="6">
        <v>317848.5</v>
      </c>
      <c r="C19093" s="7">
        <f t="shared" si="298"/>
        <v>317.8485</v>
      </c>
    </row>
    <row r="19094" spans="1:3" x14ac:dyDescent="0.25">
      <c r="A19094" s="2" t="s">
        <v>10752</v>
      </c>
      <c r="B19094" s="6">
        <v>317865.14999999997</v>
      </c>
      <c r="C19094" s="7">
        <f t="shared" si="298"/>
        <v>317.86514999999997</v>
      </c>
    </row>
    <row r="19095" spans="1:3" x14ac:dyDescent="0.25">
      <c r="A19095" s="2" t="s">
        <v>10753</v>
      </c>
      <c r="B19095" s="6">
        <v>317881.8</v>
      </c>
      <c r="C19095" s="7">
        <f t="shared" si="298"/>
        <v>317.8818</v>
      </c>
    </row>
    <row r="19096" spans="1:3" x14ac:dyDescent="0.25">
      <c r="A19096" s="2" t="s">
        <v>10754</v>
      </c>
      <c r="B19096" s="6">
        <v>317898.44999999995</v>
      </c>
      <c r="C19096" s="7">
        <f t="shared" si="298"/>
        <v>317.89844999999997</v>
      </c>
    </row>
    <row r="19097" spans="1:3" x14ac:dyDescent="0.25">
      <c r="A19097" s="2" t="s">
        <v>10755</v>
      </c>
      <c r="B19097" s="6">
        <v>317915.09999999998</v>
      </c>
      <c r="C19097" s="7">
        <f t="shared" si="298"/>
        <v>317.9151</v>
      </c>
    </row>
    <row r="19098" spans="1:3" x14ac:dyDescent="0.25">
      <c r="A19098" s="2" t="s">
        <v>10756</v>
      </c>
      <c r="B19098" s="6">
        <v>317931.75</v>
      </c>
      <c r="C19098" s="7">
        <f t="shared" si="298"/>
        <v>317.93175000000002</v>
      </c>
    </row>
    <row r="19099" spans="1:3" x14ac:dyDescent="0.25">
      <c r="A19099" s="2" t="s">
        <v>10757</v>
      </c>
      <c r="B19099" s="6">
        <v>317948.39999999997</v>
      </c>
      <c r="C19099" s="7">
        <f t="shared" si="298"/>
        <v>317.94839999999999</v>
      </c>
    </row>
    <row r="19100" spans="1:3" x14ac:dyDescent="0.25">
      <c r="A19100" s="2" t="s">
        <v>10758</v>
      </c>
      <c r="B19100" s="6">
        <v>317965.05</v>
      </c>
      <c r="C19100" s="7">
        <f t="shared" si="298"/>
        <v>317.96504999999996</v>
      </c>
    </row>
    <row r="19101" spans="1:3" x14ac:dyDescent="0.25">
      <c r="A19101" s="2" t="s">
        <v>10759</v>
      </c>
      <c r="B19101" s="6">
        <v>317981.69999999995</v>
      </c>
      <c r="C19101" s="7">
        <f t="shared" si="298"/>
        <v>317.98169999999993</v>
      </c>
    </row>
    <row r="19102" spans="1:3" x14ac:dyDescent="0.25">
      <c r="A19102" s="2" t="s">
        <v>10760</v>
      </c>
      <c r="B19102" s="6">
        <v>317998.34999999998</v>
      </c>
      <c r="C19102" s="7">
        <f t="shared" si="298"/>
        <v>317.99834999999996</v>
      </c>
    </row>
    <row r="19103" spans="1:3" x14ac:dyDescent="0.25">
      <c r="A19103" s="2" t="s">
        <v>10761</v>
      </c>
      <c r="B19103" s="6">
        <v>318015</v>
      </c>
      <c r="C19103" s="7">
        <f t="shared" si="298"/>
        <v>318.01499999999999</v>
      </c>
    </row>
    <row r="19104" spans="1:3" x14ac:dyDescent="0.25">
      <c r="A19104" s="2" t="s">
        <v>10762</v>
      </c>
      <c r="B19104" s="6">
        <v>318031.64999999997</v>
      </c>
      <c r="C19104" s="7">
        <f t="shared" si="298"/>
        <v>318.03164999999996</v>
      </c>
    </row>
    <row r="19105" spans="1:3" x14ac:dyDescent="0.25">
      <c r="A19105" s="2" t="s">
        <v>10763</v>
      </c>
      <c r="B19105" s="6">
        <v>318048.3</v>
      </c>
      <c r="C19105" s="7">
        <f t="shared" si="298"/>
        <v>318.04829999999998</v>
      </c>
    </row>
    <row r="19106" spans="1:3" x14ac:dyDescent="0.25">
      <c r="A19106" s="2" t="s">
        <v>10764</v>
      </c>
      <c r="B19106" s="6">
        <v>318064.94999999995</v>
      </c>
      <c r="C19106" s="7">
        <f t="shared" si="298"/>
        <v>318.06494999999995</v>
      </c>
    </row>
    <row r="19107" spans="1:3" x14ac:dyDescent="0.25">
      <c r="A19107" s="2" t="s">
        <v>10765</v>
      </c>
      <c r="B19107" s="6">
        <v>318081.59999999998</v>
      </c>
      <c r="C19107" s="7">
        <f t="shared" si="298"/>
        <v>318.08159999999998</v>
      </c>
    </row>
    <row r="19108" spans="1:3" x14ac:dyDescent="0.25">
      <c r="A19108" s="2" t="s">
        <v>10766</v>
      </c>
      <c r="B19108" s="6">
        <v>318098.25</v>
      </c>
      <c r="C19108" s="7">
        <f t="shared" si="298"/>
        <v>318.09825000000001</v>
      </c>
    </row>
    <row r="19109" spans="1:3" x14ac:dyDescent="0.25">
      <c r="A19109" s="2" t="s">
        <v>10767</v>
      </c>
      <c r="B19109" s="6">
        <v>318114.89999999997</v>
      </c>
      <c r="C19109" s="7">
        <f t="shared" si="298"/>
        <v>318.11489999999998</v>
      </c>
    </row>
    <row r="19110" spans="1:3" x14ac:dyDescent="0.25">
      <c r="A19110" s="2" t="s">
        <v>10768</v>
      </c>
      <c r="B19110" s="6">
        <v>318131.55</v>
      </c>
      <c r="C19110" s="7">
        <f t="shared" si="298"/>
        <v>318.13155</v>
      </c>
    </row>
    <row r="19111" spans="1:3" x14ac:dyDescent="0.25">
      <c r="A19111" s="2" t="s">
        <v>10769</v>
      </c>
      <c r="B19111" s="6">
        <v>318148.19999999995</v>
      </c>
      <c r="C19111" s="7">
        <f t="shared" si="298"/>
        <v>318.14819999999997</v>
      </c>
    </row>
    <row r="19112" spans="1:3" x14ac:dyDescent="0.25">
      <c r="A19112" s="2" t="s">
        <v>10770</v>
      </c>
      <c r="B19112" s="6">
        <v>318164.84999999998</v>
      </c>
      <c r="C19112" s="7">
        <f t="shared" si="298"/>
        <v>318.16485</v>
      </c>
    </row>
    <row r="19113" spans="1:3" x14ac:dyDescent="0.25">
      <c r="A19113" s="2" t="s">
        <v>10771</v>
      </c>
      <c r="B19113" s="6">
        <v>318181.5</v>
      </c>
      <c r="C19113" s="7">
        <f t="shared" si="298"/>
        <v>318.18150000000003</v>
      </c>
    </row>
    <row r="19114" spans="1:3" x14ac:dyDescent="0.25">
      <c r="A19114" s="2" t="s">
        <v>10772</v>
      </c>
      <c r="B19114" s="6">
        <v>318198.14999999997</v>
      </c>
      <c r="C19114" s="7">
        <f t="shared" si="298"/>
        <v>318.19814999999994</v>
      </c>
    </row>
    <row r="19115" spans="1:3" x14ac:dyDescent="0.25">
      <c r="A19115" s="2" t="s">
        <v>10773</v>
      </c>
      <c r="B19115" s="6">
        <v>318214.8</v>
      </c>
      <c r="C19115" s="7">
        <f t="shared" si="298"/>
        <v>318.21479999999997</v>
      </c>
    </row>
    <row r="19116" spans="1:3" x14ac:dyDescent="0.25">
      <c r="A19116" s="2" t="s">
        <v>10774</v>
      </c>
      <c r="B19116" s="6">
        <v>318231.44999999995</v>
      </c>
      <c r="C19116" s="7">
        <f t="shared" si="298"/>
        <v>318.23144999999994</v>
      </c>
    </row>
    <row r="19117" spans="1:3" x14ac:dyDescent="0.25">
      <c r="A19117" s="2" t="s">
        <v>10775</v>
      </c>
      <c r="B19117" s="6">
        <v>318248.09999999998</v>
      </c>
      <c r="C19117" s="7">
        <f t="shared" si="298"/>
        <v>318.24809999999997</v>
      </c>
    </row>
    <row r="19118" spans="1:3" x14ac:dyDescent="0.25">
      <c r="A19118" s="2" t="s">
        <v>10776</v>
      </c>
      <c r="B19118" s="6">
        <v>318264.75</v>
      </c>
      <c r="C19118" s="7">
        <f t="shared" si="298"/>
        <v>318.26474999999999</v>
      </c>
    </row>
    <row r="19119" spans="1:3" x14ac:dyDescent="0.25">
      <c r="A19119" s="2" t="s">
        <v>10777</v>
      </c>
      <c r="B19119" s="6">
        <v>318281.39999999997</v>
      </c>
      <c r="C19119" s="7">
        <f t="shared" si="298"/>
        <v>318.28139999999996</v>
      </c>
    </row>
    <row r="19120" spans="1:3" x14ac:dyDescent="0.25">
      <c r="A19120" s="2" t="s">
        <v>10778</v>
      </c>
      <c r="B19120" s="6">
        <v>318298.05</v>
      </c>
      <c r="C19120" s="7">
        <f t="shared" si="298"/>
        <v>318.29804999999999</v>
      </c>
    </row>
    <row r="19121" spans="1:3" x14ac:dyDescent="0.25">
      <c r="A19121" s="2" t="s">
        <v>10779</v>
      </c>
      <c r="B19121" s="6">
        <v>318314.69999999995</v>
      </c>
      <c r="C19121" s="7">
        <f t="shared" si="298"/>
        <v>318.31469999999996</v>
      </c>
    </row>
    <row r="19122" spans="1:3" x14ac:dyDescent="0.25">
      <c r="A19122" s="2" t="s">
        <v>10780</v>
      </c>
      <c r="B19122" s="6">
        <v>318331.34999999998</v>
      </c>
      <c r="C19122" s="7">
        <f t="shared" si="298"/>
        <v>318.33134999999999</v>
      </c>
    </row>
    <row r="19123" spans="1:3" x14ac:dyDescent="0.25">
      <c r="A19123" s="2" t="s">
        <v>10781</v>
      </c>
      <c r="B19123" s="6">
        <v>318348</v>
      </c>
      <c r="C19123" s="7">
        <f t="shared" si="298"/>
        <v>318.34800000000001</v>
      </c>
    </row>
    <row r="19124" spans="1:3" x14ac:dyDescent="0.25">
      <c r="A19124" s="2" t="s">
        <v>10782</v>
      </c>
      <c r="B19124" s="6">
        <v>318364.64999999997</v>
      </c>
      <c r="C19124" s="7">
        <f t="shared" si="298"/>
        <v>318.36464999999998</v>
      </c>
    </row>
    <row r="19125" spans="1:3" x14ac:dyDescent="0.25">
      <c r="A19125" s="2" t="s">
        <v>10783</v>
      </c>
      <c r="B19125" s="6">
        <v>318381.3</v>
      </c>
      <c r="C19125" s="7">
        <f t="shared" si="298"/>
        <v>318.38130000000001</v>
      </c>
    </row>
    <row r="19126" spans="1:3" x14ac:dyDescent="0.25">
      <c r="A19126" s="2" t="s">
        <v>10784</v>
      </c>
      <c r="B19126" s="6">
        <v>318397.94999999995</v>
      </c>
      <c r="C19126" s="7">
        <f t="shared" si="298"/>
        <v>318.39794999999998</v>
      </c>
    </row>
    <row r="19127" spans="1:3" x14ac:dyDescent="0.25">
      <c r="A19127" s="2" t="s">
        <v>10785</v>
      </c>
      <c r="B19127" s="6">
        <v>318414.59999999998</v>
      </c>
      <c r="C19127" s="7">
        <f t="shared" si="298"/>
        <v>318.41459999999995</v>
      </c>
    </row>
    <row r="19128" spans="1:3" x14ac:dyDescent="0.25">
      <c r="A19128" s="2" t="s">
        <v>10786</v>
      </c>
      <c r="B19128" s="6">
        <v>318431.25</v>
      </c>
      <c r="C19128" s="7">
        <f t="shared" si="298"/>
        <v>318.43124999999998</v>
      </c>
    </row>
    <row r="19129" spans="1:3" x14ac:dyDescent="0.25">
      <c r="A19129" s="2" t="s">
        <v>10787</v>
      </c>
      <c r="B19129" s="6">
        <v>318447.89999999997</v>
      </c>
      <c r="C19129" s="7">
        <f t="shared" si="298"/>
        <v>318.44789999999995</v>
      </c>
    </row>
    <row r="19130" spans="1:3" x14ac:dyDescent="0.25">
      <c r="A19130" s="2" t="s">
        <v>10788</v>
      </c>
      <c r="B19130" s="6">
        <v>318464.55</v>
      </c>
      <c r="C19130" s="7">
        <f t="shared" si="298"/>
        <v>318.46454999999997</v>
      </c>
    </row>
    <row r="19131" spans="1:3" x14ac:dyDescent="0.25">
      <c r="A19131" s="2" t="s">
        <v>10789</v>
      </c>
      <c r="B19131" s="6">
        <v>318481.19999999995</v>
      </c>
      <c r="C19131" s="7">
        <f t="shared" si="298"/>
        <v>318.48119999999994</v>
      </c>
    </row>
    <row r="19132" spans="1:3" x14ac:dyDescent="0.25">
      <c r="A19132" s="2" t="s">
        <v>10790</v>
      </c>
      <c r="B19132" s="6">
        <v>318497.84999999998</v>
      </c>
      <c r="C19132" s="7">
        <f t="shared" si="298"/>
        <v>318.49784999999997</v>
      </c>
    </row>
    <row r="19133" spans="1:3" x14ac:dyDescent="0.25">
      <c r="A19133" s="2" t="s">
        <v>10791</v>
      </c>
      <c r="B19133" s="6">
        <v>318514.5</v>
      </c>
      <c r="C19133" s="7">
        <f t="shared" si="298"/>
        <v>318.5145</v>
      </c>
    </row>
    <row r="19134" spans="1:3" x14ac:dyDescent="0.25">
      <c r="A19134" s="2" t="s">
        <v>10792</v>
      </c>
      <c r="B19134" s="6">
        <v>318531.14999999997</v>
      </c>
      <c r="C19134" s="7">
        <f t="shared" si="298"/>
        <v>318.53114999999997</v>
      </c>
    </row>
    <row r="19135" spans="1:3" x14ac:dyDescent="0.25">
      <c r="A19135" s="2" t="s">
        <v>10793</v>
      </c>
      <c r="B19135" s="6">
        <v>318547.8</v>
      </c>
      <c r="C19135" s="7">
        <f t="shared" si="298"/>
        <v>318.5478</v>
      </c>
    </row>
    <row r="19136" spans="1:3" x14ac:dyDescent="0.25">
      <c r="A19136" s="2" t="s">
        <v>10794</v>
      </c>
      <c r="B19136" s="6">
        <v>318564.44999999995</v>
      </c>
      <c r="C19136" s="7">
        <f t="shared" si="298"/>
        <v>318.56444999999997</v>
      </c>
    </row>
    <row r="19137" spans="1:3" x14ac:dyDescent="0.25">
      <c r="A19137" s="2" t="s">
        <v>10795</v>
      </c>
      <c r="B19137" s="6">
        <v>318581.09999999998</v>
      </c>
      <c r="C19137" s="7">
        <f t="shared" si="298"/>
        <v>318.58109999999999</v>
      </c>
    </row>
    <row r="19138" spans="1:3" x14ac:dyDescent="0.25">
      <c r="A19138" s="2" t="s">
        <v>10796</v>
      </c>
      <c r="B19138" s="6">
        <v>318597.75</v>
      </c>
      <c r="C19138" s="7">
        <f t="shared" si="298"/>
        <v>318.59775000000002</v>
      </c>
    </row>
    <row r="19139" spans="1:3" x14ac:dyDescent="0.25">
      <c r="A19139" s="2" t="s">
        <v>10797</v>
      </c>
      <c r="B19139" s="6">
        <v>318614.39999999997</v>
      </c>
      <c r="C19139" s="7">
        <f t="shared" ref="C19139:C19202" si="299">B19139/1000</f>
        <v>318.61439999999999</v>
      </c>
    </row>
    <row r="19140" spans="1:3" x14ac:dyDescent="0.25">
      <c r="A19140" s="2" t="s">
        <v>10798</v>
      </c>
      <c r="B19140" s="6">
        <v>318631.05</v>
      </c>
      <c r="C19140" s="7">
        <f t="shared" si="299"/>
        <v>318.63105000000002</v>
      </c>
    </row>
    <row r="19141" spans="1:3" x14ac:dyDescent="0.25">
      <c r="A19141" s="2" t="s">
        <v>10799</v>
      </c>
      <c r="B19141" s="6">
        <v>318647.69999999995</v>
      </c>
      <c r="C19141" s="7">
        <f t="shared" si="299"/>
        <v>318.64769999999993</v>
      </c>
    </row>
    <row r="19142" spans="1:3" x14ac:dyDescent="0.25">
      <c r="A19142" s="2" t="s">
        <v>10800</v>
      </c>
      <c r="B19142" s="6">
        <v>318664.34999999998</v>
      </c>
      <c r="C19142" s="7">
        <f t="shared" si="299"/>
        <v>318.66434999999996</v>
      </c>
    </row>
    <row r="19143" spans="1:3" x14ac:dyDescent="0.25">
      <c r="A19143" s="2" t="s">
        <v>10801</v>
      </c>
      <c r="B19143" s="6">
        <v>318681</v>
      </c>
      <c r="C19143" s="7">
        <f t="shared" si="299"/>
        <v>318.68099999999998</v>
      </c>
    </row>
    <row r="19144" spans="1:3" x14ac:dyDescent="0.25">
      <c r="A19144" s="2" t="s">
        <v>10802</v>
      </c>
      <c r="B19144" s="6">
        <v>318697.64999999997</v>
      </c>
      <c r="C19144" s="7">
        <f t="shared" si="299"/>
        <v>318.69764999999995</v>
      </c>
    </row>
    <row r="19145" spans="1:3" x14ac:dyDescent="0.25">
      <c r="A19145" s="2" t="s">
        <v>10803</v>
      </c>
      <c r="B19145" s="6">
        <v>318714.3</v>
      </c>
      <c r="C19145" s="7">
        <f t="shared" si="299"/>
        <v>318.71429999999998</v>
      </c>
    </row>
    <row r="19146" spans="1:3" x14ac:dyDescent="0.25">
      <c r="A19146" s="2" t="s">
        <v>10804</v>
      </c>
      <c r="B19146" s="6">
        <v>318730.94999999995</v>
      </c>
      <c r="C19146" s="7">
        <f t="shared" si="299"/>
        <v>318.73094999999995</v>
      </c>
    </row>
    <row r="19147" spans="1:3" x14ac:dyDescent="0.25">
      <c r="A19147" s="2" t="s">
        <v>10805</v>
      </c>
      <c r="B19147" s="6">
        <v>318747.59999999998</v>
      </c>
      <c r="C19147" s="7">
        <f t="shared" si="299"/>
        <v>318.74759999999998</v>
      </c>
    </row>
    <row r="19148" spans="1:3" x14ac:dyDescent="0.25">
      <c r="A19148" s="2" t="s">
        <v>10806</v>
      </c>
      <c r="B19148" s="6">
        <v>318764.25</v>
      </c>
      <c r="C19148" s="7">
        <f t="shared" si="299"/>
        <v>318.76425</v>
      </c>
    </row>
    <row r="19149" spans="1:3" x14ac:dyDescent="0.25">
      <c r="A19149" s="2" t="s">
        <v>10807</v>
      </c>
      <c r="B19149" s="6">
        <v>318780.89999999997</v>
      </c>
      <c r="C19149" s="7">
        <f t="shared" si="299"/>
        <v>318.78089999999997</v>
      </c>
    </row>
    <row r="19150" spans="1:3" x14ac:dyDescent="0.25">
      <c r="A19150" s="2" t="s">
        <v>10808</v>
      </c>
      <c r="B19150" s="6">
        <v>318797.55</v>
      </c>
      <c r="C19150" s="7">
        <f t="shared" si="299"/>
        <v>318.79755</v>
      </c>
    </row>
    <row r="19151" spans="1:3" x14ac:dyDescent="0.25">
      <c r="A19151" s="2" t="s">
        <v>10809</v>
      </c>
      <c r="B19151" s="6">
        <v>318814.19999999995</v>
      </c>
      <c r="C19151" s="7">
        <f t="shared" si="299"/>
        <v>318.81419999999997</v>
      </c>
    </row>
    <row r="19152" spans="1:3" x14ac:dyDescent="0.25">
      <c r="A19152" s="2" t="s">
        <v>10810</v>
      </c>
      <c r="B19152" s="6">
        <v>318830.84999999998</v>
      </c>
      <c r="C19152" s="7">
        <f t="shared" si="299"/>
        <v>318.83085</v>
      </c>
    </row>
    <row r="19153" spans="1:3" x14ac:dyDescent="0.25">
      <c r="A19153" s="2" t="s">
        <v>10811</v>
      </c>
      <c r="B19153" s="6">
        <v>318847.5</v>
      </c>
      <c r="C19153" s="7">
        <f t="shared" si="299"/>
        <v>318.84750000000003</v>
      </c>
    </row>
    <row r="19154" spans="1:3" x14ac:dyDescent="0.25">
      <c r="A19154" s="2" t="s">
        <v>10812</v>
      </c>
      <c r="B19154" s="6">
        <v>318864.14999999997</v>
      </c>
      <c r="C19154" s="7">
        <f t="shared" si="299"/>
        <v>318.86414999999994</v>
      </c>
    </row>
    <row r="19155" spans="1:3" x14ac:dyDescent="0.25">
      <c r="A19155" s="2" t="s">
        <v>10813</v>
      </c>
      <c r="B19155" s="6">
        <v>318880.8</v>
      </c>
      <c r="C19155" s="7">
        <f t="shared" si="299"/>
        <v>318.88079999999997</v>
      </c>
    </row>
    <row r="19156" spans="1:3" x14ac:dyDescent="0.25">
      <c r="A19156" s="2" t="s">
        <v>10814</v>
      </c>
      <c r="B19156" s="6">
        <v>318897.44999999995</v>
      </c>
      <c r="C19156" s="7">
        <f t="shared" si="299"/>
        <v>318.89744999999994</v>
      </c>
    </row>
    <row r="19157" spans="1:3" x14ac:dyDescent="0.25">
      <c r="A19157" s="2" t="s">
        <v>10815</v>
      </c>
      <c r="B19157" s="6">
        <v>318914.09999999998</v>
      </c>
      <c r="C19157" s="7">
        <f t="shared" si="299"/>
        <v>318.91409999999996</v>
      </c>
    </row>
    <row r="19158" spans="1:3" x14ac:dyDescent="0.25">
      <c r="A19158" s="2" t="s">
        <v>10816</v>
      </c>
      <c r="B19158" s="6">
        <v>318930.75</v>
      </c>
      <c r="C19158" s="7">
        <f t="shared" si="299"/>
        <v>318.93074999999999</v>
      </c>
    </row>
    <row r="19159" spans="1:3" x14ac:dyDescent="0.25">
      <c r="A19159" s="2" t="s">
        <v>10817</v>
      </c>
      <c r="B19159" s="6">
        <v>318947.39999999997</v>
      </c>
      <c r="C19159" s="7">
        <f t="shared" si="299"/>
        <v>318.94739999999996</v>
      </c>
    </row>
    <row r="19160" spans="1:3" x14ac:dyDescent="0.25">
      <c r="A19160" s="2" t="s">
        <v>10818</v>
      </c>
      <c r="B19160" s="6">
        <v>318964.05</v>
      </c>
      <c r="C19160" s="7">
        <f t="shared" si="299"/>
        <v>318.96404999999999</v>
      </c>
    </row>
    <row r="19161" spans="1:3" x14ac:dyDescent="0.25">
      <c r="A19161" s="2" t="s">
        <v>10819</v>
      </c>
      <c r="B19161" s="6">
        <v>318980.69999999995</v>
      </c>
      <c r="C19161" s="7">
        <f t="shared" si="299"/>
        <v>318.98069999999996</v>
      </c>
    </row>
    <row r="19162" spans="1:3" x14ac:dyDescent="0.25">
      <c r="A19162" s="2" t="s">
        <v>10820</v>
      </c>
      <c r="B19162" s="6">
        <v>318997.34999999998</v>
      </c>
      <c r="C19162" s="7">
        <f t="shared" si="299"/>
        <v>318.99734999999998</v>
      </c>
    </row>
    <row r="19163" spans="1:3" x14ac:dyDescent="0.25">
      <c r="A19163" s="2" t="s">
        <v>10821</v>
      </c>
      <c r="B19163" s="6">
        <v>319014</v>
      </c>
      <c r="C19163" s="7">
        <f t="shared" si="299"/>
        <v>319.01400000000001</v>
      </c>
    </row>
    <row r="19164" spans="1:3" x14ac:dyDescent="0.25">
      <c r="A19164" s="2" t="s">
        <v>10822</v>
      </c>
      <c r="B19164" s="6">
        <v>319030.64999999997</v>
      </c>
      <c r="C19164" s="7">
        <f t="shared" si="299"/>
        <v>319.03064999999998</v>
      </c>
    </row>
    <row r="19165" spans="1:3" x14ac:dyDescent="0.25">
      <c r="A19165" s="2" t="s">
        <v>10823</v>
      </c>
      <c r="B19165" s="6">
        <v>319047.3</v>
      </c>
      <c r="C19165" s="7">
        <f t="shared" si="299"/>
        <v>319.04730000000001</v>
      </c>
    </row>
    <row r="19166" spans="1:3" x14ac:dyDescent="0.25">
      <c r="A19166" s="2" t="s">
        <v>10824</v>
      </c>
      <c r="B19166" s="6">
        <v>319063.94999999995</v>
      </c>
      <c r="C19166" s="7">
        <f t="shared" si="299"/>
        <v>319.06394999999998</v>
      </c>
    </row>
    <row r="19167" spans="1:3" x14ac:dyDescent="0.25">
      <c r="A19167" s="2" t="s">
        <v>10825</v>
      </c>
      <c r="B19167" s="6">
        <v>319080.59999999998</v>
      </c>
      <c r="C19167" s="7">
        <f t="shared" si="299"/>
        <v>319.0806</v>
      </c>
    </row>
    <row r="19168" spans="1:3" x14ac:dyDescent="0.25">
      <c r="A19168" s="2" t="s">
        <v>10826</v>
      </c>
      <c r="B19168" s="6">
        <v>319097.25</v>
      </c>
      <c r="C19168" s="7">
        <f t="shared" si="299"/>
        <v>319.09724999999997</v>
      </c>
    </row>
    <row r="19169" spans="1:3" x14ac:dyDescent="0.25">
      <c r="A19169" s="2" t="s">
        <v>10827</v>
      </c>
      <c r="B19169" s="6">
        <v>319113.89999999997</v>
      </c>
      <c r="C19169" s="7">
        <f t="shared" si="299"/>
        <v>319.11389999999994</v>
      </c>
    </row>
    <row r="19170" spans="1:3" x14ac:dyDescent="0.25">
      <c r="A19170" s="2" t="s">
        <v>10828</v>
      </c>
      <c r="B19170" s="6">
        <v>319130.55</v>
      </c>
      <c r="C19170" s="7">
        <f t="shared" si="299"/>
        <v>319.13054999999997</v>
      </c>
    </row>
    <row r="19171" spans="1:3" x14ac:dyDescent="0.25">
      <c r="A19171" s="2" t="s">
        <v>10829</v>
      </c>
      <c r="B19171" s="6">
        <v>319147.19999999995</v>
      </c>
      <c r="C19171" s="7">
        <f t="shared" si="299"/>
        <v>319.14719999999994</v>
      </c>
    </row>
    <row r="19172" spans="1:3" x14ac:dyDescent="0.25">
      <c r="A19172" s="2" t="s">
        <v>10830</v>
      </c>
      <c r="B19172" s="6">
        <v>319163.84999999998</v>
      </c>
      <c r="C19172" s="7">
        <f t="shared" si="299"/>
        <v>319.16384999999997</v>
      </c>
    </row>
    <row r="19173" spans="1:3" x14ac:dyDescent="0.25">
      <c r="A19173" s="2" t="s">
        <v>10831</v>
      </c>
      <c r="B19173" s="6">
        <v>319180.5</v>
      </c>
      <c r="C19173" s="7">
        <f t="shared" si="299"/>
        <v>319.18049999999999</v>
      </c>
    </row>
    <row r="19174" spans="1:3" x14ac:dyDescent="0.25">
      <c r="A19174" s="2" t="s">
        <v>10832</v>
      </c>
      <c r="B19174" s="6">
        <v>319197.14999999997</v>
      </c>
      <c r="C19174" s="7">
        <f t="shared" si="299"/>
        <v>319.19714999999997</v>
      </c>
    </row>
    <row r="19175" spans="1:3" x14ac:dyDescent="0.25">
      <c r="A19175" s="2" t="s">
        <v>10833</v>
      </c>
      <c r="B19175" s="6">
        <v>319213.8</v>
      </c>
      <c r="C19175" s="7">
        <f t="shared" si="299"/>
        <v>319.21379999999999</v>
      </c>
    </row>
    <row r="19176" spans="1:3" x14ac:dyDescent="0.25">
      <c r="A19176" s="2" t="s">
        <v>10834</v>
      </c>
      <c r="B19176" s="6">
        <v>319230.44999999995</v>
      </c>
      <c r="C19176" s="7">
        <f t="shared" si="299"/>
        <v>319.23044999999996</v>
      </c>
    </row>
    <row r="19177" spans="1:3" x14ac:dyDescent="0.25">
      <c r="A19177" s="2" t="s">
        <v>10835</v>
      </c>
      <c r="B19177" s="6">
        <v>319247.09999999998</v>
      </c>
      <c r="C19177" s="7">
        <f t="shared" si="299"/>
        <v>319.24709999999999</v>
      </c>
    </row>
    <row r="19178" spans="1:3" x14ac:dyDescent="0.25">
      <c r="A19178" s="2" t="s">
        <v>10836</v>
      </c>
      <c r="B19178" s="6">
        <v>319263.75</v>
      </c>
      <c r="C19178" s="7">
        <f t="shared" si="299"/>
        <v>319.26375000000002</v>
      </c>
    </row>
    <row r="19179" spans="1:3" x14ac:dyDescent="0.25">
      <c r="A19179" s="2" t="s">
        <v>10837</v>
      </c>
      <c r="B19179" s="6">
        <v>319280.39999999997</v>
      </c>
      <c r="C19179" s="7">
        <f t="shared" si="299"/>
        <v>319.28039999999999</v>
      </c>
    </row>
    <row r="19180" spans="1:3" x14ac:dyDescent="0.25">
      <c r="A19180" s="2" t="s">
        <v>10838</v>
      </c>
      <c r="B19180" s="6">
        <v>319297.05</v>
      </c>
      <c r="C19180" s="7">
        <f t="shared" si="299"/>
        <v>319.29705000000001</v>
      </c>
    </row>
    <row r="19181" spans="1:3" x14ac:dyDescent="0.25">
      <c r="A19181" s="2" t="s">
        <v>10839</v>
      </c>
      <c r="B19181" s="6">
        <v>319313.69999999995</v>
      </c>
      <c r="C19181" s="7">
        <f t="shared" si="299"/>
        <v>319.31369999999993</v>
      </c>
    </row>
    <row r="19182" spans="1:3" x14ac:dyDescent="0.25">
      <c r="A19182" s="2" t="s">
        <v>10840</v>
      </c>
      <c r="B19182" s="6">
        <v>319330.34999999998</v>
      </c>
      <c r="C19182" s="7">
        <f t="shared" si="299"/>
        <v>319.33034999999995</v>
      </c>
    </row>
    <row r="19183" spans="1:3" x14ac:dyDescent="0.25">
      <c r="A19183" s="2" t="s">
        <v>10841</v>
      </c>
      <c r="B19183" s="6">
        <v>319347</v>
      </c>
      <c r="C19183" s="7">
        <f t="shared" si="299"/>
        <v>319.34699999999998</v>
      </c>
    </row>
    <row r="19184" spans="1:3" x14ac:dyDescent="0.25">
      <c r="A19184" s="2" t="s">
        <v>10842</v>
      </c>
      <c r="B19184" s="6">
        <v>319363.64999999997</v>
      </c>
      <c r="C19184" s="7">
        <f t="shared" si="299"/>
        <v>319.36364999999995</v>
      </c>
    </row>
    <row r="19185" spans="1:3" x14ac:dyDescent="0.25">
      <c r="A19185" s="2" t="s">
        <v>10843</v>
      </c>
      <c r="B19185" s="6">
        <v>319380.3</v>
      </c>
      <c r="C19185" s="7">
        <f t="shared" si="299"/>
        <v>319.38029999999998</v>
      </c>
    </row>
    <row r="19186" spans="1:3" x14ac:dyDescent="0.25">
      <c r="A19186" s="2" t="s">
        <v>10844</v>
      </c>
      <c r="B19186" s="6">
        <v>319396.94999999995</v>
      </c>
      <c r="C19186" s="7">
        <f t="shared" si="299"/>
        <v>319.39694999999995</v>
      </c>
    </row>
    <row r="19187" spans="1:3" x14ac:dyDescent="0.25">
      <c r="A19187" s="2" t="s">
        <v>10845</v>
      </c>
      <c r="B19187" s="6">
        <v>319413.59999999998</v>
      </c>
      <c r="C19187" s="7">
        <f t="shared" si="299"/>
        <v>319.41359999999997</v>
      </c>
    </row>
    <row r="19188" spans="1:3" x14ac:dyDescent="0.25">
      <c r="A19188" s="2" t="s">
        <v>10846</v>
      </c>
      <c r="B19188" s="6">
        <v>319430.25</v>
      </c>
      <c r="C19188" s="7">
        <f t="shared" si="299"/>
        <v>319.43025</v>
      </c>
    </row>
    <row r="19189" spans="1:3" x14ac:dyDescent="0.25">
      <c r="A19189" s="2" t="s">
        <v>10847</v>
      </c>
      <c r="B19189" s="6">
        <v>319446.89999999997</v>
      </c>
      <c r="C19189" s="7">
        <f t="shared" si="299"/>
        <v>319.44689999999997</v>
      </c>
    </row>
    <row r="19190" spans="1:3" x14ac:dyDescent="0.25">
      <c r="A19190" s="2" t="s">
        <v>10848</v>
      </c>
      <c r="B19190" s="6">
        <v>319463.55</v>
      </c>
      <c r="C19190" s="7">
        <f t="shared" si="299"/>
        <v>319.46355</v>
      </c>
    </row>
    <row r="19191" spans="1:3" x14ac:dyDescent="0.25">
      <c r="A19191" s="2" t="s">
        <v>10849</v>
      </c>
      <c r="B19191" s="6">
        <v>319480.19999999995</v>
      </c>
      <c r="C19191" s="7">
        <f t="shared" si="299"/>
        <v>319.48019999999997</v>
      </c>
    </row>
    <row r="19192" spans="1:3" x14ac:dyDescent="0.25">
      <c r="A19192" s="2" t="s">
        <v>10850</v>
      </c>
      <c r="B19192" s="6">
        <v>319496.84999999998</v>
      </c>
      <c r="C19192" s="7">
        <f t="shared" si="299"/>
        <v>319.49684999999999</v>
      </c>
    </row>
    <row r="19193" spans="1:3" x14ac:dyDescent="0.25">
      <c r="A19193" s="2" t="s">
        <v>10851</v>
      </c>
      <c r="B19193" s="6">
        <v>319513.5</v>
      </c>
      <c r="C19193" s="7">
        <f t="shared" si="299"/>
        <v>319.51350000000002</v>
      </c>
    </row>
    <row r="19194" spans="1:3" x14ac:dyDescent="0.25">
      <c r="A19194" s="2" t="s">
        <v>10852</v>
      </c>
      <c r="B19194" s="6">
        <v>319530.14999999997</v>
      </c>
      <c r="C19194" s="7">
        <f t="shared" si="299"/>
        <v>319.53014999999999</v>
      </c>
    </row>
    <row r="19195" spans="1:3" x14ac:dyDescent="0.25">
      <c r="A19195" s="2" t="s">
        <v>10853</v>
      </c>
      <c r="B19195" s="6">
        <v>319546.8</v>
      </c>
      <c r="C19195" s="7">
        <f t="shared" si="299"/>
        <v>319.54679999999996</v>
      </c>
    </row>
    <row r="19196" spans="1:3" x14ac:dyDescent="0.25">
      <c r="A19196" s="2" t="s">
        <v>10854</v>
      </c>
      <c r="B19196" s="6">
        <v>319563.44999999995</v>
      </c>
      <c r="C19196" s="7">
        <f t="shared" si="299"/>
        <v>319.56344999999993</v>
      </c>
    </row>
    <row r="19197" spans="1:3" x14ac:dyDescent="0.25">
      <c r="A19197" s="2" t="s">
        <v>10855</v>
      </c>
      <c r="B19197" s="6">
        <v>319580.09999999998</v>
      </c>
      <c r="C19197" s="7">
        <f t="shared" si="299"/>
        <v>319.58009999999996</v>
      </c>
    </row>
    <row r="19198" spans="1:3" x14ac:dyDescent="0.25">
      <c r="A19198" s="2" t="s">
        <v>10856</v>
      </c>
      <c r="B19198" s="6">
        <v>319596.75</v>
      </c>
      <c r="C19198" s="7">
        <f t="shared" si="299"/>
        <v>319.59674999999999</v>
      </c>
    </row>
    <row r="19199" spans="1:3" x14ac:dyDescent="0.25">
      <c r="A19199" s="2" t="s">
        <v>10857</v>
      </c>
      <c r="B19199" s="6">
        <v>319613.39999999997</v>
      </c>
      <c r="C19199" s="7">
        <f t="shared" si="299"/>
        <v>319.61339999999996</v>
      </c>
    </row>
    <row r="19200" spans="1:3" x14ac:dyDescent="0.25">
      <c r="A19200" s="2" t="s">
        <v>10858</v>
      </c>
      <c r="B19200" s="6">
        <v>319630.05</v>
      </c>
      <c r="C19200" s="7">
        <f t="shared" si="299"/>
        <v>319.63004999999998</v>
      </c>
    </row>
    <row r="19201" spans="1:3" x14ac:dyDescent="0.25">
      <c r="A19201" s="2" t="s">
        <v>10859</v>
      </c>
      <c r="B19201" s="6">
        <v>319646.69999999995</v>
      </c>
      <c r="C19201" s="7">
        <f t="shared" si="299"/>
        <v>319.64669999999995</v>
      </c>
    </row>
    <row r="19202" spans="1:3" x14ac:dyDescent="0.25">
      <c r="A19202" s="2" t="s">
        <v>10860</v>
      </c>
      <c r="B19202" s="6">
        <v>319663.34999999998</v>
      </c>
      <c r="C19202" s="7">
        <f t="shared" si="299"/>
        <v>319.66334999999998</v>
      </c>
    </row>
    <row r="19203" spans="1:3" x14ac:dyDescent="0.25">
      <c r="A19203" s="2" t="s">
        <v>10861</v>
      </c>
      <c r="B19203" s="6">
        <v>319680</v>
      </c>
      <c r="C19203" s="7">
        <f t="shared" ref="C19203:C19266" si="300">B19203/1000</f>
        <v>319.68</v>
      </c>
    </row>
    <row r="19204" spans="1:3" x14ac:dyDescent="0.25">
      <c r="A19204" s="2" t="s">
        <v>10862</v>
      </c>
      <c r="B19204" s="6">
        <v>319696.64999999997</v>
      </c>
      <c r="C19204" s="7">
        <f t="shared" si="300"/>
        <v>319.69664999999998</v>
      </c>
    </row>
    <row r="19205" spans="1:3" x14ac:dyDescent="0.25">
      <c r="A19205" s="2" t="s">
        <v>10863</v>
      </c>
      <c r="B19205" s="6">
        <v>319713.3</v>
      </c>
      <c r="C19205" s="7">
        <f t="shared" si="300"/>
        <v>319.7133</v>
      </c>
    </row>
    <row r="19206" spans="1:3" x14ac:dyDescent="0.25">
      <c r="A19206" s="2" t="s">
        <v>10864</v>
      </c>
      <c r="B19206" s="6">
        <v>319729.94999999995</v>
      </c>
      <c r="C19206" s="7">
        <f t="shared" si="300"/>
        <v>319.72994999999997</v>
      </c>
    </row>
    <row r="19207" spans="1:3" x14ac:dyDescent="0.25">
      <c r="A19207" s="2" t="s">
        <v>10865</v>
      </c>
      <c r="B19207" s="6">
        <v>319746.59999999998</v>
      </c>
      <c r="C19207" s="7">
        <f t="shared" si="300"/>
        <v>319.7466</v>
      </c>
    </row>
    <row r="19208" spans="1:3" x14ac:dyDescent="0.25">
      <c r="A19208" s="2" t="s">
        <v>10866</v>
      </c>
      <c r="B19208" s="6">
        <v>319763.25</v>
      </c>
      <c r="C19208" s="7">
        <f t="shared" si="300"/>
        <v>319.76325000000003</v>
      </c>
    </row>
    <row r="19209" spans="1:3" x14ac:dyDescent="0.25">
      <c r="A19209" s="2" t="s">
        <v>10867</v>
      </c>
      <c r="B19209" s="6">
        <v>319779.89999999997</v>
      </c>
      <c r="C19209" s="7">
        <f t="shared" si="300"/>
        <v>319.77989999999994</v>
      </c>
    </row>
    <row r="19210" spans="1:3" x14ac:dyDescent="0.25">
      <c r="A19210" s="2" t="s">
        <v>10868</v>
      </c>
      <c r="B19210" s="6">
        <v>319796.55</v>
      </c>
      <c r="C19210" s="7">
        <f t="shared" si="300"/>
        <v>319.79654999999997</v>
      </c>
    </row>
    <row r="19211" spans="1:3" x14ac:dyDescent="0.25">
      <c r="A19211" s="2" t="s">
        <v>10869</v>
      </c>
      <c r="B19211" s="6">
        <v>319813.19999999995</v>
      </c>
      <c r="C19211" s="7">
        <f t="shared" si="300"/>
        <v>319.81319999999994</v>
      </c>
    </row>
    <row r="19212" spans="1:3" x14ac:dyDescent="0.25">
      <c r="A19212" s="2" t="s">
        <v>10870</v>
      </c>
      <c r="B19212" s="6">
        <v>319829.84999999998</v>
      </c>
      <c r="C19212" s="7">
        <f t="shared" si="300"/>
        <v>319.82984999999996</v>
      </c>
    </row>
    <row r="19213" spans="1:3" x14ac:dyDescent="0.25">
      <c r="A19213" s="2" t="s">
        <v>10871</v>
      </c>
      <c r="B19213" s="6">
        <v>319846.5</v>
      </c>
      <c r="C19213" s="7">
        <f t="shared" si="300"/>
        <v>319.84649999999999</v>
      </c>
    </row>
    <row r="19214" spans="1:3" x14ac:dyDescent="0.25">
      <c r="A19214" s="2" t="s">
        <v>10872</v>
      </c>
      <c r="B19214" s="6">
        <v>319863.14999999997</v>
      </c>
      <c r="C19214" s="7">
        <f t="shared" si="300"/>
        <v>319.86314999999996</v>
      </c>
    </row>
    <row r="19215" spans="1:3" x14ac:dyDescent="0.25">
      <c r="A19215" s="2" t="s">
        <v>10873</v>
      </c>
      <c r="B19215" s="6">
        <v>319879.8</v>
      </c>
      <c r="C19215" s="7">
        <f t="shared" si="300"/>
        <v>319.87979999999999</v>
      </c>
    </row>
    <row r="19216" spans="1:3" x14ac:dyDescent="0.25">
      <c r="A19216" s="2" t="s">
        <v>10874</v>
      </c>
      <c r="B19216" s="6">
        <v>319896.44999999995</v>
      </c>
      <c r="C19216" s="7">
        <f t="shared" si="300"/>
        <v>319.89644999999996</v>
      </c>
    </row>
    <row r="19217" spans="1:3" x14ac:dyDescent="0.25">
      <c r="A19217" s="2" t="s">
        <v>10875</v>
      </c>
      <c r="B19217" s="6">
        <v>319913.09999999998</v>
      </c>
      <c r="C19217" s="7">
        <f t="shared" si="300"/>
        <v>319.91309999999999</v>
      </c>
    </row>
    <row r="19218" spans="1:3" x14ac:dyDescent="0.25">
      <c r="A19218" s="2" t="s">
        <v>10876</v>
      </c>
      <c r="B19218" s="6">
        <v>319929.75</v>
      </c>
      <c r="C19218" s="7">
        <f t="shared" si="300"/>
        <v>319.92975000000001</v>
      </c>
    </row>
    <row r="19219" spans="1:3" x14ac:dyDescent="0.25">
      <c r="A19219" s="2" t="s">
        <v>10877</v>
      </c>
      <c r="B19219" s="6">
        <v>319946.39999999997</v>
      </c>
      <c r="C19219" s="7">
        <f t="shared" si="300"/>
        <v>319.94639999999998</v>
      </c>
    </row>
    <row r="19220" spans="1:3" x14ac:dyDescent="0.25">
      <c r="A19220" s="2" t="s">
        <v>10878</v>
      </c>
      <c r="B19220" s="6">
        <v>319963.05</v>
      </c>
      <c r="C19220" s="7">
        <f t="shared" si="300"/>
        <v>319.96305000000001</v>
      </c>
    </row>
    <row r="19221" spans="1:3" x14ac:dyDescent="0.25">
      <c r="A19221" s="2" t="s">
        <v>10879</v>
      </c>
      <c r="B19221" s="6">
        <v>319979.69999999995</v>
      </c>
      <c r="C19221" s="7">
        <f t="shared" si="300"/>
        <v>319.97969999999998</v>
      </c>
    </row>
    <row r="19222" spans="1:3" x14ac:dyDescent="0.25">
      <c r="A19222" s="2" t="s">
        <v>10880</v>
      </c>
      <c r="B19222" s="6">
        <v>319996.34999999998</v>
      </c>
      <c r="C19222" s="7">
        <f t="shared" si="300"/>
        <v>319.99634999999995</v>
      </c>
    </row>
    <row r="19223" spans="1:3" x14ac:dyDescent="0.25">
      <c r="A19223" s="2" t="s">
        <v>10881</v>
      </c>
      <c r="B19223" s="6">
        <v>320013</v>
      </c>
      <c r="C19223" s="7">
        <f t="shared" si="300"/>
        <v>320.01299999999998</v>
      </c>
    </row>
    <row r="19224" spans="1:3" x14ac:dyDescent="0.25">
      <c r="A19224" s="2" t="s">
        <v>10882</v>
      </c>
      <c r="B19224" s="6">
        <v>320029.64999999997</v>
      </c>
      <c r="C19224" s="7">
        <f t="shared" si="300"/>
        <v>320.02964999999995</v>
      </c>
    </row>
    <row r="19225" spans="1:3" x14ac:dyDescent="0.25">
      <c r="A19225" s="2" t="s">
        <v>10883</v>
      </c>
      <c r="B19225" s="6">
        <v>320046.3</v>
      </c>
      <c r="C19225" s="7">
        <f t="shared" si="300"/>
        <v>320.04629999999997</v>
      </c>
    </row>
    <row r="19226" spans="1:3" x14ac:dyDescent="0.25">
      <c r="A19226" s="2" t="s">
        <v>10884</v>
      </c>
      <c r="B19226" s="6">
        <v>320062.94999999995</v>
      </c>
      <c r="C19226" s="7">
        <f t="shared" si="300"/>
        <v>320.06294999999994</v>
      </c>
    </row>
    <row r="19227" spans="1:3" x14ac:dyDescent="0.25">
      <c r="A19227" s="2" t="s">
        <v>10885</v>
      </c>
      <c r="B19227" s="6">
        <v>320079.59999999998</v>
      </c>
      <c r="C19227" s="7">
        <f t="shared" si="300"/>
        <v>320.07959999999997</v>
      </c>
    </row>
    <row r="19228" spans="1:3" x14ac:dyDescent="0.25">
      <c r="A19228" s="2" t="s">
        <v>10886</v>
      </c>
      <c r="B19228" s="6">
        <v>320096.25</v>
      </c>
      <c r="C19228" s="7">
        <f t="shared" si="300"/>
        <v>320.09625</v>
      </c>
    </row>
    <row r="19229" spans="1:3" x14ac:dyDescent="0.25">
      <c r="A19229" s="2" t="s">
        <v>10887</v>
      </c>
      <c r="B19229" s="6">
        <v>320112.89999999997</v>
      </c>
      <c r="C19229" s="7">
        <f t="shared" si="300"/>
        <v>320.11289999999997</v>
      </c>
    </row>
    <row r="19230" spans="1:3" x14ac:dyDescent="0.25">
      <c r="A19230" s="2" t="s">
        <v>10888</v>
      </c>
      <c r="B19230" s="6">
        <v>320129.55</v>
      </c>
      <c r="C19230" s="7">
        <f t="shared" si="300"/>
        <v>320.12954999999999</v>
      </c>
    </row>
    <row r="19231" spans="1:3" x14ac:dyDescent="0.25">
      <c r="A19231" s="2" t="s">
        <v>10889</v>
      </c>
      <c r="B19231" s="6">
        <v>320146.19999999995</v>
      </c>
      <c r="C19231" s="7">
        <f t="shared" si="300"/>
        <v>320.14619999999996</v>
      </c>
    </row>
    <row r="19232" spans="1:3" x14ac:dyDescent="0.25">
      <c r="A19232" s="2" t="s">
        <v>10890</v>
      </c>
      <c r="B19232" s="6">
        <v>320162.84999999998</v>
      </c>
      <c r="C19232" s="7">
        <f t="shared" si="300"/>
        <v>320.16284999999999</v>
      </c>
    </row>
    <row r="19233" spans="1:3" x14ac:dyDescent="0.25">
      <c r="A19233" s="2" t="s">
        <v>10891</v>
      </c>
      <c r="B19233" s="6">
        <v>320179.5</v>
      </c>
      <c r="C19233" s="7">
        <f t="shared" si="300"/>
        <v>320.17950000000002</v>
      </c>
    </row>
    <row r="19234" spans="1:3" x14ac:dyDescent="0.25">
      <c r="A19234" s="2" t="s">
        <v>10892</v>
      </c>
      <c r="B19234" s="6">
        <v>320196.14999999997</v>
      </c>
      <c r="C19234" s="7">
        <f t="shared" si="300"/>
        <v>320.19614999999999</v>
      </c>
    </row>
    <row r="19235" spans="1:3" x14ac:dyDescent="0.25">
      <c r="A19235" s="2" t="s">
        <v>10893</v>
      </c>
      <c r="B19235" s="6">
        <v>320212.8</v>
      </c>
      <c r="C19235" s="7">
        <f t="shared" si="300"/>
        <v>320.21280000000002</v>
      </c>
    </row>
    <row r="19236" spans="1:3" x14ac:dyDescent="0.25">
      <c r="A19236" s="2" t="s">
        <v>10894</v>
      </c>
      <c r="B19236" s="6">
        <v>320229.44999999995</v>
      </c>
      <c r="C19236" s="7">
        <f t="shared" si="300"/>
        <v>320.22944999999993</v>
      </c>
    </row>
    <row r="19237" spans="1:3" x14ac:dyDescent="0.25">
      <c r="A19237" s="2" t="s">
        <v>10895</v>
      </c>
      <c r="B19237" s="6">
        <v>320246.09999999998</v>
      </c>
      <c r="C19237" s="7">
        <f t="shared" si="300"/>
        <v>320.24609999999996</v>
      </c>
    </row>
    <row r="19238" spans="1:3" x14ac:dyDescent="0.25">
      <c r="A19238" s="2" t="s">
        <v>10896</v>
      </c>
      <c r="B19238" s="6">
        <v>320262.75</v>
      </c>
      <c r="C19238" s="7">
        <f t="shared" si="300"/>
        <v>320.26274999999998</v>
      </c>
    </row>
    <row r="19239" spans="1:3" x14ac:dyDescent="0.25">
      <c r="A19239" s="2" t="s">
        <v>10897</v>
      </c>
      <c r="B19239" s="6">
        <v>320279.39999999997</v>
      </c>
      <c r="C19239" s="7">
        <f t="shared" si="300"/>
        <v>320.27939999999995</v>
      </c>
    </row>
    <row r="19240" spans="1:3" x14ac:dyDescent="0.25">
      <c r="A19240" s="2" t="s">
        <v>10898</v>
      </c>
      <c r="B19240" s="6">
        <v>320296.05</v>
      </c>
      <c r="C19240" s="7">
        <f t="shared" si="300"/>
        <v>320.29604999999998</v>
      </c>
    </row>
    <row r="19241" spans="1:3" x14ac:dyDescent="0.25">
      <c r="A19241" s="2" t="s">
        <v>10899</v>
      </c>
      <c r="B19241" s="6">
        <v>320312.69999999995</v>
      </c>
      <c r="C19241" s="7">
        <f t="shared" si="300"/>
        <v>320.31269999999995</v>
      </c>
    </row>
    <row r="19242" spans="1:3" x14ac:dyDescent="0.25">
      <c r="A19242" s="2" t="s">
        <v>10900</v>
      </c>
      <c r="B19242" s="6">
        <v>320329.34999999998</v>
      </c>
      <c r="C19242" s="7">
        <f t="shared" si="300"/>
        <v>320.32934999999998</v>
      </c>
    </row>
    <row r="19243" spans="1:3" x14ac:dyDescent="0.25">
      <c r="A19243" s="2" t="s">
        <v>10901</v>
      </c>
      <c r="B19243" s="6">
        <v>320346</v>
      </c>
      <c r="C19243" s="7">
        <f t="shared" si="300"/>
        <v>320.346</v>
      </c>
    </row>
    <row r="19244" spans="1:3" x14ac:dyDescent="0.25">
      <c r="A19244" s="2" t="s">
        <v>10902</v>
      </c>
      <c r="B19244" s="6">
        <v>320362.64999999997</v>
      </c>
      <c r="C19244" s="7">
        <f t="shared" si="300"/>
        <v>320.36264999999997</v>
      </c>
    </row>
    <row r="19245" spans="1:3" x14ac:dyDescent="0.25">
      <c r="A19245" s="2" t="s">
        <v>10903</v>
      </c>
      <c r="B19245" s="6">
        <v>320379.3</v>
      </c>
      <c r="C19245" s="7">
        <f t="shared" si="300"/>
        <v>320.3793</v>
      </c>
    </row>
    <row r="19246" spans="1:3" x14ac:dyDescent="0.25">
      <c r="A19246" s="2" t="s">
        <v>10904</v>
      </c>
      <c r="B19246" s="6">
        <v>320395.94999999995</v>
      </c>
      <c r="C19246" s="7">
        <f t="shared" si="300"/>
        <v>320.39594999999997</v>
      </c>
    </row>
    <row r="19247" spans="1:3" x14ac:dyDescent="0.25">
      <c r="A19247" s="2" t="s">
        <v>10905</v>
      </c>
      <c r="B19247" s="6">
        <v>320412.59999999998</v>
      </c>
      <c r="C19247" s="7">
        <f t="shared" si="300"/>
        <v>320.4126</v>
      </c>
    </row>
    <row r="19248" spans="1:3" x14ac:dyDescent="0.25">
      <c r="A19248" s="2" t="s">
        <v>10906</v>
      </c>
      <c r="B19248" s="6">
        <v>320429.25</v>
      </c>
      <c r="C19248" s="7">
        <f t="shared" si="300"/>
        <v>320.42925000000002</v>
      </c>
    </row>
    <row r="19249" spans="1:3" x14ac:dyDescent="0.25">
      <c r="A19249" s="2" t="s">
        <v>10907</v>
      </c>
      <c r="B19249" s="6">
        <v>320445.89999999997</v>
      </c>
      <c r="C19249" s="7">
        <f t="shared" si="300"/>
        <v>320.44589999999994</v>
      </c>
    </row>
    <row r="19250" spans="1:3" x14ac:dyDescent="0.25">
      <c r="A19250" s="2" t="s">
        <v>10908</v>
      </c>
      <c r="B19250" s="6">
        <v>320462.55</v>
      </c>
      <c r="C19250" s="7">
        <f t="shared" si="300"/>
        <v>320.46254999999996</v>
      </c>
    </row>
    <row r="19251" spans="1:3" x14ac:dyDescent="0.25">
      <c r="A19251" s="2" t="s">
        <v>10909</v>
      </c>
      <c r="B19251" s="6">
        <v>320479.19999999995</v>
      </c>
      <c r="C19251" s="7">
        <f t="shared" si="300"/>
        <v>320.47919999999993</v>
      </c>
    </row>
    <row r="19252" spans="1:3" x14ac:dyDescent="0.25">
      <c r="A19252" s="2" t="s">
        <v>10910</v>
      </c>
      <c r="B19252" s="6">
        <v>320495.84999999998</v>
      </c>
      <c r="C19252" s="7">
        <f t="shared" si="300"/>
        <v>320.49584999999996</v>
      </c>
    </row>
    <row r="19253" spans="1:3" x14ac:dyDescent="0.25">
      <c r="A19253" s="2" t="s">
        <v>10911</v>
      </c>
      <c r="B19253" s="6">
        <v>320512.5</v>
      </c>
      <c r="C19253" s="7">
        <f t="shared" si="300"/>
        <v>320.51249999999999</v>
      </c>
    </row>
    <row r="19254" spans="1:3" x14ac:dyDescent="0.25">
      <c r="A19254" s="2" t="s">
        <v>10912</v>
      </c>
      <c r="B19254" s="6">
        <v>320529.14999999997</v>
      </c>
      <c r="C19254" s="7">
        <f t="shared" si="300"/>
        <v>320.52914999999996</v>
      </c>
    </row>
    <row r="19255" spans="1:3" x14ac:dyDescent="0.25">
      <c r="A19255" s="2" t="s">
        <v>10913</v>
      </c>
      <c r="B19255" s="6">
        <v>320545.8</v>
      </c>
      <c r="C19255" s="7">
        <f t="shared" si="300"/>
        <v>320.54579999999999</v>
      </c>
    </row>
    <row r="19256" spans="1:3" x14ac:dyDescent="0.25">
      <c r="A19256" s="2" t="s">
        <v>10914</v>
      </c>
      <c r="B19256" s="6">
        <v>320562.44999999995</v>
      </c>
      <c r="C19256" s="7">
        <f t="shared" si="300"/>
        <v>320.56244999999996</v>
      </c>
    </row>
    <row r="19257" spans="1:3" x14ac:dyDescent="0.25">
      <c r="A19257" s="2" t="s">
        <v>10915</v>
      </c>
      <c r="B19257" s="6">
        <v>320579.09999999998</v>
      </c>
      <c r="C19257" s="7">
        <f t="shared" si="300"/>
        <v>320.57909999999998</v>
      </c>
    </row>
    <row r="19258" spans="1:3" x14ac:dyDescent="0.25">
      <c r="A19258" s="2" t="s">
        <v>10916</v>
      </c>
      <c r="B19258" s="6">
        <v>320595.75</v>
      </c>
      <c r="C19258" s="7">
        <f t="shared" si="300"/>
        <v>320.59575000000001</v>
      </c>
    </row>
    <row r="19259" spans="1:3" x14ac:dyDescent="0.25">
      <c r="A19259" s="2" t="s">
        <v>10917</v>
      </c>
      <c r="B19259" s="6">
        <v>320612.39999999997</v>
      </c>
      <c r="C19259" s="7">
        <f t="shared" si="300"/>
        <v>320.61239999999998</v>
      </c>
    </row>
    <row r="19260" spans="1:3" x14ac:dyDescent="0.25">
      <c r="A19260" s="2" t="s">
        <v>10918</v>
      </c>
      <c r="B19260" s="6">
        <v>320629.05</v>
      </c>
      <c r="C19260" s="7">
        <f t="shared" si="300"/>
        <v>320.62905000000001</v>
      </c>
    </row>
    <row r="19261" spans="1:3" x14ac:dyDescent="0.25">
      <c r="A19261" s="2" t="s">
        <v>10919</v>
      </c>
      <c r="B19261" s="6">
        <v>320645.69999999995</v>
      </c>
      <c r="C19261" s="7">
        <f t="shared" si="300"/>
        <v>320.64569999999998</v>
      </c>
    </row>
    <row r="19262" spans="1:3" x14ac:dyDescent="0.25">
      <c r="A19262" s="2" t="s">
        <v>10920</v>
      </c>
      <c r="B19262" s="6">
        <v>320662.34999999998</v>
      </c>
      <c r="C19262" s="7">
        <f t="shared" si="300"/>
        <v>320.66235</v>
      </c>
    </row>
    <row r="19263" spans="1:3" x14ac:dyDescent="0.25">
      <c r="A19263" s="2" t="s">
        <v>10921</v>
      </c>
      <c r="B19263" s="6">
        <v>320679</v>
      </c>
      <c r="C19263" s="7">
        <f t="shared" si="300"/>
        <v>320.67899999999997</v>
      </c>
    </row>
    <row r="19264" spans="1:3" x14ac:dyDescent="0.25">
      <c r="A19264" s="2" t="s">
        <v>10922</v>
      </c>
      <c r="B19264" s="6">
        <v>320695.64999999997</v>
      </c>
      <c r="C19264" s="7">
        <f t="shared" si="300"/>
        <v>320.69564999999994</v>
      </c>
    </row>
    <row r="19265" spans="1:3" x14ac:dyDescent="0.25">
      <c r="A19265" s="2" t="s">
        <v>10923</v>
      </c>
      <c r="B19265" s="6">
        <v>320712.3</v>
      </c>
      <c r="C19265" s="7">
        <f t="shared" si="300"/>
        <v>320.71229999999997</v>
      </c>
    </row>
    <row r="19266" spans="1:3" x14ac:dyDescent="0.25">
      <c r="A19266" s="2" t="s">
        <v>10924</v>
      </c>
      <c r="B19266" s="6">
        <v>320728.94999999995</v>
      </c>
      <c r="C19266" s="7">
        <f t="shared" si="300"/>
        <v>320.72894999999994</v>
      </c>
    </row>
    <row r="19267" spans="1:3" x14ac:dyDescent="0.25">
      <c r="A19267" s="2" t="s">
        <v>10925</v>
      </c>
      <c r="B19267" s="6">
        <v>320745.59999999998</v>
      </c>
      <c r="C19267" s="7">
        <f t="shared" ref="C19267:C19330" si="301">B19267/1000</f>
        <v>320.74559999999997</v>
      </c>
    </row>
    <row r="19268" spans="1:3" x14ac:dyDescent="0.25">
      <c r="A19268" s="2" t="s">
        <v>10926</v>
      </c>
      <c r="B19268" s="6">
        <v>320762.25</v>
      </c>
      <c r="C19268" s="7">
        <f t="shared" si="301"/>
        <v>320.76224999999999</v>
      </c>
    </row>
    <row r="19269" spans="1:3" x14ac:dyDescent="0.25">
      <c r="A19269" s="2" t="s">
        <v>10927</v>
      </c>
      <c r="B19269" s="6">
        <v>320778.89999999997</v>
      </c>
      <c r="C19269" s="7">
        <f t="shared" si="301"/>
        <v>320.77889999999996</v>
      </c>
    </row>
    <row r="19270" spans="1:3" x14ac:dyDescent="0.25">
      <c r="A19270" s="2" t="s">
        <v>10928</v>
      </c>
      <c r="B19270" s="6">
        <v>320795.55</v>
      </c>
      <c r="C19270" s="7">
        <f t="shared" si="301"/>
        <v>320.79554999999999</v>
      </c>
    </row>
    <row r="19271" spans="1:3" x14ac:dyDescent="0.25">
      <c r="A19271" s="2" t="s">
        <v>10929</v>
      </c>
      <c r="B19271" s="6">
        <v>320812.19999999995</v>
      </c>
      <c r="C19271" s="7">
        <f t="shared" si="301"/>
        <v>320.81219999999996</v>
      </c>
    </row>
    <row r="19272" spans="1:3" x14ac:dyDescent="0.25">
      <c r="A19272" s="2" t="s">
        <v>10930</v>
      </c>
      <c r="B19272" s="6">
        <v>320828.84999999998</v>
      </c>
      <c r="C19272" s="7">
        <f t="shared" si="301"/>
        <v>320.82884999999999</v>
      </c>
    </row>
    <row r="19273" spans="1:3" x14ac:dyDescent="0.25">
      <c r="A19273" s="2" t="s">
        <v>10931</v>
      </c>
      <c r="B19273" s="6">
        <v>320845.5</v>
      </c>
      <c r="C19273" s="7">
        <f t="shared" si="301"/>
        <v>320.84550000000002</v>
      </c>
    </row>
    <row r="19274" spans="1:3" x14ac:dyDescent="0.25">
      <c r="A19274" s="2" t="s">
        <v>10932</v>
      </c>
      <c r="B19274" s="6">
        <v>320862.14999999997</v>
      </c>
      <c r="C19274" s="7">
        <f t="shared" si="301"/>
        <v>320.86214999999999</v>
      </c>
    </row>
    <row r="19275" spans="1:3" x14ac:dyDescent="0.25">
      <c r="A19275" s="2" t="s">
        <v>10933</v>
      </c>
      <c r="B19275" s="6">
        <v>320878.8</v>
      </c>
      <c r="C19275" s="7">
        <f t="shared" si="301"/>
        <v>320.87880000000001</v>
      </c>
    </row>
    <row r="19276" spans="1:3" x14ac:dyDescent="0.25">
      <c r="A19276" s="2" t="s">
        <v>10934</v>
      </c>
      <c r="B19276" s="6">
        <v>320895.44999999995</v>
      </c>
      <c r="C19276" s="7">
        <f t="shared" si="301"/>
        <v>320.89544999999993</v>
      </c>
    </row>
    <row r="19277" spans="1:3" x14ac:dyDescent="0.25">
      <c r="A19277" s="2" t="s">
        <v>10935</v>
      </c>
      <c r="B19277" s="6">
        <v>320912.09999999998</v>
      </c>
      <c r="C19277" s="7">
        <f t="shared" si="301"/>
        <v>320.91209999999995</v>
      </c>
    </row>
    <row r="19278" spans="1:3" x14ac:dyDescent="0.25">
      <c r="A19278" s="2" t="s">
        <v>10936</v>
      </c>
      <c r="B19278" s="6">
        <v>320928.75</v>
      </c>
      <c r="C19278" s="7">
        <f t="shared" si="301"/>
        <v>320.92874999999998</v>
      </c>
    </row>
    <row r="19279" spans="1:3" x14ac:dyDescent="0.25">
      <c r="A19279" s="2" t="s">
        <v>10937</v>
      </c>
      <c r="B19279" s="6">
        <v>320945.39999999997</v>
      </c>
      <c r="C19279" s="7">
        <f t="shared" si="301"/>
        <v>320.94539999999995</v>
      </c>
    </row>
    <row r="19280" spans="1:3" x14ac:dyDescent="0.25">
      <c r="A19280" s="2" t="s">
        <v>10938</v>
      </c>
      <c r="B19280" s="6">
        <v>320962.05</v>
      </c>
      <c r="C19280" s="7">
        <f t="shared" si="301"/>
        <v>320.96204999999998</v>
      </c>
    </row>
    <row r="19281" spans="1:3" x14ac:dyDescent="0.25">
      <c r="A19281" s="2" t="s">
        <v>10939</v>
      </c>
      <c r="B19281" s="6">
        <v>320978.69999999995</v>
      </c>
      <c r="C19281" s="7">
        <f t="shared" si="301"/>
        <v>320.97869999999995</v>
      </c>
    </row>
    <row r="19282" spans="1:3" x14ac:dyDescent="0.25">
      <c r="A19282" s="2" t="s">
        <v>10940</v>
      </c>
      <c r="B19282" s="6">
        <v>320995.34999999998</v>
      </c>
      <c r="C19282" s="7">
        <f t="shared" si="301"/>
        <v>320.99534999999997</v>
      </c>
    </row>
    <row r="19283" spans="1:3" x14ac:dyDescent="0.25">
      <c r="A19283" s="2" t="s">
        <v>10941</v>
      </c>
      <c r="B19283" s="6">
        <v>321012</v>
      </c>
      <c r="C19283" s="7">
        <f t="shared" si="301"/>
        <v>321.012</v>
      </c>
    </row>
    <row r="19284" spans="1:3" x14ac:dyDescent="0.25">
      <c r="A19284" s="2" t="s">
        <v>10942</v>
      </c>
      <c r="B19284" s="6">
        <v>321028.64999999997</v>
      </c>
      <c r="C19284" s="7">
        <f t="shared" si="301"/>
        <v>321.02864999999997</v>
      </c>
    </row>
    <row r="19285" spans="1:3" x14ac:dyDescent="0.25">
      <c r="A19285" s="2" t="s">
        <v>10943</v>
      </c>
      <c r="B19285" s="6">
        <v>321045.3</v>
      </c>
      <c r="C19285" s="7">
        <f t="shared" si="301"/>
        <v>321.0453</v>
      </c>
    </row>
    <row r="19286" spans="1:3" x14ac:dyDescent="0.25">
      <c r="A19286" s="2" t="s">
        <v>10944</v>
      </c>
      <c r="B19286" s="6">
        <v>321061.94999999995</v>
      </c>
      <c r="C19286" s="7">
        <f t="shared" si="301"/>
        <v>321.06194999999997</v>
      </c>
    </row>
    <row r="19287" spans="1:3" x14ac:dyDescent="0.25">
      <c r="A19287" s="2" t="s">
        <v>10945</v>
      </c>
      <c r="B19287" s="6">
        <v>321078.59999999998</v>
      </c>
      <c r="C19287" s="7">
        <f t="shared" si="301"/>
        <v>321.07859999999999</v>
      </c>
    </row>
    <row r="19288" spans="1:3" x14ac:dyDescent="0.25">
      <c r="A19288" s="2" t="s">
        <v>10946</v>
      </c>
      <c r="B19288" s="6">
        <v>321095.25</v>
      </c>
      <c r="C19288" s="7">
        <f t="shared" si="301"/>
        <v>321.09525000000002</v>
      </c>
    </row>
    <row r="19289" spans="1:3" x14ac:dyDescent="0.25">
      <c r="A19289" s="2" t="s">
        <v>10947</v>
      </c>
      <c r="B19289" s="6">
        <v>321111.89999999997</v>
      </c>
      <c r="C19289" s="7">
        <f t="shared" si="301"/>
        <v>321.11189999999999</v>
      </c>
    </row>
    <row r="19290" spans="1:3" x14ac:dyDescent="0.25">
      <c r="A19290" s="2" t="s">
        <v>10948</v>
      </c>
      <c r="B19290" s="6">
        <v>321128.55</v>
      </c>
      <c r="C19290" s="7">
        <f t="shared" si="301"/>
        <v>321.12854999999996</v>
      </c>
    </row>
    <row r="19291" spans="1:3" x14ac:dyDescent="0.25">
      <c r="A19291" s="2" t="s">
        <v>10949</v>
      </c>
      <c r="B19291" s="6">
        <v>321145.19999999995</v>
      </c>
      <c r="C19291" s="7">
        <f t="shared" si="301"/>
        <v>321.14519999999993</v>
      </c>
    </row>
    <row r="19292" spans="1:3" x14ac:dyDescent="0.25">
      <c r="A19292" s="2" t="s">
        <v>10950</v>
      </c>
      <c r="B19292" s="6">
        <v>321161.84999999998</v>
      </c>
      <c r="C19292" s="7">
        <f t="shared" si="301"/>
        <v>321.16184999999996</v>
      </c>
    </row>
    <row r="19293" spans="1:3" x14ac:dyDescent="0.25">
      <c r="A19293" s="2" t="s">
        <v>10951</v>
      </c>
      <c r="B19293" s="6">
        <v>321178.5</v>
      </c>
      <c r="C19293" s="7">
        <f t="shared" si="301"/>
        <v>321.17849999999999</v>
      </c>
    </row>
    <row r="19294" spans="1:3" x14ac:dyDescent="0.25">
      <c r="A19294" s="2" t="s">
        <v>10952</v>
      </c>
      <c r="B19294" s="6">
        <v>321195.14999999997</v>
      </c>
      <c r="C19294" s="7">
        <f t="shared" si="301"/>
        <v>321.19514999999996</v>
      </c>
    </row>
    <row r="19295" spans="1:3" x14ac:dyDescent="0.25">
      <c r="A19295" s="2" t="s">
        <v>10953</v>
      </c>
      <c r="B19295" s="6">
        <v>321211.8</v>
      </c>
      <c r="C19295" s="7">
        <f t="shared" si="301"/>
        <v>321.21179999999998</v>
      </c>
    </row>
    <row r="19296" spans="1:3" x14ac:dyDescent="0.25">
      <c r="A19296" s="2" t="s">
        <v>10954</v>
      </c>
      <c r="B19296" s="6">
        <v>321228.44999999995</v>
      </c>
      <c r="C19296" s="7">
        <f t="shared" si="301"/>
        <v>321.22844999999995</v>
      </c>
    </row>
    <row r="19297" spans="1:3" x14ac:dyDescent="0.25">
      <c r="A19297" s="2" t="s">
        <v>10955</v>
      </c>
      <c r="B19297" s="6">
        <v>321245.09999999998</v>
      </c>
      <c r="C19297" s="7">
        <f t="shared" si="301"/>
        <v>321.24509999999998</v>
      </c>
    </row>
    <row r="19298" spans="1:3" x14ac:dyDescent="0.25">
      <c r="A19298" s="2" t="s">
        <v>10956</v>
      </c>
      <c r="B19298" s="6">
        <v>321261.75</v>
      </c>
      <c r="C19298" s="7">
        <f t="shared" si="301"/>
        <v>321.26175000000001</v>
      </c>
    </row>
    <row r="19299" spans="1:3" x14ac:dyDescent="0.25">
      <c r="A19299" s="2" t="s">
        <v>10957</v>
      </c>
      <c r="B19299" s="6">
        <v>321278.39999999997</v>
      </c>
      <c r="C19299" s="7">
        <f t="shared" si="301"/>
        <v>321.27839999999998</v>
      </c>
    </row>
    <row r="19300" spans="1:3" x14ac:dyDescent="0.25">
      <c r="A19300" s="2" t="s">
        <v>10958</v>
      </c>
      <c r="B19300" s="6">
        <v>321295.05</v>
      </c>
      <c r="C19300" s="7">
        <f t="shared" si="301"/>
        <v>321.29505</v>
      </c>
    </row>
    <row r="19301" spans="1:3" x14ac:dyDescent="0.25">
      <c r="A19301" s="2" t="s">
        <v>10959</v>
      </c>
      <c r="B19301" s="6">
        <v>321311.69999999995</v>
      </c>
      <c r="C19301" s="7">
        <f t="shared" si="301"/>
        <v>321.31169999999997</v>
      </c>
    </row>
    <row r="19302" spans="1:3" x14ac:dyDescent="0.25">
      <c r="A19302" s="2" t="s">
        <v>10960</v>
      </c>
      <c r="B19302" s="6">
        <v>321328.34999999998</v>
      </c>
      <c r="C19302" s="7">
        <f t="shared" si="301"/>
        <v>321.32835</v>
      </c>
    </row>
    <row r="19303" spans="1:3" x14ac:dyDescent="0.25">
      <c r="A19303" s="2" t="s">
        <v>10961</v>
      </c>
      <c r="B19303" s="6">
        <v>321345</v>
      </c>
      <c r="C19303" s="7">
        <f t="shared" si="301"/>
        <v>321.34500000000003</v>
      </c>
    </row>
    <row r="19304" spans="1:3" x14ac:dyDescent="0.25">
      <c r="A19304" s="2" t="s">
        <v>10962</v>
      </c>
      <c r="B19304" s="6">
        <v>321361.64999999997</v>
      </c>
      <c r="C19304" s="7">
        <f t="shared" si="301"/>
        <v>321.36164999999994</v>
      </c>
    </row>
    <row r="19305" spans="1:3" x14ac:dyDescent="0.25">
      <c r="A19305" s="2" t="s">
        <v>10963</v>
      </c>
      <c r="B19305" s="6">
        <v>321378.3</v>
      </c>
      <c r="C19305" s="7">
        <f t="shared" si="301"/>
        <v>321.37829999999997</v>
      </c>
    </row>
    <row r="19306" spans="1:3" x14ac:dyDescent="0.25">
      <c r="A19306" s="2" t="s">
        <v>10964</v>
      </c>
      <c r="B19306" s="6">
        <v>321394.94999999995</v>
      </c>
      <c r="C19306" s="7">
        <f t="shared" si="301"/>
        <v>321.39494999999994</v>
      </c>
    </row>
    <row r="19307" spans="1:3" x14ac:dyDescent="0.25">
      <c r="A19307" s="2" t="s">
        <v>10965</v>
      </c>
      <c r="B19307" s="6">
        <v>321411.59999999998</v>
      </c>
      <c r="C19307" s="7">
        <f t="shared" si="301"/>
        <v>321.41159999999996</v>
      </c>
    </row>
    <row r="19308" spans="1:3" x14ac:dyDescent="0.25">
      <c r="A19308" s="2" t="s">
        <v>10966</v>
      </c>
      <c r="B19308" s="6">
        <v>321428.25</v>
      </c>
      <c r="C19308" s="7">
        <f t="shared" si="301"/>
        <v>321.42824999999999</v>
      </c>
    </row>
    <row r="19309" spans="1:3" x14ac:dyDescent="0.25">
      <c r="A19309" s="2" t="s">
        <v>10967</v>
      </c>
      <c r="B19309" s="6">
        <v>321444.89999999997</v>
      </c>
      <c r="C19309" s="7">
        <f t="shared" si="301"/>
        <v>321.44489999999996</v>
      </c>
    </row>
    <row r="19310" spans="1:3" x14ac:dyDescent="0.25">
      <c r="A19310" s="2" t="s">
        <v>10968</v>
      </c>
      <c r="B19310" s="6">
        <v>321461.55</v>
      </c>
      <c r="C19310" s="7">
        <f t="shared" si="301"/>
        <v>321.46154999999999</v>
      </c>
    </row>
    <row r="19311" spans="1:3" x14ac:dyDescent="0.25">
      <c r="A19311" s="2" t="s">
        <v>10969</v>
      </c>
      <c r="B19311" s="6">
        <v>321478.19999999995</v>
      </c>
      <c r="C19311" s="7">
        <f t="shared" si="301"/>
        <v>321.47819999999996</v>
      </c>
    </row>
    <row r="19312" spans="1:3" x14ac:dyDescent="0.25">
      <c r="A19312" s="2" t="s">
        <v>10970</v>
      </c>
      <c r="B19312" s="6">
        <v>321494.84999999998</v>
      </c>
      <c r="C19312" s="7">
        <f t="shared" si="301"/>
        <v>321.49484999999999</v>
      </c>
    </row>
    <row r="19313" spans="1:3" x14ac:dyDescent="0.25">
      <c r="A19313" s="2" t="s">
        <v>10971</v>
      </c>
      <c r="B19313" s="6">
        <v>321511.5</v>
      </c>
      <c r="C19313" s="7">
        <f t="shared" si="301"/>
        <v>321.51150000000001</v>
      </c>
    </row>
    <row r="19314" spans="1:3" x14ac:dyDescent="0.25">
      <c r="A19314" s="2" t="s">
        <v>10972</v>
      </c>
      <c r="B19314" s="6">
        <v>321528.14999999997</v>
      </c>
      <c r="C19314" s="7">
        <f t="shared" si="301"/>
        <v>321.52814999999998</v>
      </c>
    </row>
    <row r="19315" spans="1:3" x14ac:dyDescent="0.25">
      <c r="A19315" s="2" t="s">
        <v>10973</v>
      </c>
      <c r="B19315" s="6">
        <v>321544.8</v>
      </c>
      <c r="C19315" s="7">
        <f t="shared" si="301"/>
        <v>321.54480000000001</v>
      </c>
    </row>
    <row r="19316" spans="1:3" x14ac:dyDescent="0.25">
      <c r="A19316" s="2" t="s">
        <v>10974</v>
      </c>
      <c r="B19316" s="6">
        <v>321561.44999999995</v>
      </c>
      <c r="C19316" s="7">
        <f t="shared" si="301"/>
        <v>321.56144999999998</v>
      </c>
    </row>
    <row r="19317" spans="1:3" x14ac:dyDescent="0.25">
      <c r="A19317" s="2" t="s">
        <v>10975</v>
      </c>
      <c r="B19317" s="6">
        <v>321578.09999999998</v>
      </c>
      <c r="C19317" s="7">
        <f t="shared" si="301"/>
        <v>321.57809999999995</v>
      </c>
    </row>
    <row r="19318" spans="1:3" x14ac:dyDescent="0.25">
      <c r="A19318" s="2" t="s">
        <v>10976</v>
      </c>
      <c r="B19318" s="6">
        <v>321594.75</v>
      </c>
      <c r="C19318" s="7">
        <f t="shared" si="301"/>
        <v>321.59474999999998</v>
      </c>
    </row>
    <row r="19319" spans="1:3" x14ac:dyDescent="0.25">
      <c r="A19319" s="2" t="s">
        <v>10977</v>
      </c>
      <c r="B19319" s="6">
        <v>321611.39999999997</v>
      </c>
      <c r="C19319" s="7">
        <f t="shared" si="301"/>
        <v>321.61139999999995</v>
      </c>
    </row>
    <row r="19320" spans="1:3" x14ac:dyDescent="0.25">
      <c r="A19320" s="2" t="s">
        <v>10978</v>
      </c>
      <c r="B19320" s="6">
        <v>321628.05</v>
      </c>
      <c r="C19320" s="7">
        <f t="shared" si="301"/>
        <v>321.62804999999997</v>
      </c>
    </row>
    <row r="19321" spans="1:3" x14ac:dyDescent="0.25">
      <c r="A19321" s="2" t="s">
        <v>10979</v>
      </c>
      <c r="B19321" s="6">
        <v>321644.69999999995</v>
      </c>
      <c r="C19321" s="7">
        <f t="shared" si="301"/>
        <v>321.64469999999994</v>
      </c>
    </row>
    <row r="19322" spans="1:3" x14ac:dyDescent="0.25">
      <c r="A19322" s="2" t="s">
        <v>10980</v>
      </c>
      <c r="B19322" s="6">
        <v>321661.34999999998</v>
      </c>
      <c r="C19322" s="7">
        <f t="shared" si="301"/>
        <v>321.66134999999997</v>
      </c>
    </row>
    <row r="19323" spans="1:3" x14ac:dyDescent="0.25">
      <c r="A19323" s="2" t="s">
        <v>10981</v>
      </c>
      <c r="B19323" s="6">
        <v>321678</v>
      </c>
      <c r="C19323" s="7">
        <f t="shared" si="301"/>
        <v>321.678</v>
      </c>
    </row>
    <row r="19324" spans="1:3" x14ac:dyDescent="0.25">
      <c r="A19324" s="2" t="s">
        <v>10982</v>
      </c>
      <c r="B19324" s="6">
        <v>321694.64999999997</v>
      </c>
      <c r="C19324" s="7">
        <f t="shared" si="301"/>
        <v>321.69464999999997</v>
      </c>
    </row>
    <row r="19325" spans="1:3" x14ac:dyDescent="0.25">
      <c r="A19325" s="2" t="s">
        <v>10983</v>
      </c>
      <c r="B19325" s="6">
        <v>321711.3</v>
      </c>
      <c r="C19325" s="7">
        <f t="shared" si="301"/>
        <v>321.71129999999999</v>
      </c>
    </row>
    <row r="19326" spans="1:3" x14ac:dyDescent="0.25">
      <c r="A19326" s="2" t="s">
        <v>10984</v>
      </c>
      <c r="B19326" s="6">
        <v>321727.94999999995</v>
      </c>
      <c r="C19326" s="7">
        <f t="shared" si="301"/>
        <v>321.72794999999996</v>
      </c>
    </row>
    <row r="19327" spans="1:3" x14ac:dyDescent="0.25">
      <c r="A19327" s="2" t="s">
        <v>10985</v>
      </c>
      <c r="B19327" s="6">
        <v>321744.59999999998</v>
      </c>
      <c r="C19327" s="7">
        <f t="shared" si="301"/>
        <v>321.74459999999999</v>
      </c>
    </row>
    <row r="19328" spans="1:3" x14ac:dyDescent="0.25">
      <c r="A19328" s="2" t="s">
        <v>10986</v>
      </c>
      <c r="B19328" s="6">
        <v>321761.25</v>
      </c>
      <c r="C19328" s="7">
        <f t="shared" si="301"/>
        <v>321.76125000000002</v>
      </c>
    </row>
    <row r="19329" spans="1:3" x14ac:dyDescent="0.25">
      <c r="A19329" s="2" t="s">
        <v>10987</v>
      </c>
      <c r="B19329" s="6">
        <v>321777.89999999997</v>
      </c>
      <c r="C19329" s="7">
        <f t="shared" si="301"/>
        <v>321.77789999999999</v>
      </c>
    </row>
    <row r="19330" spans="1:3" x14ac:dyDescent="0.25">
      <c r="A19330" s="2" t="s">
        <v>10988</v>
      </c>
      <c r="B19330" s="6">
        <v>321794.55</v>
      </c>
      <c r="C19330" s="7">
        <f t="shared" si="301"/>
        <v>321.79455000000002</v>
      </c>
    </row>
    <row r="19331" spans="1:3" x14ac:dyDescent="0.25">
      <c r="A19331" s="2" t="s">
        <v>10989</v>
      </c>
      <c r="B19331" s="6">
        <v>321811.19999999995</v>
      </c>
      <c r="C19331" s="7">
        <f t="shared" ref="C19331:C19394" si="302">B19331/1000</f>
        <v>321.81119999999993</v>
      </c>
    </row>
    <row r="19332" spans="1:3" x14ac:dyDescent="0.25">
      <c r="A19332" s="2" t="s">
        <v>10990</v>
      </c>
      <c r="B19332" s="6">
        <v>321827.84999999998</v>
      </c>
      <c r="C19332" s="7">
        <f t="shared" si="302"/>
        <v>321.82784999999996</v>
      </c>
    </row>
    <row r="19333" spans="1:3" x14ac:dyDescent="0.25">
      <c r="A19333" s="2" t="s">
        <v>10991</v>
      </c>
      <c r="B19333" s="6">
        <v>321844.5</v>
      </c>
      <c r="C19333" s="7">
        <f t="shared" si="302"/>
        <v>321.84449999999998</v>
      </c>
    </row>
    <row r="19334" spans="1:3" x14ac:dyDescent="0.25">
      <c r="A19334" s="2" t="s">
        <v>10992</v>
      </c>
      <c r="B19334" s="6">
        <v>321861.14999999997</v>
      </c>
      <c r="C19334" s="7">
        <f t="shared" si="302"/>
        <v>321.86114999999995</v>
      </c>
    </row>
    <row r="19335" spans="1:3" x14ac:dyDescent="0.25">
      <c r="A19335" s="2" t="s">
        <v>10993</v>
      </c>
      <c r="B19335" s="6">
        <v>321877.8</v>
      </c>
      <c r="C19335" s="7">
        <f t="shared" si="302"/>
        <v>321.87779999999998</v>
      </c>
    </row>
    <row r="19336" spans="1:3" x14ac:dyDescent="0.25">
      <c r="A19336" s="2" t="s">
        <v>10994</v>
      </c>
      <c r="B19336" s="6">
        <v>321894.44999999995</v>
      </c>
      <c r="C19336" s="7">
        <f t="shared" si="302"/>
        <v>321.89444999999995</v>
      </c>
    </row>
    <row r="19337" spans="1:3" x14ac:dyDescent="0.25">
      <c r="A19337" s="2" t="s">
        <v>10995</v>
      </c>
      <c r="B19337" s="6">
        <v>321911.09999999998</v>
      </c>
      <c r="C19337" s="7">
        <f t="shared" si="302"/>
        <v>321.91109999999998</v>
      </c>
    </row>
    <row r="19338" spans="1:3" x14ac:dyDescent="0.25">
      <c r="A19338" s="2" t="s">
        <v>10996</v>
      </c>
      <c r="B19338" s="6">
        <v>321927.75</v>
      </c>
      <c r="C19338" s="7">
        <f t="shared" si="302"/>
        <v>321.92775</v>
      </c>
    </row>
    <row r="19339" spans="1:3" x14ac:dyDescent="0.25">
      <c r="A19339" s="2" t="s">
        <v>10997</v>
      </c>
      <c r="B19339" s="6">
        <v>321944.39999999997</v>
      </c>
      <c r="C19339" s="7">
        <f t="shared" si="302"/>
        <v>321.94439999999997</v>
      </c>
    </row>
    <row r="19340" spans="1:3" x14ac:dyDescent="0.25">
      <c r="A19340" s="2" t="s">
        <v>10998</v>
      </c>
      <c r="B19340" s="6">
        <v>321961.05</v>
      </c>
      <c r="C19340" s="7">
        <f t="shared" si="302"/>
        <v>321.96105</v>
      </c>
    </row>
    <row r="19341" spans="1:3" x14ac:dyDescent="0.25">
      <c r="A19341" s="2" t="s">
        <v>10999</v>
      </c>
      <c r="B19341" s="6">
        <v>321977.69999999995</v>
      </c>
      <c r="C19341" s="7">
        <f t="shared" si="302"/>
        <v>321.97769999999997</v>
      </c>
    </row>
    <row r="19342" spans="1:3" x14ac:dyDescent="0.25">
      <c r="A19342" s="2" t="s">
        <v>11000</v>
      </c>
      <c r="B19342" s="6">
        <v>321994.34999999998</v>
      </c>
      <c r="C19342" s="7">
        <f t="shared" si="302"/>
        <v>321.99435</v>
      </c>
    </row>
    <row r="19343" spans="1:3" x14ac:dyDescent="0.25">
      <c r="A19343" s="2" t="s">
        <v>11001</v>
      </c>
      <c r="B19343" s="6">
        <v>322011</v>
      </c>
      <c r="C19343" s="7">
        <f t="shared" si="302"/>
        <v>322.01100000000002</v>
      </c>
    </row>
    <row r="19344" spans="1:3" x14ac:dyDescent="0.25">
      <c r="A19344" s="2" t="s">
        <v>11002</v>
      </c>
      <c r="B19344" s="6">
        <v>322027.64999999997</v>
      </c>
      <c r="C19344" s="7">
        <f t="shared" si="302"/>
        <v>322.02764999999994</v>
      </c>
    </row>
    <row r="19345" spans="1:3" x14ac:dyDescent="0.25">
      <c r="A19345" s="2" t="s">
        <v>11003</v>
      </c>
      <c r="B19345" s="6">
        <v>322044.3</v>
      </c>
      <c r="C19345" s="7">
        <f t="shared" si="302"/>
        <v>322.04429999999996</v>
      </c>
    </row>
    <row r="19346" spans="1:3" x14ac:dyDescent="0.25">
      <c r="A19346" s="2" t="s">
        <v>11004</v>
      </c>
      <c r="B19346" s="6">
        <v>322060.94999999995</v>
      </c>
      <c r="C19346" s="7">
        <f t="shared" si="302"/>
        <v>322.06094999999993</v>
      </c>
    </row>
    <row r="19347" spans="1:3" x14ac:dyDescent="0.25">
      <c r="A19347" s="2" t="s">
        <v>11005</v>
      </c>
      <c r="B19347" s="6">
        <v>322077.59999999998</v>
      </c>
      <c r="C19347" s="7">
        <f t="shared" si="302"/>
        <v>322.07759999999996</v>
      </c>
    </row>
    <row r="19348" spans="1:3" x14ac:dyDescent="0.25">
      <c r="A19348" s="2" t="s">
        <v>11006</v>
      </c>
      <c r="B19348" s="6">
        <v>322094.25</v>
      </c>
      <c r="C19348" s="7">
        <f t="shared" si="302"/>
        <v>322.09424999999999</v>
      </c>
    </row>
    <row r="19349" spans="1:3" x14ac:dyDescent="0.25">
      <c r="A19349" s="2" t="s">
        <v>11007</v>
      </c>
      <c r="B19349" s="6">
        <v>322110.89999999997</v>
      </c>
      <c r="C19349" s="7">
        <f t="shared" si="302"/>
        <v>322.11089999999996</v>
      </c>
    </row>
    <row r="19350" spans="1:3" x14ac:dyDescent="0.25">
      <c r="A19350" s="2" t="s">
        <v>11008</v>
      </c>
      <c r="B19350" s="6">
        <v>322127.55</v>
      </c>
      <c r="C19350" s="7">
        <f t="shared" si="302"/>
        <v>322.12754999999999</v>
      </c>
    </row>
    <row r="19351" spans="1:3" x14ac:dyDescent="0.25">
      <c r="A19351" s="2" t="s">
        <v>11009</v>
      </c>
      <c r="B19351" s="6">
        <v>322144.19999999995</v>
      </c>
      <c r="C19351" s="7">
        <f t="shared" si="302"/>
        <v>322.14419999999996</v>
      </c>
    </row>
    <row r="19352" spans="1:3" x14ac:dyDescent="0.25">
      <c r="A19352" s="2" t="s">
        <v>11010</v>
      </c>
      <c r="B19352" s="6">
        <v>322160.84999999998</v>
      </c>
      <c r="C19352" s="7">
        <f t="shared" si="302"/>
        <v>322.16084999999998</v>
      </c>
    </row>
    <row r="19353" spans="1:3" x14ac:dyDescent="0.25">
      <c r="A19353" s="2" t="s">
        <v>11011</v>
      </c>
      <c r="B19353" s="6">
        <v>322177.5</v>
      </c>
      <c r="C19353" s="7">
        <f t="shared" si="302"/>
        <v>322.17750000000001</v>
      </c>
    </row>
    <row r="19354" spans="1:3" x14ac:dyDescent="0.25">
      <c r="A19354" s="2" t="s">
        <v>11012</v>
      </c>
      <c r="B19354" s="6">
        <v>322194.14999999997</v>
      </c>
      <c r="C19354" s="7">
        <f t="shared" si="302"/>
        <v>322.19414999999998</v>
      </c>
    </row>
    <row r="19355" spans="1:3" x14ac:dyDescent="0.25">
      <c r="A19355" s="2" t="s">
        <v>11013</v>
      </c>
      <c r="B19355" s="6">
        <v>322210.8</v>
      </c>
      <c r="C19355" s="7">
        <f t="shared" si="302"/>
        <v>322.21080000000001</v>
      </c>
    </row>
    <row r="19356" spans="1:3" x14ac:dyDescent="0.25">
      <c r="A19356" s="2" t="s">
        <v>11014</v>
      </c>
      <c r="B19356" s="6">
        <v>322227.44999999995</v>
      </c>
      <c r="C19356" s="7">
        <f t="shared" si="302"/>
        <v>322.22744999999998</v>
      </c>
    </row>
    <row r="19357" spans="1:3" x14ac:dyDescent="0.25">
      <c r="A19357" s="2" t="s">
        <v>11015</v>
      </c>
      <c r="B19357" s="6">
        <v>322244.09999999998</v>
      </c>
      <c r="C19357" s="7">
        <f t="shared" si="302"/>
        <v>322.2441</v>
      </c>
    </row>
    <row r="19358" spans="1:3" x14ac:dyDescent="0.25">
      <c r="A19358" s="2" t="s">
        <v>11016</v>
      </c>
      <c r="B19358" s="6">
        <v>322260.75</v>
      </c>
      <c r="C19358" s="7">
        <f t="shared" si="302"/>
        <v>322.26074999999997</v>
      </c>
    </row>
    <row r="19359" spans="1:3" x14ac:dyDescent="0.25">
      <c r="A19359" s="2" t="s">
        <v>11017</v>
      </c>
      <c r="B19359" s="6">
        <v>322277.39999999997</v>
      </c>
      <c r="C19359" s="7">
        <f t="shared" si="302"/>
        <v>322.27739999999994</v>
      </c>
    </row>
    <row r="19360" spans="1:3" x14ac:dyDescent="0.25">
      <c r="A19360" s="2" t="s">
        <v>11018</v>
      </c>
      <c r="B19360" s="6">
        <v>322294.05</v>
      </c>
      <c r="C19360" s="7">
        <f t="shared" si="302"/>
        <v>322.29404999999997</v>
      </c>
    </row>
    <row r="19361" spans="1:3" x14ac:dyDescent="0.25">
      <c r="A19361" s="2" t="s">
        <v>11019</v>
      </c>
      <c r="B19361" s="6">
        <v>322310.69999999995</v>
      </c>
      <c r="C19361" s="7">
        <f t="shared" si="302"/>
        <v>322.31069999999994</v>
      </c>
    </row>
    <row r="19362" spans="1:3" x14ac:dyDescent="0.25">
      <c r="A19362" s="2" t="s">
        <v>11020</v>
      </c>
      <c r="B19362" s="6">
        <v>322327.34999999998</v>
      </c>
      <c r="C19362" s="7">
        <f t="shared" si="302"/>
        <v>322.32734999999997</v>
      </c>
    </row>
    <row r="19363" spans="1:3" x14ac:dyDescent="0.25">
      <c r="A19363" s="2" t="s">
        <v>11021</v>
      </c>
      <c r="B19363" s="6">
        <v>322344</v>
      </c>
      <c r="C19363" s="7">
        <f t="shared" si="302"/>
        <v>322.34399999999999</v>
      </c>
    </row>
    <row r="19364" spans="1:3" x14ac:dyDescent="0.25">
      <c r="A19364" s="2" t="s">
        <v>11022</v>
      </c>
      <c r="B19364" s="6">
        <v>322360.64999999997</v>
      </c>
      <c r="C19364" s="7">
        <f t="shared" si="302"/>
        <v>322.36064999999996</v>
      </c>
    </row>
    <row r="19365" spans="1:3" x14ac:dyDescent="0.25">
      <c r="A19365" s="2" t="s">
        <v>11023</v>
      </c>
      <c r="B19365" s="6">
        <v>322377.3</v>
      </c>
      <c r="C19365" s="7">
        <f t="shared" si="302"/>
        <v>322.37729999999999</v>
      </c>
    </row>
    <row r="19366" spans="1:3" x14ac:dyDescent="0.25">
      <c r="A19366" s="2" t="s">
        <v>11024</v>
      </c>
      <c r="B19366" s="6">
        <v>322393.94999999995</v>
      </c>
      <c r="C19366" s="7">
        <f t="shared" si="302"/>
        <v>322.39394999999996</v>
      </c>
    </row>
    <row r="19367" spans="1:3" x14ac:dyDescent="0.25">
      <c r="A19367" s="2" t="s">
        <v>11025</v>
      </c>
      <c r="B19367" s="6">
        <v>322410.59999999998</v>
      </c>
      <c r="C19367" s="7">
        <f t="shared" si="302"/>
        <v>322.41059999999999</v>
      </c>
    </row>
    <row r="19368" spans="1:3" x14ac:dyDescent="0.25">
      <c r="A19368" s="2" t="s">
        <v>11026</v>
      </c>
      <c r="B19368" s="6">
        <v>322427.25</v>
      </c>
      <c r="C19368" s="7">
        <f t="shared" si="302"/>
        <v>322.42725000000002</v>
      </c>
    </row>
    <row r="19369" spans="1:3" x14ac:dyDescent="0.25">
      <c r="A19369" s="2" t="s">
        <v>11027</v>
      </c>
      <c r="B19369" s="6">
        <v>322443.89999999997</v>
      </c>
      <c r="C19369" s="7">
        <f t="shared" si="302"/>
        <v>322.44389999999999</v>
      </c>
    </row>
    <row r="19370" spans="1:3" x14ac:dyDescent="0.25">
      <c r="A19370" s="2" t="s">
        <v>11028</v>
      </c>
      <c r="B19370" s="6">
        <v>322460.55</v>
      </c>
      <c r="C19370" s="7">
        <f t="shared" si="302"/>
        <v>322.46055000000001</v>
      </c>
    </row>
    <row r="19371" spans="1:3" x14ac:dyDescent="0.25">
      <c r="A19371" s="2" t="s">
        <v>11029</v>
      </c>
      <c r="B19371" s="6">
        <v>322477.19999999995</v>
      </c>
      <c r="C19371" s="7">
        <f t="shared" si="302"/>
        <v>322.47719999999993</v>
      </c>
    </row>
    <row r="19372" spans="1:3" x14ac:dyDescent="0.25">
      <c r="A19372" s="2" t="s">
        <v>11030</v>
      </c>
      <c r="B19372" s="6">
        <v>322493.84999999998</v>
      </c>
      <c r="C19372" s="7">
        <f t="shared" si="302"/>
        <v>322.49384999999995</v>
      </c>
    </row>
    <row r="19373" spans="1:3" x14ac:dyDescent="0.25">
      <c r="A19373" s="2" t="s">
        <v>11031</v>
      </c>
      <c r="B19373" s="6">
        <v>322510.5</v>
      </c>
      <c r="C19373" s="7">
        <f t="shared" si="302"/>
        <v>322.51049999999998</v>
      </c>
    </row>
    <row r="19374" spans="1:3" x14ac:dyDescent="0.25">
      <c r="A19374" s="2" t="s">
        <v>11032</v>
      </c>
      <c r="B19374" s="6">
        <v>322527.14999999997</v>
      </c>
      <c r="C19374" s="7">
        <f t="shared" si="302"/>
        <v>322.52714999999995</v>
      </c>
    </row>
    <row r="19375" spans="1:3" x14ac:dyDescent="0.25">
      <c r="A19375" s="2" t="s">
        <v>11033</v>
      </c>
      <c r="B19375" s="6">
        <v>322543.8</v>
      </c>
      <c r="C19375" s="7">
        <f t="shared" si="302"/>
        <v>322.54379999999998</v>
      </c>
    </row>
    <row r="19376" spans="1:3" x14ac:dyDescent="0.25">
      <c r="A19376" s="2" t="s">
        <v>11034</v>
      </c>
      <c r="B19376" s="6">
        <v>322560.44999999995</v>
      </c>
      <c r="C19376" s="7">
        <f t="shared" si="302"/>
        <v>322.56044999999995</v>
      </c>
    </row>
    <row r="19377" spans="1:3" x14ac:dyDescent="0.25">
      <c r="A19377" s="2" t="s">
        <v>11035</v>
      </c>
      <c r="B19377" s="6">
        <v>322577.09999999998</v>
      </c>
      <c r="C19377" s="7">
        <f t="shared" si="302"/>
        <v>322.57709999999997</v>
      </c>
    </row>
    <row r="19378" spans="1:3" x14ac:dyDescent="0.25">
      <c r="A19378" s="2" t="s">
        <v>11036</v>
      </c>
      <c r="B19378" s="6">
        <v>322593.75</v>
      </c>
      <c r="C19378" s="7">
        <f t="shared" si="302"/>
        <v>322.59375</v>
      </c>
    </row>
    <row r="19379" spans="1:3" x14ac:dyDescent="0.25">
      <c r="A19379" s="2" t="s">
        <v>11037</v>
      </c>
      <c r="B19379" s="6">
        <v>322610.39999999997</v>
      </c>
      <c r="C19379" s="7">
        <f t="shared" si="302"/>
        <v>322.61039999999997</v>
      </c>
    </row>
    <row r="19380" spans="1:3" x14ac:dyDescent="0.25">
      <c r="A19380" s="2" t="s">
        <v>11038</v>
      </c>
      <c r="B19380" s="6">
        <v>322627.05</v>
      </c>
      <c r="C19380" s="7">
        <f t="shared" si="302"/>
        <v>322.62705</v>
      </c>
    </row>
    <row r="19381" spans="1:3" x14ac:dyDescent="0.25">
      <c r="A19381" s="2" t="s">
        <v>11039</v>
      </c>
      <c r="B19381" s="6">
        <v>322643.69999999995</v>
      </c>
      <c r="C19381" s="7">
        <f t="shared" si="302"/>
        <v>322.64369999999997</v>
      </c>
    </row>
    <row r="19382" spans="1:3" x14ac:dyDescent="0.25">
      <c r="A19382" s="2" t="s">
        <v>11040</v>
      </c>
      <c r="B19382" s="6">
        <v>322660.34999999998</v>
      </c>
      <c r="C19382" s="7">
        <f t="shared" si="302"/>
        <v>322.66034999999999</v>
      </c>
    </row>
    <row r="19383" spans="1:3" x14ac:dyDescent="0.25">
      <c r="A19383" s="2" t="s">
        <v>11041</v>
      </c>
      <c r="B19383" s="6">
        <v>322677</v>
      </c>
      <c r="C19383" s="7">
        <f t="shared" si="302"/>
        <v>322.67700000000002</v>
      </c>
    </row>
    <row r="19384" spans="1:3" x14ac:dyDescent="0.25">
      <c r="A19384" s="2" t="s">
        <v>11042</v>
      </c>
      <c r="B19384" s="6">
        <v>322693.64999999997</v>
      </c>
      <c r="C19384" s="7">
        <f t="shared" si="302"/>
        <v>322.69364999999999</v>
      </c>
    </row>
    <row r="19385" spans="1:3" x14ac:dyDescent="0.25">
      <c r="A19385" s="2" t="s">
        <v>11043</v>
      </c>
      <c r="B19385" s="6">
        <v>322710.3</v>
      </c>
      <c r="C19385" s="7">
        <f t="shared" si="302"/>
        <v>322.71029999999996</v>
      </c>
    </row>
    <row r="19386" spans="1:3" x14ac:dyDescent="0.25">
      <c r="A19386" s="2" t="s">
        <v>11044</v>
      </c>
      <c r="B19386" s="6">
        <v>322726.94999999995</v>
      </c>
      <c r="C19386" s="7">
        <f t="shared" si="302"/>
        <v>322.72694999999993</v>
      </c>
    </row>
    <row r="19387" spans="1:3" x14ac:dyDescent="0.25">
      <c r="A19387" s="2" t="s">
        <v>11045</v>
      </c>
      <c r="B19387" s="6">
        <v>322743.59999999998</v>
      </c>
      <c r="C19387" s="7">
        <f t="shared" si="302"/>
        <v>322.74359999999996</v>
      </c>
    </row>
    <row r="19388" spans="1:3" x14ac:dyDescent="0.25">
      <c r="A19388" s="2" t="s">
        <v>11046</v>
      </c>
      <c r="B19388" s="6">
        <v>322760.25</v>
      </c>
      <c r="C19388" s="7">
        <f t="shared" si="302"/>
        <v>322.76024999999998</v>
      </c>
    </row>
    <row r="19389" spans="1:3" x14ac:dyDescent="0.25">
      <c r="A19389" s="2" t="s">
        <v>11047</v>
      </c>
      <c r="B19389" s="6">
        <v>322776.89999999997</v>
      </c>
      <c r="C19389" s="7">
        <f t="shared" si="302"/>
        <v>322.77689999999996</v>
      </c>
    </row>
    <row r="19390" spans="1:3" x14ac:dyDescent="0.25">
      <c r="A19390" s="2" t="s">
        <v>11048</v>
      </c>
      <c r="B19390" s="6">
        <v>322793.55</v>
      </c>
      <c r="C19390" s="7">
        <f t="shared" si="302"/>
        <v>322.79354999999998</v>
      </c>
    </row>
    <row r="19391" spans="1:3" x14ac:dyDescent="0.25">
      <c r="A19391" s="2" t="s">
        <v>11049</v>
      </c>
      <c r="B19391" s="6">
        <v>322810.19999999995</v>
      </c>
      <c r="C19391" s="7">
        <f t="shared" si="302"/>
        <v>322.81019999999995</v>
      </c>
    </row>
    <row r="19392" spans="1:3" x14ac:dyDescent="0.25">
      <c r="A19392" s="2" t="s">
        <v>11050</v>
      </c>
      <c r="B19392" s="6">
        <v>322826.84999999998</v>
      </c>
      <c r="C19392" s="7">
        <f t="shared" si="302"/>
        <v>322.82684999999998</v>
      </c>
    </row>
    <row r="19393" spans="1:3" x14ac:dyDescent="0.25">
      <c r="A19393" s="2" t="s">
        <v>11051</v>
      </c>
      <c r="B19393" s="6">
        <v>322843.5</v>
      </c>
      <c r="C19393" s="7">
        <f t="shared" si="302"/>
        <v>322.84350000000001</v>
      </c>
    </row>
    <row r="19394" spans="1:3" x14ac:dyDescent="0.25">
      <c r="A19394" s="2" t="s">
        <v>11052</v>
      </c>
      <c r="B19394" s="6">
        <v>322860.14999999997</v>
      </c>
      <c r="C19394" s="7">
        <f t="shared" si="302"/>
        <v>322.86014999999998</v>
      </c>
    </row>
    <row r="19395" spans="1:3" x14ac:dyDescent="0.25">
      <c r="A19395" s="2" t="s">
        <v>11053</v>
      </c>
      <c r="B19395" s="6">
        <v>322876.79999999999</v>
      </c>
      <c r="C19395" s="7">
        <f t="shared" ref="C19395:C19458" si="303">B19395/1000</f>
        <v>322.8768</v>
      </c>
    </row>
    <row r="19396" spans="1:3" x14ac:dyDescent="0.25">
      <c r="A19396" s="2" t="s">
        <v>11054</v>
      </c>
      <c r="B19396" s="6">
        <v>322893.44999999995</v>
      </c>
      <c r="C19396" s="7">
        <f t="shared" si="303"/>
        <v>322.89344999999997</v>
      </c>
    </row>
    <row r="19397" spans="1:3" x14ac:dyDescent="0.25">
      <c r="A19397" s="2" t="s">
        <v>11055</v>
      </c>
      <c r="B19397" s="6">
        <v>322910.09999999998</v>
      </c>
      <c r="C19397" s="7">
        <f t="shared" si="303"/>
        <v>322.9101</v>
      </c>
    </row>
    <row r="19398" spans="1:3" x14ac:dyDescent="0.25">
      <c r="A19398" s="2" t="s">
        <v>11056</v>
      </c>
      <c r="B19398" s="6">
        <v>322926.75</v>
      </c>
      <c r="C19398" s="7">
        <f t="shared" si="303"/>
        <v>322.92675000000003</v>
      </c>
    </row>
    <row r="19399" spans="1:3" x14ac:dyDescent="0.25">
      <c r="A19399" s="2" t="s">
        <v>11057</v>
      </c>
      <c r="B19399" s="6">
        <v>322943.39999999997</v>
      </c>
      <c r="C19399" s="7">
        <f t="shared" si="303"/>
        <v>322.94339999999994</v>
      </c>
    </row>
    <row r="19400" spans="1:3" x14ac:dyDescent="0.25">
      <c r="A19400" s="2" t="s">
        <v>11058</v>
      </c>
      <c r="B19400" s="6">
        <v>322960.05</v>
      </c>
      <c r="C19400" s="7">
        <f t="shared" si="303"/>
        <v>322.96004999999997</v>
      </c>
    </row>
    <row r="19401" spans="1:3" x14ac:dyDescent="0.25">
      <c r="A19401" s="2" t="s">
        <v>11059</v>
      </c>
      <c r="B19401" s="6">
        <v>322976.69999999995</v>
      </c>
      <c r="C19401" s="7">
        <f t="shared" si="303"/>
        <v>322.97669999999994</v>
      </c>
    </row>
    <row r="19402" spans="1:3" x14ac:dyDescent="0.25">
      <c r="A19402" s="2" t="s">
        <v>11060</v>
      </c>
      <c r="B19402" s="6">
        <v>322993.34999999998</v>
      </c>
      <c r="C19402" s="7">
        <f t="shared" si="303"/>
        <v>322.99334999999996</v>
      </c>
    </row>
    <row r="19403" spans="1:3" x14ac:dyDescent="0.25">
      <c r="A19403" s="2" t="s">
        <v>11061</v>
      </c>
      <c r="B19403" s="6">
        <v>323010</v>
      </c>
      <c r="C19403" s="7">
        <f t="shared" si="303"/>
        <v>323.01</v>
      </c>
    </row>
    <row r="19404" spans="1:3" x14ac:dyDescent="0.25">
      <c r="A19404" s="2" t="s">
        <v>11062</v>
      </c>
      <c r="B19404" s="6">
        <v>323026.64999999997</v>
      </c>
      <c r="C19404" s="7">
        <f t="shared" si="303"/>
        <v>323.02664999999996</v>
      </c>
    </row>
    <row r="19405" spans="1:3" x14ac:dyDescent="0.25">
      <c r="A19405" s="2" t="s">
        <v>11063</v>
      </c>
      <c r="B19405" s="6">
        <v>323043.3</v>
      </c>
      <c r="C19405" s="7">
        <f t="shared" si="303"/>
        <v>323.04329999999999</v>
      </c>
    </row>
    <row r="19406" spans="1:3" x14ac:dyDescent="0.25">
      <c r="A19406" s="2" t="s">
        <v>11064</v>
      </c>
      <c r="B19406" s="6">
        <v>323059.94999999995</v>
      </c>
      <c r="C19406" s="7">
        <f t="shared" si="303"/>
        <v>323.05994999999996</v>
      </c>
    </row>
    <row r="19407" spans="1:3" x14ac:dyDescent="0.25">
      <c r="A19407" s="2" t="s">
        <v>11065</v>
      </c>
      <c r="B19407" s="6">
        <v>323076.59999999998</v>
      </c>
      <c r="C19407" s="7">
        <f t="shared" si="303"/>
        <v>323.07659999999998</v>
      </c>
    </row>
    <row r="19408" spans="1:3" x14ac:dyDescent="0.25">
      <c r="A19408" s="2" t="s">
        <v>11066</v>
      </c>
      <c r="B19408" s="6">
        <v>323093.25</v>
      </c>
      <c r="C19408" s="7">
        <f t="shared" si="303"/>
        <v>323.09325000000001</v>
      </c>
    </row>
    <row r="19409" spans="1:3" x14ac:dyDescent="0.25">
      <c r="A19409" s="2" t="s">
        <v>11067</v>
      </c>
      <c r="B19409" s="6">
        <v>323109.89999999997</v>
      </c>
      <c r="C19409" s="7">
        <f t="shared" si="303"/>
        <v>323.10989999999998</v>
      </c>
    </row>
    <row r="19410" spans="1:3" x14ac:dyDescent="0.25">
      <c r="A19410" s="2" t="s">
        <v>11068</v>
      </c>
      <c r="B19410" s="6">
        <v>323126.55</v>
      </c>
      <c r="C19410" s="7">
        <f t="shared" si="303"/>
        <v>323.12655000000001</v>
      </c>
    </row>
    <row r="19411" spans="1:3" x14ac:dyDescent="0.25">
      <c r="A19411" s="2" t="s">
        <v>11069</v>
      </c>
      <c r="B19411" s="6">
        <v>323143.19999999995</v>
      </c>
      <c r="C19411" s="7">
        <f t="shared" si="303"/>
        <v>323.14319999999998</v>
      </c>
    </row>
    <row r="19412" spans="1:3" x14ac:dyDescent="0.25">
      <c r="A19412" s="2" t="s">
        <v>11070</v>
      </c>
      <c r="B19412" s="6">
        <v>323159.84999999998</v>
      </c>
      <c r="C19412" s="7">
        <f t="shared" si="303"/>
        <v>323.15984999999995</v>
      </c>
    </row>
    <row r="19413" spans="1:3" x14ac:dyDescent="0.25">
      <c r="A19413" s="2" t="s">
        <v>11071</v>
      </c>
      <c r="B19413" s="6">
        <v>323176.5</v>
      </c>
      <c r="C19413" s="7">
        <f t="shared" si="303"/>
        <v>323.17649999999998</v>
      </c>
    </row>
    <row r="19414" spans="1:3" x14ac:dyDescent="0.25">
      <c r="A19414" s="2" t="s">
        <v>11072</v>
      </c>
      <c r="B19414" s="6">
        <v>323193.14999999997</v>
      </c>
      <c r="C19414" s="7">
        <f t="shared" si="303"/>
        <v>323.19314999999995</v>
      </c>
    </row>
    <row r="19415" spans="1:3" x14ac:dyDescent="0.25">
      <c r="A19415" s="2" t="s">
        <v>11073</v>
      </c>
      <c r="B19415" s="6">
        <v>323209.8</v>
      </c>
      <c r="C19415" s="7">
        <f t="shared" si="303"/>
        <v>323.20979999999997</v>
      </c>
    </row>
    <row r="19416" spans="1:3" x14ac:dyDescent="0.25">
      <c r="A19416" s="2" t="s">
        <v>11074</v>
      </c>
      <c r="B19416" s="6">
        <v>323226.44999999995</v>
      </c>
      <c r="C19416" s="7">
        <f t="shared" si="303"/>
        <v>323.22644999999994</v>
      </c>
    </row>
    <row r="19417" spans="1:3" x14ac:dyDescent="0.25">
      <c r="A19417" s="2" t="s">
        <v>11075</v>
      </c>
      <c r="B19417" s="6">
        <v>323243.09999999998</v>
      </c>
      <c r="C19417" s="7">
        <f t="shared" si="303"/>
        <v>323.24309999999997</v>
      </c>
    </row>
    <row r="19418" spans="1:3" x14ac:dyDescent="0.25">
      <c r="A19418" s="2" t="s">
        <v>11076</v>
      </c>
      <c r="B19418" s="6">
        <v>323259.75</v>
      </c>
      <c r="C19418" s="7">
        <f t="shared" si="303"/>
        <v>323.25975</v>
      </c>
    </row>
    <row r="19419" spans="1:3" x14ac:dyDescent="0.25">
      <c r="A19419" s="2" t="s">
        <v>11077</v>
      </c>
      <c r="B19419" s="6">
        <v>323276.39999999997</v>
      </c>
      <c r="C19419" s="7">
        <f t="shared" si="303"/>
        <v>323.27639999999997</v>
      </c>
    </row>
    <row r="19420" spans="1:3" x14ac:dyDescent="0.25">
      <c r="A19420" s="2" t="s">
        <v>11078</v>
      </c>
      <c r="B19420" s="6">
        <v>323293.05</v>
      </c>
      <c r="C19420" s="7">
        <f t="shared" si="303"/>
        <v>323.29304999999999</v>
      </c>
    </row>
    <row r="19421" spans="1:3" x14ac:dyDescent="0.25">
      <c r="A19421" s="2" t="s">
        <v>11079</v>
      </c>
      <c r="B19421" s="6">
        <v>323309.69999999995</v>
      </c>
      <c r="C19421" s="7">
        <f t="shared" si="303"/>
        <v>323.30969999999996</v>
      </c>
    </row>
    <row r="19422" spans="1:3" x14ac:dyDescent="0.25">
      <c r="A19422" s="2" t="s">
        <v>11080</v>
      </c>
      <c r="B19422" s="6">
        <v>323326.34999999998</v>
      </c>
      <c r="C19422" s="7">
        <f t="shared" si="303"/>
        <v>323.32634999999999</v>
      </c>
    </row>
    <row r="19423" spans="1:3" x14ac:dyDescent="0.25">
      <c r="A19423" s="2" t="s">
        <v>11081</v>
      </c>
      <c r="B19423" s="6">
        <v>323343</v>
      </c>
      <c r="C19423" s="7">
        <f t="shared" si="303"/>
        <v>323.34300000000002</v>
      </c>
    </row>
    <row r="19424" spans="1:3" x14ac:dyDescent="0.25">
      <c r="A19424" s="2" t="s">
        <v>11082</v>
      </c>
      <c r="B19424" s="6">
        <v>323359.64999999997</v>
      </c>
      <c r="C19424" s="7">
        <f t="shared" si="303"/>
        <v>323.35964999999999</v>
      </c>
    </row>
    <row r="19425" spans="1:3" x14ac:dyDescent="0.25">
      <c r="A19425" s="2" t="s">
        <v>11083</v>
      </c>
      <c r="B19425" s="6">
        <v>323376.3</v>
      </c>
      <c r="C19425" s="7">
        <f t="shared" si="303"/>
        <v>323.37630000000001</v>
      </c>
    </row>
    <row r="19426" spans="1:3" x14ac:dyDescent="0.25">
      <c r="A19426" s="2" t="s">
        <v>11084</v>
      </c>
      <c r="B19426" s="6">
        <v>323392.94999999995</v>
      </c>
      <c r="C19426" s="7">
        <f t="shared" si="303"/>
        <v>323.39294999999993</v>
      </c>
    </row>
    <row r="19427" spans="1:3" x14ac:dyDescent="0.25">
      <c r="A19427" s="2" t="s">
        <v>11085</v>
      </c>
      <c r="B19427" s="6">
        <v>323409.59999999998</v>
      </c>
      <c r="C19427" s="7">
        <f t="shared" si="303"/>
        <v>323.40959999999995</v>
      </c>
    </row>
    <row r="19428" spans="1:3" x14ac:dyDescent="0.25">
      <c r="A19428" s="2" t="s">
        <v>11086</v>
      </c>
      <c r="B19428" s="6">
        <v>323426.25</v>
      </c>
      <c r="C19428" s="7">
        <f t="shared" si="303"/>
        <v>323.42624999999998</v>
      </c>
    </row>
    <row r="19429" spans="1:3" x14ac:dyDescent="0.25">
      <c r="A19429" s="2" t="s">
        <v>11087</v>
      </c>
      <c r="B19429" s="6">
        <v>323442.89999999997</v>
      </c>
      <c r="C19429" s="7">
        <f t="shared" si="303"/>
        <v>323.44289999999995</v>
      </c>
    </row>
    <row r="19430" spans="1:3" x14ac:dyDescent="0.25">
      <c r="A19430" s="2" t="s">
        <v>11088</v>
      </c>
      <c r="B19430" s="6">
        <v>323459.55</v>
      </c>
      <c r="C19430" s="7">
        <f t="shared" si="303"/>
        <v>323.45954999999998</v>
      </c>
    </row>
    <row r="19431" spans="1:3" x14ac:dyDescent="0.25">
      <c r="A19431" s="2" t="s">
        <v>11089</v>
      </c>
      <c r="B19431" s="6">
        <v>323476.19999999995</v>
      </c>
      <c r="C19431" s="7">
        <f t="shared" si="303"/>
        <v>323.47619999999995</v>
      </c>
    </row>
    <row r="19432" spans="1:3" x14ac:dyDescent="0.25">
      <c r="A19432" s="2" t="s">
        <v>11090</v>
      </c>
      <c r="B19432" s="6">
        <v>323492.84999999998</v>
      </c>
      <c r="C19432" s="7">
        <f t="shared" si="303"/>
        <v>323.49284999999998</v>
      </c>
    </row>
    <row r="19433" spans="1:3" x14ac:dyDescent="0.25">
      <c r="A19433" s="2" t="s">
        <v>11091</v>
      </c>
      <c r="B19433" s="6">
        <v>323509.5</v>
      </c>
      <c r="C19433" s="7">
        <f t="shared" si="303"/>
        <v>323.5095</v>
      </c>
    </row>
    <row r="19434" spans="1:3" x14ac:dyDescent="0.25">
      <c r="A19434" s="2" t="s">
        <v>11092</v>
      </c>
      <c r="B19434" s="6">
        <v>323526.14999999997</v>
      </c>
      <c r="C19434" s="7">
        <f t="shared" si="303"/>
        <v>323.52614999999997</v>
      </c>
    </row>
    <row r="19435" spans="1:3" x14ac:dyDescent="0.25">
      <c r="A19435" s="2" t="s">
        <v>11093</v>
      </c>
      <c r="B19435" s="6">
        <v>323542.8</v>
      </c>
      <c r="C19435" s="7">
        <f t="shared" si="303"/>
        <v>323.5428</v>
      </c>
    </row>
    <row r="19436" spans="1:3" x14ac:dyDescent="0.25">
      <c r="A19436" s="2" t="s">
        <v>11094</v>
      </c>
      <c r="B19436" s="6">
        <v>323559.44999999995</v>
      </c>
      <c r="C19436" s="7">
        <f t="shared" si="303"/>
        <v>323.55944999999997</v>
      </c>
    </row>
    <row r="19437" spans="1:3" x14ac:dyDescent="0.25">
      <c r="A19437" s="2" t="s">
        <v>11095</v>
      </c>
      <c r="B19437" s="6">
        <v>323576.09999999998</v>
      </c>
      <c r="C19437" s="7">
        <f t="shared" si="303"/>
        <v>323.5761</v>
      </c>
    </row>
    <row r="19438" spans="1:3" x14ac:dyDescent="0.25">
      <c r="A19438" s="2" t="s">
        <v>11096</v>
      </c>
      <c r="B19438" s="6">
        <v>323592.75</v>
      </c>
      <c r="C19438" s="7">
        <f t="shared" si="303"/>
        <v>323.59275000000002</v>
      </c>
    </row>
    <row r="19439" spans="1:3" x14ac:dyDescent="0.25">
      <c r="A19439" s="2" t="s">
        <v>11097</v>
      </c>
      <c r="B19439" s="6">
        <v>323609.39999999997</v>
      </c>
      <c r="C19439" s="7">
        <f t="shared" si="303"/>
        <v>323.60939999999994</v>
      </c>
    </row>
    <row r="19440" spans="1:3" x14ac:dyDescent="0.25">
      <c r="A19440" s="2" t="s">
        <v>11098</v>
      </c>
      <c r="B19440" s="6">
        <v>323626.05</v>
      </c>
      <c r="C19440" s="7">
        <f t="shared" si="303"/>
        <v>323.62604999999996</v>
      </c>
    </row>
    <row r="19441" spans="1:3" x14ac:dyDescent="0.25">
      <c r="A19441" s="2" t="s">
        <v>11099</v>
      </c>
      <c r="B19441" s="6">
        <v>323642.69999999995</v>
      </c>
      <c r="C19441" s="7">
        <f t="shared" si="303"/>
        <v>323.64269999999993</v>
      </c>
    </row>
    <row r="19442" spans="1:3" x14ac:dyDescent="0.25">
      <c r="A19442" s="2" t="s">
        <v>11100</v>
      </c>
      <c r="B19442" s="6">
        <v>323659.34999999998</v>
      </c>
      <c r="C19442" s="7">
        <f t="shared" si="303"/>
        <v>323.65934999999996</v>
      </c>
    </row>
    <row r="19443" spans="1:3" x14ac:dyDescent="0.25">
      <c r="A19443" s="2" t="s">
        <v>11101</v>
      </c>
      <c r="B19443" s="6">
        <v>323676</v>
      </c>
      <c r="C19443" s="7">
        <f t="shared" si="303"/>
        <v>323.67599999999999</v>
      </c>
    </row>
    <row r="19444" spans="1:3" x14ac:dyDescent="0.25">
      <c r="A19444" s="2" t="s">
        <v>11102</v>
      </c>
      <c r="B19444" s="6">
        <v>323692.64999999997</v>
      </c>
      <c r="C19444" s="7">
        <f t="shared" si="303"/>
        <v>323.69264999999996</v>
      </c>
    </row>
    <row r="19445" spans="1:3" x14ac:dyDescent="0.25">
      <c r="A19445" s="2" t="s">
        <v>11103</v>
      </c>
      <c r="B19445" s="6">
        <v>323709.3</v>
      </c>
      <c r="C19445" s="7">
        <f t="shared" si="303"/>
        <v>323.70929999999998</v>
      </c>
    </row>
    <row r="19446" spans="1:3" x14ac:dyDescent="0.25">
      <c r="A19446" s="2" t="s">
        <v>11104</v>
      </c>
      <c r="B19446" s="6">
        <v>323725.94999999995</v>
      </c>
      <c r="C19446" s="7">
        <f t="shared" si="303"/>
        <v>323.72594999999995</v>
      </c>
    </row>
    <row r="19447" spans="1:3" x14ac:dyDescent="0.25">
      <c r="A19447" s="2" t="s">
        <v>11105</v>
      </c>
      <c r="B19447" s="6">
        <v>323742.59999999998</v>
      </c>
      <c r="C19447" s="7">
        <f t="shared" si="303"/>
        <v>323.74259999999998</v>
      </c>
    </row>
    <row r="19448" spans="1:3" x14ac:dyDescent="0.25">
      <c r="A19448" s="2" t="s">
        <v>11106</v>
      </c>
      <c r="B19448" s="6">
        <v>323759.25</v>
      </c>
      <c r="C19448" s="7">
        <f t="shared" si="303"/>
        <v>323.75925000000001</v>
      </c>
    </row>
    <row r="19449" spans="1:3" x14ac:dyDescent="0.25">
      <c r="A19449" s="2" t="s">
        <v>11107</v>
      </c>
      <c r="B19449" s="6">
        <v>323775.89999999997</v>
      </c>
      <c r="C19449" s="7">
        <f t="shared" si="303"/>
        <v>323.77589999999998</v>
      </c>
    </row>
    <row r="19450" spans="1:3" x14ac:dyDescent="0.25">
      <c r="A19450" s="2" t="s">
        <v>11108</v>
      </c>
      <c r="B19450" s="6">
        <v>323792.55</v>
      </c>
      <c r="C19450" s="7">
        <f t="shared" si="303"/>
        <v>323.79255000000001</v>
      </c>
    </row>
    <row r="19451" spans="1:3" x14ac:dyDescent="0.25">
      <c r="A19451" s="2" t="s">
        <v>11109</v>
      </c>
      <c r="B19451" s="6">
        <v>323809.19999999995</v>
      </c>
      <c r="C19451" s="7">
        <f t="shared" si="303"/>
        <v>323.80919999999998</v>
      </c>
    </row>
    <row r="19452" spans="1:3" x14ac:dyDescent="0.25">
      <c r="A19452" s="2" t="s">
        <v>11110</v>
      </c>
      <c r="B19452" s="6">
        <v>323825.84999999998</v>
      </c>
      <c r="C19452" s="7">
        <f t="shared" si="303"/>
        <v>323.82585</v>
      </c>
    </row>
    <row r="19453" spans="1:3" x14ac:dyDescent="0.25">
      <c r="A19453" s="2" t="s">
        <v>11111</v>
      </c>
      <c r="B19453" s="6">
        <v>323842.5</v>
      </c>
      <c r="C19453" s="7">
        <f t="shared" si="303"/>
        <v>323.84249999999997</v>
      </c>
    </row>
    <row r="19454" spans="1:3" x14ac:dyDescent="0.25">
      <c r="A19454" s="2" t="s">
        <v>11112</v>
      </c>
      <c r="B19454" s="6">
        <v>323859.14999999997</v>
      </c>
      <c r="C19454" s="7">
        <f t="shared" si="303"/>
        <v>323.85914999999994</v>
      </c>
    </row>
    <row r="19455" spans="1:3" x14ac:dyDescent="0.25">
      <c r="A19455" s="2" t="s">
        <v>11113</v>
      </c>
      <c r="B19455" s="6">
        <v>323875.8</v>
      </c>
      <c r="C19455" s="7">
        <f t="shared" si="303"/>
        <v>323.87579999999997</v>
      </c>
    </row>
    <row r="19456" spans="1:3" x14ac:dyDescent="0.25">
      <c r="A19456" s="2" t="s">
        <v>11114</v>
      </c>
      <c r="B19456" s="6">
        <v>323892.44999999995</v>
      </c>
      <c r="C19456" s="7">
        <f t="shared" si="303"/>
        <v>323.89244999999994</v>
      </c>
    </row>
    <row r="19457" spans="1:3" x14ac:dyDescent="0.25">
      <c r="A19457" s="2" t="s">
        <v>11115</v>
      </c>
      <c r="B19457" s="6">
        <v>323909.09999999998</v>
      </c>
      <c r="C19457" s="7">
        <f t="shared" si="303"/>
        <v>323.90909999999997</v>
      </c>
    </row>
    <row r="19458" spans="1:3" x14ac:dyDescent="0.25">
      <c r="A19458" s="2" t="s">
        <v>11116</v>
      </c>
      <c r="B19458" s="6">
        <v>323925.75</v>
      </c>
      <c r="C19458" s="7">
        <f t="shared" si="303"/>
        <v>323.92574999999999</v>
      </c>
    </row>
    <row r="19459" spans="1:3" x14ac:dyDescent="0.25">
      <c r="A19459" s="2" t="s">
        <v>11117</v>
      </c>
      <c r="B19459" s="6">
        <v>323942.39999999997</v>
      </c>
      <c r="C19459" s="7">
        <f t="shared" ref="C19459:C19522" si="304">B19459/1000</f>
        <v>323.94239999999996</v>
      </c>
    </row>
    <row r="19460" spans="1:3" x14ac:dyDescent="0.25">
      <c r="A19460" s="2" t="s">
        <v>11118</v>
      </c>
      <c r="B19460" s="6">
        <v>323959.05</v>
      </c>
      <c r="C19460" s="7">
        <f t="shared" si="304"/>
        <v>323.95904999999999</v>
      </c>
    </row>
    <row r="19461" spans="1:3" x14ac:dyDescent="0.25">
      <c r="A19461" s="2" t="s">
        <v>11119</v>
      </c>
      <c r="B19461" s="6">
        <v>323975.69999999995</v>
      </c>
      <c r="C19461" s="7">
        <f t="shared" si="304"/>
        <v>323.97569999999996</v>
      </c>
    </row>
    <row r="19462" spans="1:3" x14ac:dyDescent="0.25">
      <c r="A19462" s="2" t="s">
        <v>11120</v>
      </c>
      <c r="B19462" s="6">
        <v>323992.34999999998</v>
      </c>
      <c r="C19462" s="7">
        <f t="shared" si="304"/>
        <v>323.99234999999999</v>
      </c>
    </row>
    <row r="19463" spans="1:3" x14ac:dyDescent="0.25">
      <c r="A19463" s="2" t="s">
        <v>11121</v>
      </c>
      <c r="B19463" s="6">
        <v>324009</v>
      </c>
      <c r="C19463" s="7">
        <f t="shared" si="304"/>
        <v>324.00900000000001</v>
      </c>
    </row>
    <row r="19464" spans="1:3" x14ac:dyDescent="0.25">
      <c r="A19464" s="2" t="s">
        <v>11122</v>
      </c>
      <c r="B19464" s="6">
        <v>324025.64999999997</v>
      </c>
      <c r="C19464" s="7">
        <f t="shared" si="304"/>
        <v>324.02564999999998</v>
      </c>
    </row>
    <row r="19465" spans="1:3" x14ac:dyDescent="0.25">
      <c r="A19465" s="2" t="s">
        <v>11123</v>
      </c>
      <c r="B19465" s="6">
        <v>324042.3</v>
      </c>
      <c r="C19465" s="7">
        <f t="shared" si="304"/>
        <v>324.04230000000001</v>
      </c>
    </row>
    <row r="19466" spans="1:3" x14ac:dyDescent="0.25">
      <c r="A19466" s="2" t="s">
        <v>11124</v>
      </c>
      <c r="B19466" s="6">
        <v>324058.94999999995</v>
      </c>
      <c r="C19466" s="7">
        <f t="shared" si="304"/>
        <v>324.05894999999998</v>
      </c>
    </row>
    <row r="19467" spans="1:3" x14ac:dyDescent="0.25">
      <c r="A19467" s="2" t="s">
        <v>11125</v>
      </c>
      <c r="B19467" s="6">
        <v>324075.59999999998</v>
      </c>
      <c r="C19467" s="7">
        <f t="shared" si="304"/>
        <v>324.07559999999995</v>
      </c>
    </row>
    <row r="19468" spans="1:3" x14ac:dyDescent="0.25">
      <c r="A19468" s="2" t="s">
        <v>11126</v>
      </c>
      <c r="B19468" s="6">
        <v>324092.25</v>
      </c>
      <c r="C19468" s="7">
        <f t="shared" si="304"/>
        <v>324.09224999999998</v>
      </c>
    </row>
    <row r="19469" spans="1:3" x14ac:dyDescent="0.25">
      <c r="A19469" s="2" t="s">
        <v>11127</v>
      </c>
      <c r="B19469" s="6">
        <v>324108.89999999997</v>
      </c>
      <c r="C19469" s="7">
        <f t="shared" si="304"/>
        <v>324.10889999999995</v>
      </c>
    </row>
    <row r="19470" spans="1:3" x14ac:dyDescent="0.25">
      <c r="A19470" s="2" t="s">
        <v>11128</v>
      </c>
      <c r="B19470" s="6">
        <v>324125.55</v>
      </c>
      <c r="C19470" s="7">
        <f t="shared" si="304"/>
        <v>324.12554999999998</v>
      </c>
    </row>
    <row r="19471" spans="1:3" x14ac:dyDescent="0.25">
      <c r="A19471" s="2" t="s">
        <v>11129</v>
      </c>
      <c r="B19471" s="6">
        <v>324142.19999999995</v>
      </c>
      <c r="C19471" s="7">
        <f t="shared" si="304"/>
        <v>324.14219999999995</v>
      </c>
    </row>
    <row r="19472" spans="1:3" x14ac:dyDescent="0.25">
      <c r="A19472" s="2" t="s">
        <v>11130</v>
      </c>
      <c r="B19472" s="6">
        <v>324158.84999999998</v>
      </c>
      <c r="C19472" s="7">
        <f t="shared" si="304"/>
        <v>324.15884999999997</v>
      </c>
    </row>
    <row r="19473" spans="1:3" x14ac:dyDescent="0.25">
      <c r="A19473" s="2" t="s">
        <v>11131</v>
      </c>
      <c r="B19473" s="6">
        <v>324175.5</v>
      </c>
      <c r="C19473" s="7">
        <f t="shared" si="304"/>
        <v>324.1755</v>
      </c>
    </row>
    <row r="19474" spans="1:3" x14ac:dyDescent="0.25">
      <c r="A19474" s="2" t="s">
        <v>11132</v>
      </c>
      <c r="B19474" s="6">
        <v>324192.14999999997</v>
      </c>
      <c r="C19474" s="7">
        <f t="shared" si="304"/>
        <v>324.19214999999997</v>
      </c>
    </row>
    <row r="19475" spans="1:3" x14ac:dyDescent="0.25">
      <c r="A19475" s="2" t="s">
        <v>11133</v>
      </c>
      <c r="B19475" s="6">
        <v>324208.8</v>
      </c>
      <c r="C19475" s="7">
        <f t="shared" si="304"/>
        <v>324.2088</v>
      </c>
    </row>
    <row r="19476" spans="1:3" x14ac:dyDescent="0.25">
      <c r="A19476" s="2" t="s">
        <v>11134</v>
      </c>
      <c r="B19476" s="6">
        <v>324225.44999999995</v>
      </c>
      <c r="C19476" s="7">
        <f t="shared" si="304"/>
        <v>324.22544999999997</v>
      </c>
    </row>
    <row r="19477" spans="1:3" x14ac:dyDescent="0.25">
      <c r="A19477" s="2" t="s">
        <v>11135</v>
      </c>
      <c r="B19477" s="6">
        <v>324242.09999999998</v>
      </c>
      <c r="C19477" s="7">
        <f t="shared" si="304"/>
        <v>324.24209999999999</v>
      </c>
    </row>
    <row r="19478" spans="1:3" x14ac:dyDescent="0.25">
      <c r="A19478" s="2" t="s">
        <v>11136</v>
      </c>
      <c r="B19478" s="6">
        <v>324258.75</v>
      </c>
      <c r="C19478" s="7">
        <f t="shared" si="304"/>
        <v>324.25875000000002</v>
      </c>
    </row>
    <row r="19479" spans="1:3" x14ac:dyDescent="0.25">
      <c r="A19479" s="2" t="s">
        <v>11137</v>
      </c>
      <c r="B19479" s="6">
        <v>324275.39999999997</v>
      </c>
      <c r="C19479" s="7">
        <f t="shared" si="304"/>
        <v>324.27539999999999</v>
      </c>
    </row>
    <row r="19480" spans="1:3" x14ac:dyDescent="0.25">
      <c r="A19480" s="2" t="s">
        <v>11138</v>
      </c>
      <c r="B19480" s="6">
        <v>324292.05</v>
      </c>
      <c r="C19480" s="7">
        <f t="shared" si="304"/>
        <v>324.29204999999996</v>
      </c>
    </row>
    <row r="19481" spans="1:3" x14ac:dyDescent="0.25">
      <c r="A19481" s="2" t="s">
        <v>11139</v>
      </c>
      <c r="B19481" s="6">
        <v>324308.69999999995</v>
      </c>
      <c r="C19481" s="7">
        <f t="shared" si="304"/>
        <v>324.30869999999993</v>
      </c>
    </row>
    <row r="19482" spans="1:3" x14ac:dyDescent="0.25">
      <c r="A19482" s="2" t="s">
        <v>11140</v>
      </c>
      <c r="B19482" s="6">
        <v>324325.34999999998</v>
      </c>
      <c r="C19482" s="7">
        <f t="shared" si="304"/>
        <v>324.32534999999996</v>
      </c>
    </row>
    <row r="19483" spans="1:3" x14ac:dyDescent="0.25">
      <c r="A19483" s="2" t="s">
        <v>11141</v>
      </c>
      <c r="B19483" s="6">
        <v>324342</v>
      </c>
      <c r="C19483" s="7">
        <f t="shared" si="304"/>
        <v>324.34199999999998</v>
      </c>
    </row>
    <row r="19484" spans="1:3" x14ac:dyDescent="0.25">
      <c r="A19484" s="2" t="s">
        <v>11142</v>
      </c>
      <c r="B19484" s="6">
        <v>324358.64999999997</v>
      </c>
      <c r="C19484" s="7">
        <f t="shared" si="304"/>
        <v>324.35864999999995</v>
      </c>
    </row>
    <row r="19485" spans="1:3" x14ac:dyDescent="0.25">
      <c r="A19485" s="2" t="s">
        <v>11143</v>
      </c>
      <c r="B19485" s="6">
        <v>324375.3</v>
      </c>
      <c r="C19485" s="7">
        <f t="shared" si="304"/>
        <v>324.37529999999998</v>
      </c>
    </row>
    <row r="19486" spans="1:3" x14ac:dyDescent="0.25">
      <c r="A19486" s="2" t="s">
        <v>11144</v>
      </c>
      <c r="B19486" s="6">
        <v>324391.94999999995</v>
      </c>
      <c r="C19486" s="7">
        <f t="shared" si="304"/>
        <v>324.39194999999995</v>
      </c>
    </row>
    <row r="19487" spans="1:3" x14ac:dyDescent="0.25">
      <c r="A19487" s="2" t="s">
        <v>11145</v>
      </c>
      <c r="B19487" s="6">
        <v>324408.59999999998</v>
      </c>
      <c r="C19487" s="7">
        <f t="shared" si="304"/>
        <v>324.40859999999998</v>
      </c>
    </row>
    <row r="19488" spans="1:3" x14ac:dyDescent="0.25">
      <c r="A19488" s="2" t="s">
        <v>11146</v>
      </c>
      <c r="B19488" s="6">
        <v>324425.25</v>
      </c>
      <c r="C19488" s="7">
        <f t="shared" si="304"/>
        <v>324.42525000000001</v>
      </c>
    </row>
    <row r="19489" spans="1:3" x14ac:dyDescent="0.25">
      <c r="A19489" s="2" t="s">
        <v>11147</v>
      </c>
      <c r="B19489" s="6">
        <v>324441.89999999997</v>
      </c>
      <c r="C19489" s="7">
        <f t="shared" si="304"/>
        <v>324.44189999999998</v>
      </c>
    </row>
    <row r="19490" spans="1:3" x14ac:dyDescent="0.25">
      <c r="A19490" s="2" t="s">
        <v>11148</v>
      </c>
      <c r="B19490" s="6">
        <v>324458.55</v>
      </c>
      <c r="C19490" s="7">
        <f t="shared" si="304"/>
        <v>324.45855</v>
      </c>
    </row>
    <row r="19491" spans="1:3" x14ac:dyDescent="0.25">
      <c r="A19491" s="2" t="s">
        <v>11149</v>
      </c>
      <c r="B19491" s="6">
        <v>324475.19999999995</v>
      </c>
      <c r="C19491" s="7">
        <f t="shared" si="304"/>
        <v>324.47519999999997</v>
      </c>
    </row>
    <row r="19492" spans="1:3" x14ac:dyDescent="0.25">
      <c r="A19492" s="2" t="s">
        <v>11150</v>
      </c>
      <c r="B19492" s="6">
        <v>324491.84999999998</v>
      </c>
      <c r="C19492" s="7">
        <f t="shared" si="304"/>
        <v>324.49185</v>
      </c>
    </row>
    <row r="19493" spans="1:3" x14ac:dyDescent="0.25">
      <c r="A19493" s="2" t="s">
        <v>11151</v>
      </c>
      <c r="B19493" s="6">
        <v>324508.5</v>
      </c>
      <c r="C19493" s="7">
        <f t="shared" si="304"/>
        <v>324.50850000000003</v>
      </c>
    </row>
    <row r="19494" spans="1:3" x14ac:dyDescent="0.25">
      <c r="A19494" s="2" t="s">
        <v>11152</v>
      </c>
      <c r="B19494" s="6">
        <v>324525.14999999997</v>
      </c>
      <c r="C19494" s="7">
        <f t="shared" si="304"/>
        <v>324.52514999999994</v>
      </c>
    </row>
    <row r="19495" spans="1:3" x14ac:dyDescent="0.25">
      <c r="A19495" s="2" t="s">
        <v>11153</v>
      </c>
      <c r="B19495" s="6">
        <v>324541.8</v>
      </c>
      <c r="C19495" s="7">
        <f t="shared" si="304"/>
        <v>324.54179999999997</v>
      </c>
    </row>
    <row r="19496" spans="1:3" x14ac:dyDescent="0.25">
      <c r="A19496" s="2" t="s">
        <v>11154</v>
      </c>
      <c r="B19496" s="6">
        <v>324558.44999999995</v>
      </c>
      <c r="C19496" s="7">
        <f t="shared" si="304"/>
        <v>324.55844999999994</v>
      </c>
    </row>
    <row r="19497" spans="1:3" x14ac:dyDescent="0.25">
      <c r="A19497" s="2" t="s">
        <v>11155</v>
      </c>
      <c r="B19497" s="6">
        <v>324575.09999999998</v>
      </c>
      <c r="C19497" s="7">
        <f t="shared" si="304"/>
        <v>324.57509999999996</v>
      </c>
    </row>
    <row r="19498" spans="1:3" x14ac:dyDescent="0.25">
      <c r="A19498" s="2" t="s">
        <v>11156</v>
      </c>
      <c r="B19498" s="6">
        <v>324591.75</v>
      </c>
      <c r="C19498" s="7">
        <f t="shared" si="304"/>
        <v>324.59174999999999</v>
      </c>
    </row>
    <row r="19499" spans="1:3" x14ac:dyDescent="0.25">
      <c r="A19499" s="2" t="s">
        <v>11157</v>
      </c>
      <c r="B19499" s="6">
        <v>324608.39999999997</v>
      </c>
      <c r="C19499" s="7">
        <f t="shared" si="304"/>
        <v>324.60839999999996</v>
      </c>
    </row>
    <row r="19500" spans="1:3" x14ac:dyDescent="0.25">
      <c r="A19500" s="2" t="s">
        <v>11158</v>
      </c>
      <c r="B19500" s="6">
        <v>324625.05</v>
      </c>
      <c r="C19500" s="7">
        <f t="shared" si="304"/>
        <v>324.62504999999999</v>
      </c>
    </row>
    <row r="19501" spans="1:3" x14ac:dyDescent="0.25">
      <c r="A19501" s="2" t="s">
        <v>11159</v>
      </c>
      <c r="B19501" s="6">
        <v>324641.69999999995</v>
      </c>
      <c r="C19501" s="7">
        <f t="shared" si="304"/>
        <v>324.64169999999996</v>
      </c>
    </row>
    <row r="19502" spans="1:3" x14ac:dyDescent="0.25">
      <c r="A19502" s="2" t="s">
        <v>11160</v>
      </c>
      <c r="B19502" s="6">
        <v>324658.34999999998</v>
      </c>
      <c r="C19502" s="7">
        <f t="shared" si="304"/>
        <v>324.65834999999998</v>
      </c>
    </row>
    <row r="19503" spans="1:3" x14ac:dyDescent="0.25">
      <c r="A19503" s="2" t="s">
        <v>11161</v>
      </c>
      <c r="B19503" s="6">
        <v>324675</v>
      </c>
      <c r="C19503" s="7">
        <f t="shared" si="304"/>
        <v>324.67500000000001</v>
      </c>
    </row>
    <row r="19504" spans="1:3" x14ac:dyDescent="0.25">
      <c r="A19504" s="2" t="s">
        <v>11162</v>
      </c>
      <c r="B19504" s="6">
        <v>324691.64999999997</v>
      </c>
      <c r="C19504" s="7">
        <f t="shared" si="304"/>
        <v>324.69164999999998</v>
      </c>
    </row>
    <row r="19505" spans="1:3" x14ac:dyDescent="0.25">
      <c r="A19505" s="2" t="s">
        <v>11163</v>
      </c>
      <c r="B19505" s="6">
        <v>324708.3</v>
      </c>
      <c r="C19505" s="7">
        <f t="shared" si="304"/>
        <v>324.70830000000001</v>
      </c>
    </row>
    <row r="19506" spans="1:3" x14ac:dyDescent="0.25">
      <c r="A19506" s="2" t="s">
        <v>11164</v>
      </c>
      <c r="B19506" s="6">
        <v>324724.94999999995</v>
      </c>
      <c r="C19506" s="7">
        <f t="shared" si="304"/>
        <v>324.72494999999998</v>
      </c>
    </row>
    <row r="19507" spans="1:3" x14ac:dyDescent="0.25">
      <c r="A19507" s="2" t="s">
        <v>11165</v>
      </c>
      <c r="B19507" s="6">
        <v>324741.59999999998</v>
      </c>
      <c r="C19507" s="7">
        <f t="shared" si="304"/>
        <v>324.74159999999995</v>
      </c>
    </row>
    <row r="19508" spans="1:3" x14ac:dyDescent="0.25">
      <c r="A19508" s="2" t="s">
        <v>11166</v>
      </c>
      <c r="B19508" s="6">
        <v>324758.25</v>
      </c>
      <c r="C19508" s="7">
        <f t="shared" si="304"/>
        <v>324.75824999999998</v>
      </c>
    </row>
    <row r="19509" spans="1:3" x14ac:dyDescent="0.25">
      <c r="A19509" s="2" t="s">
        <v>11167</v>
      </c>
      <c r="B19509" s="6">
        <v>324774.89999999997</v>
      </c>
      <c r="C19509" s="7">
        <f t="shared" si="304"/>
        <v>324.77489999999995</v>
      </c>
    </row>
    <row r="19510" spans="1:3" x14ac:dyDescent="0.25">
      <c r="A19510" s="2" t="s">
        <v>11168</v>
      </c>
      <c r="B19510" s="6">
        <v>324791.55</v>
      </c>
      <c r="C19510" s="7">
        <f t="shared" si="304"/>
        <v>324.79154999999997</v>
      </c>
    </row>
    <row r="19511" spans="1:3" x14ac:dyDescent="0.25">
      <c r="A19511" s="2" t="s">
        <v>11169</v>
      </c>
      <c r="B19511" s="6">
        <v>324808.19999999995</v>
      </c>
      <c r="C19511" s="7">
        <f t="shared" si="304"/>
        <v>324.80819999999994</v>
      </c>
    </row>
    <row r="19512" spans="1:3" x14ac:dyDescent="0.25">
      <c r="A19512" s="2" t="s">
        <v>11170</v>
      </c>
      <c r="B19512" s="6">
        <v>324824.84999999998</v>
      </c>
      <c r="C19512" s="7">
        <f t="shared" si="304"/>
        <v>324.82484999999997</v>
      </c>
    </row>
    <row r="19513" spans="1:3" x14ac:dyDescent="0.25">
      <c r="A19513" s="2" t="s">
        <v>11171</v>
      </c>
      <c r="B19513" s="6">
        <v>324841.5</v>
      </c>
      <c r="C19513" s="7">
        <f t="shared" si="304"/>
        <v>324.8415</v>
      </c>
    </row>
    <row r="19514" spans="1:3" x14ac:dyDescent="0.25">
      <c r="A19514" s="2" t="s">
        <v>11172</v>
      </c>
      <c r="B19514" s="6">
        <v>324858.14999999997</v>
      </c>
      <c r="C19514" s="7">
        <f t="shared" si="304"/>
        <v>324.85814999999997</v>
      </c>
    </row>
    <row r="19515" spans="1:3" x14ac:dyDescent="0.25">
      <c r="A19515" s="2" t="s">
        <v>11173</v>
      </c>
      <c r="B19515" s="6">
        <v>324874.8</v>
      </c>
      <c r="C19515" s="7">
        <f t="shared" si="304"/>
        <v>324.87479999999999</v>
      </c>
    </row>
    <row r="19516" spans="1:3" x14ac:dyDescent="0.25">
      <c r="A19516" s="2" t="s">
        <v>11174</v>
      </c>
      <c r="B19516" s="6">
        <v>324891.44999999995</v>
      </c>
      <c r="C19516" s="7">
        <f t="shared" si="304"/>
        <v>324.89144999999996</v>
      </c>
    </row>
    <row r="19517" spans="1:3" x14ac:dyDescent="0.25">
      <c r="A19517" s="2" t="s">
        <v>11175</v>
      </c>
      <c r="B19517" s="6">
        <v>324908.09999999998</v>
      </c>
      <c r="C19517" s="7">
        <f t="shared" si="304"/>
        <v>324.90809999999999</v>
      </c>
    </row>
    <row r="19518" spans="1:3" x14ac:dyDescent="0.25">
      <c r="A19518" s="2" t="s">
        <v>11176</v>
      </c>
      <c r="B19518" s="6">
        <v>324924.75</v>
      </c>
      <c r="C19518" s="7">
        <f t="shared" si="304"/>
        <v>324.92475000000002</v>
      </c>
    </row>
    <row r="19519" spans="1:3" x14ac:dyDescent="0.25">
      <c r="A19519" s="2" t="s">
        <v>11177</v>
      </c>
      <c r="B19519" s="6">
        <v>324941.39999999997</v>
      </c>
      <c r="C19519" s="7">
        <f t="shared" si="304"/>
        <v>324.94139999999999</v>
      </c>
    </row>
    <row r="19520" spans="1:3" x14ac:dyDescent="0.25">
      <c r="A19520" s="2" t="s">
        <v>11178</v>
      </c>
      <c r="B19520" s="6">
        <v>324958.05</v>
      </c>
      <c r="C19520" s="7">
        <f t="shared" si="304"/>
        <v>324.95805000000001</v>
      </c>
    </row>
    <row r="19521" spans="1:3" x14ac:dyDescent="0.25">
      <c r="A19521" s="2" t="s">
        <v>11179</v>
      </c>
      <c r="B19521" s="6">
        <v>324974.69999999995</v>
      </c>
      <c r="C19521" s="7">
        <f t="shared" si="304"/>
        <v>324.97469999999993</v>
      </c>
    </row>
    <row r="19522" spans="1:3" x14ac:dyDescent="0.25">
      <c r="A19522" s="2" t="s">
        <v>11180</v>
      </c>
      <c r="B19522" s="6">
        <v>324991.34999999998</v>
      </c>
      <c r="C19522" s="7">
        <f t="shared" si="304"/>
        <v>324.99134999999995</v>
      </c>
    </row>
    <row r="19523" spans="1:3" x14ac:dyDescent="0.25">
      <c r="A19523" s="2" t="s">
        <v>11181</v>
      </c>
      <c r="B19523" s="6">
        <v>325008</v>
      </c>
      <c r="C19523" s="7">
        <f t="shared" ref="C19523:C19586" si="305">B19523/1000</f>
        <v>325.00799999999998</v>
      </c>
    </row>
    <row r="19524" spans="1:3" x14ac:dyDescent="0.25">
      <c r="A19524" s="2" t="s">
        <v>11182</v>
      </c>
      <c r="B19524" s="6">
        <v>325024.64999999997</v>
      </c>
      <c r="C19524" s="7">
        <f t="shared" si="305"/>
        <v>325.02464999999995</v>
      </c>
    </row>
    <row r="19525" spans="1:3" x14ac:dyDescent="0.25">
      <c r="A19525" s="2" t="s">
        <v>11183</v>
      </c>
      <c r="B19525" s="6">
        <v>325041.3</v>
      </c>
      <c r="C19525" s="7">
        <f t="shared" si="305"/>
        <v>325.04129999999998</v>
      </c>
    </row>
    <row r="19526" spans="1:3" x14ac:dyDescent="0.25">
      <c r="A19526" s="2" t="s">
        <v>11184</v>
      </c>
      <c r="B19526" s="6">
        <v>325057.94999999995</v>
      </c>
      <c r="C19526" s="7">
        <f t="shared" si="305"/>
        <v>325.05794999999995</v>
      </c>
    </row>
    <row r="19527" spans="1:3" x14ac:dyDescent="0.25">
      <c r="A19527" s="2" t="s">
        <v>11185</v>
      </c>
      <c r="B19527" s="6">
        <v>325074.59999999998</v>
      </c>
      <c r="C19527" s="7">
        <f t="shared" si="305"/>
        <v>325.07459999999998</v>
      </c>
    </row>
    <row r="19528" spans="1:3" x14ac:dyDescent="0.25">
      <c r="A19528" s="2" t="s">
        <v>11186</v>
      </c>
      <c r="B19528" s="6">
        <v>325091.25</v>
      </c>
      <c r="C19528" s="7">
        <f t="shared" si="305"/>
        <v>325.09125</v>
      </c>
    </row>
    <row r="19529" spans="1:3" x14ac:dyDescent="0.25">
      <c r="A19529" s="2" t="s">
        <v>11187</v>
      </c>
      <c r="B19529" s="6">
        <v>325107.89999999997</v>
      </c>
      <c r="C19529" s="7">
        <f t="shared" si="305"/>
        <v>325.10789999999997</v>
      </c>
    </row>
    <row r="19530" spans="1:3" x14ac:dyDescent="0.25">
      <c r="A19530" s="2" t="s">
        <v>11188</v>
      </c>
      <c r="B19530" s="6">
        <v>325124.55</v>
      </c>
      <c r="C19530" s="7">
        <f t="shared" si="305"/>
        <v>325.12455</v>
      </c>
    </row>
    <row r="19531" spans="1:3" x14ac:dyDescent="0.25">
      <c r="A19531" s="2" t="s">
        <v>11189</v>
      </c>
      <c r="B19531" s="6">
        <v>325141.19999999995</v>
      </c>
      <c r="C19531" s="7">
        <f t="shared" si="305"/>
        <v>325.14119999999997</v>
      </c>
    </row>
    <row r="19532" spans="1:3" x14ac:dyDescent="0.25">
      <c r="A19532" s="2" t="s">
        <v>11190</v>
      </c>
      <c r="B19532" s="6">
        <v>325157.84999999998</v>
      </c>
      <c r="C19532" s="7">
        <f t="shared" si="305"/>
        <v>325.15785</v>
      </c>
    </row>
    <row r="19533" spans="1:3" x14ac:dyDescent="0.25">
      <c r="A19533" s="2" t="s">
        <v>11191</v>
      </c>
      <c r="B19533" s="6">
        <v>325174.5</v>
      </c>
      <c r="C19533" s="7">
        <f t="shared" si="305"/>
        <v>325.17450000000002</v>
      </c>
    </row>
    <row r="19534" spans="1:3" x14ac:dyDescent="0.25">
      <c r="A19534" s="2" t="s">
        <v>11192</v>
      </c>
      <c r="B19534" s="6">
        <v>325191.14999999997</v>
      </c>
      <c r="C19534" s="7">
        <f t="shared" si="305"/>
        <v>325.19114999999999</v>
      </c>
    </row>
    <row r="19535" spans="1:3" x14ac:dyDescent="0.25">
      <c r="A19535" s="2" t="s">
        <v>11193</v>
      </c>
      <c r="B19535" s="6">
        <v>325207.8</v>
      </c>
      <c r="C19535" s="7">
        <f t="shared" si="305"/>
        <v>325.20779999999996</v>
      </c>
    </row>
    <row r="19536" spans="1:3" x14ac:dyDescent="0.25">
      <c r="A19536" s="2" t="s">
        <v>11194</v>
      </c>
      <c r="B19536" s="6">
        <v>325224.44999999995</v>
      </c>
      <c r="C19536" s="7">
        <f t="shared" si="305"/>
        <v>325.22444999999993</v>
      </c>
    </row>
    <row r="19537" spans="1:3" x14ac:dyDescent="0.25">
      <c r="A19537" s="2" t="s">
        <v>11195</v>
      </c>
      <c r="B19537" s="6">
        <v>325241.09999999998</v>
      </c>
      <c r="C19537" s="7">
        <f t="shared" si="305"/>
        <v>325.24109999999996</v>
      </c>
    </row>
    <row r="19538" spans="1:3" x14ac:dyDescent="0.25">
      <c r="A19538" s="2" t="s">
        <v>11196</v>
      </c>
      <c r="B19538" s="6">
        <v>325257.75</v>
      </c>
      <c r="C19538" s="7">
        <f t="shared" si="305"/>
        <v>325.25774999999999</v>
      </c>
    </row>
    <row r="19539" spans="1:3" x14ac:dyDescent="0.25">
      <c r="A19539" s="2" t="s">
        <v>11197</v>
      </c>
      <c r="B19539" s="6">
        <v>325274.39999999997</v>
      </c>
      <c r="C19539" s="7">
        <f t="shared" si="305"/>
        <v>325.27439999999996</v>
      </c>
    </row>
    <row r="19540" spans="1:3" x14ac:dyDescent="0.25">
      <c r="A19540" s="2" t="s">
        <v>11198</v>
      </c>
      <c r="B19540" s="6">
        <v>325291.05</v>
      </c>
      <c r="C19540" s="7">
        <f t="shared" si="305"/>
        <v>325.29104999999998</v>
      </c>
    </row>
    <row r="19541" spans="1:3" x14ac:dyDescent="0.25">
      <c r="A19541" s="2" t="s">
        <v>11199</v>
      </c>
      <c r="B19541" s="6">
        <v>325307.69999999995</v>
      </c>
      <c r="C19541" s="7">
        <f t="shared" si="305"/>
        <v>325.30769999999995</v>
      </c>
    </row>
    <row r="19542" spans="1:3" x14ac:dyDescent="0.25">
      <c r="A19542" s="2" t="s">
        <v>11200</v>
      </c>
      <c r="B19542" s="6">
        <v>325324.34999999998</v>
      </c>
      <c r="C19542" s="7">
        <f t="shared" si="305"/>
        <v>325.32434999999998</v>
      </c>
    </row>
    <row r="19543" spans="1:3" x14ac:dyDescent="0.25">
      <c r="A19543" s="2" t="s">
        <v>11201</v>
      </c>
      <c r="B19543" s="6">
        <v>325341</v>
      </c>
      <c r="C19543" s="7">
        <f t="shared" si="305"/>
        <v>325.34100000000001</v>
      </c>
    </row>
    <row r="19544" spans="1:3" x14ac:dyDescent="0.25">
      <c r="A19544" s="2" t="s">
        <v>11202</v>
      </c>
      <c r="B19544" s="6">
        <v>325357.64999999997</v>
      </c>
      <c r="C19544" s="7">
        <f t="shared" si="305"/>
        <v>325.35764999999998</v>
      </c>
    </row>
    <row r="19545" spans="1:3" x14ac:dyDescent="0.25">
      <c r="A19545" s="2" t="s">
        <v>11203</v>
      </c>
      <c r="B19545" s="6">
        <v>325374.3</v>
      </c>
      <c r="C19545" s="7">
        <f t="shared" si="305"/>
        <v>325.37430000000001</v>
      </c>
    </row>
    <row r="19546" spans="1:3" x14ac:dyDescent="0.25">
      <c r="A19546" s="2" t="s">
        <v>11204</v>
      </c>
      <c r="B19546" s="6">
        <v>325390.94999999995</v>
      </c>
      <c r="C19546" s="7">
        <f t="shared" si="305"/>
        <v>325.39094999999998</v>
      </c>
    </row>
    <row r="19547" spans="1:3" x14ac:dyDescent="0.25">
      <c r="A19547" s="2" t="s">
        <v>11205</v>
      </c>
      <c r="B19547" s="6">
        <v>325407.59999999998</v>
      </c>
      <c r="C19547" s="7">
        <f t="shared" si="305"/>
        <v>325.4076</v>
      </c>
    </row>
    <row r="19548" spans="1:3" x14ac:dyDescent="0.25">
      <c r="A19548" s="2" t="s">
        <v>11206</v>
      </c>
      <c r="B19548" s="6">
        <v>325424.25</v>
      </c>
      <c r="C19548" s="7">
        <f t="shared" si="305"/>
        <v>325.42424999999997</v>
      </c>
    </row>
    <row r="19549" spans="1:3" x14ac:dyDescent="0.25">
      <c r="A19549" s="2" t="s">
        <v>11207</v>
      </c>
      <c r="B19549" s="6">
        <v>325440.89999999997</v>
      </c>
      <c r="C19549" s="7">
        <f t="shared" si="305"/>
        <v>325.44089999999994</v>
      </c>
    </row>
    <row r="19550" spans="1:3" x14ac:dyDescent="0.25">
      <c r="A19550" s="2" t="s">
        <v>11208</v>
      </c>
      <c r="B19550" s="6">
        <v>325457.55</v>
      </c>
      <c r="C19550" s="7">
        <f t="shared" si="305"/>
        <v>325.45754999999997</v>
      </c>
    </row>
    <row r="19551" spans="1:3" x14ac:dyDescent="0.25">
      <c r="A19551" s="2" t="s">
        <v>11209</v>
      </c>
      <c r="B19551" s="6">
        <v>325474.19999999995</v>
      </c>
      <c r="C19551" s="7">
        <f t="shared" si="305"/>
        <v>325.47419999999994</v>
      </c>
    </row>
    <row r="19552" spans="1:3" x14ac:dyDescent="0.25">
      <c r="A19552" s="2" t="s">
        <v>11210</v>
      </c>
      <c r="B19552" s="6">
        <v>325490.84999999998</v>
      </c>
      <c r="C19552" s="7">
        <f t="shared" si="305"/>
        <v>325.49084999999997</v>
      </c>
    </row>
    <row r="19553" spans="1:3" x14ac:dyDescent="0.25">
      <c r="A19553" s="2" t="s">
        <v>11211</v>
      </c>
      <c r="B19553" s="6">
        <v>325507.5</v>
      </c>
      <c r="C19553" s="7">
        <f t="shared" si="305"/>
        <v>325.50749999999999</v>
      </c>
    </row>
    <row r="19554" spans="1:3" x14ac:dyDescent="0.25">
      <c r="A19554" s="2" t="s">
        <v>11212</v>
      </c>
      <c r="B19554" s="6">
        <v>325524.14999999997</v>
      </c>
      <c r="C19554" s="7">
        <f t="shared" si="305"/>
        <v>325.52414999999996</v>
      </c>
    </row>
    <row r="19555" spans="1:3" x14ac:dyDescent="0.25">
      <c r="A19555" s="2" t="s">
        <v>11213</v>
      </c>
      <c r="B19555" s="6">
        <v>325540.8</v>
      </c>
      <c r="C19555" s="7">
        <f t="shared" si="305"/>
        <v>325.54079999999999</v>
      </c>
    </row>
    <row r="19556" spans="1:3" x14ac:dyDescent="0.25">
      <c r="A19556" s="2" t="s">
        <v>11214</v>
      </c>
      <c r="B19556" s="6">
        <v>325557.44999999995</v>
      </c>
      <c r="C19556" s="7">
        <f t="shared" si="305"/>
        <v>325.55744999999996</v>
      </c>
    </row>
    <row r="19557" spans="1:3" x14ac:dyDescent="0.25">
      <c r="A19557" s="2" t="s">
        <v>11215</v>
      </c>
      <c r="B19557" s="6">
        <v>325574.09999999998</v>
      </c>
      <c r="C19557" s="7">
        <f t="shared" si="305"/>
        <v>325.57409999999999</v>
      </c>
    </row>
    <row r="19558" spans="1:3" x14ac:dyDescent="0.25">
      <c r="A19558" s="2" t="s">
        <v>11216</v>
      </c>
      <c r="B19558" s="6">
        <v>325590.75</v>
      </c>
      <c r="C19558" s="7">
        <f t="shared" si="305"/>
        <v>325.59075000000001</v>
      </c>
    </row>
    <row r="19559" spans="1:3" x14ac:dyDescent="0.25">
      <c r="A19559" s="2" t="s">
        <v>11217</v>
      </c>
      <c r="B19559" s="6">
        <v>325607.39999999997</v>
      </c>
      <c r="C19559" s="7">
        <f t="shared" si="305"/>
        <v>325.60739999999998</v>
      </c>
    </row>
    <row r="19560" spans="1:3" x14ac:dyDescent="0.25">
      <c r="A19560" s="2" t="s">
        <v>11218</v>
      </c>
      <c r="B19560" s="6">
        <v>325624.05</v>
      </c>
      <c r="C19560" s="7">
        <f t="shared" si="305"/>
        <v>325.62405000000001</v>
      </c>
    </row>
    <row r="19561" spans="1:3" x14ac:dyDescent="0.25">
      <c r="A19561" s="2" t="s">
        <v>11219</v>
      </c>
      <c r="B19561" s="6">
        <v>325640.69999999995</v>
      </c>
      <c r="C19561" s="7">
        <f t="shared" si="305"/>
        <v>325.64069999999998</v>
      </c>
    </row>
    <row r="19562" spans="1:3" x14ac:dyDescent="0.25">
      <c r="A19562" s="2" t="s">
        <v>11220</v>
      </c>
      <c r="B19562" s="6">
        <v>325657.34999999998</v>
      </c>
      <c r="C19562" s="7">
        <f t="shared" si="305"/>
        <v>325.65734999999995</v>
      </c>
    </row>
    <row r="19563" spans="1:3" x14ac:dyDescent="0.25">
      <c r="A19563" s="2" t="s">
        <v>11221</v>
      </c>
      <c r="B19563" s="6">
        <v>325674</v>
      </c>
      <c r="C19563" s="7">
        <f t="shared" si="305"/>
        <v>325.67399999999998</v>
      </c>
    </row>
    <row r="19564" spans="1:3" x14ac:dyDescent="0.25">
      <c r="A19564" s="2" t="s">
        <v>11222</v>
      </c>
      <c r="B19564" s="6">
        <v>325690.64999999997</v>
      </c>
      <c r="C19564" s="7">
        <f t="shared" si="305"/>
        <v>325.69064999999995</v>
      </c>
    </row>
    <row r="19565" spans="1:3" x14ac:dyDescent="0.25">
      <c r="A19565" s="2" t="s">
        <v>11223</v>
      </c>
      <c r="B19565" s="6">
        <v>325707.3</v>
      </c>
      <c r="C19565" s="7">
        <f t="shared" si="305"/>
        <v>325.70729999999998</v>
      </c>
    </row>
    <row r="19566" spans="1:3" x14ac:dyDescent="0.25">
      <c r="A19566" s="2" t="s">
        <v>11224</v>
      </c>
      <c r="B19566" s="6">
        <v>325723.94999999995</v>
      </c>
      <c r="C19566" s="7">
        <f t="shared" si="305"/>
        <v>325.72394999999995</v>
      </c>
    </row>
    <row r="19567" spans="1:3" x14ac:dyDescent="0.25">
      <c r="A19567" s="2" t="s">
        <v>11225</v>
      </c>
      <c r="B19567" s="6">
        <v>325740.59999999998</v>
      </c>
      <c r="C19567" s="7">
        <f t="shared" si="305"/>
        <v>325.74059999999997</v>
      </c>
    </row>
    <row r="19568" spans="1:3" x14ac:dyDescent="0.25">
      <c r="A19568" s="2" t="s">
        <v>11226</v>
      </c>
      <c r="B19568" s="6">
        <v>325757.25</v>
      </c>
      <c r="C19568" s="7">
        <f t="shared" si="305"/>
        <v>325.75725</v>
      </c>
    </row>
    <row r="19569" spans="1:3" x14ac:dyDescent="0.25">
      <c r="A19569" s="2" t="s">
        <v>11227</v>
      </c>
      <c r="B19569" s="6">
        <v>325773.89999999997</v>
      </c>
      <c r="C19569" s="7">
        <f t="shared" si="305"/>
        <v>325.77389999999997</v>
      </c>
    </row>
    <row r="19570" spans="1:3" x14ac:dyDescent="0.25">
      <c r="A19570" s="2" t="s">
        <v>11228</v>
      </c>
      <c r="B19570" s="6">
        <v>325790.55</v>
      </c>
      <c r="C19570" s="7">
        <f t="shared" si="305"/>
        <v>325.79055</v>
      </c>
    </row>
    <row r="19571" spans="1:3" x14ac:dyDescent="0.25">
      <c r="A19571" s="2" t="s">
        <v>11229</v>
      </c>
      <c r="B19571" s="6">
        <v>325807.19999999995</v>
      </c>
      <c r="C19571" s="7">
        <f t="shared" si="305"/>
        <v>325.80719999999997</v>
      </c>
    </row>
    <row r="19572" spans="1:3" x14ac:dyDescent="0.25">
      <c r="A19572" s="2" t="s">
        <v>11230</v>
      </c>
      <c r="B19572" s="6">
        <v>325823.84999999998</v>
      </c>
      <c r="C19572" s="7">
        <f t="shared" si="305"/>
        <v>325.82384999999999</v>
      </c>
    </row>
    <row r="19573" spans="1:3" x14ac:dyDescent="0.25">
      <c r="A19573" s="2" t="s">
        <v>11231</v>
      </c>
      <c r="B19573" s="6">
        <v>325840.5</v>
      </c>
      <c r="C19573" s="7">
        <f t="shared" si="305"/>
        <v>325.84050000000002</v>
      </c>
    </row>
    <row r="19574" spans="1:3" x14ac:dyDescent="0.25">
      <c r="A19574" s="2" t="s">
        <v>11232</v>
      </c>
      <c r="B19574" s="6">
        <v>325857.14999999997</v>
      </c>
      <c r="C19574" s="7">
        <f t="shared" si="305"/>
        <v>325.85714999999999</v>
      </c>
    </row>
    <row r="19575" spans="1:3" x14ac:dyDescent="0.25">
      <c r="A19575" s="2" t="s">
        <v>11233</v>
      </c>
      <c r="B19575" s="6">
        <v>325873.8</v>
      </c>
      <c r="C19575" s="7">
        <f t="shared" si="305"/>
        <v>325.87379999999996</v>
      </c>
    </row>
    <row r="19576" spans="1:3" x14ac:dyDescent="0.25">
      <c r="A19576" s="2" t="s">
        <v>11234</v>
      </c>
      <c r="B19576" s="6">
        <v>325890.44999999995</v>
      </c>
      <c r="C19576" s="7">
        <f t="shared" si="305"/>
        <v>325.89044999999993</v>
      </c>
    </row>
    <row r="19577" spans="1:3" x14ac:dyDescent="0.25">
      <c r="A19577" s="2" t="s">
        <v>11235</v>
      </c>
      <c r="B19577" s="6">
        <v>325907.09999999998</v>
      </c>
      <c r="C19577" s="7">
        <f t="shared" si="305"/>
        <v>325.90709999999996</v>
      </c>
    </row>
    <row r="19578" spans="1:3" x14ac:dyDescent="0.25">
      <c r="A19578" s="2" t="s">
        <v>11236</v>
      </c>
      <c r="B19578" s="6">
        <v>325923.75</v>
      </c>
      <c r="C19578" s="7">
        <f t="shared" si="305"/>
        <v>325.92374999999998</v>
      </c>
    </row>
    <row r="19579" spans="1:3" x14ac:dyDescent="0.25">
      <c r="A19579" s="2" t="s">
        <v>11237</v>
      </c>
      <c r="B19579" s="6">
        <v>325940.39999999997</v>
      </c>
      <c r="C19579" s="7">
        <f t="shared" si="305"/>
        <v>325.94039999999995</v>
      </c>
    </row>
    <row r="19580" spans="1:3" x14ac:dyDescent="0.25">
      <c r="A19580" s="2" t="s">
        <v>11238</v>
      </c>
      <c r="B19580" s="6">
        <v>325957.05</v>
      </c>
      <c r="C19580" s="7">
        <f t="shared" si="305"/>
        <v>325.95704999999998</v>
      </c>
    </row>
    <row r="19581" spans="1:3" x14ac:dyDescent="0.25">
      <c r="A19581" s="2" t="s">
        <v>11239</v>
      </c>
      <c r="B19581" s="6">
        <v>325973.69999999995</v>
      </c>
      <c r="C19581" s="7">
        <f t="shared" si="305"/>
        <v>325.97369999999995</v>
      </c>
    </row>
    <row r="19582" spans="1:3" x14ac:dyDescent="0.25">
      <c r="A19582" s="2" t="s">
        <v>11240</v>
      </c>
      <c r="B19582" s="6">
        <v>325990.34999999998</v>
      </c>
      <c r="C19582" s="7">
        <f t="shared" si="305"/>
        <v>325.99034999999998</v>
      </c>
    </row>
    <row r="19583" spans="1:3" x14ac:dyDescent="0.25">
      <c r="A19583" s="2" t="s">
        <v>11241</v>
      </c>
      <c r="B19583" s="6">
        <v>326007</v>
      </c>
      <c r="C19583" s="7">
        <f t="shared" si="305"/>
        <v>326.00700000000001</v>
      </c>
    </row>
    <row r="19584" spans="1:3" x14ac:dyDescent="0.25">
      <c r="A19584" s="2" t="s">
        <v>11242</v>
      </c>
      <c r="B19584" s="6">
        <v>326023.64999999997</v>
      </c>
      <c r="C19584" s="7">
        <f t="shared" si="305"/>
        <v>326.02364999999998</v>
      </c>
    </row>
    <row r="19585" spans="1:3" x14ac:dyDescent="0.25">
      <c r="A19585" s="2" t="s">
        <v>11243</v>
      </c>
      <c r="B19585" s="6">
        <v>326040.3</v>
      </c>
      <c r="C19585" s="7">
        <f t="shared" si="305"/>
        <v>326.0403</v>
      </c>
    </row>
    <row r="19586" spans="1:3" x14ac:dyDescent="0.25">
      <c r="A19586" s="2" t="s">
        <v>11244</v>
      </c>
      <c r="B19586" s="6">
        <v>326056.94999999995</v>
      </c>
      <c r="C19586" s="7">
        <f t="shared" si="305"/>
        <v>326.05694999999997</v>
      </c>
    </row>
    <row r="19587" spans="1:3" x14ac:dyDescent="0.25">
      <c r="A19587" s="2" t="s">
        <v>11245</v>
      </c>
      <c r="B19587" s="6">
        <v>326073.59999999998</v>
      </c>
      <c r="C19587" s="7">
        <f t="shared" ref="C19587:C19650" si="306">B19587/1000</f>
        <v>326.0736</v>
      </c>
    </row>
    <row r="19588" spans="1:3" x14ac:dyDescent="0.25">
      <c r="A19588" s="2" t="s">
        <v>11246</v>
      </c>
      <c r="B19588" s="6">
        <v>326090.25</v>
      </c>
      <c r="C19588" s="7">
        <f t="shared" si="306"/>
        <v>326.09025000000003</v>
      </c>
    </row>
    <row r="19589" spans="1:3" x14ac:dyDescent="0.25">
      <c r="A19589" s="2" t="s">
        <v>11247</v>
      </c>
      <c r="B19589" s="6">
        <v>326106.89999999997</v>
      </c>
      <c r="C19589" s="7">
        <f t="shared" si="306"/>
        <v>326.10689999999994</v>
      </c>
    </row>
    <row r="19590" spans="1:3" x14ac:dyDescent="0.25">
      <c r="A19590" s="2" t="s">
        <v>11248</v>
      </c>
      <c r="B19590" s="6">
        <v>326123.55</v>
      </c>
      <c r="C19590" s="7">
        <f t="shared" si="306"/>
        <v>326.12354999999997</v>
      </c>
    </row>
    <row r="19591" spans="1:3" x14ac:dyDescent="0.25">
      <c r="A19591" s="2" t="s">
        <v>11249</v>
      </c>
      <c r="B19591" s="6">
        <v>326140.19999999995</v>
      </c>
      <c r="C19591" s="7">
        <f t="shared" si="306"/>
        <v>326.14019999999994</v>
      </c>
    </row>
    <row r="19592" spans="1:3" x14ac:dyDescent="0.25">
      <c r="A19592" s="2" t="s">
        <v>11250</v>
      </c>
      <c r="B19592" s="6">
        <v>326156.84999999998</v>
      </c>
      <c r="C19592" s="7">
        <f t="shared" si="306"/>
        <v>326.15684999999996</v>
      </c>
    </row>
    <row r="19593" spans="1:3" x14ac:dyDescent="0.25">
      <c r="A19593" s="2" t="s">
        <v>11251</v>
      </c>
      <c r="B19593" s="6">
        <v>326173.5</v>
      </c>
      <c r="C19593" s="7">
        <f t="shared" si="306"/>
        <v>326.17349999999999</v>
      </c>
    </row>
    <row r="19594" spans="1:3" x14ac:dyDescent="0.25">
      <c r="A19594" s="2" t="s">
        <v>11252</v>
      </c>
      <c r="B19594" s="6">
        <v>326190.14999999997</v>
      </c>
      <c r="C19594" s="7">
        <f t="shared" si="306"/>
        <v>326.19014999999996</v>
      </c>
    </row>
    <row r="19595" spans="1:3" x14ac:dyDescent="0.25">
      <c r="A19595" s="2" t="s">
        <v>11253</v>
      </c>
      <c r="B19595" s="6">
        <v>326206.8</v>
      </c>
      <c r="C19595" s="7">
        <f t="shared" si="306"/>
        <v>326.20679999999999</v>
      </c>
    </row>
    <row r="19596" spans="1:3" x14ac:dyDescent="0.25">
      <c r="A19596" s="2" t="s">
        <v>11254</v>
      </c>
      <c r="B19596" s="6">
        <v>326223.44999999995</v>
      </c>
      <c r="C19596" s="7">
        <f t="shared" si="306"/>
        <v>326.22344999999996</v>
      </c>
    </row>
    <row r="19597" spans="1:3" x14ac:dyDescent="0.25">
      <c r="A19597" s="2" t="s">
        <v>11255</v>
      </c>
      <c r="B19597" s="6">
        <v>326240.09999999998</v>
      </c>
      <c r="C19597" s="7">
        <f t="shared" si="306"/>
        <v>326.24009999999998</v>
      </c>
    </row>
    <row r="19598" spans="1:3" x14ac:dyDescent="0.25">
      <c r="A19598" s="2" t="s">
        <v>11256</v>
      </c>
      <c r="B19598" s="6">
        <v>326256.75</v>
      </c>
      <c r="C19598" s="7">
        <f t="shared" si="306"/>
        <v>326.25675000000001</v>
      </c>
    </row>
    <row r="19599" spans="1:3" x14ac:dyDescent="0.25">
      <c r="A19599" s="2" t="s">
        <v>11257</v>
      </c>
      <c r="B19599" s="6">
        <v>326273.39999999997</v>
      </c>
      <c r="C19599" s="7">
        <f t="shared" si="306"/>
        <v>326.27339999999998</v>
      </c>
    </row>
    <row r="19600" spans="1:3" x14ac:dyDescent="0.25">
      <c r="A19600" s="2" t="s">
        <v>11258</v>
      </c>
      <c r="B19600" s="6">
        <v>326290.05</v>
      </c>
      <c r="C19600" s="7">
        <f t="shared" si="306"/>
        <v>326.29005000000001</v>
      </c>
    </row>
    <row r="19601" spans="1:3" x14ac:dyDescent="0.25">
      <c r="A19601" s="2" t="s">
        <v>11259</v>
      </c>
      <c r="B19601" s="6">
        <v>326306.69999999995</v>
      </c>
      <c r="C19601" s="7">
        <f t="shared" si="306"/>
        <v>326.30669999999998</v>
      </c>
    </row>
    <row r="19602" spans="1:3" x14ac:dyDescent="0.25">
      <c r="A19602" s="2" t="s">
        <v>11260</v>
      </c>
      <c r="B19602" s="6">
        <v>326323.34999999998</v>
      </c>
      <c r="C19602" s="7">
        <f t="shared" si="306"/>
        <v>326.32335</v>
      </c>
    </row>
    <row r="19603" spans="1:3" x14ac:dyDescent="0.25">
      <c r="A19603" s="2" t="s">
        <v>11261</v>
      </c>
      <c r="B19603" s="6">
        <v>326340</v>
      </c>
      <c r="C19603" s="7">
        <f t="shared" si="306"/>
        <v>326.33999999999997</v>
      </c>
    </row>
    <row r="19604" spans="1:3" x14ac:dyDescent="0.25">
      <c r="A19604" s="2" t="s">
        <v>11262</v>
      </c>
      <c r="B19604" s="6">
        <v>326356.64999999997</v>
      </c>
      <c r="C19604" s="7">
        <f t="shared" si="306"/>
        <v>326.35664999999995</v>
      </c>
    </row>
    <row r="19605" spans="1:3" x14ac:dyDescent="0.25">
      <c r="A19605" s="2" t="s">
        <v>11263</v>
      </c>
      <c r="B19605" s="6">
        <v>326373.3</v>
      </c>
      <c r="C19605" s="7">
        <f t="shared" si="306"/>
        <v>326.37329999999997</v>
      </c>
    </row>
    <row r="19606" spans="1:3" x14ac:dyDescent="0.25">
      <c r="A19606" s="2" t="s">
        <v>11264</v>
      </c>
      <c r="B19606" s="6">
        <v>326389.94999999995</v>
      </c>
      <c r="C19606" s="7">
        <f t="shared" si="306"/>
        <v>326.38994999999994</v>
      </c>
    </row>
    <row r="19607" spans="1:3" x14ac:dyDescent="0.25">
      <c r="A19607" s="2" t="s">
        <v>11265</v>
      </c>
      <c r="B19607" s="6">
        <v>326406.59999999998</v>
      </c>
      <c r="C19607" s="7">
        <f t="shared" si="306"/>
        <v>326.40659999999997</v>
      </c>
    </row>
    <row r="19608" spans="1:3" x14ac:dyDescent="0.25">
      <c r="A19608" s="2" t="s">
        <v>11266</v>
      </c>
      <c r="B19608" s="6">
        <v>326423.25</v>
      </c>
      <c r="C19608" s="7">
        <f t="shared" si="306"/>
        <v>326.42325</v>
      </c>
    </row>
    <row r="19609" spans="1:3" x14ac:dyDescent="0.25">
      <c r="A19609" s="2" t="s">
        <v>11267</v>
      </c>
      <c r="B19609" s="6">
        <v>326439.89999999997</v>
      </c>
      <c r="C19609" s="7">
        <f t="shared" si="306"/>
        <v>326.43989999999997</v>
      </c>
    </row>
    <row r="19610" spans="1:3" x14ac:dyDescent="0.25">
      <c r="A19610" s="2" t="s">
        <v>11268</v>
      </c>
      <c r="B19610" s="6">
        <v>326456.55</v>
      </c>
      <c r="C19610" s="7">
        <f t="shared" si="306"/>
        <v>326.45654999999999</v>
      </c>
    </row>
    <row r="19611" spans="1:3" x14ac:dyDescent="0.25">
      <c r="A19611" s="2" t="s">
        <v>11269</v>
      </c>
      <c r="B19611" s="6">
        <v>326473.19999999995</v>
      </c>
      <c r="C19611" s="7">
        <f t="shared" si="306"/>
        <v>326.47319999999996</v>
      </c>
    </row>
    <row r="19612" spans="1:3" x14ac:dyDescent="0.25">
      <c r="A19612" s="2" t="s">
        <v>11270</v>
      </c>
      <c r="B19612" s="6">
        <v>326489.84999999998</v>
      </c>
      <c r="C19612" s="7">
        <f t="shared" si="306"/>
        <v>326.48984999999999</v>
      </c>
    </row>
    <row r="19613" spans="1:3" x14ac:dyDescent="0.25">
      <c r="A19613" s="2" t="s">
        <v>11271</v>
      </c>
      <c r="B19613" s="6">
        <v>326506.5</v>
      </c>
      <c r="C19613" s="7">
        <f t="shared" si="306"/>
        <v>326.50650000000002</v>
      </c>
    </row>
    <row r="19614" spans="1:3" x14ac:dyDescent="0.25">
      <c r="A19614" s="2" t="s">
        <v>11272</v>
      </c>
      <c r="B19614" s="6">
        <v>326523.14999999997</v>
      </c>
      <c r="C19614" s="7">
        <f t="shared" si="306"/>
        <v>326.52314999999999</v>
      </c>
    </row>
    <row r="19615" spans="1:3" x14ac:dyDescent="0.25">
      <c r="A19615" s="2" t="s">
        <v>11273</v>
      </c>
      <c r="B19615" s="6">
        <v>326539.8</v>
      </c>
      <c r="C19615" s="7">
        <f t="shared" si="306"/>
        <v>326.53980000000001</v>
      </c>
    </row>
    <row r="19616" spans="1:3" x14ac:dyDescent="0.25">
      <c r="A19616" s="2" t="s">
        <v>11274</v>
      </c>
      <c r="B19616" s="6">
        <v>326556.44999999995</v>
      </c>
      <c r="C19616" s="7">
        <f t="shared" si="306"/>
        <v>326.55644999999993</v>
      </c>
    </row>
    <row r="19617" spans="1:3" x14ac:dyDescent="0.25">
      <c r="A19617" s="2" t="s">
        <v>11275</v>
      </c>
      <c r="B19617" s="6">
        <v>326573.09999999998</v>
      </c>
      <c r="C19617" s="7">
        <f t="shared" si="306"/>
        <v>326.57309999999995</v>
      </c>
    </row>
    <row r="19618" spans="1:3" x14ac:dyDescent="0.25">
      <c r="A19618" s="2" t="s">
        <v>11276</v>
      </c>
      <c r="B19618" s="6">
        <v>326589.75</v>
      </c>
      <c r="C19618" s="7">
        <f t="shared" si="306"/>
        <v>326.58974999999998</v>
      </c>
    </row>
    <row r="19619" spans="1:3" x14ac:dyDescent="0.25">
      <c r="A19619" s="2" t="s">
        <v>11277</v>
      </c>
      <c r="B19619" s="6">
        <v>326606.39999999997</v>
      </c>
      <c r="C19619" s="7">
        <f t="shared" si="306"/>
        <v>326.60639999999995</v>
      </c>
    </row>
    <row r="19620" spans="1:3" x14ac:dyDescent="0.25">
      <c r="A19620" s="2" t="s">
        <v>11278</v>
      </c>
      <c r="B19620" s="6">
        <v>326623.05</v>
      </c>
      <c r="C19620" s="7">
        <f t="shared" si="306"/>
        <v>326.62304999999998</v>
      </c>
    </row>
    <row r="19621" spans="1:3" x14ac:dyDescent="0.25">
      <c r="A19621" s="2" t="s">
        <v>11279</v>
      </c>
      <c r="B19621" s="6">
        <v>326639.69999999995</v>
      </c>
      <c r="C19621" s="7">
        <f t="shared" si="306"/>
        <v>326.63969999999995</v>
      </c>
    </row>
    <row r="19622" spans="1:3" x14ac:dyDescent="0.25">
      <c r="A19622" s="2" t="s">
        <v>11280</v>
      </c>
      <c r="B19622" s="6">
        <v>326656.34999999998</v>
      </c>
      <c r="C19622" s="7">
        <f t="shared" si="306"/>
        <v>326.65634999999997</v>
      </c>
    </row>
    <row r="19623" spans="1:3" x14ac:dyDescent="0.25">
      <c r="A19623" s="2" t="s">
        <v>11281</v>
      </c>
      <c r="B19623" s="6">
        <v>326673</v>
      </c>
      <c r="C19623" s="7">
        <f t="shared" si="306"/>
        <v>326.673</v>
      </c>
    </row>
    <row r="19624" spans="1:3" x14ac:dyDescent="0.25">
      <c r="A19624" s="2" t="s">
        <v>11282</v>
      </c>
      <c r="B19624" s="6">
        <v>326689.64999999997</v>
      </c>
      <c r="C19624" s="7">
        <f t="shared" si="306"/>
        <v>326.68964999999997</v>
      </c>
    </row>
    <row r="19625" spans="1:3" x14ac:dyDescent="0.25">
      <c r="A19625" s="2" t="s">
        <v>11283</v>
      </c>
      <c r="B19625" s="6">
        <v>326706.3</v>
      </c>
      <c r="C19625" s="7">
        <f t="shared" si="306"/>
        <v>326.7063</v>
      </c>
    </row>
    <row r="19626" spans="1:3" x14ac:dyDescent="0.25">
      <c r="A19626" s="2" t="s">
        <v>11284</v>
      </c>
      <c r="B19626" s="6">
        <v>326722.94999999995</v>
      </c>
      <c r="C19626" s="7">
        <f t="shared" si="306"/>
        <v>326.72294999999997</v>
      </c>
    </row>
    <row r="19627" spans="1:3" x14ac:dyDescent="0.25">
      <c r="A19627" s="2" t="s">
        <v>11285</v>
      </c>
      <c r="B19627" s="6">
        <v>326739.59999999998</v>
      </c>
      <c r="C19627" s="7">
        <f t="shared" si="306"/>
        <v>326.7396</v>
      </c>
    </row>
    <row r="19628" spans="1:3" x14ac:dyDescent="0.25">
      <c r="A19628" s="2" t="s">
        <v>11286</v>
      </c>
      <c r="B19628" s="6">
        <v>326756.25</v>
      </c>
      <c r="C19628" s="7">
        <f t="shared" si="306"/>
        <v>326.75625000000002</v>
      </c>
    </row>
    <row r="19629" spans="1:3" x14ac:dyDescent="0.25">
      <c r="A19629" s="2" t="s">
        <v>11287</v>
      </c>
      <c r="B19629" s="6">
        <v>326772.89999999997</v>
      </c>
      <c r="C19629" s="7">
        <f t="shared" si="306"/>
        <v>326.77289999999999</v>
      </c>
    </row>
    <row r="19630" spans="1:3" x14ac:dyDescent="0.25">
      <c r="A19630" s="2" t="s">
        <v>11288</v>
      </c>
      <c r="B19630" s="6">
        <v>326789.55</v>
      </c>
      <c r="C19630" s="7">
        <f t="shared" si="306"/>
        <v>326.78954999999996</v>
      </c>
    </row>
    <row r="19631" spans="1:3" x14ac:dyDescent="0.25">
      <c r="A19631" s="2" t="s">
        <v>11289</v>
      </c>
      <c r="B19631" s="6">
        <v>326806.19999999995</v>
      </c>
      <c r="C19631" s="7">
        <f t="shared" si="306"/>
        <v>326.80619999999993</v>
      </c>
    </row>
    <row r="19632" spans="1:3" x14ac:dyDescent="0.25">
      <c r="A19632" s="2" t="s">
        <v>11290</v>
      </c>
      <c r="B19632" s="6">
        <v>326822.84999999998</v>
      </c>
      <c r="C19632" s="7">
        <f t="shared" si="306"/>
        <v>326.82284999999996</v>
      </c>
    </row>
    <row r="19633" spans="1:3" x14ac:dyDescent="0.25">
      <c r="A19633" s="2" t="s">
        <v>11291</v>
      </c>
      <c r="B19633" s="6">
        <v>326839.5</v>
      </c>
      <c r="C19633" s="7">
        <f t="shared" si="306"/>
        <v>326.83949999999999</v>
      </c>
    </row>
    <row r="19634" spans="1:3" x14ac:dyDescent="0.25">
      <c r="A19634" s="2" t="s">
        <v>11292</v>
      </c>
      <c r="B19634" s="6">
        <v>326856.14999999997</v>
      </c>
      <c r="C19634" s="7">
        <f t="shared" si="306"/>
        <v>326.85614999999996</v>
      </c>
    </row>
    <row r="19635" spans="1:3" x14ac:dyDescent="0.25">
      <c r="A19635" s="2" t="s">
        <v>11293</v>
      </c>
      <c r="B19635" s="6">
        <v>326872.8</v>
      </c>
      <c r="C19635" s="7">
        <f t="shared" si="306"/>
        <v>326.87279999999998</v>
      </c>
    </row>
    <row r="19636" spans="1:3" x14ac:dyDescent="0.25">
      <c r="A19636" s="2" t="s">
        <v>11294</v>
      </c>
      <c r="B19636" s="6">
        <v>326889.44999999995</v>
      </c>
      <c r="C19636" s="7">
        <f t="shared" si="306"/>
        <v>326.88944999999995</v>
      </c>
    </row>
    <row r="19637" spans="1:3" x14ac:dyDescent="0.25">
      <c r="A19637" s="2" t="s">
        <v>11295</v>
      </c>
      <c r="B19637" s="6">
        <v>326906.09999999998</v>
      </c>
      <c r="C19637" s="7">
        <f t="shared" si="306"/>
        <v>326.90609999999998</v>
      </c>
    </row>
    <row r="19638" spans="1:3" x14ac:dyDescent="0.25">
      <c r="A19638" s="2" t="s">
        <v>11296</v>
      </c>
      <c r="B19638" s="6">
        <v>326922.75</v>
      </c>
      <c r="C19638" s="7">
        <f t="shared" si="306"/>
        <v>326.92275000000001</v>
      </c>
    </row>
    <row r="19639" spans="1:3" x14ac:dyDescent="0.25">
      <c r="A19639" s="2" t="s">
        <v>11297</v>
      </c>
      <c r="B19639" s="6">
        <v>326939.39999999997</v>
      </c>
      <c r="C19639" s="7">
        <f t="shared" si="306"/>
        <v>326.93939999999998</v>
      </c>
    </row>
    <row r="19640" spans="1:3" x14ac:dyDescent="0.25">
      <c r="A19640" s="2" t="s">
        <v>11298</v>
      </c>
      <c r="B19640" s="6">
        <v>326956.05</v>
      </c>
      <c r="C19640" s="7">
        <f t="shared" si="306"/>
        <v>326.95605</v>
      </c>
    </row>
    <row r="19641" spans="1:3" x14ac:dyDescent="0.25">
      <c r="A19641" s="2" t="s">
        <v>11299</v>
      </c>
      <c r="B19641" s="6">
        <v>326972.69999999995</v>
      </c>
      <c r="C19641" s="7">
        <f t="shared" si="306"/>
        <v>326.97269999999997</v>
      </c>
    </row>
    <row r="19642" spans="1:3" x14ac:dyDescent="0.25">
      <c r="A19642" s="2" t="s">
        <v>11300</v>
      </c>
      <c r="B19642" s="6">
        <v>326989.34999999998</v>
      </c>
      <c r="C19642" s="7">
        <f t="shared" si="306"/>
        <v>326.98935</v>
      </c>
    </row>
    <row r="19643" spans="1:3" x14ac:dyDescent="0.25">
      <c r="A19643" s="2" t="s">
        <v>11301</v>
      </c>
      <c r="B19643" s="6">
        <v>327006</v>
      </c>
      <c r="C19643" s="7">
        <f t="shared" si="306"/>
        <v>327.00599999999997</v>
      </c>
    </row>
    <row r="19644" spans="1:3" x14ac:dyDescent="0.25">
      <c r="A19644" s="2" t="s">
        <v>11302</v>
      </c>
      <c r="B19644" s="6">
        <v>327022.64999999997</v>
      </c>
      <c r="C19644" s="7">
        <f t="shared" si="306"/>
        <v>327.02264999999994</v>
      </c>
    </row>
    <row r="19645" spans="1:3" x14ac:dyDescent="0.25">
      <c r="A19645" s="2" t="s">
        <v>11303</v>
      </c>
      <c r="B19645" s="6">
        <v>327039.3</v>
      </c>
      <c r="C19645" s="7">
        <f t="shared" si="306"/>
        <v>327.03929999999997</v>
      </c>
    </row>
    <row r="19646" spans="1:3" x14ac:dyDescent="0.25">
      <c r="A19646" s="2" t="s">
        <v>11304</v>
      </c>
      <c r="B19646" s="6">
        <v>327055.94999999995</v>
      </c>
      <c r="C19646" s="7">
        <f t="shared" si="306"/>
        <v>327.05594999999994</v>
      </c>
    </row>
    <row r="19647" spans="1:3" x14ac:dyDescent="0.25">
      <c r="A19647" s="2" t="s">
        <v>11305</v>
      </c>
      <c r="B19647" s="6">
        <v>327072.59999999998</v>
      </c>
      <c r="C19647" s="7">
        <f t="shared" si="306"/>
        <v>327.07259999999997</v>
      </c>
    </row>
    <row r="19648" spans="1:3" x14ac:dyDescent="0.25">
      <c r="A19648" s="2" t="s">
        <v>11306</v>
      </c>
      <c r="B19648" s="6">
        <v>327089.25</v>
      </c>
      <c r="C19648" s="7">
        <f t="shared" si="306"/>
        <v>327.08924999999999</v>
      </c>
    </row>
    <row r="19649" spans="1:3" x14ac:dyDescent="0.25">
      <c r="A19649" s="2" t="s">
        <v>11307</v>
      </c>
      <c r="B19649" s="6">
        <v>327105.89999999997</v>
      </c>
      <c r="C19649" s="7">
        <f t="shared" si="306"/>
        <v>327.10589999999996</v>
      </c>
    </row>
    <row r="19650" spans="1:3" x14ac:dyDescent="0.25">
      <c r="A19650" s="2" t="s">
        <v>11308</v>
      </c>
      <c r="B19650" s="6">
        <v>327122.55</v>
      </c>
      <c r="C19650" s="7">
        <f t="shared" si="306"/>
        <v>327.12254999999999</v>
      </c>
    </row>
    <row r="19651" spans="1:3" x14ac:dyDescent="0.25">
      <c r="A19651" s="2" t="s">
        <v>11309</v>
      </c>
      <c r="B19651" s="6">
        <v>327139.19999999995</v>
      </c>
      <c r="C19651" s="7">
        <f t="shared" ref="C19651:C19714" si="307">B19651/1000</f>
        <v>327.13919999999996</v>
      </c>
    </row>
    <row r="19652" spans="1:3" x14ac:dyDescent="0.25">
      <c r="A19652" s="2" t="s">
        <v>11310</v>
      </c>
      <c r="B19652" s="6">
        <v>327155.84999999998</v>
      </c>
      <c r="C19652" s="7">
        <f t="shared" si="307"/>
        <v>327.15584999999999</v>
      </c>
    </row>
    <row r="19653" spans="1:3" x14ac:dyDescent="0.25">
      <c r="A19653" s="2" t="s">
        <v>11311</v>
      </c>
      <c r="B19653" s="6">
        <v>327172.5</v>
      </c>
      <c r="C19653" s="7">
        <f t="shared" si="307"/>
        <v>327.17250000000001</v>
      </c>
    </row>
    <row r="19654" spans="1:3" x14ac:dyDescent="0.25">
      <c r="A19654" s="2" t="s">
        <v>11312</v>
      </c>
      <c r="B19654" s="6">
        <v>327189.14999999997</v>
      </c>
      <c r="C19654" s="7">
        <f t="shared" si="307"/>
        <v>327.18914999999998</v>
      </c>
    </row>
    <row r="19655" spans="1:3" x14ac:dyDescent="0.25">
      <c r="A19655" s="2" t="s">
        <v>11313</v>
      </c>
      <c r="B19655" s="6">
        <v>327205.8</v>
      </c>
      <c r="C19655" s="7">
        <f t="shared" si="307"/>
        <v>327.20580000000001</v>
      </c>
    </row>
    <row r="19656" spans="1:3" x14ac:dyDescent="0.25">
      <c r="A19656" s="2" t="s">
        <v>11314</v>
      </c>
      <c r="B19656" s="6">
        <v>327222.44999999995</v>
      </c>
      <c r="C19656" s="7">
        <f t="shared" si="307"/>
        <v>327.22244999999998</v>
      </c>
    </row>
    <row r="19657" spans="1:3" x14ac:dyDescent="0.25">
      <c r="A19657" s="2" t="s">
        <v>11315</v>
      </c>
      <c r="B19657" s="6">
        <v>327239.09999999998</v>
      </c>
      <c r="C19657" s="7">
        <f t="shared" si="307"/>
        <v>327.23909999999995</v>
      </c>
    </row>
    <row r="19658" spans="1:3" x14ac:dyDescent="0.25">
      <c r="A19658" s="2" t="s">
        <v>11316</v>
      </c>
      <c r="B19658" s="6">
        <v>327255.75</v>
      </c>
      <c r="C19658" s="7">
        <f t="shared" si="307"/>
        <v>327.25574999999998</v>
      </c>
    </row>
    <row r="19659" spans="1:3" x14ac:dyDescent="0.25">
      <c r="A19659" s="2" t="s">
        <v>11317</v>
      </c>
      <c r="B19659" s="6">
        <v>327272.39999999997</v>
      </c>
      <c r="C19659" s="7">
        <f t="shared" si="307"/>
        <v>327.27239999999995</v>
      </c>
    </row>
    <row r="19660" spans="1:3" x14ac:dyDescent="0.25">
      <c r="A19660" s="2" t="s">
        <v>11318</v>
      </c>
      <c r="B19660" s="6">
        <v>327289.05</v>
      </c>
      <c r="C19660" s="7">
        <f t="shared" si="307"/>
        <v>327.28904999999997</v>
      </c>
    </row>
    <row r="19661" spans="1:3" x14ac:dyDescent="0.25">
      <c r="A19661" s="2" t="s">
        <v>11319</v>
      </c>
      <c r="B19661" s="6">
        <v>327305.69999999995</v>
      </c>
      <c r="C19661" s="7">
        <f t="shared" si="307"/>
        <v>327.30569999999994</v>
      </c>
    </row>
    <row r="19662" spans="1:3" x14ac:dyDescent="0.25">
      <c r="A19662" s="2" t="s">
        <v>11320</v>
      </c>
      <c r="B19662" s="6">
        <v>327322.34999999998</v>
      </c>
      <c r="C19662" s="7">
        <f t="shared" si="307"/>
        <v>327.32234999999997</v>
      </c>
    </row>
    <row r="19663" spans="1:3" x14ac:dyDescent="0.25">
      <c r="A19663" s="2" t="s">
        <v>11321</v>
      </c>
      <c r="B19663" s="6">
        <v>327339</v>
      </c>
      <c r="C19663" s="7">
        <f t="shared" si="307"/>
        <v>327.339</v>
      </c>
    </row>
    <row r="19664" spans="1:3" x14ac:dyDescent="0.25">
      <c r="A19664" s="2" t="s">
        <v>11322</v>
      </c>
      <c r="B19664" s="6">
        <v>327355.64999999997</v>
      </c>
      <c r="C19664" s="7">
        <f t="shared" si="307"/>
        <v>327.35564999999997</v>
      </c>
    </row>
    <row r="19665" spans="1:3" x14ac:dyDescent="0.25">
      <c r="A19665" s="2" t="s">
        <v>11323</v>
      </c>
      <c r="B19665" s="6">
        <v>327372.3</v>
      </c>
      <c r="C19665" s="7">
        <f t="shared" si="307"/>
        <v>327.3723</v>
      </c>
    </row>
    <row r="19666" spans="1:3" x14ac:dyDescent="0.25">
      <c r="A19666" s="2" t="s">
        <v>11324</v>
      </c>
      <c r="B19666" s="6">
        <v>327388.94999999995</v>
      </c>
      <c r="C19666" s="7">
        <f t="shared" si="307"/>
        <v>327.38894999999997</v>
      </c>
    </row>
    <row r="19667" spans="1:3" x14ac:dyDescent="0.25">
      <c r="A19667" s="2" t="s">
        <v>11325</v>
      </c>
      <c r="B19667" s="6">
        <v>327405.59999999998</v>
      </c>
      <c r="C19667" s="7">
        <f t="shared" si="307"/>
        <v>327.40559999999999</v>
      </c>
    </row>
    <row r="19668" spans="1:3" x14ac:dyDescent="0.25">
      <c r="A19668" s="2" t="s">
        <v>11326</v>
      </c>
      <c r="B19668" s="6">
        <v>327422.25</v>
      </c>
      <c r="C19668" s="7">
        <f t="shared" si="307"/>
        <v>327.42225000000002</v>
      </c>
    </row>
    <row r="19669" spans="1:3" x14ac:dyDescent="0.25">
      <c r="A19669" s="2" t="s">
        <v>11327</v>
      </c>
      <c r="B19669" s="6">
        <v>327438.89999999997</v>
      </c>
      <c r="C19669" s="7">
        <f t="shared" si="307"/>
        <v>327.43889999999999</v>
      </c>
    </row>
    <row r="19670" spans="1:3" x14ac:dyDescent="0.25">
      <c r="A19670" s="2" t="s">
        <v>11328</v>
      </c>
      <c r="B19670" s="6">
        <v>327455.55</v>
      </c>
      <c r="C19670" s="7">
        <f t="shared" si="307"/>
        <v>327.45555000000002</v>
      </c>
    </row>
    <row r="19671" spans="1:3" x14ac:dyDescent="0.25">
      <c r="A19671" s="2" t="s">
        <v>11329</v>
      </c>
      <c r="B19671" s="6">
        <v>327472.19999999995</v>
      </c>
      <c r="C19671" s="7">
        <f t="shared" si="307"/>
        <v>327.47219999999993</v>
      </c>
    </row>
    <row r="19672" spans="1:3" x14ac:dyDescent="0.25">
      <c r="A19672" s="2" t="s">
        <v>11330</v>
      </c>
      <c r="B19672" s="6">
        <v>327488.84999999998</v>
      </c>
      <c r="C19672" s="7">
        <f t="shared" si="307"/>
        <v>327.48884999999996</v>
      </c>
    </row>
    <row r="19673" spans="1:3" x14ac:dyDescent="0.25">
      <c r="A19673" s="2" t="s">
        <v>11331</v>
      </c>
      <c r="B19673" s="6">
        <v>327505.5</v>
      </c>
      <c r="C19673" s="7">
        <f t="shared" si="307"/>
        <v>327.50549999999998</v>
      </c>
    </row>
    <row r="19674" spans="1:3" x14ac:dyDescent="0.25">
      <c r="A19674" s="2" t="s">
        <v>11332</v>
      </c>
      <c r="B19674" s="6">
        <v>327522.14999999997</v>
      </c>
      <c r="C19674" s="7">
        <f t="shared" si="307"/>
        <v>327.52214999999995</v>
      </c>
    </row>
    <row r="19675" spans="1:3" x14ac:dyDescent="0.25">
      <c r="A19675" s="2" t="s">
        <v>11333</v>
      </c>
      <c r="B19675" s="6">
        <v>327538.8</v>
      </c>
      <c r="C19675" s="7">
        <f t="shared" si="307"/>
        <v>327.53879999999998</v>
      </c>
    </row>
    <row r="19676" spans="1:3" x14ac:dyDescent="0.25">
      <c r="A19676" s="2" t="s">
        <v>11334</v>
      </c>
      <c r="B19676" s="6">
        <v>327555.44999999995</v>
      </c>
      <c r="C19676" s="7">
        <f t="shared" si="307"/>
        <v>327.55544999999995</v>
      </c>
    </row>
    <row r="19677" spans="1:3" x14ac:dyDescent="0.25">
      <c r="A19677" s="2" t="s">
        <v>11335</v>
      </c>
      <c r="B19677" s="6">
        <v>327572.09999999998</v>
      </c>
      <c r="C19677" s="7">
        <f t="shared" si="307"/>
        <v>327.57209999999998</v>
      </c>
    </row>
    <row r="19678" spans="1:3" x14ac:dyDescent="0.25">
      <c r="A19678" s="2" t="s">
        <v>11336</v>
      </c>
      <c r="B19678" s="6">
        <v>327588.75</v>
      </c>
      <c r="C19678" s="7">
        <f t="shared" si="307"/>
        <v>327.58875</v>
      </c>
    </row>
    <row r="19679" spans="1:3" x14ac:dyDescent="0.25">
      <c r="A19679" s="2" t="s">
        <v>11337</v>
      </c>
      <c r="B19679" s="6">
        <v>327605.39999999997</v>
      </c>
      <c r="C19679" s="7">
        <f t="shared" si="307"/>
        <v>327.60539999999997</v>
      </c>
    </row>
    <row r="19680" spans="1:3" x14ac:dyDescent="0.25">
      <c r="A19680" s="2" t="s">
        <v>11338</v>
      </c>
      <c r="B19680" s="6">
        <v>327622.05</v>
      </c>
      <c r="C19680" s="7">
        <f t="shared" si="307"/>
        <v>327.62205</v>
      </c>
    </row>
    <row r="19681" spans="1:3" x14ac:dyDescent="0.25">
      <c r="A19681" s="2" t="s">
        <v>11339</v>
      </c>
      <c r="B19681" s="6">
        <v>327638.69999999995</v>
      </c>
      <c r="C19681" s="7">
        <f t="shared" si="307"/>
        <v>327.63869999999997</v>
      </c>
    </row>
    <row r="19682" spans="1:3" x14ac:dyDescent="0.25">
      <c r="A19682" s="2" t="s">
        <v>11340</v>
      </c>
      <c r="B19682" s="6">
        <v>327655.34999999998</v>
      </c>
      <c r="C19682" s="7">
        <f t="shared" si="307"/>
        <v>327.65535</v>
      </c>
    </row>
    <row r="19683" spans="1:3" x14ac:dyDescent="0.25">
      <c r="A19683" s="2" t="s">
        <v>11341</v>
      </c>
      <c r="B19683" s="6">
        <v>327672</v>
      </c>
      <c r="C19683" s="7">
        <f t="shared" si="307"/>
        <v>327.67200000000003</v>
      </c>
    </row>
    <row r="19684" spans="1:3" x14ac:dyDescent="0.25">
      <c r="A19684" s="2" t="s">
        <v>11342</v>
      </c>
      <c r="B19684" s="6">
        <v>327688.64999999997</v>
      </c>
      <c r="C19684" s="7">
        <f t="shared" si="307"/>
        <v>327.68864999999994</v>
      </c>
    </row>
    <row r="19685" spans="1:3" x14ac:dyDescent="0.25">
      <c r="A19685" s="2" t="s">
        <v>11343</v>
      </c>
      <c r="B19685" s="6">
        <v>327705.3</v>
      </c>
      <c r="C19685" s="7">
        <f t="shared" si="307"/>
        <v>327.70529999999997</v>
      </c>
    </row>
    <row r="19686" spans="1:3" x14ac:dyDescent="0.25">
      <c r="A19686" s="2" t="s">
        <v>11344</v>
      </c>
      <c r="B19686" s="6">
        <v>327721.94999999995</v>
      </c>
      <c r="C19686" s="7">
        <f t="shared" si="307"/>
        <v>327.72194999999994</v>
      </c>
    </row>
    <row r="19687" spans="1:3" x14ac:dyDescent="0.25">
      <c r="A19687" s="2" t="s">
        <v>11345</v>
      </c>
      <c r="B19687" s="6">
        <v>327738.59999999998</v>
      </c>
      <c r="C19687" s="7">
        <f t="shared" si="307"/>
        <v>327.73859999999996</v>
      </c>
    </row>
    <row r="19688" spans="1:3" x14ac:dyDescent="0.25">
      <c r="A19688" s="2" t="s">
        <v>11346</v>
      </c>
      <c r="B19688" s="6">
        <v>327755.25</v>
      </c>
      <c r="C19688" s="7">
        <f t="shared" si="307"/>
        <v>327.75524999999999</v>
      </c>
    </row>
    <row r="19689" spans="1:3" x14ac:dyDescent="0.25">
      <c r="A19689" s="2" t="s">
        <v>11347</v>
      </c>
      <c r="B19689" s="6">
        <v>327771.89999999997</v>
      </c>
      <c r="C19689" s="7">
        <f t="shared" si="307"/>
        <v>327.77189999999996</v>
      </c>
    </row>
    <row r="19690" spans="1:3" x14ac:dyDescent="0.25">
      <c r="A19690" s="2" t="s">
        <v>11348</v>
      </c>
      <c r="B19690" s="6">
        <v>327788.55</v>
      </c>
      <c r="C19690" s="7">
        <f t="shared" si="307"/>
        <v>327.78854999999999</v>
      </c>
    </row>
    <row r="19691" spans="1:3" x14ac:dyDescent="0.25">
      <c r="A19691" s="2" t="s">
        <v>11349</v>
      </c>
      <c r="B19691" s="6">
        <v>327805.19999999995</v>
      </c>
      <c r="C19691" s="7">
        <f t="shared" si="307"/>
        <v>327.80519999999996</v>
      </c>
    </row>
    <row r="19692" spans="1:3" x14ac:dyDescent="0.25">
      <c r="A19692" s="2" t="s">
        <v>11350</v>
      </c>
      <c r="B19692" s="6">
        <v>327821.84999999998</v>
      </c>
      <c r="C19692" s="7">
        <f t="shared" si="307"/>
        <v>327.82184999999998</v>
      </c>
    </row>
    <row r="19693" spans="1:3" x14ac:dyDescent="0.25">
      <c r="A19693" s="2" t="s">
        <v>11351</v>
      </c>
      <c r="B19693" s="6">
        <v>327838.5</v>
      </c>
      <c r="C19693" s="7">
        <f t="shared" si="307"/>
        <v>327.83850000000001</v>
      </c>
    </row>
    <row r="19694" spans="1:3" x14ac:dyDescent="0.25">
      <c r="A19694" s="2" t="s">
        <v>11352</v>
      </c>
      <c r="B19694" s="6">
        <v>327855.14999999997</v>
      </c>
      <c r="C19694" s="7">
        <f t="shared" si="307"/>
        <v>327.85514999999998</v>
      </c>
    </row>
    <row r="19695" spans="1:3" x14ac:dyDescent="0.25">
      <c r="A19695" s="2" t="s">
        <v>11353</v>
      </c>
      <c r="B19695" s="6">
        <v>327871.8</v>
      </c>
      <c r="C19695" s="7">
        <f t="shared" si="307"/>
        <v>327.87180000000001</v>
      </c>
    </row>
    <row r="19696" spans="1:3" x14ac:dyDescent="0.25">
      <c r="A19696" s="2" t="s">
        <v>11354</v>
      </c>
      <c r="B19696" s="6">
        <v>327888.44999999995</v>
      </c>
      <c r="C19696" s="7">
        <f t="shared" si="307"/>
        <v>327.88844999999998</v>
      </c>
    </row>
    <row r="19697" spans="1:3" x14ac:dyDescent="0.25">
      <c r="A19697" s="2" t="s">
        <v>11355</v>
      </c>
      <c r="B19697" s="6">
        <v>327905.09999999998</v>
      </c>
      <c r="C19697" s="7">
        <f t="shared" si="307"/>
        <v>327.9051</v>
      </c>
    </row>
    <row r="19698" spans="1:3" x14ac:dyDescent="0.25">
      <c r="A19698" s="2" t="s">
        <v>11356</v>
      </c>
      <c r="B19698" s="6">
        <v>327921.75</v>
      </c>
      <c r="C19698" s="7">
        <f t="shared" si="307"/>
        <v>327.92174999999997</v>
      </c>
    </row>
    <row r="19699" spans="1:3" x14ac:dyDescent="0.25">
      <c r="A19699" s="2" t="s">
        <v>11357</v>
      </c>
      <c r="B19699" s="6">
        <v>327938.39999999997</v>
      </c>
      <c r="C19699" s="7">
        <f t="shared" si="307"/>
        <v>327.93839999999994</v>
      </c>
    </row>
    <row r="19700" spans="1:3" x14ac:dyDescent="0.25">
      <c r="A19700" s="2" t="s">
        <v>11358</v>
      </c>
      <c r="B19700" s="6">
        <v>327955.05</v>
      </c>
      <c r="C19700" s="7">
        <f t="shared" si="307"/>
        <v>327.95504999999997</v>
      </c>
    </row>
    <row r="19701" spans="1:3" x14ac:dyDescent="0.25">
      <c r="A19701" s="2" t="s">
        <v>11359</v>
      </c>
      <c r="B19701" s="6">
        <v>327971.69999999995</v>
      </c>
      <c r="C19701" s="7">
        <f t="shared" si="307"/>
        <v>327.97169999999994</v>
      </c>
    </row>
    <row r="19702" spans="1:3" x14ac:dyDescent="0.25">
      <c r="A19702" s="2" t="s">
        <v>11360</v>
      </c>
      <c r="B19702" s="6">
        <v>327988.34999999998</v>
      </c>
      <c r="C19702" s="7">
        <f t="shared" si="307"/>
        <v>327.98834999999997</v>
      </c>
    </row>
    <row r="19703" spans="1:3" x14ac:dyDescent="0.25">
      <c r="A19703" s="2" t="s">
        <v>11361</v>
      </c>
      <c r="B19703" s="6">
        <v>328005</v>
      </c>
      <c r="C19703" s="7">
        <f t="shared" si="307"/>
        <v>328.005</v>
      </c>
    </row>
    <row r="19704" spans="1:3" x14ac:dyDescent="0.25">
      <c r="A19704" s="2" t="s">
        <v>11362</v>
      </c>
      <c r="B19704" s="6">
        <v>328021.64999999997</v>
      </c>
      <c r="C19704" s="7">
        <f t="shared" si="307"/>
        <v>328.02164999999997</v>
      </c>
    </row>
    <row r="19705" spans="1:3" x14ac:dyDescent="0.25">
      <c r="A19705" s="2" t="s">
        <v>11363</v>
      </c>
      <c r="B19705" s="6">
        <v>328038.3</v>
      </c>
      <c r="C19705" s="7">
        <f t="shared" si="307"/>
        <v>328.03829999999999</v>
      </c>
    </row>
    <row r="19706" spans="1:3" x14ac:dyDescent="0.25">
      <c r="A19706" s="2" t="s">
        <v>11364</v>
      </c>
      <c r="B19706" s="6">
        <v>328054.94999999995</v>
      </c>
      <c r="C19706" s="7">
        <f t="shared" si="307"/>
        <v>328.05494999999996</v>
      </c>
    </row>
    <row r="19707" spans="1:3" x14ac:dyDescent="0.25">
      <c r="A19707" s="2" t="s">
        <v>11365</v>
      </c>
      <c r="B19707" s="6">
        <v>328071.59999999998</v>
      </c>
      <c r="C19707" s="7">
        <f t="shared" si="307"/>
        <v>328.07159999999999</v>
      </c>
    </row>
    <row r="19708" spans="1:3" x14ac:dyDescent="0.25">
      <c r="A19708" s="2" t="s">
        <v>11366</v>
      </c>
      <c r="B19708" s="6">
        <v>328088.25</v>
      </c>
      <c r="C19708" s="7">
        <f t="shared" si="307"/>
        <v>328.08825000000002</v>
      </c>
    </row>
    <row r="19709" spans="1:3" x14ac:dyDescent="0.25">
      <c r="A19709" s="2" t="s">
        <v>11367</v>
      </c>
      <c r="B19709" s="6">
        <v>328104.89999999997</v>
      </c>
      <c r="C19709" s="7">
        <f t="shared" si="307"/>
        <v>328.10489999999999</v>
      </c>
    </row>
    <row r="19710" spans="1:3" x14ac:dyDescent="0.25">
      <c r="A19710" s="2" t="s">
        <v>11368</v>
      </c>
      <c r="B19710" s="6">
        <v>328121.55</v>
      </c>
      <c r="C19710" s="7">
        <f t="shared" si="307"/>
        <v>328.12155000000001</v>
      </c>
    </row>
    <row r="19711" spans="1:3" x14ac:dyDescent="0.25">
      <c r="A19711" s="2" t="s">
        <v>11369</v>
      </c>
      <c r="B19711" s="6">
        <v>328138.19999999995</v>
      </c>
      <c r="C19711" s="7">
        <f t="shared" si="307"/>
        <v>328.13819999999993</v>
      </c>
    </row>
    <row r="19712" spans="1:3" x14ac:dyDescent="0.25">
      <c r="A19712" s="2" t="s">
        <v>11370</v>
      </c>
      <c r="B19712" s="6">
        <v>328154.84999999998</v>
      </c>
      <c r="C19712" s="7">
        <f t="shared" si="307"/>
        <v>328.15484999999995</v>
      </c>
    </row>
    <row r="19713" spans="1:3" x14ac:dyDescent="0.25">
      <c r="A19713" s="2" t="s">
        <v>11371</v>
      </c>
      <c r="B19713" s="6">
        <v>328171.5</v>
      </c>
      <c r="C19713" s="7">
        <f t="shared" si="307"/>
        <v>328.17149999999998</v>
      </c>
    </row>
    <row r="19714" spans="1:3" x14ac:dyDescent="0.25">
      <c r="A19714" s="2" t="s">
        <v>11372</v>
      </c>
      <c r="B19714" s="6">
        <v>328188.14999999997</v>
      </c>
      <c r="C19714" s="7">
        <f t="shared" si="307"/>
        <v>328.18814999999995</v>
      </c>
    </row>
    <row r="19715" spans="1:3" x14ac:dyDescent="0.25">
      <c r="A19715" s="2" t="s">
        <v>11373</v>
      </c>
      <c r="B19715" s="6">
        <v>328204.79999999999</v>
      </c>
      <c r="C19715" s="7">
        <f t="shared" ref="C19715:C19778" si="308">B19715/1000</f>
        <v>328.20479999999998</v>
      </c>
    </row>
    <row r="19716" spans="1:3" x14ac:dyDescent="0.25">
      <c r="A19716" s="2" t="s">
        <v>11374</v>
      </c>
      <c r="B19716" s="6">
        <v>328221.44999999995</v>
      </c>
      <c r="C19716" s="7">
        <f t="shared" si="308"/>
        <v>328.22144999999995</v>
      </c>
    </row>
    <row r="19717" spans="1:3" x14ac:dyDescent="0.25">
      <c r="A19717" s="2" t="s">
        <v>11375</v>
      </c>
      <c r="B19717" s="6">
        <v>328238.09999999998</v>
      </c>
      <c r="C19717" s="7">
        <f t="shared" si="308"/>
        <v>328.23809999999997</v>
      </c>
    </row>
    <row r="19718" spans="1:3" x14ac:dyDescent="0.25">
      <c r="A19718" s="2" t="s">
        <v>11376</v>
      </c>
      <c r="B19718" s="6">
        <v>328254.75</v>
      </c>
      <c r="C19718" s="7">
        <f t="shared" si="308"/>
        <v>328.25475</v>
      </c>
    </row>
    <row r="19719" spans="1:3" x14ac:dyDescent="0.25">
      <c r="A19719" s="2" t="s">
        <v>11377</v>
      </c>
      <c r="B19719" s="6">
        <v>328271.39999999997</v>
      </c>
      <c r="C19719" s="7">
        <f t="shared" si="308"/>
        <v>328.27139999999997</v>
      </c>
    </row>
    <row r="19720" spans="1:3" x14ac:dyDescent="0.25">
      <c r="A19720" s="2" t="s">
        <v>11378</v>
      </c>
      <c r="B19720" s="6">
        <v>328288.05</v>
      </c>
      <c r="C19720" s="7">
        <f t="shared" si="308"/>
        <v>328.28805</v>
      </c>
    </row>
    <row r="19721" spans="1:3" x14ac:dyDescent="0.25">
      <c r="A19721" s="2" t="s">
        <v>11379</v>
      </c>
      <c r="B19721" s="6">
        <v>328304.69999999995</v>
      </c>
      <c r="C19721" s="7">
        <f t="shared" si="308"/>
        <v>328.30469999999997</v>
      </c>
    </row>
    <row r="19722" spans="1:3" x14ac:dyDescent="0.25">
      <c r="A19722" s="2" t="s">
        <v>11380</v>
      </c>
      <c r="B19722" s="6">
        <v>328321.34999999998</v>
      </c>
      <c r="C19722" s="7">
        <f t="shared" si="308"/>
        <v>328.32135</v>
      </c>
    </row>
    <row r="19723" spans="1:3" x14ac:dyDescent="0.25">
      <c r="A19723" s="2" t="s">
        <v>11381</v>
      </c>
      <c r="B19723" s="6">
        <v>328338</v>
      </c>
      <c r="C19723" s="7">
        <f t="shared" si="308"/>
        <v>328.33800000000002</v>
      </c>
    </row>
    <row r="19724" spans="1:3" x14ac:dyDescent="0.25">
      <c r="A19724" s="2" t="s">
        <v>11382</v>
      </c>
      <c r="B19724" s="6">
        <v>328354.64999999997</v>
      </c>
      <c r="C19724" s="7">
        <f t="shared" si="308"/>
        <v>328.35464999999999</v>
      </c>
    </row>
    <row r="19725" spans="1:3" x14ac:dyDescent="0.25">
      <c r="A19725" s="2" t="s">
        <v>11383</v>
      </c>
      <c r="B19725" s="6">
        <v>328371.3</v>
      </c>
      <c r="C19725" s="7">
        <f t="shared" si="308"/>
        <v>328.37129999999996</v>
      </c>
    </row>
    <row r="19726" spans="1:3" x14ac:dyDescent="0.25">
      <c r="A19726" s="2" t="s">
        <v>11384</v>
      </c>
      <c r="B19726" s="6">
        <v>328387.94999999995</v>
      </c>
      <c r="C19726" s="7">
        <f t="shared" si="308"/>
        <v>328.38794999999993</v>
      </c>
    </row>
    <row r="19727" spans="1:3" x14ac:dyDescent="0.25">
      <c r="A19727" s="2" t="s">
        <v>11385</v>
      </c>
      <c r="B19727" s="6">
        <v>328404.59999999998</v>
      </c>
      <c r="C19727" s="7">
        <f t="shared" si="308"/>
        <v>328.40459999999996</v>
      </c>
    </row>
    <row r="19728" spans="1:3" x14ac:dyDescent="0.25">
      <c r="A19728" s="2" t="s">
        <v>11386</v>
      </c>
      <c r="B19728" s="6">
        <v>328421.25</v>
      </c>
      <c r="C19728" s="7">
        <f t="shared" si="308"/>
        <v>328.42124999999999</v>
      </c>
    </row>
    <row r="19729" spans="1:3" x14ac:dyDescent="0.25">
      <c r="A19729" s="2" t="s">
        <v>11387</v>
      </c>
      <c r="B19729" s="6">
        <v>328437.89999999997</v>
      </c>
      <c r="C19729" s="7">
        <f t="shared" si="308"/>
        <v>328.43789999999996</v>
      </c>
    </row>
    <row r="19730" spans="1:3" x14ac:dyDescent="0.25">
      <c r="A19730" s="2" t="s">
        <v>11388</v>
      </c>
      <c r="B19730" s="6">
        <v>328454.55</v>
      </c>
      <c r="C19730" s="7">
        <f t="shared" si="308"/>
        <v>328.45454999999998</v>
      </c>
    </row>
    <row r="19731" spans="1:3" x14ac:dyDescent="0.25">
      <c r="A19731" s="2" t="s">
        <v>11389</v>
      </c>
      <c r="B19731" s="6">
        <v>328471.19999999995</v>
      </c>
      <c r="C19731" s="7">
        <f t="shared" si="308"/>
        <v>328.47119999999995</v>
      </c>
    </row>
    <row r="19732" spans="1:3" x14ac:dyDescent="0.25">
      <c r="A19732" s="2" t="s">
        <v>11390</v>
      </c>
      <c r="B19732" s="6">
        <v>328487.84999999998</v>
      </c>
      <c r="C19732" s="7">
        <f t="shared" si="308"/>
        <v>328.48784999999998</v>
      </c>
    </row>
    <row r="19733" spans="1:3" x14ac:dyDescent="0.25">
      <c r="A19733" s="2" t="s">
        <v>11391</v>
      </c>
      <c r="B19733" s="6">
        <v>328504.5</v>
      </c>
      <c r="C19733" s="7">
        <f t="shared" si="308"/>
        <v>328.50450000000001</v>
      </c>
    </row>
    <row r="19734" spans="1:3" x14ac:dyDescent="0.25">
      <c r="A19734" s="2" t="s">
        <v>11392</v>
      </c>
      <c r="B19734" s="6">
        <v>328521.14999999997</v>
      </c>
      <c r="C19734" s="7">
        <f t="shared" si="308"/>
        <v>328.52114999999998</v>
      </c>
    </row>
    <row r="19735" spans="1:3" x14ac:dyDescent="0.25">
      <c r="A19735" s="2" t="s">
        <v>11393</v>
      </c>
      <c r="B19735" s="6">
        <v>328537.8</v>
      </c>
      <c r="C19735" s="7">
        <f t="shared" si="308"/>
        <v>328.5378</v>
      </c>
    </row>
    <row r="19736" spans="1:3" x14ac:dyDescent="0.25">
      <c r="A19736" s="2" t="s">
        <v>11394</v>
      </c>
      <c r="B19736" s="6">
        <v>328554.44999999995</v>
      </c>
      <c r="C19736" s="7">
        <f t="shared" si="308"/>
        <v>328.55444999999997</v>
      </c>
    </row>
    <row r="19737" spans="1:3" x14ac:dyDescent="0.25">
      <c r="A19737" s="2" t="s">
        <v>11395</v>
      </c>
      <c r="B19737" s="6">
        <v>328571.09999999998</v>
      </c>
      <c r="C19737" s="7">
        <f t="shared" si="308"/>
        <v>328.5711</v>
      </c>
    </row>
    <row r="19738" spans="1:3" x14ac:dyDescent="0.25">
      <c r="A19738" s="2" t="s">
        <v>11396</v>
      </c>
      <c r="B19738" s="6">
        <v>328587.75</v>
      </c>
      <c r="C19738" s="7">
        <f t="shared" si="308"/>
        <v>328.58775000000003</v>
      </c>
    </row>
    <row r="19739" spans="1:3" x14ac:dyDescent="0.25">
      <c r="A19739" s="2" t="s">
        <v>11397</v>
      </c>
      <c r="B19739" s="6">
        <v>328604.39999999997</v>
      </c>
      <c r="C19739" s="7">
        <f t="shared" si="308"/>
        <v>328.60439999999994</v>
      </c>
    </row>
    <row r="19740" spans="1:3" x14ac:dyDescent="0.25">
      <c r="A19740" s="2" t="s">
        <v>11398</v>
      </c>
      <c r="B19740" s="6">
        <v>328621.05</v>
      </c>
      <c r="C19740" s="7">
        <f t="shared" si="308"/>
        <v>328.62104999999997</v>
      </c>
    </row>
    <row r="19741" spans="1:3" x14ac:dyDescent="0.25">
      <c r="A19741" s="2" t="s">
        <v>11399</v>
      </c>
      <c r="B19741" s="6">
        <v>328637.69999999995</v>
      </c>
      <c r="C19741" s="7">
        <f t="shared" si="308"/>
        <v>328.63769999999994</v>
      </c>
    </row>
    <row r="19742" spans="1:3" x14ac:dyDescent="0.25">
      <c r="A19742" s="2" t="s">
        <v>11400</v>
      </c>
      <c r="B19742" s="6">
        <v>328654.34999999998</v>
      </c>
      <c r="C19742" s="7">
        <f t="shared" si="308"/>
        <v>328.65434999999997</v>
      </c>
    </row>
    <row r="19743" spans="1:3" x14ac:dyDescent="0.25">
      <c r="A19743" s="2" t="s">
        <v>11401</v>
      </c>
      <c r="B19743" s="6">
        <v>328671</v>
      </c>
      <c r="C19743" s="7">
        <f t="shared" si="308"/>
        <v>328.67099999999999</v>
      </c>
    </row>
    <row r="19744" spans="1:3" x14ac:dyDescent="0.25">
      <c r="A19744" s="2" t="s">
        <v>11402</v>
      </c>
      <c r="B19744" s="6">
        <v>328687.64999999997</v>
      </c>
      <c r="C19744" s="7">
        <f t="shared" si="308"/>
        <v>328.68764999999996</v>
      </c>
    </row>
    <row r="19745" spans="1:3" x14ac:dyDescent="0.25">
      <c r="A19745" s="2" t="s">
        <v>11403</v>
      </c>
      <c r="B19745" s="6">
        <v>328704.3</v>
      </c>
      <c r="C19745" s="7">
        <f t="shared" si="308"/>
        <v>328.70429999999999</v>
      </c>
    </row>
    <row r="19746" spans="1:3" x14ac:dyDescent="0.25">
      <c r="A19746" s="2" t="s">
        <v>11404</v>
      </c>
      <c r="B19746" s="6">
        <v>328720.94999999995</v>
      </c>
      <c r="C19746" s="7">
        <f t="shared" si="308"/>
        <v>328.72094999999996</v>
      </c>
    </row>
    <row r="19747" spans="1:3" x14ac:dyDescent="0.25">
      <c r="A19747" s="2" t="s">
        <v>11405</v>
      </c>
      <c r="B19747" s="6">
        <v>328737.59999999998</v>
      </c>
      <c r="C19747" s="7">
        <f t="shared" si="308"/>
        <v>328.73759999999999</v>
      </c>
    </row>
    <row r="19748" spans="1:3" x14ac:dyDescent="0.25">
      <c r="A19748" s="2" t="s">
        <v>11406</v>
      </c>
      <c r="B19748" s="6">
        <v>328754.25</v>
      </c>
      <c r="C19748" s="7">
        <f t="shared" si="308"/>
        <v>328.75425000000001</v>
      </c>
    </row>
    <row r="19749" spans="1:3" x14ac:dyDescent="0.25">
      <c r="A19749" s="2" t="s">
        <v>11407</v>
      </c>
      <c r="B19749" s="6">
        <v>328770.89999999997</v>
      </c>
      <c r="C19749" s="7">
        <f t="shared" si="308"/>
        <v>328.77089999999998</v>
      </c>
    </row>
    <row r="19750" spans="1:3" x14ac:dyDescent="0.25">
      <c r="A19750" s="2" t="s">
        <v>11408</v>
      </c>
      <c r="B19750" s="6">
        <v>328787.55</v>
      </c>
      <c r="C19750" s="7">
        <f t="shared" si="308"/>
        <v>328.78755000000001</v>
      </c>
    </row>
    <row r="19751" spans="1:3" x14ac:dyDescent="0.25">
      <c r="A19751" s="2" t="s">
        <v>11409</v>
      </c>
      <c r="B19751" s="6">
        <v>328804.19999999995</v>
      </c>
      <c r="C19751" s="7">
        <f t="shared" si="308"/>
        <v>328.80419999999998</v>
      </c>
    </row>
    <row r="19752" spans="1:3" x14ac:dyDescent="0.25">
      <c r="A19752" s="2" t="s">
        <v>11410</v>
      </c>
      <c r="B19752" s="6">
        <v>328820.84999999998</v>
      </c>
      <c r="C19752" s="7">
        <f t="shared" si="308"/>
        <v>328.82084999999995</v>
      </c>
    </row>
    <row r="19753" spans="1:3" x14ac:dyDescent="0.25">
      <c r="A19753" s="2" t="s">
        <v>11411</v>
      </c>
      <c r="B19753" s="6">
        <v>328837.5</v>
      </c>
      <c r="C19753" s="7">
        <f t="shared" si="308"/>
        <v>328.83749999999998</v>
      </c>
    </row>
    <row r="19754" spans="1:3" x14ac:dyDescent="0.25">
      <c r="A19754" s="2" t="s">
        <v>11412</v>
      </c>
      <c r="B19754" s="6">
        <v>328854.14999999997</v>
      </c>
      <c r="C19754" s="7">
        <f t="shared" si="308"/>
        <v>328.85414999999995</v>
      </c>
    </row>
    <row r="19755" spans="1:3" x14ac:dyDescent="0.25">
      <c r="A19755" s="2" t="s">
        <v>11413</v>
      </c>
      <c r="B19755" s="6">
        <v>328870.8</v>
      </c>
      <c r="C19755" s="7">
        <f t="shared" si="308"/>
        <v>328.87079999999997</v>
      </c>
    </row>
    <row r="19756" spans="1:3" x14ac:dyDescent="0.25">
      <c r="A19756" s="2" t="s">
        <v>11414</v>
      </c>
      <c r="B19756" s="6">
        <v>328887.44999999995</v>
      </c>
      <c r="C19756" s="7">
        <f t="shared" si="308"/>
        <v>328.88744999999994</v>
      </c>
    </row>
    <row r="19757" spans="1:3" x14ac:dyDescent="0.25">
      <c r="A19757" s="2" t="s">
        <v>11415</v>
      </c>
      <c r="B19757" s="6">
        <v>328904.09999999998</v>
      </c>
      <c r="C19757" s="7">
        <f t="shared" si="308"/>
        <v>328.90409999999997</v>
      </c>
    </row>
    <row r="19758" spans="1:3" x14ac:dyDescent="0.25">
      <c r="A19758" s="2" t="s">
        <v>11416</v>
      </c>
      <c r="B19758" s="6">
        <v>328920.75</v>
      </c>
      <c r="C19758" s="7">
        <f t="shared" si="308"/>
        <v>328.92075</v>
      </c>
    </row>
    <row r="19759" spans="1:3" x14ac:dyDescent="0.25">
      <c r="A19759" s="2" t="s">
        <v>11417</v>
      </c>
      <c r="B19759" s="6">
        <v>328937.39999999997</v>
      </c>
      <c r="C19759" s="7">
        <f t="shared" si="308"/>
        <v>328.93739999999997</v>
      </c>
    </row>
    <row r="19760" spans="1:3" x14ac:dyDescent="0.25">
      <c r="A19760" s="2" t="s">
        <v>11418</v>
      </c>
      <c r="B19760" s="6">
        <v>328954.05</v>
      </c>
      <c r="C19760" s="7">
        <f t="shared" si="308"/>
        <v>328.95405</v>
      </c>
    </row>
    <row r="19761" spans="1:3" x14ac:dyDescent="0.25">
      <c r="A19761" s="2" t="s">
        <v>11419</v>
      </c>
      <c r="B19761" s="6">
        <v>328970.69999999995</v>
      </c>
      <c r="C19761" s="7">
        <f t="shared" si="308"/>
        <v>328.97069999999997</v>
      </c>
    </row>
    <row r="19762" spans="1:3" x14ac:dyDescent="0.25">
      <c r="A19762" s="2" t="s">
        <v>11420</v>
      </c>
      <c r="B19762" s="6">
        <v>328987.34999999998</v>
      </c>
      <c r="C19762" s="7">
        <f t="shared" si="308"/>
        <v>328.98734999999999</v>
      </c>
    </row>
    <row r="19763" spans="1:3" x14ac:dyDescent="0.25">
      <c r="A19763" s="2" t="s">
        <v>11421</v>
      </c>
      <c r="B19763" s="6">
        <v>329004</v>
      </c>
      <c r="C19763" s="7">
        <f t="shared" si="308"/>
        <v>329.00400000000002</v>
      </c>
    </row>
    <row r="19764" spans="1:3" x14ac:dyDescent="0.25">
      <c r="A19764" s="2" t="s">
        <v>11422</v>
      </c>
      <c r="B19764" s="6">
        <v>329020.64999999997</v>
      </c>
      <c r="C19764" s="7">
        <f t="shared" si="308"/>
        <v>329.02064999999999</v>
      </c>
    </row>
    <row r="19765" spans="1:3" x14ac:dyDescent="0.25">
      <c r="A19765" s="2" t="s">
        <v>11423</v>
      </c>
      <c r="B19765" s="6">
        <v>329037.3</v>
      </c>
      <c r="C19765" s="7">
        <f t="shared" si="308"/>
        <v>329.03730000000002</v>
      </c>
    </row>
    <row r="19766" spans="1:3" x14ac:dyDescent="0.25">
      <c r="A19766" s="2" t="s">
        <v>11424</v>
      </c>
      <c r="B19766" s="6">
        <v>329053.94999999995</v>
      </c>
      <c r="C19766" s="7">
        <f t="shared" si="308"/>
        <v>329.05394999999993</v>
      </c>
    </row>
    <row r="19767" spans="1:3" x14ac:dyDescent="0.25">
      <c r="A19767" s="2" t="s">
        <v>11425</v>
      </c>
      <c r="B19767" s="6">
        <v>329070.59999999998</v>
      </c>
      <c r="C19767" s="7">
        <f t="shared" si="308"/>
        <v>329.07059999999996</v>
      </c>
    </row>
    <row r="19768" spans="1:3" x14ac:dyDescent="0.25">
      <c r="A19768" s="2" t="s">
        <v>11426</v>
      </c>
      <c r="B19768" s="6">
        <v>329087.25</v>
      </c>
      <c r="C19768" s="7">
        <f t="shared" si="308"/>
        <v>329.08724999999998</v>
      </c>
    </row>
    <row r="19769" spans="1:3" x14ac:dyDescent="0.25">
      <c r="A19769" s="2" t="s">
        <v>11427</v>
      </c>
      <c r="B19769" s="6">
        <v>329103.89999999997</v>
      </c>
      <c r="C19769" s="7">
        <f t="shared" si="308"/>
        <v>329.10389999999995</v>
      </c>
    </row>
    <row r="19770" spans="1:3" x14ac:dyDescent="0.25">
      <c r="A19770" s="2" t="s">
        <v>11428</v>
      </c>
      <c r="B19770" s="6">
        <v>329120.55</v>
      </c>
      <c r="C19770" s="7">
        <f t="shared" si="308"/>
        <v>329.12054999999998</v>
      </c>
    </row>
    <row r="19771" spans="1:3" x14ac:dyDescent="0.25">
      <c r="A19771" s="2" t="s">
        <v>11429</v>
      </c>
      <c r="B19771" s="6">
        <v>329137.19999999995</v>
      </c>
      <c r="C19771" s="7">
        <f t="shared" si="308"/>
        <v>329.13719999999995</v>
      </c>
    </row>
    <row r="19772" spans="1:3" x14ac:dyDescent="0.25">
      <c r="A19772" s="2" t="s">
        <v>11430</v>
      </c>
      <c r="B19772" s="6">
        <v>329153.84999999998</v>
      </c>
      <c r="C19772" s="7">
        <f t="shared" si="308"/>
        <v>329.15384999999998</v>
      </c>
    </row>
    <row r="19773" spans="1:3" x14ac:dyDescent="0.25">
      <c r="A19773" s="2" t="s">
        <v>11431</v>
      </c>
      <c r="B19773" s="6">
        <v>329170.5</v>
      </c>
      <c r="C19773" s="7">
        <f t="shared" si="308"/>
        <v>329.1705</v>
      </c>
    </row>
    <row r="19774" spans="1:3" x14ac:dyDescent="0.25">
      <c r="A19774" s="2" t="s">
        <v>11432</v>
      </c>
      <c r="B19774" s="6">
        <v>329187.14999999997</v>
      </c>
      <c r="C19774" s="7">
        <f t="shared" si="308"/>
        <v>329.18714999999997</v>
      </c>
    </row>
    <row r="19775" spans="1:3" x14ac:dyDescent="0.25">
      <c r="A19775" s="2" t="s">
        <v>11433</v>
      </c>
      <c r="B19775" s="6">
        <v>329203.8</v>
      </c>
      <c r="C19775" s="7">
        <f t="shared" si="308"/>
        <v>329.2038</v>
      </c>
    </row>
    <row r="19776" spans="1:3" x14ac:dyDescent="0.25">
      <c r="A19776" s="2" t="s">
        <v>11434</v>
      </c>
      <c r="B19776" s="6">
        <v>329220.44999999995</v>
      </c>
      <c r="C19776" s="7">
        <f t="shared" si="308"/>
        <v>329.22044999999997</v>
      </c>
    </row>
    <row r="19777" spans="1:3" x14ac:dyDescent="0.25">
      <c r="A19777" s="2" t="s">
        <v>11435</v>
      </c>
      <c r="B19777" s="6">
        <v>329237.09999999998</v>
      </c>
      <c r="C19777" s="7">
        <f t="shared" si="308"/>
        <v>329.2371</v>
      </c>
    </row>
    <row r="19778" spans="1:3" x14ac:dyDescent="0.25">
      <c r="A19778" s="2" t="s">
        <v>11436</v>
      </c>
      <c r="B19778" s="6">
        <v>329253.75</v>
      </c>
      <c r="C19778" s="7">
        <f t="shared" si="308"/>
        <v>329.25375000000003</v>
      </c>
    </row>
    <row r="19779" spans="1:3" x14ac:dyDescent="0.25">
      <c r="A19779" s="2" t="s">
        <v>11437</v>
      </c>
      <c r="B19779" s="6">
        <v>329270.39999999997</v>
      </c>
      <c r="C19779" s="7">
        <f t="shared" ref="C19779:C19842" si="309">B19779/1000</f>
        <v>329.27039999999994</v>
      </c>
    </row>
    <row r="19780" spans="1:3" x14ac:dyDescent="0.25">
      <c r="A19780" s="2" t="s">
        <v>11438</v>
      </c>
      <c r="B19780" s="6">
        <v>329287.05</v>
      </c>
      <c r="C19780" s="7">
        <f t="shared" si="309"/>
        <v>329.28704999999997</v>
      </c>
    </row>
    <row r="19781" spans="1:3" x14ac:dyDescent="0.25">
      <c r="A19781" s="2" t="s">
        <v>11439</v>
      </c>
      <c r="B19781" s="6">
        <v>329303.69999999995</v>
      </c>
      <c r="C19781" s="7">
        <f t="shared" si="309"/>
        <v>329.30369999999994</v>
      </c>
    </row>
    <row r="19782" spans="1:3" x14ac:dyDescent="0.25">
      <c r="A19782" s="2" t="s">
        <v>11440</v>
      </c>
      <c r="B19782" s="6">
        <v>329320.34999999998</v>
      </c>
      <c r="C19782" s="7">
        <f t="shared" si="309"/>
        <v>329.32034999999996</v>
      </c>
    </row>
    <row r="19783" spans="1:3" x14ac:dyDescent="0.25">
      <c r="A19783" s="2" t="s">
        <v>11441</v>
      </c>
      <c r="B19783" s="6">
        <v>329337</v>
      </c>
      <c r="C19783" s="7">
        <f t="shared" si="309"/>
        <v>329.33699999999999</v>
      </c>
    </row>
    <row r="19784" spans="1:3" x14ac:dyDescent="0.25">
      <c r="A19784" s="2" t="s">
        <v>11442</v>
      </c>
      <c r="B19784" s="6">
        <v>329353.64999999997</v>
      </c>
      <c r="C19784" s="7">
        <f t="shared" si="309"/>
        <v>329.35364999999996</v>
      </c>
    </row>
    <row r="19785" spans="1:3" x14ac:dyDescent="0.25">
      <c r="A19785" s="2" t="s">
        <v>11443</v>
      </c>
      <c r="B19785" s="6">
        <v>329370.3</v>
      </c>
      <c r="C19785" s="7">
        <f t="shared" si="309"/>
        <v>329.37029999999999</v>
      </c>
    </row>
    <row r="19786" spans="1:3" x14ac:dyDescent="0.25">
      <c r="A19786" s="2" t="s">
        <v>11444</v>
      </c>
      <c r="B19786" s="6">
        <v>329386.94999999995</v>
      </c>
      <c r="C19786" s="7">
        <f t="shared" si="309"/>
        <v>329.38694999999996</v>
      </c>
    </row>
    <row r="19787" spans="1:3" x14ac:dyDescent="0.25">
      <c r="A19787" s="2" t="s">
        <v>11445</v>
      </c>
      <c r="B19787" s="6">
        <v>329403.59999999998</v>
      </c>
      <c r="C19787" s="7">
        <f t="shared" si="309"/>
        <v>329.40359999999998</v>
      </c>
    </row>
    <row r="19788" spans="1:3" x14ac:dyDescent="0.25">
      <c r="A19788" s="2" t="s">
        <v>11446</v>
      </c>
      <c r="B19788" s="6">
        <v>329420.25</v>
      </c>
      <c r="C19788" s="7">
        <f t="shared" si="309"/>
        <v>329.42025000000001</v>
      </c>
    </row>
    <row r="19789" spans="1:3" x14ac:dyDescent="0.25">
      <c r="A19789" s="2" t="s">
        <v>11447</v>
      </c>
      <c r="B19789" s="6">
        <v>329436.89999999997</v>
      </c>
      <c r="C19789" s="7">
        <f t="shared" si="309"/>
        <v>329.43689999999998</v>
      </c>
    </row>
    <row r="19790" spans="1:3" x14ac:dyDescent="0.25">
      <c r="A19790" s="2" t="s">
        <v>11448</v>
      </c>
      <c r="B19790" s="6">
        <v>329453.55</v>
      </c>
      <c r="C19790" s="7">
        <f t="shared" si="309"/>
        <v>329.45355000000001</v>
      </c>
    </row>
    <row r="19791" spans="1:3" x14ac:dyDescent="0.25">
      <c r="A19791" s="2" t="s">
        <v>11449</v>
      </c>
      <c r="B19791" s="6">
        <v>329470.19999999995</v>
      </c>
      <c r="C19791" s="7">
        <f t="shared" si="309"/>
        <v>329.47019999999998</v>
      </c>
    </row>
    <row r="19792" spans="1:3" x14ac:dyDescent="0.25">
      <c r="A19792" s="2" t="s">
        <v>11450</v>
      </c>
      <c r="B19792" s="6">
        <v>329486.84999999998</v>
      </c>
      <c r="C19792" s="7">
        <f t="shared" si="309"/>
        <v>329.48685</v>
      </c>
    </row>
    <row r="19793" spans="1:3" x14ac:dyDescent="0.25">
      <c r="A19793" s="2" t="s">
        <v>11451</v>
      </c>
      <c r="B19793" s="6">
        <v>329503.5</v>
      </c>
      <c r="C19793" s="7">
        <f t="shared" si="309"/>
        <v>329.50349999999997</v>
      </c>
    </row>
    <row r="19794" spans="1:3" x14ac:dyDescent="0.25">
      <c r="A19794" s="2" t="s">
        <v>11452</v>
      </c>
      <c r="B19794" s="6">
        <v>329520.14999999997</v>
      </c>
      <c r="C19794" s="7">
        <f t="shared" si="309"/>
        <v>329.52014999999994</v>
      </c>
    </row>
    <row r="19795" spans="1:3" x14ac:dyDescent="0.25">
      <c r="A19795" s="2" t="s">
        <v>11453</v>
      </c>
      <c r="B19795" s="6">
        <v>329536.8</v>
      </c>
      <c r="C19795" s="7">
        <f t="shared" si="309"/>
        <v>329.53679999999997</v>
      </c>
    </row>
    <row r="19796" spans="1:3" x14ac:dyDescent="0.25">
      <c r="A19796" s="2" t="s">
        <v>11454</v>
      </c>
      <c r="B19796" s="6">
        <v>329553.44999999995</v>
      </c>
      <c r="C19796" s="7">
        <f t="shared" si="309"/>
        <v>329.55344999999994</v>
      </c>
    </row>
    <row r="19797" spans="1:3" x14ac:dyDescent="0.25">
      <c r="A19797" s="2" t="s">
        <v>11455</v>
      </c>
      <c r="B19797" s="6">
        <v>329570.09999999998</v>
      </c>
      <c r="C19797" s="7">
        <f t="shared" si="309"/>
        <v>329.57009999999997</v>
      </c>
    </row>
    <row r="19798" spans="1:3" x14ac:dyDescent="0.25">
      <c r="A19798" s="2" t="s">
        <v>11456</v>
      </c>
      <c r="B19798" s="6">
        <v>329586.75</v>
      </c>
      <c r="C19798" s="7">
        <f t="shared" si="309"/>
        <v>329.58674999999999</v>
      </c>
    </row>
    <row r="19799" spans="1:3" x14ac:dyDescent="0.25">
      <c r="A19799" s="2" t="s">
        <v>11457</v>
      </c>
      <c r="B19799" s="6">
        <v>329603.39999999997</v>
      </c>
      <c r="C19799" s="7">
        <f t="shared" si="309"/>
        <v>329.60339999999997</v>
      </c>
    </row>
    <row r="19800" spans="1:3" x14ac:dyDescent="0.25">
      <c r="A19800" s="2" t="s">
        <v>11458</v>
      </c>
      <c r="B19800" s="6">
        <v>329620.05</v>
      </c>
      <c r="C19800" s="7">
        <f t="shared" si="309"/>
        <v>329.62004999999999</v>
      </c>
    </row>
    <row r="19801" spans="1:3" x14ac:dyDescent="0.25">
      <c r="A19801" s="2" t="s">
        <v>11459</v>
      </c>
      <c r="B19801" s="6">
        <v>329636.69999999995</v>
      </c>
      <c r="C19801" s="7">
        <f t="shared" si="309"/>
        <v>329.63669999999996</v>
      </c>
    </row>
    <row r="19802" spans="1:3" x14ac:dyDescent="0.25">
      <c r="A19802" s="2" t="s">
        <v>11460</v>
      </c>
      <c r="B19802" s="6">
        <v>329653.34999999998</v>
      </c>
      <c r="C19802" s="7">
        <f t="shared" si="309"/>
        <v>329.65334999999999</v>
      </c>
    </row>
    <row r="19803" spans="1:3" x14ac:dyDescent="0.25">
      <c r="A19803" s="2" t="s">
        <v>11461</v>
      </c>
      <c r="B19803" s="6">
        <v>329670</v>
      </c>
      <c r="C19803" s="7">
        <f t="shared" si="309"/>
        <v>329.67</v>
      </c>
    </row>
    <row r="19804" spans="1:3" x14ac:dyDescent="0.25">
      <c r="A19804" s="2" t="s">
        <v>11462</v>
      </c>
      <c r="B19804" s="6">
        <v>329686.64999999997</v>
      </c>
      <c r="C19804" s="7">
        <f t="shared" si="309"/>
        <v>329.68664999999999</v>
      </c>
    </row>
    <row r="19805" spans="1:3" x14ac:dyDescent="0.25">
      <c r="A19805" s="2" t="s">
        <v>11463</v>
      </c>
      <c r="B19805" s="6">
        <v>329703.3</v>
      </c>
      <c r="C19805" s="7">
        <f t="shared" si="309"/>
        <v>329.70330000000001</v>
      </c>
    </row>
    <row r="19806" spans="1:3" x14ac:dyDescent="0.25">
      <c r="A19806" s="2" t="s">
        <v>11464</v>
      </c>
      <c r="B19806" s="6">
        <v>329719.94999999995</v>
      </c>
      <c r="C19806" s="7">
        <f t="shared" si="309"/>
        <v>329.71994999999993</v>
      </c>
    </row>
    <row r="19807" spans="1:3" x14ac:dyDescent="0.25">
      <c r="A19807" s="2" t="s">
        <v>11465</v>
      </c>
      <c r="B19807" s="6">
        <v>329736.59999999998</v>
      </c>
      <c r="C19807" s="7">
        <f t="shared" si="309"/>
        <v>329.73659999999995</v>
      </c>
    </row>
    <row r="19808" spans="1:3" x14ac:dyDescent="0.25">
      <c r="A19808" s="2" t="s">
        <v>11466</v>
      </c>
      <c r="B19808" s="6">
        <v>329753.25</v>
      </c>
      <c r="C19808" s="7">
        <f t="shared" si="309"/>
        <v>329.75324999999998</v>
      </c>
    </row>
    <row r="19809" spans="1:3" x14ac:dyDescent="0.25">
      <c r="A19809" s="2" t="s">
        <v>11467</v>
      </c>
      <c r="B19809" s="6">
        <v>329769.89999999997</v>
      </c>
      <c r="C19809" s="7">
        <f t="shared" si="309"/>
        <v>329.76989999999995</v>
      </c>
    </row>
    <row r="19810" spans="1:3" x14ac:dyDescent="0.25">
      <c r="A19810" s="2" t="s">
        <v>11468</v>
      </c>
      <c r="B19810" s="6">
        <v>329786.55</v>
      </c>
      <c r="C19810" s="7">
        <f t="shared" si="309"/>
        <v>329.78654999999998</v>
      </c>
    </row>
    <row r="19811" spans="1:3" x14ac:dyDescent="0.25">
      <c r="A19811" s="2" t="s">
        <v>11469</v>
      </c>
      <c r="B19811" s="6">
        <v>329803.19999999995</v>
      </c>
      <c r="C19811" s="7">
        <f t="shared" si="309"/>
        <v>329.80319999999995</v>
      </c>
    </row>
    <row r="19812" spans="1:3" x14ac:dyDescent="0.25">
      <c r="A19812" s="2" t="s">
        <v>11470</v>
      </c>
      <c r="B19812" s="6">
        <v>329819.84999999998</v>
      </c>
      <c r="C19812" s="7">
        <f t="shared" si="309"/>
        <v>329.81984999999997</v>
      </c>
    </row>
    <row r="19813" spans="1:3" x14ac:dyDescent="0.25">
      <c r="A19813" s="2" t="s">
        <v>11471</v>
      </c>
      <c r="B19813" s="6">
        <v>329836.5</v>
      </c>
      <c r="C19813" s="7">
        <f t="shared" si="309"/>
        <v>329.8365</v>
      </c>
    </row>
    <row r="19814" spans="1:3" x14ac:dyDescent="0.25">
      <c r="A19814" s="2" t="s">
        <v>11472</v>
      </c>
      <c r="B19814" s="6">
        <v>329853.14999999997</v>
      </c>
      <c r="C19814" s="7">
        <f t="shared" si="309"/>
        <v>329.85314999999997</v>
      </c>
    </row>
    <row r="19815" spans="1:3" x14ac:dyDescent="0.25">
      <c r="A19815" s="2" t="s">
        <v>11473</v>
      </c>
      <c r="B19815" s="6">
        <v>329869.8</v>
      </c>
      <c r="C19815" s="7">
        <f t="shared" si="309"/>
        <v>329.8698</v>
      </c>
    </row>
    <row r="19816" spans="1:3" x14ac:dyDescent="0.25">
      <c r="A19816" s="2" t="s">
        <v>11474</v>
      </c>
      <c r="B19816" s="6">
        <v>329886.44999999995</v>
      </c>
      <c r="C19816" s="7">
        <f t="shared" si="309"/>
        <v>329.88644999999997</v>
      </c>
    </row>
    <row r="19817" spans="1:3" x14ac:dyDescent="0.25">
      <c r="A19817" s="2" t="s">
        <v>11475</v>
      </c>
      <c r="B19817" s="6">
        <v>329903.09999999998</v>
      </c>
      <c r="C19817" s="7">
        <f t="shared" si="309"/>
        <v>329.90309999999999</v>
      </c>
    </row>
    <row r="19818" spans="1:3" x14ac:dyDescent="0.25">
      <c r="A19818" s="2" t="s">
        <v>11476</v>
      </c>
      <c r="B19818" s="6">
        <v>329919.75</v>
      </c>
      <c r="C19818" s="7">
        <f t="shared" si="309"/>
        <v>329.91975000000002</v>
      </c>
    </row>
    <row r="19819" spans="1:3" x14ac:dyDescent="0.25">
      <c r="A19819" s="2" t="s">
        <v>11477</v>
      </c>
      <c r="B19819" s="6">
        <v>329936.39999999997</v>
      </c>
      <c r="C19819" s="7">
        <f t="shared" si="309"/>
        <v>329.93639999999999</v>
      </c>
    </row>
    <row r="19820" spans="1:3" x14ac:dyDescent="0.25">
      <c r="A19820" s="2" t="s">
        <v>11478</v>
      </c>
      <c r="B19820" s="6">
        <v>329953.05</v>
      </c>
      <c r="C19820" s="7">
        <f t="shared" si="309"/>
        <v>329.95304999999996</v>
      </c>
    </row>
    <row r="19821" spans="1:3" x14ac:dyDescent="0.25">
      <c r="A19821" s="2" t="s">
        <v>11479</v>
      </c>
      <c r="B19821" s="6">
        <v>329969.69999999995</v>
      </c>
      <c r="C19821" s="7">
        <f t="shared" si="309"/>
        <v>329.96969999999993</v>
      </c>
    </row>
    <row r="19822" spans="1:3" x14ac:dyDescent="0.25">
      <c r="A19822" s="2" t="s">
        <v>11480</v>
      </c>
      <c r="B19822" s="6">
        <v>329986.34999999998</v>
      </c>
      <c r="C19822" s="7">
        <f t="shared" si="309"/>
        <v>329.98634999999996</v>
      </c>
    </row>
    <row r="19823" spans="1:3" x14ac:dyDescent="0.25">
      <c r="A19823" s="2" t="s">
        <v>11481</v>
      </c>
      <c r="B19823" s="6">
        <v>330003</v>
      </c>
      <c r="C19823" s="7">
        <f t="shared" si="309"/>
        <v>330.00299999999999</v>
      </c>
    </row>
    <row r="19824" spans="1:3" x14ac:dyDescent="0.25">
      <c r="A19824" s="2" t="s">
        <v>11482</v>
      </c>
      <c r="B19824" s="6">
        <v>330019.64999999997</v>
      </c>
      <c r="C19824" s="7">
        <f t="shared" si="309"/>
        <v>330.01964999999996</v>
      </c>
    </row>
    <row r="19825" spans="1:3" x14ac:dyDescent="0.25">
      <c r="A19825" s="2" t="s">
        <v>11483</v>
      </c>
      <c r="B19825" s="6">
        <v>330036.3</v>
      </c>
      <c r="C19825" s="7">
        <f t="shared" si="309"/>
        <v>330.03629999999998</v>
      </c>
    </row>
    <row r="19826" spans="1:3" x14ac:dyDescent="0.25">
      <c r="A19826" s="2" t="s">
        <v>11484</v>
      </c>
      <c r="B19826" s="6">
        <v>330052.94999999995</v>
      </c>
      <c r="C19826" s="7">
        <f t="shared" si="309"/>
        <v>330.05294999999995</v>
      </c>
    </row>
    <row r="19827" spans="1:3" x14ac:dyDescent="0.25">
      <c r="A19827" s="2" t="s">
        <v>11485</v>
      </c>
      <c r="B19827" s="6">
        <v>330069.59999999998</v>
      </c>
      <c r="C19827" s="7">
        <f t="shared" si="309"/>
        <v>330.06959999999998</v>
      </c>
    </row>
    <row r="19828" spans="1:3" x14ac:dyDescent="0.25">
      <c r="A19828" s="2" t="s">
        <v>11486</v>
      </c>
      <c r="B19828" s="6">
        <v>330086.25</v>
      </c>
      <c r="C19828" s="7">
        <f t="shared" si="309"/>
        <v>330.08625000000001</v>
      </c>
    </row>
    <row r="19829" spans="1:3" x14ac:dyDescent="0.25">
      <c r="A19829" s="2" t="s">
        <v>11487</v>
      </c>
      <c r="B19829" s="6">
        <v>330102.89999999997</v>
      </c>
      <c r="C19829" s="7">
        <f t="shared" si="309"/>
        <v>330.10289999999998</v>
      </c>
    </row>
    <row r="19830" spans="1:3" x14ac:dyDescent="0.25">
      <c r="A19830" s="2" t="s">
        <v>11488</v>
      </c>
      <c r="B19830" s="6">
        <v>330119.55</v>
      </c>
      <c r="C19830" s="7">
        <f t="shared" si="309"/>
        <v>330.11955</v>
      </c>
    </row>
    <row r="19831" spans="1:3" x14ac:dyDescent="0.25">
      <c r="A19831" s="2" t="s">
        <v>11489</v>
      </c>
      <c r="B19831" s="6">
        <v>330136.19999999995</v>
      </c>
      <c r="C19831" s="7">
        <f t="shared" si="309"/>
        <v>330.13619999999997</v>
      </c>
    </row>
    <row r="19832" spans="1:3" x14ac:dyDescent="0.25">
      <c r="A19832" s="2" t="s">
        <v>11490</v>
      </c>
      <c r="B19832" s="6">
        <v>330152.84999999998</v>
      </c>
      <c r="C19832" s="7">
        <f t="shared" si="309"/>
        <v>330.15285</v>
      </c>
    </row>
    <row r="19833" spans="1:3" x14ac:dyDescent="0.25">
      <c r="A19833" s="2" t="s">
        <v>11491</v>
      </c>
      <c r="B19833" s="6">
        <v>330169.5</v>
      </c>
      <c r="C19833" s="7">
        <f t="shared" si="309"/>
        <v>330.16950000000003</v>
      </c>
    </row>
    <row r="19834" spans="1:3" x14ac:dyDescent="0.25">
      <c r="A19834" s="2" t="s">
        <v>11492</v>
      </c>
      <c r="B19834" s="6">
        <v>330186.14999999997</v>
      </c>
      <c r="C19834" s="7">
        <f t="shared" si="309"/>
        <v>330.18614999999994</v>
      </c>
    </row>
    <row r="19835" spans="1:3" x14ac:dyDescent="0.25">
      <c r="A19835" s="2" t="s">
        <v>11493</v>
      </c>
      <c r="B19835" s="6">
        <v>330202.8</v>
      </c>
      <c r="C19835" s="7">
        <f t="shared" si="309"/>
        <v>330.20279999999997</v>
      </c>
    </row>
    <row r="19836" spans="1:3" x14ac:dyDescent="0.25">
      <c r="A19836" s="2" t="s">
        <v>11494</v>
      </c>
      <c r="B19836" s="6">
        <v>330219.44999999995</v>
      </c>
      <c r="C19836" s="7">
        <f t="shared" si="309"/>
        <v>330.21944999999994</v>
      </c>
    </row>
    <row r="19837" spans="1:3" x14ac:dyDescent="0.25">
      <c r="A19837" s="2" t="s">
        <v>11495</v>
      </c>
      <c r="B19837" s="6">
        <v>330236.09999999998</v>
      </c>
      <c r="C19837" s="7">
        <f t="shared" si="309"/>
        <v>330.23609999999996</v>
      </c>
    </row>
    <row r="19838" spans="1:3" x14ac:dyDescent="0.25">
      <c r="A19838" s="2" t="s">
        <v>11496</v>
      </c>
      <c r="B19838" s="6">
        <v>330252.75</v>
      </c>
      <c r="C19838" s="7">
        <f t="shared" si="309"/>
        <v>330.25274999999999</v>
      </c>
    </row>
    <row r="19839" spans="1:3" x14ac:dyDescent="0.25">
      <c r="A19839" s="2" t="s">
        <v>11497</v>
      </c>
      <c r="B19839" s="6">
        <v>330269.39999999997</v>
      </c>
      <c r="C19839" s="7">
        <f t="shared" si="309"/>
        <v>330.26939999999996</v>
      </c>
    </row>
    <row r="19840" spans="1:3" x14ac:dyDescent="0.25">
      <c r="A19840" s="2" t="s">
        <v>11498</v>
      </c>
      <c r="B19840" s="6">
        <v>330286.05</v>
      </c>
      <c r="C19840" s="7">
        <f t="shared" si="309"/>
        <v>330.28604999999999</v>
      </c>
    </row>
    <row r="19841" spans="1:3" x14ac:dyDescent="0.25">
      <c r="A19841" s="2" t="s">
        <v>11499</v>
      </c>
      <c r="B19841" s="6">
        <v>330302.69999999995</v>
      </c>
      <c r="C19841" s="7">
        <f t="shared" si="309"/>
        <v>330.30269999999996</v>
      </c>
    </row>
    <row r="19842" spans="1:3" x14ac:dyDescent="0.25">
      <c r="A19842" s="2" t="s">
        <v>11500</v>
      </c>
      <c r="B19842" s="6">
        <v>330319.34999999998</v>
      </c>
      <c r="C19842" s="7">
        <f t="shared" si="309"/>
        <v>330.31934999999999</v>
      </c>
    </row>
    <row r="19843" spans="1:3" x14ac:dyDescent="0.25">
      <c r="A19843" s="2" t="s">
        <v>11501</v>
      </c>
      <c r="B19843" s="6">
        <v>330336</v>
      </c>
      <c r="C19843" s="7">
        <f t="shared" ref="C19843:C19906" si="310">B19843/1000</f>
        <v>330.33600000000001</v>
      </c>
    </row>
    <row r="19844" spans="1:3" x14ac:dyDescent="0.25">
      <c r="A19844" s="2" t="s">
        <v>11502</v>
      </c>
      <c r="B19844" s="6">
        <v>330352.64999999997</v>
      </c>
      <c r="C19844" s="7">
        <f t="shared" si="310"/>
        <v>330.35264999999998</v>
      </c>
    </row>
    <row r="19845" spans="1:3" x14ac:dyDescent="0.25">
      <c r="A19845" s="2" t="s">
        <v>11503</v>
      </c>
      <c r="B19845" s="6">
        <v>330369.3</v>
      </c>
      <c r="C19845" s="7">
        <f t="shared" si="310"/>
        <v>330.36930000000001</v>
      </c>
    </row>
    <row r="19846" spans="1:3" x14ac:dyDescent="0.25">
      <c r="A19846" s="2" t="s">
        <v>11504</v>
      </c>
      <c r="B19846" s="6">
        <v>330385.94999999995</v>
      </c>
      <c r="C19846" s="7">
        <f t="shared" si="310"/>
        <v>330.38594999999998</v>
      </c>
    </row>
    <row r="19847" spans="1:3" x14ac:dyDescent="0.25">
      <c r="A19847" s="2" t="s">
        <v>11505</v>
      </c>
      <c r="B19847" s="6">
        <v>330402.59999999998</v>
      </c>
      <c r="C19847" s="7">
        <f t="shared" si="310"/>
        <v>330.40259999999995</v>
      </c>
    </row>
    <row r="19848" spans="1:3" x14ac:dyDescent="0.25">
      <c r="A19848" s="2" t="s">
        <v>11506</v>
      </c>
      <c r="B19848" s="6">
        <v>330419.25</v>
      </c>
      <c r="C19848" s="7">
        <f t="shared" si="310"/>
        <v>330.41924999999998</v>
      </c>
    </row>
    <row r="19849" spans="1:3" x14ac:dyDescent="0.25">
      <c r="A19849" s="2" t="s">
        <v>11507</v>
      </c>
      <c r="B19849" s="6">
        <v>330435.89999999997</v>
      </c>
      <c r="C19849" s="7">
        <f t="shared" si="310"/>
        <v>330.43589999999995</v>
      </c>
    </row>
    <row r="19850" spans="1:3" x14ac:dyDescent="0.25">
      <c r="A19850" s="2" t="s">
        <v>11508</v>
      </c>
      <c r="B19850" s="6">
        <v>330452.55</v>
      </c>
      <c r="C19850" s="7">
        <f t="shared" si="310"/>
        <v>330.45254999999997</v>
      </c>
    </row>
    <row r="19851" spans="1:3" x14ac:dyDescent="0.25">
      <c r="A19851" s="2" t="s">
        <v>11509</v>
      </c>
      <c r="B19851" s="6">
        <v>330469.19999999995</v>
      </c>
      <c r="C19851" s="7">
        <f t="shared" si="310"/>
        <v>330.46919999999994</v>
      </c>
    </row>
    <row r="19852" spans="1:3" x14ac:dyDescent="0.25">
      <c r="A19852" s="2" t="s">
        <v>11510</v>
      </c>
      <c r="B19852" s="6">
        <v>330485.84999999998</v>
      </c>
      <c r="C19852" s="7">
        <f t="shared" si="310"/>
        <v>330.48584999999997</v>
      </c>
    </row>
    <row r="19853" spans="1:3" x14ac:dyDescent="0.25">
      <c r="A19853" s="2" t="s">
        <v>11511</v>
      </c>
      <c r="B19853" s="6">
        <v>330502.5</v>
      </c>
      <c r="C19853" s="7">
        <f t="shared" si="310"/>
        <v>330.5025</v>
      </c>
    </row>
    <row r="19854" spans="1:3" x14ac:dyDescent="0.25">
      <c r="A19854" s="2" t="s">
        <v>11512</v>
      </c>
      <c r="B19854" s="6">
        <v>330519.14999999997</v>
      </c>
      <c r="C19854" s="7">
        <f t="shared" si="310"/>
        <v>330.51914999999997</v>
      </c>
    </row>
    <row r="19855" spans="1:3" x14ac:dyDescent="0.25">
      <c r="A19855" s="2" t="s">
        <v>11513</v>
      </c>
      <c r="B19855" s="6">
        <v>330535.8</v>
      </c>
      <c r="C19855" s="7">
        <f t="shared" si="310"/>
        <v>330.53579999999999</v>
      </c>
    </row>
    <row r="19856" spans="1:3" x14ac:dyDescent="0.25">
      <c r="A19856" s="2" t="s">
        <v>11514</v>
      </c>
      <c r="B19856" s="6">
        <v>330552.44999999995</v>
      </c>
      <c r="C19856" s="7">
        <f t="shared" si="310"/>
        <v>330.55244999999996</v>
      </c>
    </row>
    <row r="19857" spans="1:3" x14ac:dyDescent="0.25">
      <c r="A19857" s="2" t="s">
        <v>11515</v>
      </c>
      <c r="B19857" s="6">
        <v>330569.09999999998</v>
      </c>
      <c r="C19857" s="7">
        <f t="shared" si="310"/>
        <v>330.56909999999999</v>
      </c>
    </row>
    <row r="19858" spans="1:3" x14ac:dyDescent="0.25">
      <c r="A19858" s="2" t="s">
        <v>11516</v>
      </c>
      <c r="B19858" s="6">
        <v>330585.75</v>
      </c>
      <c r="C19858" s="7">
        <f t="shared" si="310"/>
        <v>330.58575000000002</v>
      </c>
    </row>
    <row r="19859" spans="1:3" x14ac:dyDescent="0.25">
      <c r="A19859" s="2" t="s">
        <v>11517</v>
      </c>
      <c r="B19859" s="6">
        <v>330602.39999999997</v>
      </c>
      <c r="C19859" s="7">
        <f t="shared" si="310"/>
        <v>330.60239999999999</v>
      </c>
    </row>
    <row r="19860" spans="1:3" x14ac:dyDescent="0.25">
      <c r="A19860" s="2" t="s">
        <v>11518</v>
      </c>
      <c r="B19860" s="6">
        <v>330619.05</v>
      </c>
      <c r="C19860" s="7">
        <f t="shared" si="310"/>
        <v>330.61905000000002</v>
      </c>
    </row>
    <row r="19861" spans="1:3" x14ac:dyDescent="0.25">
      <c r="A19861" s="2" t="s">
        <v>11519</v>
      </c>
      <c r="B19861" s="6">
        <v>330635.69999999995</v>
      </c>
      <c r="C19861" s="7">
        <f t="shared" si="310"/>
        <v>330.63569999999993</v>
      </c>
    </row>
    <row r="19862" spans="1:3" x14ac:dyDescent="0.25">
      <c r="A19862" s="2" t="s">
        <v>11520</v>
      </c>
      <c r="B19862" s="6">
        <v>330652.34999999998</v>
      </c>
      <c r="C19862" s="7">
        <f t="shared" si="310"/>
        <v>330.65234999999996</v>
      </c>
    </row>
    <row r="19863" spans="1:3" x14ac:dyDescent="0.25">
      <c r="A19863" s="2" t="s">
        <v>11521</v>
      </c>
      <c r="B19863" s="6">
        <v>330669</v>
      </c>
      <c r="C19863" s="7">
        <f t="shared" si="310"/>
        <v>330.66899999999998</v>
      </c>
    </row>
    <row r="19864" spans="1:3" x14ac:dyDescent="0.25">
      <c r="A19864" s="2" t="s">
        <v>11522</v>
      </c>
      <c r="B19864" s="6">
        <v>330685.64999999997</v>
      </c>
      <c r="C19864" s="7">
        <f t="shared" si="310"/>
        <v>330.68564999999995</v>
      </c>
    </row>
    <row r="19865" spans="1:3" x14ac:dyDescent="0.25">
      <c r="A19865" s="2" t="s">
        <v>11523</v>
      </c>
      <c r="B19865" s="6">
        <v>330702.3</v>
      </c>
      <c r="C19865" s="7">
        <f t="shared" si="310"/>
        <v>330.70229999999998</v>
      </c>
    </row>
    <row r="19866" spans="1:3" x14ac:dyDescent="0.25">
      <c r="A19866" s="2" t="s">
        <v>11524</v>
      </c>
      <c r="B19866" s="6">
        <v>330718.94999999995</v>
      </c>
      <c r="C19866" s="7">
        <f t="shared" si="310"/>
        <v>330.71894999999995</v>
      </c>
    </row>
    <row r="19867" spans="1:3" x14ac:dyDescent="0.25">
      <c r="A19867" s="2" t="s">
        <v>11525</v>
      </c>
      <c r="B19867" s="6">
        <v>330735.59999999998</v>
      </c>
      <c r="C19867" s="7">
        <f t="shared" si="310"/>
        <v>330.73559999999998</v>
      </c>
    </row>
    <row r="19868" spans="1:3" x14ac:dyDescent="0.25">
      <c r="A19868" s="2" t="s">
        <v>11526</v>
      </c>
      <c r="B19868" s="6">
        <v>330752.25</v>
      </c>
      <c r="C19868" s="7">
        <f t="shared" si="310"/>
        <v>330.75225</v>
      </c>
    </row>
    <row r="19869" spans="1:3" x14ac:dyDescent="0.25">
      <c r="A19869" s="2" t="s">
        <v>11527</v>
      </c>
      <c r="B19869" s="6">
        <v>330768.89999999997</v>
      </c>
      <c r="C19869" s="7">
        <f t="shared" si="310"/>
        <v>330.76889999999997</v>
      </c>
    </row>
    <row r="19870" spans="1:3" x14ac:dyDescent="0.25">
      <c r="A19870" s="2" t="s">
        <v>11528</v>
      </c>
      <c r="B19870" s="6">
        <v>330785.55</v>
      </c>
      <c r="C19870" s="7">
        <f t="shared" si="310"/>
        <v>330.78555</v>
      </c>
    </row>
    <row r="19871" spans="1:3" x14ac:dyDescent="0.25">
      <c r="A19871" s="2" t="s">
        <v>11529</v>
      </c>
      <c r="B19871" s="6">
        <v>330802.19999999995</v>
      </c>
      <c r="C19871" s="7">
        <f t="shared" si="310"/>
        <v>330.80219999999997</v>
      </c>
    </row>
    <row r="19872" spans="1:3" x14ac:dyDescent="0.25">
      <c r="A19872" s="2" t="s">
        <v>11530</v>
      </c>
      <c r="B19872" s="6">
        <v>330818.84999999998</v>
      </c>
      <c r="C19872" s="7">
        <f t="shared" si="310"/>
        <v>330.81885</v>
      </c>
    </row>
    <row r="19873" spans="1:3" x14ac:dyDescent="0.25">
      <c r="A19873" s="2" t="s">
        <v>11531</v>
      </c>
      <c r="B19873" s="6">
        <v>330835.5</v>
      </c>
      <c r="C19873" s="7">
        <f t="shared" si="310"/>
        <v>330.83550000000002</v>
      </c>
    </row>
    <row r="19874" spans="1:3" x14ac:dyDescent="0.25">
      <c r="A19874" s="2" t="s">
        <v>11532</v>
      </c>
      <c r="B19874" s="6">
        <v>330852.14999999997</v>
      </c>
      <c r="C19874" s="7">
        <f t="shared" si="310"/>
        <v>330.85214999999994</v>
      </c>
    </row>
    <row r="19875" spans="1:3" x14ac:dyDescent="0.25">
      <c r="A19875" s="2" t="s">
        <v>11533</v>
      </c>
      <c r="B19875" s="6">
        <v>330868.8</v>
      </c>
      <c r="C19875" s="7">
        <f t="shared" si="310"/>
        <v>330.86879999999996</v>
      </c>
    </row>
    <row r="19876" spans="1:3" x14ac:dyDescent="0.25">
      <c r="A19876" s="2" t="s">
        <v>11534</v>
      </c>
      <c r="B19876" s="6">
        <v>330885.44999999995</v>
      </c>
      <c r="C19876" s="7">
        <f t="shared" si="310"/>
        <v>330.88544999999993</v>
      </c>
    </row>
    <row r="19877" spans="1:3" x14ac:dyDescent="0.25">
      <c r="A19877" s="2" t="s">
        <v>11535</v>
      </c>
      <c r="B19877" s="6">
        <v>330902.09999999998</v>
      </c>
      <c r="C19877" s="7">
        <f t="shared" si="310"/>
        <v>330.90209999999996</v>
      </c>
    </row>
    <row r="19878" spans="1:3" x14ac:dyDescent="0.25">
      <c r="A19878" s="2" t="s">
        <v>11536</v>
      </c>
      <c r="B19878" s="6">
        <v>330918.75</v>
      </c>
      <c r="C19878" s="7">
        <f t="shared" si="310"/>
        <v>330.91874999999999</v>
      </c>
    </row>
    <row r="19879" spans="1:3" x14ac:dyDescent="0.25">
      <c r="A19879" s="2" t="s">
        <v>11537</v>
      </c>
      <c r="B19879" s="6">
        <v>330935.39999999997</v>
      </c>
      <c r="C19879" s="7">
        <f t="shared" si="310"/>
        <v>330.93539999999996</v>
      </c>
    </row>
    <row r="19880" spans="1:3" x14ac:dyDescent="0.25">
      <c r="A19880" s="2" t="s">
        <v>11538</v>
      </c>
      <c r="B19880" s="6">
        <v>330952.05</v>
      </c>
      <c r="C19880" s="7">
        <f t="shared" si="310"/>
        <v>330.95204999999999</v>
      </c>
    </row>
    <row r="19881" spans="1:3" x14ac:dyDescent="0.25">
      <c r="A19881" s="2" t="s">
        <v>11539</v>
      </c>
      <c r="B19881" s="6">
        <v>330968.69999999995</v>
      </c>
      <c r="C19881" s="7">
        <f t="shared" si="310"/>
        <v>330.96869999999996</v>
      </c>
    </row>
    <row r="19882" spans="1:3" x14ac:dyDescent="0.25">
      <c r="A19882" s="2" t="s">
        <v>11540</v>
      </c>
      <c r="B19882" s="6">
        <v>330985.34999999998</v>
      </c>
      <c r="C19882" s="7">
        <f t="shared" si="310"/>
        <v>330.98534999999998</v>
      </c>
    </row>
    <row r="19883" spans="1:3" x14ac:dyDescent="0.25">
      <c r="A19883" s="2" t="s">
        <v>11541</v>
      </c>
      <c r="B19883" s="6">
        <v>331002</v>
      </c>
      <c r="C19883" s="7">
        <f t="shared" si="310"/>
        <v>331.00200000000001</v>
      </c>
    </row>
    <row r="19884" spans="1:3" x14ac:dyDescent="0.25">
      <c r="A19884" s="2" t="s">
        <v>11542</v>
      </c>
      <c r="B19884" s="6">
        <v>331018.64999999997</v>
      </c>
      <c r="C19884" s="7">
        <f t="shared" si="310"/>
        <v>331.01864999999998</v>
      </c>
    </row>
    <row r="19885" spans="1:3" x14ac:dyDescent="0.25">
      <c r="A19885" s="2" t="s">
        <v>11543</v>
      </c>
      <c r="B19885" s="6">
        <v>331035.3</v>
      </c>
      <c r="C19885" s="7">
        <f t="shared" si="310"/>
        <v>331.03530000000001</v>
      </c>
    </row>
    <row r="19886" spans="1:3" x14ac:dyDescent="0.25">
      <c r="A19886" s="2" t="s">
        <v>11544</v>
      </c>
      <c r="B19886" s="6">
        <v>331051.94999999995</v>
      </c>
      <c r="C19886" s="7">
        <f t="shared" si="310"/>
        <v>331.05194999999998</v>
      </c>
    </row>
    <row r="19887" spans="1:3" x14ac:dyDescent="0.25">
      <c r="A19887" s="2" t="s">
        <v>11545</v>
      </c>
      <c r="B19887" s="6">
        <v>331068.59999999998</v>
      </c>
      <c r="C19887" s="7">
        <f t="shared" si="310"/>
        <v>331.0686</v>
      </c>
    </row>
    <row r="19888" spans="1:3" x14ac:dyDescent="0.25">
      <c r="A19888" s="2" t="s">
        <v>11546</v>
      </c>
      <c r="B19888" s="6">
        <v>331085.25</v>
      </c>
      <c r="C19888" s="7">
        <f t="shared" si="310"/>
        <v>331.08524999999997</v>
      </c>
    </row>
    <row r="19889" spans="1:3" x14ac:dyDescent="0.25">
      <c r="A19889" s="2" t="s">
        <v>11547</v>
      </c>
      <c r="B19889" s="6">
        <v>331101.89999999997</v>
      </c>
      <c r="C19889" s="7">
        <f t="shared" si="310"/>
        <v>331.10189999999994</v>
      </c>
    </row>
    <row r="19890" spans="1:3" x14ac:dyDescent="0.25">
      <c r="A19890" s="2" t="s">
        <v>11548</v>
      </c>
      <c r="B19890" s="6">
        <v>331118.55</v>
      </c>
      <c r="C19890" s="7">
        <f t="shared" si="310"/>
        <v>331.11854999999997</v>
      </c>
    </row>
    <row r="19891" spans="1:3" x14ac:dyDescent="0.25">
      <c r="A19891" s="2" t="s">
        <v>11549</v>
      </c>
      <c r="B19891" s="6">
        <v>331135.19999999995</v>
      </c>
      <c r="C19891" s="7">
        <f t="shared" si="310"/>
        <v>331.13519999999994</v>
      </c>
    </row>
    <row r="19892" spans="1:3" x14ac:dyDescent="0.25">
      <c r="A19892" s="2" t="s">
        <v>11550</v>
      </c>
      <c r="B19892" s="6">
        <v>331151.84999999998</v>
      </c>
      <c r="C19892" s="7">
        <f t="shared" si="310"/>
        <v>331.15184999999997</v>
      </c>
    </row>
    <row r="19893" spans="1:3" x14ac:dyDescent="0.25">
      <c r="A19893" s="2" t="s">
        <v>11551</v>
      </c>
      <c r="B19893" s="6">
        <v>331168.5</v>
      </c>
      <c r="C19893" s="7">
        <f t="shared" si="310"/>
        <v>331.16849999999999</v>
      </c>
    </row>
    <row r="19894" spans="1:3" x14ac:dyDescent="0.25">
      <c r="A19894" s="2" t="s">
        <v>11552</v>
      </c>
      <c r="B19894" s="6">
        <v>331185.14999999997</v>
      </c>
      <c r="C19894" s="7">
        <f t="shared" si="310"/>
        <v>331.18514999999996</v>
      </c>
    </row>
    <row r="19895" spans="1:3" x14ac:dyDescent="0.25">
      <c r="A19895" s="2" t="s">
        <v>11553</v>
      </c>
      <c r="B19895" s="6">
        <v>331201.8</v>
      </c>
      <c r="C19895" s="7">
        <f t="shared" si="310"/>
        <v>331.20179999999999</v>
      </c>
    </row>
    <row r="19896" spans="1:3" x14ac:dyDescent="0.25">
      <c r="A19896" s="2" t="s">
        <v>11554</v>
      </c>
      <c r="B19896" s="6">
        <v>331218.44999999995</v>
      </c>
      <c r="C19896" s="7">
        <f t="shared" si="310"/>
        <v>331.21844999999996</v>
      </c>
    </row>
    <row r="19897" spans="1:3" x14ac:dyDescent="0.25">
      <c r="A19897" s="2" t="s">
        <v>11555</v>
      </c>
      <c r="B19897" s="6">
        <v>331235.09999999998</v>
      </c>
      <c r="C19897" s="7">
        <f t="shared" si="310"/>
        <v>331.23509999999999</v>
      </c>
    </row>
    <row r="19898" spans="1:3" x14ac:dyDescent="0.25">
      <c r="A19898" s="2" t="s">
        <v>11556</v>
      </c>
      <c r="B19898" s="6">
        <v>331251.75</v>
      </c>
      <c r="C19898" s="7">
        <f t="shared" si="310"/>
        <v>331.25175000000002</v>
      </c>
    </row>
    <row r="19899" spans="1:3" x14ac:dyDescent="0.25">
      <c r="A19899" s="2" t="s">
        <v>11557</v>
      </c>
      <c r="B19899" s="6">
        <v>331268.39999999997</v>
      </c>
      <c r="C19899" s="7">
        <f t="shared" si="310"/>
        <v>331.26839999999999</v>
      </c>
    </row>
    <row r="19900" spans="1:3" x14ac:dyDescent="0.25">
      <c r="A19900" s="2" t="s">
        <v>11558</v>
      </c>
      <c r="B19900" s="6">
        <v>331285.05</v>
      </c>
      <c r="C19900" s="7">
        <f t="shared" si="310"/>
        <v>331.28505000000001</v>
      </c>
    </row>
    <row r="19901" spans="1:3" x14ac:dyDescent="0.25">
      <c r="A19901" s="2" t="s">
        <v>11559</v>
      </c>
      <c r="B19901" s="6">
        <v>331301.69999999995</v>
      </c>
      <c r="C19901" s="7">
        <f t="shared" si="310"/>
        <v>331.30169999999993</v>
      </c>
    </row>
    <row r="19902" spans="1:3" x14ac:dyDescent="0.25">
      <c r="A19902" s="2" t="s">
        <v>11560</v>
      </c>
      <c r="B19902" s="6">
        <v>331318.34999999998</v>
      </c>
      <c r="C19902" s="7">
        <f t="shared" si="310"/>
        <v>331.31834999999995</v>
      </c>
    </row>
    <row r="19903" spans="1:3" x14ac:dyDescent="0.25">
      <c r="A19903" s="2" t="s">
        <v>11561</v>
      </c>
      <c r="B19903" s="6">
        <v>331335</v>
      </c>
      <c r="C19903" s="7">
        <f t="shared" si="310"/>
        <v>331.33499999999998</v>
      </c>
    </row>
    <row r="19904" spans="1:3" x14ac:dyDescent="0.25">
      <c r="A19904" s="2" t="s">
        <v>11562</v>
      </c>
      <c r="B19904" s="6">
        <v>331351.64999999997</v>
      </c>
      <c r="C19904" s="7">
        <f t="shared" si="310"/>
        <v>331.35164999999995</v>
      </c>
    </row>
    <row r="19905" spans="1:3" x14ac:dyDescent="0.25">
      <c r="A19905" s="2" t="s">
        <v>11563</v>
      </c>
      <c r="B19905" s="6">
        <v>331368.3</v>
      </c>
      <c r="C19905" s="7">
        <f t="shared" si="310"/>
        <v>331.36829999999998</v>
      </c>
    </row>
    <row r="19906" spans="1:3" x14ac:dyDescent="0.25">
      <c r="A19906" s="2" t="s">
        <v>11564</v>
      </c>
      <c r="B19906" s="6">
        <v>331384.94999999995</v>
      </c>
      <c r="C19906" s="7">
        <f t="shared" si="310"/>
        <v>331.38494999999995</v>
      </c>
    </row>
    <row r="19907" spans="1:3" x14ac:dyDescent="0.25">
      <c r="A19907" s="2" t="s">
        <v>11565</v>
      </c>
      <c r="B19907" s="6">
        <v>331401.59999999998</v>
      </c>
      <c r="C19907" s="7">
        <f t="shared" ref="C19907:C19970" si="311">B19907/1000</f>
        <v>331.40159999999997</v>
      </c>
    </row>
    <row r="19908" spans="1:3" x14ac:dyDescent="0.25">
      <c r="A19908" s="2" t="s">
        <v>11566</v>
      </c>
      <c r="B19908" s="6">
        <v>331418.25</v>
      </c>
      <c r="C19908" s="7">
        <f t="shared" si="311"/>
        <v>331.41825</v>
      </c>
    </row>
    <row r="19909" spans="1:3" x14ac:dyDescent="0.25">
      <c r="A19909" s="2" t="s">
        <v>11567</v>
      </c>
      <c r="B19909" s="6">
        <v>331434.89999999997</v>
      </c>
      <c r="C19909" s="7">
        <f t="shared" si="311"/>
        <v>331.43489999999997</v>
      </c>
    </row>
    <row r="19910" spans="1:3" x14ac:dyDescent="0.25">
      <c r="A19910" s="2" t="s">
        <v>11568</v>
      </c>
      <c r="B19910" s="6">
        <v>331451.55</v>
      </c>
      <c r="C19910" s="7">
        <f t="shared" si="311"/>
        <v>331.45155</v>
      </c>
    </row>
    <row r="19911" spans="1:3" x14ac:dyDescent="0.25">
      <c r="A19911" s="2" t="s">
        <v>11569</v>
      </c>
      <c r="B19911" s="6">
        <v>331468.19999999995</v>
      </c>
      <c r="C19911" s="7">
        <f t="shared" si="311"/>
        <v>331.46819999999997</v>
      </c>
    </row>
    <row r="19912" spans="1:3" x14ac:dyDescent="0.25">
      <c r="A19912" s="2" t="s">
        <v>11570</v>
      </c>
      <c r="B19912" s="6">
        <v>331484.84999999998</v>
      </c>
      <c r="C19912" s="7">
        <f t="shared" si="311"/>
        <v>331.48484999999999</v>
      </c>
    </row>
    <row r="19913" spans="1:3" x14ac:dyDescent="0.25">
      <c r="A19913" s="2" t="s">
        <v>11571</v>
      </c>
      <c r="B19913" s="6">
        <v>331501.5</v>
      </c>
      <c r="C19913" s="7">
        <f t="shared" si="311"/>
        <v>331.50150000000002</v>
      </c>
    </row>
    <row r="19914" spans="1:3" x14ac:dyDescent="0.25">
      <c r="A19914" s="2" t="s">
        <v>11572</v>
      </c>
      <c r="B19914" s="6">
        <v>331518.14999999997</v>
      </c>
      <c r="C19914" s="7">
        <f t="shared" si="311"/>
        <v>331.51814999999999</v>
      </c>
    </row>
    <row r="19915" spans="1:3" x14ac:dyDescent="0.25">
      <c r="A19915" s="2" t="s">
        <v>11573</v>
      </c>
      <c r="B19915" s="6">
        <v>331534.8</v>
      </c>
      <c r="C19915" s="7">
        <f t="shared" si="311"/>
        <v>331.53479999999996</v>
      </c>
    </row>
    <row r="19916" spans="1:3" x14ac:dyDescent="0.25">
      <c r="A19916" s="2" t="s">
        <v>11574</v>
      </c>
      <c r="B19916" s="6">
        <v>331551.44999999995</v>
      </c>
      <c r="C19916" s="7">
        <f t="shared" si="311"/>
        <v>331.55144999999993</v>
      </c>
    </row>
    <row r="19917" spans="1:3" x14ac:dyDescent="0.25">
      <c r="A19917" s="2" t="s">
        <v>11575</v>
      </c>
      <c r="B19917" s="6">
        <v>331568.09999999998</v>
      </c>
      <c r="C19917" s="7">
        <f t="shared" si="311"/>
        <v>331.56809999999996</v>
      </c>
    </row>
    <row r="19918" spans="1:3" x14ac:dyDescent="0.25">
      <c r="A19918" s="2" t="s">
        <v>11576</v>
      </c>
      <c r="B19918" s="6">
        <v>331584.75</v>
      </c>
      <c r="C19918" s="7">
        <f t="shared" si="311"/>
        <v>331.58474999999999</v>
      </c>
    </row>
    <row r="19919" spans="1:3" x14ac:dyDescent="0.25">
      <c r="A19919" s="2" t="s">
        <v>11577</v>
      </c>
      <c r="B19919" s="6">
        <v>331601.39999999997</v>
      </c>
      <c r="C19919" s="7">
        <f t="shared" si="311"/>
        <v>331.60139999999996</v>
      </c>
    </row>
    <row r="19920" spans="1:3" x14ac:dyDescent="0.25">
      <c r="A19920" s="2" t="s">
        <v>11578</v>
      </c>
      <c r="B19920" s="6">
        <v>331618.05</v>
      </c>
      <c r="C19920" s="7">
        <f t="shared" si="311"/>
        <v>331.61804999999998</v>
      </c>
    </row>
    <row r="19921" spans="1:3" x14ac:dyDescent="0.25">
      <c r="A19921" s="2" t="s">
        <v>11579</v>
      </c>
      <c r="B19921" s="6">
        <v>331634.69999999995</v>
      </c>
      <c r="C19921" s="7">
        <f t="shared" si="311"/>
        <v>331.63469999999995</v>
      </c>
    </row>
    <row r="19922" spans="1:3" x14ac:dyDescent="0.25">
      <c r="A19922" s="2" t="s">
        <v>11580</v>
      </c>
      <c r="B19922" s="6">
        <v>331651.34999999998</v>
      </c>
      <c r="C19922" s="7">
        <f t="shared" si="311"/>
        <v>331.65134999999998</v>
      </c>
    </row>
    <row r="19923" spans="1:3" x14ac:dyDescent="0.25">
      <c r="A19923" s="2" t="s">
        <v>11581</v>
      </c>
      <c r="B19923" s="6">
        <v>331668</v>
      </c>
      <c r="C19923" s="7">
        <f t="shared" si="311"/>
        <v>331.66800000000001</v>
      </c>
    </row>
    <row r="19924" spans="1:3" x14ac:dyDescent="0.25">
      <c r="A19924" s="2" t="s">
        <v>11582</v>
      </c>
      <c r="B19924" s="6">
        <v>331684.64999999997</v>
      </c>
      <c r="C19924" s="7">
        <f t="shared" si="311"/>
        <v>331.68464999999998</v>
      </c>
    </row>
    <row r="19925" spans="1:3" x14ac:dyDescent="0.25">
      <c r="A19925" s="2" t="s">
        <v>11583</v>
      </c>
      <c r="B19925" s="6">
        <v>331701.3</v>
      </c>
      <c r="C19925" s="7">
        <f t="shared" si="311"/>
        <v>331.7013</v>
      </c>
    </row>
    <row r="19926" spans="1:3" x14ac:dyDescent="0.25">
      <c r="A19926" s="2" t="s">
        <v>11584</v>
      </c>
      <c r="B19926" s="6">
        <v>331717.94999999995</v>
      </c>
      <c r="C19926" s="7">
        <f t="shared" si="311"/>
        <v>331.71794999999997</v>
      </c>
    </row>
    <row r="19927" spans="1:3" x14ac:dyDescent="0.25">
      <c r="A19927" s="2" t="s">
        <v>11585</v>
      </c>
      <c r="B19927" s="6">
        <v>331734.59999999998</v>
      </c>
      <c r="C19927" s="7">
        <f t="shared" si="311"/>
        <v>331.7346</v>
      </c>
    </row>
    <row r="19928" spans="1:3" x14ac:dyDescent="0.25">
      <c r="A19928" s="2" t="s">
        <v>11586</v>
      </c>
      <c r="B19928" s="6">
        <v>331751.25</v>
      </c>
      <c r="C19928" s="7">
        <f t="shared" si="311"/>
        <v>331.75125000000003</v>
      </c>
    </row>
    <row r="19929" spans="1:3" x14ac:dyDescent="0.25">
      <c r="A19929" s="2" t="s">
        <v>11587</v>
      </c>
      <c r="B19929" s="6">
        <v>331767.89999999997</v>
      </c>
      <c r="C19929" s="7">
        <f t="shared" si="311"/>
        <v>331.76789999999994</v>
      </c>
    </row>
    <row r="19930" spans="1:3" x14ac:dyDescent="0.25">
      <c r="A19930" s="2" t="s">
        <v>11588</v>
      </c>
      <c r="B19930" s="6">
        <v>331784.55</v>
      </c>
      <c r="C19930" s="7">
        <f t="shared" si="311"/>
        <v>331.78454999999997</v>
      </c>
    </row>
    <row r="19931" spans="1:3" x14ac:dyDescent="0.25">
      <c r="A19931" s="2" t="s">
        <v>11589</v>
      </c>
      <c r="B19931" s="6">
        <v>331801.19999999995</v>
      </c>
      <c r="C19931" s="7">
        <f t="shared" si="311"/>
        <v>331.80119999999994</v>
      </c>
    </row>
    <row r="19932" spans="1:3" x14ac:dyDescent="0.25">
      <c r="A19932" s="2" t="s">
        <v>11590</v>
      </c>
      <c r="B19932" s="6">
        <v>331817.84999999998</v>
      </c>
      <c r="C19932" s="7">
        <f t="shared" si="311"/>
        <v>331.81784999999996</v>
      </c>
    </row>
    <row r="19933" spans="1:3" x14ac:dyDescent="0.25">
      <c r="A19933" s="2" t="s">
        <v>11591</v>
      </c>
      <c r="B19933" s="6">
        <v>331834.5</v>
      </c>
      <c r="C19933" s="7">
        <f t="shared" si="311"/>
        <v>331.83449999999999</v>
      </c>
    </row>
    <row r="19934" spans="1:3" x14ac:dyDescent="0.25">
      <c r="A19934" s="2" t="s">
        <v>11592</v>
      </c>
      <c r="B19934" s="6">
        <v>331851.14999999997</v>
      </c>
      <c r="C19934" s="7">
        <f t="shared" si="311"/>
        <v>331.85114999999996</v>
      </c>
    </row>
    <row r="19935" spans="1:3" x14ac:dyDescent="0.25">
      <c r="A19935" s="2" t="s">
        <v>11593</v>
      </c>
      <c r="B19935" s="6">
        <v>331867.8</v>
      </c>
      <c r="C19935" s="7">
        <f t="shared" si="311"/>
        <v>331.86779999999999</v>
      </c>
    </row>
    <row r="19936" spans="1:3" x14ac:dyDescent="0.25">
      <c r="A19936" s="2" t="s">
        <v>11594</v>
      </c>
      <c r="B19936" s="6">
        <v>331884.44999999995</v>
      </c>
      <c r="C19936" s="7">
        <f t="shared" si="311"/>
        <v>331.88444999999996</v>
      </c>
    </row>
    <row r="19937" spans="1:3" x14ac:dyDescent="0.25">
      <c r="A19937" s="2" t="s">
        <v>11595</v>
      </c>
      <c r="B19937" s="6">
        <v>331901.09999999998</v>
      </c>
      <c r="C19937" s="7">
        <f t="shared" si="311"/>
        <v>331.90109999999999</v>
      </c>
    </row>
    <row r="19938" spans="1:3" x14ac:dyDescent="0.25">
      <c r="A19938" s="2" t="s">
        <v>11596</v>
      </c>
      <c r="B19938" s="6">
        <v>331917.75</v>
      </c>
      <c r="C19938" s="7">
        <f t="shared" si="311"/>
        <v>331.91775000000001</v>
      </c>
    </row>
    <row r="19939" spans="1:3" x14ac:dyDescent="0.25">
      <c r="A19939" s="2" t="s">
        <v>11597</v>
      </c>
      <c r="B19939" s="6">
        <v>331934.39999999997</v>
      </c>
      <c r="C19939" s="7">
        <f t="shared" si="311"/>
        <v>331.93439999999998</v>
      </c>
    </row>
    <row r="19940" spans="1:3" x14ac:dyDescent="0.25">
      <c r="A19940" s="2" t="s">
        <v>11598</v>
      </c>
      <c r="B19940" s="6">
        <v>331951.05</v>
      </c>
      <c r="C19940" s="7">
        <f t="shared" si="311"/>
        <v>331.95105000000001</v>
      </c>
    </row>
    <row r="19941" spans="1:3" x14ac:dyDescent="0.25">
      <c r="A19941" s="2" t="s">
        <v>11599</v>
      </c>
      <c r="B19941" s="6">
        <v>331967.69999999995</v>
      </c>
      <c r="C19941" s="7">
        <f t="shared" si="311"/>
        <v>331.96769999999998</v>
      </c>
    </row>
    <row r="19942" spans="1:3" x14ac:dyDescent="0.25">
      <c r="A19942" s="2" t="s">
        <v>11600</v>
      </c>
      <c r="B19942" s="6">
        <v>331984.34999999998</v>
      </c>
      <c r="C19942" s="7">
        <f t="shared" si="311"/>
        <v>331.98434999999995</v>
      </c>
    </row>
    <row r="19943" spans="1:3" x14ac:dyDescent="0.25">
      <c r="A19943" s="2" t="s">
        <v>11601</v>
      </c>
      <c r="B19943" s="6">
        <v>332001</v>
      </c>
      <c r="C19943" s="7">
        <f t="shared" si="311"/>
        <v>332.00099999999998</v>
      </c>
    </row>
    <row r="19944" spans="1:3" x14ac:dyDescent="0.25">
      <c r="A19944" s="2" t="s">
        <v>11602</v>
      </c>
      <c r="B19944" s="6">
        <v>332017.64999999997</v>
      </c>
      <c r="C19944" s="7">
        <f t="shared" si="311"/>
        <v>332.01764999999995</v>
      </c>
    </row>
    <row r="19945" spans="1:3" x14ac:dyDescent="0.25">
      <c r="A19945" s="2" t="s">
        <v>11603</v>
      </c>
      <c r="B19945" s="6">
        <v>332034.3</v>
      </c>
      <c r="C19945" s="7">
        <f t="shared" si="311"/>
        <v>332.03429999999997</v>
      </c>
    </row>
    <row r="19946" spans="1:3" x14ac:dyDescent="0.25">
      <c r="A19946" s="2" t="s">
        <v>11604</v>
      </c>
      <c r="B19946" s="6">
        <v>332050.94999999995</v>
      </c>
      <c r="C19946" s="7">
        <f t="shared" si="311"/>
        <v>332.05094999999994</v>
      </c>
    </row>
    <row r="19947" spans="1:3" x14ac:dyDescent="0.25">
      <c r="A19947" s="2" t="s">
        <v>11605</v>
      </c>
      <c r="B19947" s="6">
        <v>332067.59999999998</v>
      </c>
      <c r="C19947" s="7">
        <f t="shared" si="311"/>
        <v>332.06759999999997</v>
      </c>
    </row>
    <row r="19948" spans="1:3" x14ac:dyDescent="0.25">
      <c r="A19948" s="2" t="s">
        <v>11606</v>
      </c>
      <c r="B19948" s="6">
        <v>332084.25</v>
      </c>
      <c r="C19948" s="7">
        <f t="shared" si="311"/>
        <v>332.08425</v>
      </c>
    </row>
    <row r="19949" spans="1:3" x14ac:dyDescent="0.25">
      <c r="A19949" s="2" t="s">
        <v>11607</v>
      </c>
      <c r="B19949" s="6">
        <v>332100.89999999997</v>
      </c>
      <c r="C19949" s="7">
        <f t="shared" si="311"/>
        <v>332.10089999999997</v>
      </c>
    </row>
    <row r="19950" spans="1:3" x14ac:dyDescent="0.25">
      <c r="A19950" s="2" t="s">
        <v>11608</v>
      </c>
      <c r="B19950" s="6">
        <v>332117.55</v>
      </c>
      <c r="C19950" s="7">
        <f t="shared" si="311"/>
        <v>332.11754999999999</v>
      </c>
    </row>
    <row r="19951" spans="1:3" x14ac:dyDescent="0.25">
      <c r="A19951" s="2" t="s">
        <v>11609</v>
      </c>
      <c r="B19951" s="6">
        <v>332134.19999999995</v>
      </c>
      <c r="C19951" s="7">
        <f t="shared" si="311"/>
        <v>332.13419999999996</v>
      </c>
    </row>
    <row r="19952" spans="1:3" x14ac:dyDescent="0.25">
      <c r="A19952" s="2" t="s">
        <v>11610</v>
      </c>
      <c r="B19952" s="6">
        <v>332150.84999999998</v>
      </c>
      <c r="C19952" s="7">
        <f t="shared" si="311"/>
        <v>332.15084999999999</v>
      </c>
    </row>
    <row r="19953" spans="1:3" x14ac:dyDescent="0.25">
      <c r="A19953" s="2" t="s">
        <v>11611</v>
      </c>
      <c r="B19953" s="6">
        <v>332167.5</v>
      </c>
      <c r="C19953" s="7">
        <f t="shared" si="311"/>
        <v>332.16750000000002</v>
      </c>
    </row>
    <row r="19954" spans="1:3" x14ac:dyDescent="0.25">
      <c r="A19954" s="2" t="s">
        <v>11612</v>
      </c>
      <c r="B19954" s="6">
        <v>332184.14999999997</v>
      </c>
      <c r="C19954" s="7">
        <f t="shared" si="311"/>
        <v>332.18414999999999</v>
      </c>
    </row>
    <row r="19955" spans="1:3" x14ac:dyDescent="0.25">
      <c r="A19955" s="2" t="s">
        <v>11613</v>
      </c>
      <c r="B19955" s="6">
        <v>332200.8</v>
      </c>
      <c r="C19955" s="7">
        <f t="shared" si="311"/>
        <v>332.20080000000002</v>
      </c>
    </row>
    <row r="19956" spans="1:3" x14ac:dyDescent="0.25">
      <c r="A19956" s="2" t="s">
        <v>11614</v>
      </c>
      <c r="B19956" s="6">
        <v>332217.44999999995</v>
      </c>
      <c r="C19956" s="7">
        <f t="shared" si="311"/>
        <v>332.21744999999993</v>
      </c>
    </row>
    <row r="19957" spans="1:3" x14ac:dyDescent="0.25">
      <c r="A19957" s="2" t="s">
        <v>11615</v>
      </c>
      <c r="B19957" s="6">
        <v>332234.09999999998</v>
      </c>
      <c r="C19957" s="7">
        <f t="shared" si="311"/>
        <v>332.23409999999996</v>
      </c>
    </row>
    <row r="19958" spans="1:3" x14ac:dyDescent="0.25">
      <c r="A19958" s="2" t="s">
        <v>11616</v>
      </c>
      <c r="B19958" s="6">
        <v>332250.75</v>
      </c>
      <c r="C19958" s="7">
        <f t="shared" si="311"/>
        <v>332.25074999999998</v>
      </c>
    </row>
    <row r="19959" spans="1:3" x14ac:dyDescent="0.25">
      <c r="A19959" s="2" t="s">
        <v>11617</v>
      </c>
      <c r="B19959" s="6">
        <v>332267.39999999997</v>
      </c>
      <c r="C19959" s="7">
        <f t="shared" si="311"/>
        <v>332.26739999999995</v>
      </c>
    </row>
    <row r="19960" spans="1:3" x14ac:dyDescent="0.25">
      <c r="A19960" s="2" t="s">
        <v>11618</v>
      </c>
      <c r="B19960" s="6">
        <v>332284.05</v>
      </c>
      <c r="C19960" s="7">
        <f t="shared" si="311"/>
        <v>332.28404999999998</v>
      </c>
    </row>
    <row r="19961" spans="1:3" x14ac:dyDescent="0.25">
      <c r="A19961" s="2" t="s">
        <v>11619</v>
      </c>
      <c r="B19961" s="6">
        <v>332300.69999999995</v>
      </c>
      <c r="C19961" s="7">
        <f t="shared" si="311"/>
        <v>332.30069999999995</v>
      </c>
    </row>
    <row r="19962" spans="1:3" x14ac:dyDescent="0.25">
      <c r="A19962" s="2" t="s">
        <v>11620</v>
      </c>
      <c r="B19962" s="6">
        <v>332317.34999999998</v>
      </c>
      <c r="C19962" s="7">
        <f t="shared" si="311"/>
        <v>332.31734999999998</v>
      </c>
    </row>
    <row r="19963" spans="1:3" x14ac:dyDescent="0.25">
      <c r="A19963" s="2" t="s">
        <v>11621</v>
      </c>
      <c r="B19963" s="6">
        <v>332334</v>
      </c>
      <c r="C19963" s="7">
        <f t="shared" si="311"/>
        <v>332.334</v>
      </c>
    </row>
    <row r="19964" spans="1:3" x14ac:dyDescent="0.25">
      <c r="A19964" s="2" t="s">
        <v>11622</v>
      </c>
      <c r="B19964" s="6">
        <v>332350.64999999997</v>
      </c>
      <c r="C19964" s="7">
        <f t="shared" si="311"/>
        <v>332.35064999999997</v>
      </c>
    </row>
    <row r="19965" spans="1:3" x14ac:dyDescent="0.25">
      <c r="A19965" s="2" t="s">
        <v>11623</v>
      </c>
      <c r="B19965" s="6">
        <v>332367.3</v>
      </c>
      <c r="C19965" s="7">
        <f t="shared" si="311"/>
        <v>332.3673</v>
      </c>
    </row>
    <row r="19966" spans="1:3" x14ac:dyDescent="0.25">
      <c r="A19966" s="2" t="s">
        <v>11624</v>
      </c>
      <c r="B19966" s="6">
        <v>332383.94999999995</v>
      </c>
      <c r="C19966" s="7">
        <f t="shared" si="311"/>
        <v>332.38394999999997</v>
      </c>
    </row>
    <row r="19967" spans="1:3" x14ac:dyDescent="0.25">
      <c r="A19967" s="2" t="s">
        <v>11625</v>
      </c>
      <c r="B19967" s="6">
        <v>332400.59999999998</v>
      </c>
      <c r="C19967" s="7">
        <f t="shared" si="311"/>
        <v>332.4006</v>
      </c>
    </row>
    <row r="19968" spans="1:3" x14ac:dyDescent="0.25">
      <c r="A19968" s="2" t="s">
        <v>11626</v>
      </c>
      <c r="B19968" s="6">
        <v>332417.25</v>
      </c>
      <c r="C19968" s="7">
        <f t="shared" si="311"/>
        <v>332.41725000000002</v>
      </c>
    </row>
    <row r="19969" spans="1:3" x14ac:dyDescent="0.25">
      <c r="A19969" s="2" t="s">
        <v>11627</v>
      </c>
      <c r="B19969" s="6">
        <v>332433.89999999997</v>
      </c>
      <c r="C19969" s="7">
        <f t="shared" si="311"/>
        <v>332.43389999999994</v>
      </c>
    </row>
    <row r="19970" spans="1:3" x14ac:dyDescent="0.25">
      <c r="A19970" s="2" t="s">
        <v>11628</v>
      </c>
      <c r="B19970" s="6">
        <v>332450.55</v>
      </c>
      <c r="C19970" s="7">
        <f t="shared" si="311"/>
        <v>332.45054999999996</v>
      </c>
    </row>
    <row r="19971" spans="1:3" x14ac:dyDescent="0.25">
      <c r="A19971" s="2" t="s">
        <v>11629</v>
      </c>
      <c r="B19971" s="6">
        <v>332467.19999999995</v>
      </c>
      <c r="C19971" s="7">
        <f t="shared" ref="C19971:C20034" si="312">B19971/1000</f>
        <v>332.46719999999993</v>
      </c>
    </row>
    <row r="19972" spans="1:3" x14ac:dyDescent="0.25">
      <c r="A19972" s="2" t="s">
        <v>11630</v>
      </c>
      <c r="B19972" s="6">
        <v>332483.84999999998</v>
      </c>
      <c r="C19972" s="7">
        <f t="shared" si="312"/>
        <v>332.48384999999996</v>
      </c>
    </row>
    <row r="19973" spans="1:3" x14ac:dyDescent="0.25">
      <c r="A19973" s="2" t="s">
        <v>11631</v>
      </c>
      <c r="B19973" s="6">
        <v>332500.5</v>
      </c>
      <c r="C19973" s="7">
        <f t="shared" si="312"/>
        <v>332.50049999999999</v>
      </c>
    </row>
    <row r="19974" spans="1:3" x14ac:dyDescent="0.25">
      <c r="A19974" s="2" t="s">
        <v>11632</v>
      </c>
      <c r="B19974" s="6">
        <v>332517.14999999997</v>
      </c>
      <c r="C19974" s="7">
        <f t="shared" si="312"/>
        <v>332.51714999999996</v>
      </c>
    </row>
    <row r="19975" spans="1:3" x14ac:dyDescent="0.25">
      <c r="A19975" s="2" t="s">
        <v>11633</v>
      </c>
      <c r="B19975" s="6">
        <v>332533.8</v>
      </c>
      <c r="C19975" s="7">
        <f t="shared" si="312"/>
        <v>332.53379999999999</v>
      </c>
    </row>
    <row r="19976" spans="1:3" x14ac:dyDescent="0.25">
      <c r="A19976" s="2" t="s">
        <v>11634</v>
      </c>
      <c r="B19976" s="6">
        <v>332550.44999999995</v>
      </c>
      <c r="C19976" s="7">
        <f t="shared" si="312"/>
        <v>332.55044999999996</v>
      </c>
    </row>
    <row r="19977" spans="1:3" x14ac:dyDescent="0.25">
      <c r="A19977" s="2" t="s">
        <v>11635</v>
      </c>
      <c r="B19977" s="6">
        <v>332567.09999999998</v>
      </c>
      <c r="C19977" s="7">
        <f t="shared" si="312"/>
        <v>332.56709999999998</v>
      </c>
    </row>
    <row r="19978" spans="1:3" x14ac:dyDescent="0.25">
      <c r="A19978" s="2" t="s">
        <v>11636</v>
      </c>
      <c r="B19978" s="6">
        <v>332583.75</v>
      </c>
      <c r="C19978" s="7">
        <f t="shared" si="312"/>
        <v>332.58375000000001</v>
      </c>
    </row>
    <row r="19979" spans="1:3" x14ac:dyDescent="0.25">
      <c r="A19979" s="2" t="s">
        <v>11637</v>
      </c>
      <c r="B19979" s="6">
        <v>332600.39999999997</v>
      </c>
      <c r="C19979" s="7">
        <f t="shared" si="312"/>
        <v>332.60039999999998</v>
      </c>
    </row>
    <row r="19980" spans="1:3" x14ac:dyDescent="0.25">
      <c r="A19980" s="2" t="s">
        <v>11638</v>
      </c>
      <c r="B19980" s="6">
        <v>332617.05</v>
      </c>
      <c r="C19980" s="7">
        <f t="shared" si="312"/>
        <v>332.61705000000001</v>
      </c>
    </row>
    <row r="19981" spans="1:3" x14ac:dyDescent="0.25">
      <c r="A19981" s="2" t="s">
        <v>11639</v>
      </c>
      <c r="B19981" s="6">
        <v>332633.69999999995</v>
      </c>
      <c r="C19981" s="7">
        <f t="shared" si="312"/>
        <v>332.63369999999998</v>
      </c>
    </row>
    <row r="19982" spans="1:3" x14ac:dyDescent="0.25">
      <c r="A19982" s="2" t="s">
        <v>11640</v>
      </c>
      <c r="B19982" s="6">
        <v>332650.34999999998</v>
      </c>
      <c r="C19982" s="7">
        <f t="shared" si="312"/>
        <v>332.65035</v>
      </c>
    </row>
    <row r="19983" spans="1:3" x14ac:dyDescent="0.25">
      <c r="A19983" s="2" t="s">
        <v>11641</v>
      </c>
      <c r="B19983" s="6">
        <v>332667</v>
      </c>
      <c r="C19983" s="7">
        <f t="shared" si="312"/>
        <v>332.66699999999997</v>
      </c>
    </row>
    <row r="19984" spans="1:3" x14ac:dyDescent="0.25">
      <c r="A19984" s="2" t="s">
        <v>11642</v>
      </c>
      <c r="B19984" s="6">
        <v>332683.64999999997</v>
      </c>
      <c r="C19984" s="7">
        <f t="shared" si="312"/>
        <v>332.68364999999994</v>
      </c>
    </row>
    <row r="19985" spans="1:3" x14ac:dyDescent="0.25">
      <c r="A19985" s="2" t="s">
        <v>11643</v>
      </c>
      <c r="B19985" s="6">
        <v>332700.3</v>
      </c>
      <c r="C19985" s="7">
        <f t="shared" si="312"/>
        <v>332.70029999999997</v>
      </c>
    </row>
    <row r="19986" spans="1:3" x14ac:dyDescent="0.25">
      <c r="A19986" s="2" t="s">
        <v>11644</v>
      </c>
      <c r="B19986" s="6">
        <v>332716.94999999995</v>
      </c>
      <c r="C19986" s="7">
        <f t="shared" si="312"/>
        <v>332.71694999999994</v>
      </c>
    </row>
    <row r="19987" spans="1:3" x14ac:dyDescent="0.25">
      <c r="A19987" s="2" t="s">
        <v>11645</v>
      </c>
      <c r="B19987" s="6">
        <v>332733.59999999998</v>
      </c>
      <c r="C19987" s="7">
        <f t="shared" si="312"/>
        <v>332.73359999999997</v>
      </c>
    </row>
    <row r="19988" spans="1:3" x14ac:dyDescent="0.25">
      <c r="A19988" s="2" t="s">
        <v>11646</v>
      </c>
      <c r="B19988" s="6">
        <v>332750.25</v>
      </c>
      <c r="C19988" s="7">
        <f t="shared" si="312"/>
        <v>332.75024999999999</v>
      </c>
    </row>
    <row r="19989" spans="1:3" x14ac:dyDescent="0.25">
      <c r="A19989" s="2" t="s">
        <v>11647</v>
      </c>
      <c r="B19989" s="6">
        <v>332766.89999999997</v>
      </c>
      <c r="C19989" s="7">
        <f t="shared" si="312"/>
        <v>332.76689999999996</v>
      </c>
    </row>
    <row r="19990" spans="1:3" x14ac:dyDescent="0.25">
      <c r="A19990" s="2" t="s">
        <v>11648</v>
      </c>
      <c r="B19990" s="6">
        <v>332783.55</v>
      </c>
      <c r="C19990" s="7">
        <f t="shared" si="312"/>
        <v>332.78354999999999</v>
      </c>
    </row>
    <row r="19991" spans="1:3" x14ac:dyDescent="0.25">
      <c r="A19991" s="2" t="s">
        <v>11649</v>
      </c>
      <c r="B19991" s="6">
        <v>332800.19999999995</v>
      </c>
      <c r="C19991" s="7">
        <f t="shared" si="312"/>
        <v>332.80019999999996</v>
      </c>
    </row>
    <row r="19992" spans="1:3" x14ac:dyDescent="0.25">
      <c r="A19992" s="2" t="s">
        <v>11650</v>
      </c>
      <c r="B19992" s="6">
        <v>332816.84999999998</v>
      </c>
      <c r="C19992" s="7">
        <f t="shared" si="312"/>
        <v>332.81684999999999</v>
      </c>
    </row>
    <row r="19993" spans="1:3" x14ac:dyDescent="0.25">
      <c r="A19993" s="2" t="s">
        <v>11651</v>
      </c>
      <c r="B19993" s="6">
        <v>332833.5</v>
      </c>
      <c r="C19993" s="7">
        <f t="shared" si="312"/>
        <v>332.83350000000002</v>
      </c>
    </row>
    <row r="19994" spans="1:3" x14ac:dyDescent="0.25">
      <c r="A19994" s="2" t="s">
        <v>11652</v>
      </c>
      <c r="B19994" s="6">
        <v>332850.14999999997</v>
      </c>
      <c r="C19994" s="7">
        <f t="shared" si="312"/>
        <v>332.85014999999999</v>
      </c>
    </row>
    <row r="19995" spans="1:3" x14ac:dyDescent="0.25">
      <c r="A19995" s="2" t="s">
        <v>11653</v>
      </c>
      <c r="B19995" s="6">
        <v>332866.8</v>
      </c>
      <c r="C19995" s="7">
        <f t="shared" si="312"/>
        <v>332.86680000000001</v>
      </c>
    </row>
    <row r="19996" spans="1:3" x14ac:dyDescent="0.25">
      <c r="A19996" s="2" t="s">
        <v>11654</v>
      </c>
      <c r="B19996" s="6">
        <v>332883.44999999995</v>
      </c>
      <c r="C19996" s="7">
        <f t="shared" si="312"/>
        <v>332.88344999999993</v>
      </c>
    </row>
    <row r="19997" spans="1:3" x14ac:dyDescent="0.25">
      <c r="A19997" s="2" t="s">
        <v>11655</v>
      </c>
      <c r="B19997" s="6">
        <v>332900.09999999998</v>
      </c>
      <c r="C19997" s="7">
        <f t="shared" si="312"/>
        <v>332.90009999999995</v>
      </c>
    </row>
    <row r="19998" spans="1:3" x14ac:dyDescent="0.25">
      <c r="A19998" s="2" t="s">
        <v>11656</v>
      </c>
      <c r="B19998" s="6">
        <v>332916.75</v>
      </c>
      <c r="C19998" s="7">
        <f t="shared" si="312"/>
        <v>332.91674999999998</v>
      </c>
    </row>
    <row r="19999" spans="1:3" x14ac:dyDescent="0.25">
      <c r="A19999" s="2" t="s">
        <v>11657</v>
      </c>
      <c r="B19999" s="6">
        <v>332933.39999999997</v>
      </c>
      <c r="C19999" s="7">
        <f t="shared" si="312"/>
        <v>332.93339999999995</v>
      </c>
    </row>
    <row r="20000" spans="1:3" x14ac:dyDescent="0.25">
      <c r="A20000" s="2" t="s">
        <v>11658</v>
      </c>
      <c r="B20000" s="6">
        <v>332950.05</v>
      </c>
      <c r="C20000" s="7">
        <f t="shared" si="312"/>
        <v>332.95004999999998</v>
      </c>
    </row>
    <row r="20001" spans="1:3" x14ac:dyDescent="0.25">
      <c r="A20001" s="2" t="s">
        <v>11659</v>
      </c>
      <c r="B20001" s="6">
        <v>332966.69999999995</v>
      </c>
      <c r="C20001" s="7">
        <f t="shared" si="312"/>
        <v>332.96669999999995</v>
      </c>
    </row>
    <row r="20002" spans="1:3" x14ac:dyDescent="0.25">
      <c r="A20002" s="2" t="s">
        <v>11660</v>
      </c>
      <c r="B20002" s="6">
        <v>332983.34999999998</v>
      </c>
      <c r="C20002" s="7">
        <f t="shared" si="312"/>
        <v>332.98334999999997</v>
      </c>
    </row>
    <row r="20003" spans="1:3" x14ac:dyDescent="0.25">
      <c r="A20003" s="2" t="s">
        <v>11661</v>
      </c>
      <c r="B20003" s="6">
        <v>333000</v>
      </c>
      <c r="C20003" s="7">
        <f t="shared" si="312"/>
        <v>333</v>
      </c>
    </row>
    <row r="20004" spans="1:3" x14ac:dyDescent="0.25">
      <c r="A20004" s="2" t="s">
        <v>11662</v>
      </c>
      <c r="B20004" s="6">
        <v>333016.64999999997</v>
      </c>
      <c r="C20004" s="7">
        <f t="shared" si="312"/>
        <v>333.01664999999997</v>
      </c>
    </row>
    <row r="20005" spans="1:3" x14ac:dyDescent="0.25">
      <c r="A20005" s="2" t="s">
        <v>11663</v>
      </c>
      <c r="B20005" s="6">
        <v>333033.3</v>
      </c>
      <c r="C20005" s="7">
        <f t="shared" si="312"/>
        <v>333.0333</v>
      </c>
    </row>
    <row r="20006" spans="1:3" x14ac:dyDescent="0.25">
      <c r="A20006" s="2" t="s">
        <v>11664</v>
      </c>
      <c r="B20006" s="6">
        <v>333049.94999999995</v>
      </c>
      <c r="C20006" s="7">
        <f t="shared" si="312"/>
        <v>333.04994999999997</v>
      </c>
    </row>
    <row r="20007" spans="1:3" x14ac:dyDescent="0.25">
      <c r="A20007" s="2" t="s">
        <v>11665</v>
      </c>
      <c r="B20007" s="6">
        <v>333066.59999999998</v>
      </c>
      <c r="C20007" s="7">
        <f t="shared" si="312"/>
        <v>333.06659999999999</v>
      </c>
    </row>
    <row r="20008" spans="1:3" x14ac:dyDescent="0.25">
      <c r="A20008" s="2" t="s">
        <v>11666</v>
      </c>
      <c r="B20008" s="6">
        <v>333083.25</v>
      </c>
      <c r="C20008" s="7">
        <f t="shared" si="312"/>
        <v>333.08325000000002</v>
      </c>
    </row>
    <row r="20009" spans="1:3" x14ac:dyDescent="0.25">
      <c r="A20009" s="2" t="s">
        <v>11667</v>
      </c>
      <c r="B20009" s="6">
        <v>333099.89999999997</v>
      </c>
      <c r="C20009" s="7">
        <f t="shared" si="312"/>
        <v>333.09989999999999</v>
      </c>
    </row>
    <row r="20010" spans="1:3" x14ac:dyDescent="0.25">
      <c r="A20010" s="2" t="s">
        <v>11668</v>
      </c>
      <c r="B20010" s="6">
        <v>333116.55</v>
      </c>
      <c r="C20010" s="7">
        <f t="shared" si="312"/>
        <v>333.11654999999996</v>
      </c>
    </row>
    <row r="20011" spans="1:3" x14ac:dyDescent="0.25">
      <c r="A20011" s="2" t="s">
        <v>11669</v>
      </c>
      <c r="B20011" s="6">
        <v>333133.19999999995</v>
      </c>
      <c r="C20011" s="7">
        <f t="shared" si="312"/>
        <v>333.13319999999993</v>
      </c>
    </row>
    <row r="20012" spans="1:3" x14ac:dyDescent="0.25">
      <c r="A20012" s="2" t="s">
        <v>11670</v>
      </c>
      <c r="B20012" s="6">
        <v>333149.84999999998</v>
      </c>
      <c r="C20012" s="7">
        <f t="shared" si="312"/>
        <v>333.14984999999996</v>
      </c>
    </row>
    <row r="20013" spans="1:3" x14ac:dyDescent="0.25">
      <c r="A20013" s="2" t="s">
        <v>11671</v>
      </c>
      <c r="B20013" s="6">
        <v>333166.5</v>
      </c>
      <c r="C20013" s="7">
        <f t="shared" si="312"/>
        <v>333.16649999999998</v>
      </c>
    </row>
    <row r="20014" spans="1:3" x14ac:dyDescent="0.25">
      <c r="A20014" s="2" t="s">
        <v>11672</v>
      </c>
      <c r="B20014" s="6">
        <v>333183.14999999997</v>
      </c>
      <c r="C20014" s="7">
        <f t="shared" si="312"/>
        <v>333.18314999999996</v>
      </c>
    </row>
    <row r="20015" spans="1:3" x14ac:dyDescent="0.25">
      <c r="A20015" s="2" t="s">
        <v>11673</v>
      </c>
      <c r="B20015" s="6">
        <v>333199.8</v>
      </c>
      <c r="C20015" s="7">
        <f t="shared" si="312"/>
        <v>333.19979999999998</v>
      </c>
    </row>
    <row r="20016" spans="1:3" x14ac:dyDescent="0.25">
      <c r="A20016" s="2" t="s">
        <v>11674</v>
      </c>
      <c r="B20016" s="6">
        <v>333216.44999999995</v>
      </c>
      <c r="C20016" s="7">
        <f t="shared" si="312"/>
        <v>333.21644999999995</v>
      </c>
    </row>
    <row r="20017" spans="1:3" x14ac:dyDescent="0.25">
      <c r="A20017" s="2" t="s">
        <v>11675</v>
      </c>
      <c r="B20017" s="6">
        <v>333233.09999999998</v>
      </c>
      <c r="C20017" s="7">
        <f t="shared" si="312"/>
        <v>333.23309999999998</v>
      </c>
    </row>
    <row r="20018" spans="1:3" x14ac:dyDescent="0.25">
      <c r="A20018" s="2" t="s">
        <v>11676</v>
      </c>
      <c r="B20018" s="6">
        <v>333249.75</v>
      </c>
      <c r="C20018" s="7">
        <f t="shared" si="312"/>
        <v>333.24975000000001</v>
      </c>
    </row>
    <row r="20019" spans="1:3" x14ac:dyDescent="0.25">
      <c r="A20019" s="2" t="s">
        <v>11677</v>
      </c>
      <c r="B20019" s="6">
        <v>333266.39999999997</v>
      </c>
      <c r="C20019" s="7">
        <f t="shared" si="312"/>
        <v>333.26639999999998</v>
      </c>
    </row>
    <row r="20020" spans="1:3" x14ac:dyDescent="0.25">
      <c r="A20020" s="2" t="s">
        <v>11678</v>
      </c>
      <c r="B20020" s="6">
        <v>333283.05</v>
      </c>
      <c r="C20020" s="7">
        <f t="shared" si="312"/>
        <v>333.28305</v>
      </c>
    </row>
    <row r="20021" spans="1:3" x14ac:dyDescent="0.25">
      <c r="A20021" s="2" t="s">
        <v>11679</v>
      </c>
      <c r="B20021" s="6">
        <v>333299.69999999995</v>
      </c>
      <c r="C20021" s="7">
        <f t="shared" si="312"/>
        <v>333.29969999999997</v>
      </c>
    </row>
    <row r="20022" spans="1:3" x14ac:dyDescent="0.25">
      <c r="A20022" s="2" t="s">
        <v>11680</v>
      </c>
      <c r="B20022" s="6">
        <v>333316.34999999998</v>
      </c>
      <c r="C20022" s="7">
        <f t="shared" si="312"/>
        <v>333.31635</v>
      </c>
    </row>
    <row r="20023" spans="1:3" x14ac:dyDescent="0.25">
      <c r="A20023" s="2" t="s">
        <v>11681</v>
      </c>
      <c r="B20023" s="6">
        <v>333333</v>
      </c>
      <c r="C20023" s="7">
        <f t="shared" si="312"/>
        <v>333.33300000000003</v>
      </c>
    </row>
    <row r="20024" spans="1:3" x14ac:dyDescent="0.25">
      <c r="A20024" s="2" t="s">
        <v>11682</v>
      </c>
      <c r="B20024" s="6">
        <v>333349.64999999997</v>
      </c>
      <c r="C20024" s="7">
        <f t="shared" si="312"/>
        <v>333.34964999999994</v>
      </c>
    </row>
    <row r="20025" spans="1:3" x14ac:dyDescent="0.25">
      <c r="A20025" s="2" t="s">
        <v>11683</v>
      </c>
      <c r="B20025" s="6">
        <v>333366.3</v>
      </c>
      <c r="C20025" s="7">
        <f t="shared" si="312"/>
        <v>333.36629999999997</v>
      </c>
    </row>
    <row r="20026" spans="1:3" x14ac:dyDescent="0.25">
      <c r="A20026" s="2" t="s">
        <v>11684</v>
      </c>
      <c r="B20026" s="6">
        <v>333382.94999999995</v>
      </c>
      <c r="C20026" s="7">
        <f t="shared" si="312"/>
        <v>333.38294999999994</v>
      </c>
    </row>
    <row r="20027" spans="1:3" x14ac:dyDescent="0.25">
      <c r="A20027" s="2" t="s">
        <v>11685</v>
      </c>
      <c r="B20027" s="6">
        <v>333399.59999999998</v>
      </c>
      <c r="C20027" s="7">
        <f t="shared" si="312"/>
        <v>333.39959999999996</v>
      </c>
    </row>
    <row r="20028" spans="1:3" x14ac:dyDescent="0.25">
      <c r="A20028" s="2" t="s">
        <v>11686</v>
      </c>
      <c r="B20028" s="6">
        <v>333416.25</v>
      </c>
      <c r="C20028" s="7">
        <f t="shared" si="312"/>
        <v>333.41624999999999</v>
      </c>
    </row>
    <row r="20029" spans="1:3" x14ac:dyDescent="0.25">
      <c r="A20029" s="2" t="s">
        <v>11687</v>
      </c>
      <c r="B20029" s="6">
        <v>333432.89999999997</v>
      </c>
      <c r="C20029" s="7">
        <f t="shared" si="312"/>
        <v>333.43289999999996</v>
      </c>
    </row>
    <row r="20030" spans="1:3" x14ac:dyDescent="0.25">
      <c r="A20030" s="2" t="s">
        <v>11688</v>
      </c>
      <c r="B20030" s="6">
        <v>333449.55</v>
      </c>
      <c r="C20030" s="7">
        <f t="shared" si="312"/>
        <v>333.44954999999999</v>
      </c>
    </row>
    <row r="20031" spans="1:3" x14ac:dyDescent="0.25">
      <c r="A20031" s="2" t="s">
        <v>11689</v>
      </c>
      <c r="B20031" s="6">
        <v>333466.19999999995</v>
      </c>
      <c r="C20031" s="7">
        <f t="shared" si="312"/>
        <v>333.46619999999996</v>
      </c>
    </row>
    <row r="20032" spans="1:3" x14ac:dyDescent="0.25">
      <c r="A20032" s="2" t="s">
        <v>11690</v>
      </c>
      <c r="B20032" s="6">
        <v>333482.84999999998</v>
      </c>
      <c r="C20032" s="7">
        <f t="shared" si="312"/>
        <v>333.48284999999998</v>
      </c>
    </row>
    <row r="20033" spans="1:3" x14ac:dyDescent="0.25">
      <c r="A20033" s="2" t="s">
        <v>11691</v>
      </c>
      <c r="B20033" s="6">
        <v>333499.5</v>
      </c>
      <c r="C20033" s="7">
        <f t="shared" si="312"/>
        <v>333.49950000000001</v>
      </c>
    </row>
    <row r="20034" spans="1:3" x14ac:dyDescent="0.25">
      <c r="A20034" s="2" t="s">
        <v>11692</v>
      </c>
      <c r="B20034" s="6">
        <v>333516.14999999997</v>
      </c>
      <c r="C20034" s="7">
        <f t="shared" si="312"/>
        <v>333.51614999999998</v>
      </c>
    </row>
    <row r="20035" spans="1:3" x14ac:dyDescent="0.25">
      <c r="A20035" s="2" t="s">
        <v>11693</v>
      </c>
      <c r="B20035" s="6">
        <v>333532.79999999999</v>
      </c>
      <c r="C20035" s="7">
        <f t="shared" ref="C20035:C20098" si="313">B20035/1000</f>
        <v>333.53280000000001</v>
      </c>
    </row>
    <row r="20036" spans="1:3" x14ac:dyDescent="0.25">
      <c r="A20036" s="2" t="s">
        <v>11694</v>
      </c>
      <c r="B20036" s="6">
        <v>333549.44999999995</v>
      </c>
      <c r="C20036" s="7">
        <f t="shared" si="313"/>
        <v>333.54944999999998</v>
      </c>
    </row>
    <row r="20037" spans="1:3" x14ac:dyDescent="0.25">
      <c r="A20037" s="2" t="s">
        <v>11695</v>
      </c>
      <c r="B20037" s="6">
        <v>333566.09999999998</v>
      </c>
      <c r="C20037" s="7">
        <f t="shared" si="313"/>
        <v>333.56609999999995</v>
      </c>
    </row>
    <row r="20038" spans="1:3" x14ac:dyDescent="0.25">
      <c r="A20038" s="2" t="s">
        <v>11696</v>
      </c>
      <c r="B20038" s="6">
        <v>333582.75</v>
      </c>
      <c r="C20038" s="7">
        <f t="shared" si="313"/>
        <v>333.58274999999998</v>
      </c>
    </row>
    <row r="20039" spans="1:3" x14ac:dyDescent="0.25">
      <c r="A20039" s="2" t="s">
        <v>11697</v>
      </c>
      <c r="B20039" s="6">
        <v>333599.39999999997</v>
      </c>
      <c r="C20039" s="7">
        <f t="shared" si="313"/>
        <v>333.59939999999995</v>
      </c>
    </row>
    <row r="20040" spans="1:3" x14ac:dyDescent="0.25">
      <c r="A20040" s="2" t="s">
        <v>11698</v>
      </c>
      <c r="B20040" s="6">
        <v>333616.05</v>
      </c>
      <c r="C20040" s="7">
        <f t="shared" si="313"/>
        <v>333.61604999999997</v>
      </c>
    </row>
    <row r="20041" spans="1:3" x14ac:dyDescent="0.25">
      <c r="A20041" s="2" t="s">
        <v>11699</v>
      </c>
      <c r="B20041" s="6">
        <v>333632.69999999995</v>
      </c>
      <c r="C20041" s="7">
        <f t="shared" si="313"/>
        <v>333.63269999999994</v>
      </c>
    </row>
    <row r="20042" spans="1:3" x14ac:dyDescent="0.25">
      <c r="A20042" s="2" t="s">
        <v>11700</v>
      </c>
      <c r="B20042" s="6">
        <v>333649.34999999998</v>
      </c>
      <c r="C20042" s="7">
        <f t="shared" si="313"/>
        <v>333.64934999999997</v>
      </c>
    </row>
    <row r="20043" spans="1:3" x14ac:dyDescent="0.25">
      <c r="A20043" s="2" t="s">
        <v>11701</v>
      </c>
      <c r="B20043" s="6">
        <v>333666</v>
      </c>
      <c r="C20043" s="7">
        <f t="shared" si="313"/>
        <v>333.666</v>
      </c>
    </row>
    <row r="20044" spans="1:3" x14ac:dyDescent="0.25">
      <c r="A20044" s="2" t="s">
        <v>11702</v>
      </c>
      <c r="B20044" s="6">
        <v>333682.64999999997</v>
      </c>
      <c r="C20044" s="7">
        <f t="shared" si="313"/>
        <v>333.68264999999997</v>
      </c>
    </row>
    <row r="20045" spans="1:3" x14ac:dyDescent="0.25">
      <c r="A20045" s="2" t="s">
        <v>11703</v>
      </c>
      <c r="B20045" s="6">
        <v>333699.3</v>
      </c>
      <c r="C20045" s="7">
        <f t="shared" si="313"/>
        <v>333.69929999999999</v>
      </c>
    </row>
    <row r="20046" spans="1:3" x14ac:dyDescent="0.25">
      <c r="A20046" s="2" t="s">
        <v>11704</v>
      </c>
      <c r="B20046" s="6">
        <v>333715.94999999995</v>
      </c>
      <c r="C20046" s="7">
        <f t="shared" si="313"/>
        <v>333.71594999999996</v>
      </c>
    </row>
    <row r="20047" spans="1:3" x14ac:dyDescent="0.25">
      <c r="A20047" s="2" t="s">
        <v>11705</v>
      </c>
      <c r="B20047" s="6">
        <v>333732.59999999998</v>
      </c>
      <c r="C20047" s="7">
        <f t="shared" si="313"/>
        <v>333.73259999999999</v>
      </c>
    </row>
    <row r="20048" spans="1:3" x14ac:dyDescent="0.25">
      <c r="A20048" s="2" t="s">
        <v>11706</v>
      </c>
      <c r="B20048" s="6">
        <v>333749.25</v>
      </c>
      <c r="C20048" s="7">
        <f t="shared" si="313"/>
        <v>333.74925000000002</v>
      </c>
    </row>
    <row r="20049" spans="1:3" x14ac:dyDescent="0.25">
      <c r="A20049" s="2" t="s">
        <v>11707</v>
      </c>
      <c r="B20049" s="6">
        <v>333765.89999999997</v>
      </c>
      <c r="C20049" s="7">
        <f t="shared" si="313"/>
        <v>333.76589999999999</v>
      </c>
    </row>
    <row r="20050" spans="1:3" x14ac:dyDescent="0.25">
      <c r="A20050" s="2" t="s">
        <v>11708</v>
      </c>
      <c r="B20050" s="6">
        <v>333782.55</v>
      </c>
      <c r="C20050" s="7">
        <f t="shared" si="313"/>
        <v>333.78255000000001</v>
      </c>
    </row>
    <row r="20051" spans="1:3" x14ac:dyDescent="0.25">
      <c r="A20051" s="2" t="s">
        <v>11709</v>
      </c>
      <c r="B20051" s="6">
        <v>333799.19999999995</v>
      </c>
      <c r="C20051" s="7">
        <f t="shared" si="313"/>
        <v>333.79919999999993</v>
      </c>
    </row>
    <row r="20052" spans="1:3" x14ac:dyDescent="0.25">
      <c r="A20052" s="2" t="s">
        <v>11710</v>
      </c>
      <c r="B20052" s="6">
        <v>333815.84999999998</v>
      </c>
      <c r="C20052" s="7">
        <f t="shared" si="313"/>
        <v>333.81584999999995</v>
      </c>
    </row>
    <row r="20053" spans="1:3" x14ac:dyDescent="0.25">
      <c r="A20053" s="2" t="s">
        <v>11711</v>
      </c>
      <c r="B20053" s="6">
        <v>333832.5</v>
      </c>
      <c r="C20053" s="7">
        <f t="shared" si="313"/>
        <v>333.83249999999998</v>
      </c>
    </row>
    <row r="20054" spans="1:3" x14ac:dyDescent="0.25">
      <c r="A20054" s="2" t="s">
        <v>11712</v>
      </c>
      <c r="B20054" s="6">
        <v>333849.14999999997</v>
      </c>
      <c r="C20054" s="7">
        <f t="shared" si="313"/>
        <v>333.84914999999995</v>
      </c>
    </row>
    <row r="20055" spans="1:3" x14ac:dyDescent="0.25">
      <c r="A20055" s="2" t="s">
        <v>11713</v>
      </c>
      <c r="B20055" s="6">
        <v>333865.8</v>
      </c>
      <c r="C20055" s="7">
        <f t="shared" si="313"/>
        <v>333.86579999999998</v>
      </c>
    </row>
    <row r="20056" spans="1:3" x14ac:dyDescent="0.25">
      <c r="A20056" s="2" t="s">
        <v>11714</v>
      </c>
      <c r="B20056" s="6">
        <v>333882.44999999995</v>
      </c>
      <c r="C20056" s="7">
        <f t="shared" si="313"/>
        <v>333.88244999999995</v>
      </c>
    </row>
    <row r="20057" spans="1:3" x14ac:dyDescent="0.25">
      <c r="A20057" s="2" t="s">
        <v>11715</v>
      </c>
      <c r="B20057" s="6">
        <v>333899.09999999998</v>
      </c>
      <c r="C20057" s="7">
        <f t="shared" si="313"/>
        <v>333.89909999999998</v>
      </c>
    </row>
    <row r="20058" spans="1:3" x14ac:dyDescent="0.25">
      <c r="A20058" s="2" t="s">
        <v>11716</v>
      </c>
      <c r="B20058" s="6">
        <v>333915.75</v>
      </c>
      <c r="C20058" s="7">
        <f t="shared" si="313"/>
        <v>333.91575</v>
      </c>
    </row>
    <row r="20059" spans="1:3" x14ac:dyDescent="0.25">
      <c r="A20059" s="2" t="s">
        <v>11717</v>
      </c>
      <c r="B20059" s="6">
        <v>333932.39999999997</v>
      </c>
      <c r="C20059" s="7">
        <f t="shared" si="313"/>
        <v>333.93239999999997</v>
      </c>
    </row>
    <row r="20060" spans="1:3" x14ac:dyDescent="0.25">
      <c r="A20060" s="2" t="s">
        <v>11718</v>
      </c>
      <c r="B20060" s="6">
        <v>333949.05</v>
      </c>
      <c r="C20060" s="7">
        <f t="shared" si="313"/>
        <v>333.94905</v>
      </c>
    </row>
    <row r="20061" spans="1:3" x14ac:dyDescent="0.25">
      <c r="A20061" s="2" t="s">
        <v>11719</v>
      </c>
      <c r="B20061" s="6">
        <v>333965.69999999995</v>
      </c>
      <c r="C20061" s="7">
        <f t="shared" si="313"/>
        <v>333.96569999999997</v>
      </c>
    </row>
    <row r="20062" spans="1:3" x14ac:dyDescent="0.25">
      <c r="A20062" s="2" t="s">
        <v>11720</v>
      </c>
      <c r="B20062" s="6">
        <v>333982.34999999998</v>
      </c>
      <c r="C20062" s="7">
        <f t="shared" si="313"/>
        <v>333.98235</v>
      </c>
    </row>
    <row r="20063" spans="1:3" x14ac:dyDescent="0.25">
      <c r="A20063" s="2" t="s">
        <v>11721</v>
      </c>
      <c r="B20063" s="6">
        <v>333999</v>
      </c>
      <c r="C20063" s="7">
        <f t="shared" si="313"/>
        <v>333.99900000000002</v>
      </c>
    </row>
    <row r="20064" spans="1:3" x14ac:dyDescent="0.25">
      <c r="A20064" s="2" t="s">
        <v>11722</v>
      </c>
      <c r="B20064" s="6">
        <v>334015.64999999997</v>
      </c>
      <c r="C20064" s="7">
        <f t="shared" si="313"/>
        <v>334.01564999999994</v>
      </c>
    </row>
    <row r="20065" spans="1:3" x14ac:dyDescent="0.25">
      <c r="A20065" s="2" t="s">
        <v>11723</v>
      </c>
      <c r="B20065" s="6">
        <v>334032.3</v>
      </c>
      <c r="C20065" s="7">
        <f t="shared" si="313"/>
        <v>334.03229999999996</v>
      </c>
    </row>
    <row r="20066" spans="1:3" x14ac:dyDescent="0.25">
      <c r="A20066" s="2" t="s">
        <v>11724</v>
      </c>
      <c r="B20066" s="6">
        <v>334048.94999999995</v>
      </c>
      <c r="C20066" s="7">
        <f t="shared" si="313"/>
        <v>334.04894999999993</v>
      </c>
    </row>
    <row r="20067" spans="1:3" x14ac:dyDescent="0.25">
      <c r="A20067" s="2" t="s">
        <v>11725</v>
      </c>
      <c r="B20067" s="6">
        <v>334065.59999999998</v>
      </c>
      <c r="C20067" s="7">
        <f t="shared" si="313"/>
        <v>334.06559999999996</v>
      </c>
    </row>
    <row r="20068" spans="1:3" x14ac:dyDescent="0.25">
      <c r="A20068" s="2" t="s">
        <v>11726</v>
      </c>
      <c r="B20068" s="6">
        <v>334082.25</v>
      </c>
      <c r="C20068" s="7">
        <f t="shared" si="313"/>
        <v>334.08224999999999</v>
      </c>
    </row>
    <row r="20069" spans="1:3" x14ac:dyDescent="0.25">
      <c r="A20069" s="2" t="s">
        <v>11727</v>
      </c>
      <c r="B20069" s="6">
        <v>334098.89999999997</v>
      </c>
      <c r="C20069" s="7">
        <f t="shared" si="313"/>
        <v>334.09889999999996</v>
      </c>
    </row>
    <row r="20070" spans="1:3" x14ac:dyDescent="0.25">
      <c r="A20070" s="2" t="s">
        <v>11728</v>
      </c>
      <c r="B20070" s="6">
        <v>334115.55</v>
      </c>
      <c r="C20070" s="7">
        <f t="shared" si="313"/>
        <v>334.11554999999998</v>
      </c>
    </row>
    <row r="20071" spans="1:3" x14ac:dyDescent="0.25">
      <c r="A20071" s="2" t="s">
        <v>11729</v>
      </c>
      <c r="B20071" s="6">
        <v>334132.19999999995</v>
      </c>
      <c r="C20071" s="7">
        <f t="shared" si="313"/>
        <v>334.13219999999995</v>
      </c>
    </row>
    <row r="20072" spans="1:3" x14ac:dyDescent="0.25">
      <c r="A20072" s="2" t="s">
        <v>11730</v>
      </c>
      <c r="B20072" s="6">
        <v>334148.84999999998</v>
      </c>
      <c r="C20072" s="7">
        <f t="shared" si="313"/>
        <v>334.14884999999998</v>
      </c>
    </row>
    <row r="20073" spans="1:3" x14ac:dyDescent="0.25">
      <c r="A20073" s="2" t="s">
        <v>11731</v>
      </c>
      <c r="B20073" s="6">
        <v>334165.5</v>
      </c>
      <c r="C20073" s="7">
        <f t="shared" si="313"/>
        <v>334.16550000000001</v>
      </c>
    </row>
    <row r="20074" spans="1:3" x14ac:dyDescent="0.25">
      <c r="A20074" s="2" t="s">
        <v>11732</v>
      </c>
      <c r="B20074" s="6">
        <v>334182.14999999997</v>
      </c>
      <c r="C20074" s="7">
        <f t="shared" si="313"/>
        <v>334.18214999999998</v>
      </c>
    </row>
    <row r="20075" spans="1:3" x14ac:dyDescent="0.25">
      <c r="A20075" s="2" t="s">
        <v>11733</v>
      </c>
      <c r="B20075" s="6">
        <v>334198.8</v>
      </c>
      <c r="C20075" s="7">
        <f t="shared" si="313"/>
        <v>334.19880000000001</v>
      </c>
    </row>
    <row r="20076" spans="1:3" x14ac:dyDescent="0.25">
      <c r="A20076" s="2" t="s">
        <v>11734</v>
      </c>
      <c r="B20076" s="6">
        <v>334215.44999999995</v>
      </c>
      <c r="C20076" s="7">
        <f t="shared" si="313"/>
        <v>334.21544999999998</v>
      </c>
    </row>
    <row r="20077" spans="1:3" x14ac:dyDescent="0.25">
      <c r="A20077" s="2" t="s">
        <v>11735</v>
      </c>
      <c r="B20077" s="6">
        <v>334232.09999999998</v>
      </c>
      <c r="C20077" s="7">
        <f t="shared" si="313"/>
        <v>334.2321</v>
      </c>
    </row>
    <row r="20078" spans="1:3" x14ac:dyDescent="0.25">
      <c r="A20078" s="2" t="s">
        <v>11736</v>
      </c>
      <c r="B20078" s="6">
        <v>334248.75</v>
      </c>
      <c r="C20078" s="7">
        <f t="shared" si="313"/>
        <v>334.24874999999997</v>
      </c>
    </row>
    <row r="20079" spans="1:3" x14ac:dyDescent="0.25">
      <c r="A20079" s="2" t="s">
        <v>11737</v>
      </c>
      <c r="B20079" s="6">
        <v>334265.39999999997</v>
      </c>
      <c r="C20079" s="7">
        <f t="shared" si="313"/>
        <v>334.26539999999994</v>
      </c>
    </row>
    <row r="20080" spans="1:3" x14ac:dyDescent="0.25">
      <c r="A20080" s="2" t="s">
        <v>11738</v>
      </c>
      <c r="B20080" s="6">
        <v>334282.05</v>
      </c>
      <c r="C20080" s="7">
        <f t="shared" si="313"/>
        <v>334.28204999999997</v>
      </c>
    </row>
    <row r="20081" spans="1:3" x14ac:dyDescent="0.25">
      <c r="A20081" s="2" t="s">
        <v>11739</v>
      </c>
      <c r="B20081" s="6">
        <v>334298.69999999995</v>
      </c>
      <c r="C20081" s="7">
        <f t="shared" si="313"/>
        <v>334.29869999999994</v>
      </c>
    </row>
    <row r="20082" spans="1:3" x14ac:dyDescent="0.25">
      <c r="A20082" s="2" t="s">
        <v>11740</v>
      </c>
      <c r="B20082" s="6">
        <v>334315.34999999998</v>
      </c>
      <c r="C20082" s="7">
        <f t="shared" si="313"/>
        <v>334.31534999999997</v>
      </c>
    </row>
    <row r="20083" spans="1:3" x14ac:dyDescent="0.25">
      <c r="A20083" s="2" t="s">
        <v>11741</v>
      </c>
      <c r="B20083" s="6">
        <v>334332</v>
      </c>
      <c r="C20083" s="7">
        <f t="shared" si="313"/>
        <v>334.33199999999999</v>
      </c>
    </row>
    <row r="20084" spans="1:3" x14ac:dyDescent="0.25">
      <c r="A20084" s="2" t="s">
        <v>11742</v>
      </c>
      <c r="B20084" s="6">
        <v>334348.64999999997</v>
      </c>
      <c r="C20084" s="7">
        <f t="shared" si="313"/>
        <v>334.34864999999996</v>
      </c>
    </row>
    <row r="20085" spans="1:3" x14ac:dyDescent="0.25">
      <c r="A20085" s="2" t="s">
        <v>11743</v>
      </c>
      <c r="B20085" s="6">
        <v>334365.3</v>
      </c>
      <c r="C20085" s="7">
        <f t="shared" si="313"/>
        <v>334.36529999999999</v>
      </c>
    </row>
    <row r="20086" spans="1:3" x14ac:dyDescent="0.25">
      <c r="A20086" s="2" t="s">
        <v>11744</v>
      </c>
      <c r="B20086" s="6">
        <v>334381.94999999995</v>
      </c>
      <c r="C20086" s="7">
        <f t="shared" si="313"/>
        <v>334.38194999999996</v>
      </c>
    </row>
    <row r="20087" spans="1:3" x14ac:dyDescent="0.25">
      <c r="A20087" s="2" t="s">
        <v>11745</v>
      </c>
      <c r="B20087" s="6">
        <v>334398.59999999998</v>
      </c>
      <c r="C20087" s="7">
        <f t="shared" si="313"/>
        <v>334.39859999999999</v>
      </c>
    </row>
    <row r="20088" spans="1:3" x14ac:dyDescent="0.25">
      <c r="A20088" s="2" t="s">
        <v>11746</v>
      </c>
      <c r="B20088" s="6">
        <v>334415.25</v>
      </c>
      <c r="C20088" s="7">
        <f t="shared" si="313"/>
        <v>334.41525000000001</v>
      </c>
    </row>
    <row r="20089" spans="1:3" x14ac:dyDescent="0.25">
      <c r="A20089" s="2" t="s">
        <v>11747</v>
      </c>
      <c r="B20089" s="6">
        <v>334431.89999999997</v>
      </c>
      <c r="C20089" s="7">
        <f t="shared" si="313"/>
        <v>334.43189999999998</v>
      </c>
    </row>
    <row r="20090" spans="1:3" x14ac:dyDescent="0.25">
      <c r="A20090" s="2" t="s">
        <v>11748</v>
      </c>
      <c r="B20090" s="6">
        <v>334448.55</v>
      </c>
      <c r="C20090" s="7">
        <f t="shared" si="313"/>
        <v>334.44855000000001</v>
      </c>
    </row>
    <row r="20091" spans="1:3" x14ac:dyDescent="0.25">
      <c r="A20091" s="2" t="s">
        <v>11749</v>
      </c>
      <c r="B20091" s="6">
        <v>334465.19999999995</v>
      </c>
      <c r="C20091" s="7">
        <f t="shared" si="313"/>
        <v>334.46519999999998</v>
      </c>
    </row>
    <row r="20092" spans="1:3" x14ac:dyDescent="0.25">
      <c r="A20092" s="2" t="s">
        <v>11750</v>
      </c>
      <c r="B20092" s="6">
        <v>334481.84999999998</v>
      </c>
      <c r="C20092" s="7">
        <f t="shared" si="313"/>
        <v>334.48184999999995</v>
      </c>
    </row>
    <row r="20093" spans="1:3" x14ac:dyDescent="0.25">
      <c r="A20093" s="2" t="s">
        <v>11751</v>
      </c>
      <c r="B20093" s="6">
        <v>334498.5</v>
      </c>
      <c r="C20093" s="7">
        <f t="shared" si="313"/>
        <v>334.49849999999998</v>
      </c>
    </row>
    <row r="20094" spans="1:3" x14ac:dyDescent="0.25">
      <c r="A20094" s="2" t="s">
        <v>11752</v>
      </c>
      <c r="B20094" s="6">
        <v>334515.14999999997</v>
      </c>
      <c r="C20094" s="7">
        <f t="shared" si="313"/>
        <v>334.51514999999995</v>
      </c>
    </row>
    <row r="20095" spans="1:3" x14ac:dyDescent="0.25">
      <c r="A20095" s="2" t="s">
        <v>11753</v>
      </c>
      <c r="B20095" s="6">
        <v>334531.8</v>
      </c>
      <c r="C20095" s="7">
        <f t="shared" si="313"/>
        <v>334.53179999999998</v>
      </c>
    </row>
    <row r="20096" spans="1:3" x14ac:dyDescent="0.25">
      <c r="A20096" s="2" t="s">
        <v>11754</v>
      </c>
      <c r="B20096" s="6">
        <v>334548.44999999995</v>
      </c>
      <c r="C20096" s="7">
        <f t="shared" si="313"/>
        <v>334.54844999999995</v>
      </c>
    </row>
    <row r="20097" spans="1:3" x14ac:dyDescent="0.25">
      <c r="A20097" s="2" t="s">
        <v>11755</v>
      </c>
      <c r="B20097" s="6">
        <v>334565.09999999998</v>
      </c>
      <c r="C20097" s="7">
        <f t="shared" si="313"/>
        <v>334.56509999999997</v>
      </c>
    </row>
    <row r="20098" spans="1:3" x14ac:dyDescent="0.25">
      <c r="A20098" s="2" t="s">
        <v>11756</v>
      </c>
      <c r="B20098" s="6">
        <v>334581.75</v>
      </c>
      <c r="C20098" s="7">
        <f t="shared" si="313"/>
        <v>334.58175</v>
      </c>
    </row>
    <row r="20099" spans="1:3" x14ac:dyDescent="0.25">
      <c r="A20099" s="2" t="s">
        <v>11757</v>
      </c>
      <c r="B20099" s="6">
        <v>334598.39999999997</v>
      </c>
      <c r="C20099" s="7">
        <f t="shared" ref="C20099:C20162" si="314">B20099/1000</f>
        <v>334.59839999999997</v>
      </c>
    </row>
    <row r="20100" spans="1:3" x14ac:dyDescent="0.25">
      <c r="A20100" s="2" t="s">
        <v>11758</v>
      </c>
      <c r="B20100" s="6">
        <v>334615.05</v>
      </c>
      <c r="C20100" s="7">
        <f t="shared" si="314"/>
        <v>334.61505</v>
      </c>
    </row>
    <row r="20101" spans="1:3" x14ac:dyDescent="0.25">
      <c r="A20101" s="2" t="s">
        <v>11759</v>
      </c>
      <c r="B20101" s="6">
        <v>334631.69999999995</v>
      </c>
      <c r="C20101" s="7">
        <f t="shared" si="314"/>
        <v>334.63169999999997</v>
      </c>
    </row>
    <row r="20102" spans="1:3" x14ac:dyDescent="0.25">
      <c r="A20102" s="2" t="s">
        <v>11760</v>
      </c>
      <c r="B20102" s="6">
        <v>334648.34999999998</v>
      </c>
      <c r="C20102" s="7">
        <f t="shared" si="314"/>
        <v>334.64834999999999</v>
      </c>
    </row>
    <row r="20103" spans="1:3" x14ac:dyDescent="0.25">
      <c r="A20103" s="2" t="s">
        <v>11761</v>
      </c>
      <c r="B20103" s="6">
        <v>334665</v>
      </c>
      <c r="C20103" s="7">
        <f t="shared" si="314"/>
        <v>334.66500000000002</v>
      </c>
    </row>
    <row r="20104" spans="1:3" x14ac:dyDescent="0.25">
      <c r="A20104" s="2" t="s">
        <v>11762</v>
      </c>
      <c r="B20104" s="6">
        <v>334681.64999999997</v>
      </c>
      <c r="C20104" s="7">
        <f t="shared" si="314"/>
        <v>334.68164999999999</v>
      </c>
    </row>
    <row r="20105" spans="1:3" x14ac:dyDescent="0.25">
      <c r="A20105" s="2" t="s">
        <v>11763</v>
      </c>
      <c r="B20105" s="6">
        <v>334698.3</v>
      </c>
      <c r="C20105" s="7">
        <f t="shared" si="314"/>
        <v>334.69829999999996</v>
      </c>
    </row>
    <row r="20106" spans="1:3" x14ac:dyDescent="0.25">
      <c r="A20106" s="2" t="s">
        <v>11764</v>
      </c>
      <c r="B20106" s="6">
        <v>334714.94999999995</v>
      </c>
      <c r="C20106" s="7">
        <f t="shared" si="314"/>
        <v>334.71494999999993</v>
      </c>
    </row>
    <row r="20107" spans="1:3" x14ac:dyDescent="0.25">
      <c r="A20107" s="2" t="s">
        <v>11765</v>
      </c>
      <c r="B20107" s="6">
        <v>334731.59999999998</v>
      </c>
      <c r="C20107" s="7">
        <f t="shared" si="314"/>
        <v>334.73159999999996</v>
      </c>
    </row>
    <row r="20108" spans="1:3" x14ac:dyDescent="0.25">
      <c r="A20108" s="2" t="s">
        <v>11766</v>
      </c>
      <c r="B20108" s="6">
        <v>334748.25</v>
      </c>
      <c r="C20108" s="7">
        <f t="shared" si="314"/>
        <v>334.74824999999998</v>
      </c>
    </row>
    <row r="20109" spans="1:3" x14ac:dyDescent="0.25">
      <c r="A20109" s="2" t="s">
        <v>11767</v>
      </c>
      <c r="B20109" s="6">
        <v>334764.89999999997</v>
      </c>
      <c r="C20109" s="7">
        <f t="shared" si="314"/>
        <v>334.76489999999995</v>
      </c>
    </row>
    <row r="20110" spans="1:3" x14ac:dyDescent="0.25">
      <c r="A20110" s="2" t="s">
        <v>11768</v>
      </c>
      <c r="B20110" s="6">
        <v>334781.55</v>
      </c>
      <c r="C20110" s="7">
        <f t="shared" si="314"/>
        <v>334.78154999999998</v>
      </c>
    </row>
    <row r="20111" spans="1:3" x14ac:dyDescent="0.25">
      <c r="A20111" s="2" t="s">
        <v>11769</v>
      </c>
      <c r="B20111" s="6">
        <v>334798.19999999995</v>
      </c>
      <c r="C20111" s="7">
        <f t="shared" si="314"/>
        <v>334.79819999999995</v>
      </c>
    </row>
    <row r="20112" spans="1:3" x14ac:dyDescent="0.25">
      <c r="A20112" s="2" t="s">
        <v>11770</v>
      </c>
      <c r="B20112" s="6">
        <v>334814.84999999998</v>
      </c>
      <c r="C20112" s="7">
        <f t="shared" si="314"/>
        <v>334.81484999999998</v>
      </c>
    </row>
    <row r="20113" spans="1:3" x14ac:dyDescent="0.25">
      <c r="A20113" s="2" t="s">
        <v>11771</v>
      </c>
      <c r="B20113" s="6">
        <v>334831.5</v>
      </c>
      <c r="C20113" s="7">
        <f t="shared" si="314"/>
        <v>334.83150000000001</v>
      </c>
    </row>
    <row r="20114" spans="1:3" x14ac:dyDescent="0.25">
      <c r="A20114" s="2" t="s">
        <v>11772</v>
      </c>
      <c r="B20114" s="6">
        <v>334848.14999999997</v>
      </c>
      <c r="C20114" s="7">
        <f t="shared" si="314"/>
        <v>334.84814999999998</v>
      </c>
    </row>
    <row r="20115" spans="1:3" x14ac:dyDescent="0.25">
      <c r="A20115" s="2" t="s">
        <v>11773</v>
      </c>
      <c r="B20115" s="6">
        <v>334864.8</v>
      </c>
      <c r="C20115" s="7">
        <f t="shared" si="314"/>
        <v>334.8648</v>
      </c>
    </row>
    <row r="20116" spans="1:3" x14ac:dyDescent="0.25">
      <c r="A20116" s="2" t="s">
        <v>11774</v>
      </c>
      <c r="B20116" s="6">
        <v>334881.44999999995</v>
      </c>
      <c r="C20116" s="7">
        <f t="shared" si="314"/>
        <v>334.88144999999997</v>
      </c>
    </row>
    <row r="20117" spans="1:3" x14ac:dyDescent="0.25">
      <c r="A20117" s="2" t="s">
        <v>11775</v>
      </c>
      <c r="B20117" s="6">
        <v>334898.09999999998</v>
      </c>
      <c r="C20117" s="7">
        <f t="shared" si="314"/>
        <v>334.8981</v>
      </c>
    </row>
    <row r="20118" spans="1:3" x14ac:dyDescent="0.25">
      <c r="A20118" s="2" t="s">
        <v>11776</v>
      </c>
      <c r="B20118" s="6">
        <v>334914.75</v>
      </c>
      <c r="C20118" s="7">
        <f t="shared" si="314"/>
        <v>334.91475000000003</v>
      </c>
    </row>
    <row r="20119" spans="1:3" x14ac:dyDescent="0.25">
      <c r="A20119" s="2" t="s">
        <v>11777</v>
      </c>
      <c r="B20119" s="6">
        <v>334931.39999999997</v>
      </c>
      <c r="C20119" s="7">
        <f t="shared" si="314"/>
        <v>334.93139999999994</v>
      </c>
    </row>
    <row r="20120" spans="1:3" x14ac:dyDescent="0.25">
      <c r="A20120" s="2" t="s">
        <v>11778</v>
      </c>
      <c r="B20120" s="6">
        <v>334948.05</v>
      </c>
      <c r="C20120" s="7">
        <f t="shared" si="314"/>
        <v>334.94804999999997</v>
      </c>
    </row>
    <row r="20121" spans="1:3" x14ac:dyDescent="0.25">
      <c r="A20121" s="2" t="s">
        <v>11779</v>
      </c>
      <c r="B20121" s="6">
        <v>334964.69999999995</v>
      </c>
      <c r="C20121" s="7">
        <f t="shared" si="314"/>
        <v>334.96469999999994</v>
      </c>
    </row>
    <row r="20122" spans="1:3" x14ac:dyDescent="0.25">
      <c r="A20122" s="2" t="s">
        <v>11780</v>
      </c>
      <c r="B20122" s="6">
        <v>334981.34999999998</v>
      </c>
      <c r="C20122" s="7">
        <f t="shared" si="314"/>
        <v>334.98134999999996</v>
      </c>
    </row>
    <row r="20123" spans="1:3" x14ac:dyDescent="0.25">
      <c r="A20123" s="2" t="s">
        <v>11781</v>
      </c>
      <c r="B20123" s="6">
        <v>334998</v>
      </c>
      <c r="C20123" s="7">
        <f t="shared" si="314"/>
        <v>334.99799999999999</v>
      </c>
    </row>
    <row r="20124" spans="1:3" x14ac:dyDescent="0.25">
      <c r="A20124" s="2" t="s">
        <v>11782</v>
      </c>
      <c r="B20124" s="6">
        <v>335014.64999999997</v>
      </c>
      <c r="C20124" s="7">
        <f t="shared" si="314"/>
        <v>335.01464999999996</v>
      </c>
    </row>
    <row r="20125" spans="1:3" x14ac:dyDescent="0.25">
      <c r="A20125" s="2" t="s">
        <v>11783</v>
      </c>
      <c r="B20125" s="6">
        <v>335031.3</v>
      </c>
      <c r="C20125" s="7">
        <f t="shared" si="314"/>
        <v>335.03129999999999</v>
      </c>
    </row>
    <row r="20126" spans="1:3" x14ac:dyDescent="0.25">
      <c r="A20126" s="2" t="s">
        <v>11784</v>
      </c>
      <c r="B20126" s="6">
        <v>335047.94999999995</v>
      </c>
      <c r="C20126" s="7">
        <f t="shared" si="314"/>
        <v>335.04794999999996</v>
      </c>
    </row>
    <row r="20127" spans="1:3" x14ac:dyDescent="0.25">
      <c r="A20127" s="2" t="s">
        <v>11785</v>
      </c>
      <c r="B20127" s="6">
        <v>335064.59999999998</v>
      </c>
      <c r="C20127" s="7">
        <f t="shared" si="314"/>
        <v>335.06459999999998</v>
      </c>
    </row>
    <row r="20128" spans="1:3" x14ac:dyDescent="0.25">
      <c r="A20128" s="2" t="s">
        <v>11786</v>
      </c>
      <c r="B20128" s="6">
        <v>335081.25</v>
      </c>
      <c r="C20128" s="7">
        <f t="shared" si="314"/>
        <v>335.08125000000001</v>
      </c>
    </row>
    <row r="20129" spans="1:3" x14ac:dyDescent="0.25">
      <c r="A20129" s="2" t="s">
        <v>11787</v>
      </c>
      <c r="B20129" s="6">
        <v>335097.89999999997</v>
      </c>
      <c r="C20129" s="7">
        <f t="shared" si="314"/>
        <v>335.09789999999998</v>
      </c>
    </row>
    <row r="20130" spans="1:3" x14ac:dyDescent="0.25">
      <c r="A20130" s="2" t="s">
        <v>11788</v>
      </c>
      <c r="B20130" s="6">
        <v>335114.55</v>
      </c>
      <c r="C20130" s="7">
        <f t="shared" si="314"/>
        <v>335.11455000000001</v>
      </c>
    </row>
    <row r="20131" spans="1:3" x14ac:dyDescent="0.25">
      <c r="A20131" s="2" t="s">
        <v>11789</v>
      </c>
      <c r="B20131" s="6">
        <v>335131.19999999995</v>
      </c>
      <c r="C20131" s="7">
        <f t="shared" si="314"/>
        <v>335.13119999999998</v>
      </c>
    </row>
    <row r="20132" spans="1:3" x14ac:dyDescent="0.25">
      <c r="A20132" s="2" t="s">
        <v>11790</v>
      </c>
      <c r="B20132" s="6">
        <v>335147.84999999998</v>
      </c>
      <c r="C20132" s="7">
        <f t="shared" si="314"/>
        <v>335.14784999999995</v>
      </c>
    </row>
    <row r="20133" spans="1:3" x14ac:dyDescent="0.25">
      <c r="A20133" s="2" t="s">
        <v>11791</v>
      </c>
      <c r="B20133" s="6">
        <v>335164.5</v>
      </c>
      <c r="C20133" s="7">
        <f t="shared" si="314"/>
        <v>335.16449999999998</v>
      </c>
    </row>
    <row r="20134" spans="1:3" x14ac:dyDescent="0.25">
      <c r="A20134" s="2" t="s">
        <v>11792</v>
      </c>
      <c r="B20134" s="6">
        <v>335181.14999999997</v>
      </c>
      <c r="C20134" s="7">
        <f t="shared" si="314"/>
        <v>335.18114999999995</v>
      </c>
    </row>
    <row r="20135" spans="1:3" x14ac:dyDescent="0.25">
      <c r="A20135" s="2" t="s">
        <v>11793</v>
      </c>
      <c r="B20135" s="6">
        <v>335197.8</v>
      </c>
      <c r="C20135" s="7">
        <f t="shared" si="314"/>
        <v>335.19779999999997</v>
      </c>
    </row>
    <row r="20136" spans="1:3" x14ac:dyDescent="0.25">
      <c r="A20136" s="2" t="s">
        <v>11794</v>
      </c>
      <c r="B20136" s="6">
        <v>335214.44999999995</v>
      </c>
      <c r="C20136" s="7">
        <f t="shared" si="314"/>
        <v>335.21444999999994</v>
      </c>
    </row>
    <row r="20137" spans="1:3" x14ac:dyDescent="0.25">
      <c r="A20137" s="2" t="s">
        <v>11795</v>
      </c>
      <c r="B20137" s="6">
        <v>335231.09999999998</v>
      </c>
      <c r="C20137" s="7">
        <f t="shared" si="314"/>
        <v>335.23109999999997</v>
      </c>
    </row>
    <row r="20138" spans="1:3" x14ac:dyDescent="0.25">
      <c r="A20138" s="2" t="s">
        <v>11796</v>
      </c>
      <c r="B20138" s="6">
        <v>335247.75</v>
      </c>
      <c r="C20138" s="7">
        <f t="shared" si="314"/>
        <v>335.24775</v>
      </c>
    </row>
    <row r="20139" spans="1:3" x14ac:dyDescent="0.25">
      <c r="A20139" s="2" t="s">
        <v>11797</v>
      </c>
      <c r="B20139" s="6">
        <v>335264.39999999997</v>
      </c>
      <c r="C20139" s="7">
        <f t="shared" si="314"/>
        <v>335.26439999999997</v>
      </c>
    </row>
    <row r="20140" spans="1:3" x14ac:dyDescent="0.25">
      <c r="A20140" s="2" t="s">
        <v>11798</v>
      </c>
      <c r="B20140" s="6">
        <v>335281.05</v>
      </c>
      <c r="C20140" s="7">
        <f t="shared" si="314"/>
        <v>335.28104999999999</v>
      </c>
    </row>
    <row r="20141" spans="1:3" x14ac:dyDescent="0.25">
      <c r="A20141" s="2" t="s">
        <v>11799</v>
      </c>
      <c r="B20141" s="6">
        <v>335297.69999999995</v>
      </c>
      <c r="C20141" s="7">
        <f t="shared" si="314"/>
        <v>335.29769999999996</v>
      </c>
    </row>
    <row r="20142" spans="1:3" x14ac:dyDescent="0.25">
      <c r="A20142" s="2" t="s">
        <v>11800</v>
      </c>
      <c r="B20142" s="6">
        <v>335314.34999999998</v>
      </c>
      <c r="C20142" s="7">
        <f t="shared" si="314"/>
        <v>335.31434999999999</v>
      </c>
    </row>
    <row r="20143" spans="1:3" x14ac:dyDescent="0.25">
      <c r="A20143" s="2" t="s">
        <v>11801</v>
      </c>
      <c r="B20143" s="6">
        <v>335331</v>
      </c>
      <c r="C20143" s="7">
        <f t="shared" si="314"/>
        <v>335.33100000000002</v>
      </c>
    </row>
    <row r="20144" spans="1:3" x14ac:dyDescent="0.25">
      <c r="A20144" s="2" t="s">
        <v>11802</v>
      </c>
      <c r="B20144" s="6">
        <v>335347.64999999997</v>
      </c>
      <c r="C20144" s="7">
        <f t="shared" si="314"/>
        <v>335.34764999999999</v>
      </c>
    </row>
    <row r="20145" spans="1:3" x14ac:dyDescent="0.25">
      <c r="A20145" s="2" t="s">
        <v>11803</v>
      </c>
      <c r="B20145" s="6">
        <v>335364.3</v>
      </c>
      <c r="C20145" s="7">
        <f t="shared" si="314"/>
        <v>335.36430000000001</v>
      </c>
    </row>
    <row r="20146" spans="1:3" x14ac:dyDescent="0.25">
      <c r="A20146" s="2" t="s">
        <v>11804</v>
      </c>
      <c r="B20146" s="6">
        <v>335380.94999999995</v>
      </c>
      <c r="C20146" s="7">
        <f t="shared" si="314"/>
        <v>335.38094999999993</v>
      </c>
    </row>
    <row r="20147" spans="1:3" x14ac:dyDescent="0.25">
      <c r="A20147" s="2" t="s">
        <v>11805</v>
      </c>
      <c r="B20147" s="6">
        <v>335397.59999999998</v>
      </c>
      <c r="C20147" s="7">
        <f t="shared" si="314"/>
        <v>335.39759999999995</v>
      </c>
    </row>
    <row r="20148" spans="1:3" x14ac:dyDescent="0.25">
      <c r="A20148" s="2" t="s">
        <v>11806</v>
      </c>
      <c r="B20148" s="6">
        <v>335414.25</v>
      </c>
      <c r="C20148" s="7">
        <f t="shared" si="314"/>
        <v>335.41424999999998</v>
      </c>
    </row>
    <row r="20149" spans="1:3" x14ac:dyDescent="0.25">
      <c r="A20149" s="2" t="s">
        <v>11807</v>
      </c>
      <c r="B20149" s="6">
        <v>335430.89999999997</v>
      </c>
      <c r="C20149" s="7">
        <f t="shared" si="314"/>
        <v>335.43089999999995</v>
      </c>
    </row>
    <row r="20150" spans="1:3" x14ac:dyDescent="0.25">
      <c r="A20150" s="2" t="s">
        <v>11808</v>
      </c>
      <c r="B20150" s="6">
        <v>335447.55</v>
      </c>
      <c r="C20150" s="7">
        <f t="shared" si="314"/>
        <v>335.44754999999998</v>
      </c>
    </row>
    <row r="20151" spans="1:3" x14ac:dyDescent="0.25">
      <c r="A20151" s="2" t="s">
        <v>11809</v>
      </c>
      <c r="B20151" s="6">
        <v>335464.19999999995</v>
      </c>
      <c r="C20151" s="7">
        <f t="shared" si="314"/>
        <v>335.46419999999995</v>
      </c>
    </row>
    <row r="20152" spans="1:3" x14ac:dyDescent="0.25">
      <c r="A20152" s="2" t="s">
        <v>11810</v>
      </c>
      <c r="B20152" s="6">
        <v>335480.84999999998</v>
      </c>
      <c r="C20152" s="7">
        <f t="shared" si="314"/>
        <v>335.48084999999998</v>
      </c>
    </row>
    <row r="20153" spans="1:3" x14ac:dyDescent="0.25">
      <c r="A20153" s="2" t="s">
        <v>11811</v>
      </c>
      <c r="B20153" s="6">
        <v>335497.5</v>
      </c>
      <c r="C20153" s="7">
        <f t="shared" si="314"/>
        <v>335.4975</v>
      </c>
    </row>
    <row r="20154" spans="1:3" x14ac:dyDescent="0.25">
      <c r="A20154" s="2" t="s">
        <v>11812</v>
      </c>
      <c r="B20154" s="6">
        <v>335514.14999999997</v>
      </c>
      <c r="C20154" s="7">
        <f t="shared" si="314"/>
        <v>335.51414999999997</v>
      </c>
    </row>
    <row r="20155" spans="1:3" x14ac:dyDescent="0.25">
      <c r="A20155" s="2" t="s">
        <v>11813</v>
      </c>
      <c r="B20155" s="6">
        <v>335530.8</v>
      </c>
      <c r="C20155" s="7">
        <f t="shared" si="314"/>
        <v>335.5308</v>
      </c>
    </row>
    <row r="20156" spans="1:3" x14ac:dyDescent="0.25">
      <c r="A20156" s="2" t="s">
        <v>11814</v>
      </c>
      <c r="B20156" s="6">
        <v>335547.44999999995</v>
      </c>
      <c r="C20156" s="7">
        <f t="shared" si="314"/>
        <v>335.54744999999997</v>
      </c>
    </row>
    <row r="20157" spans="1:3" x14ac:dyDescent="0.25">
      <c r="A20157" s="2" t="s">
        <v>11815</v>
      </c>
      <c r="B20157" s="6">
        <v>335564.1</v>
      </c>
      <c r="C20157" s="7">
        <f t="shared" si="314"/>
        <v>335.5641</v>
      </c>
    </row>
    <row r="20158" spans="1:3" x14ac:dyDescent="0.25">
      <c r="A20158" s="2" t="s">
        <v>11816</v>
      </c>
      <c r="B20158" s="6">
        <v>335580.75</v>
      </c>
      <c r="C20158" s="7">
        <f t="shared" si="314"/>
        <v>335.58075000000002</v>
      </c>
    </row>
    <row r="20159" spans="1:3" x14ac:dyDescent="0.25">
      <c r="A20159" s="2" t="s">
        <v>11817</v>
      </c>
      <c r="B20159" s="6">
        <v>335597.39999999997</v>
      </c>
      <c r="C20159" s="7">
        <f t="shared" si="314"/>
        <v>335.59739999999999</v>
      </c>
    </row>
    <row r="20160" spans="1:3" x14ac:dyDescent="0.25">
      <c r="A20160" s="2" t="s">
        <v>11818</v>
      </c>
      <c r="B20160" s="6">
        <v>335614.05</v>
      </c>
      <c r="C20160" s="7">
        <f t="shared" si="314"/>
        <v>335.61404999999996</v>
      </c>
    </row>
    <row r="20161" spans="1:3" x14ac:dyDescent="0.25">
      <c r="A20161" s="2" t="s">
        <v>11819</v>
      </c>
      <c r="B20161" s="6">
        <v>335630.69999999995</v>
      </c>
      <c r="C20161" s="7">
        <f t="shared" si="314"/>
        <v>335.63069999999993</v>
      </c>
    </row>
    <row r="20162" spans="1:3" x14ac:dyDescent="0.25">
      <c r="A20162" s="2" t="s">
        <v>11820</v>
      </c>
      <c r="B20162" s="6">
        <v>335647.35</v>
      </c>
      <c r="C20162" s="7">
        <f t="shared" si="314"/>
        <v>335.64734999999996</v>
      </c>
    </row>
    <row r="20163" spans="1:3" x14ac:dyDescent="0.25">
      <c r="A20163" s="2" t="s">
        <v>11821</v>
      </c>
      <c r="B20163" s="6">
        <v>335664</v>
      </c>
      <c r="C20163" s="7">
        <f t="shared" ref="C20163:C20226" si="315">B20163/1000</f>
        <v>335.66399999999999</v>
      </c>
    </row>
    <row r="20164" spans="1:3" x14ac:dyDescent="0.25">
      <c r="A20164" s="2" t="s">
        <v>11822</v>
      </c>
      <c r="B20164" s="6">
        <v>335680.64999999997</v>
      </c>
      <c r="C20164" s="7">
        <f t="shared" si="315"/>
        <v>335.68064999999996</v>
      </c>
    </row>
    <row r="20165" spans="1:3" x14ac:dyDescent="0.25">
      <c r="A20165" s="2" t="s">
        <v>11823</v>
      </c>
      <c r="B20165" s="6">
        <v>335697.3</v>
      </c>
      <c r="C20165" s="7">
        <f t="shared" si="315"/>
        <v>335.69729999999998</v>
      </c>
    </row>
    <row r="20166" spans="1:3" x14ac:dyDescent="0.25">
      <c r="A20166" s="2" t="s">
        <v>11824</v>
      </c>
      <c r="B20166" s="6">
        <v>335713.94999999995</v>
      </c>
      <c r="C20166" s="7">
        <f t="shared" si="315"/>
        <v>335.71394999999995</v>
      </c>
    </row>
    <row r="20167" spans="1:3" x14ac:dyDescent="0.25">
      <c r="A20167" s="2" t="s">
        <v>11825</v>
      </c>
      <c r="B20167" s="6">
        <v>335730.6</v>
      </c>
      <c r="C20167" s="7">
        <f t="shared" si="315"/>
        <v>335.73059999999998</v>
      </c>
    </row>
    <row r="20168" spans="1:3" x14ac:dyDescent="0.25">
      <c r="A20168" s="2" t="s">
        <v>11826</v>
      </c>
      <c r="B20168" s="6">
        <v>335747.25</v>
      </c>
      <c r="C20168" s="7">
        <f t="shared" si="315"/>
        <v>335.74725000000001</v>
      </c>
    </row>
    <row r="20169" spans="1:3" x14ac:dyDescent="0.25">
      <c r="A20169" s="2" t="s">
        <v>11827</v>
      </c>
      <c r="B20169" s="6">
        <v>335763.89999999997</v>
      </c>
      <c r="C20169" s="7">
        <f t="shared" si="315"/>
        <v>335.76389999999998</v>
      </c>
    </row>
    <row r="20170" spans="1:3" x14ac:dyDescent="0.25">
      <c r="A20170" s="2" t="s">
        <v>11828</v>
      </c>
      <c r="B20170" s="6">
        <v>335780.55</v>
      </c>
      <c r="C20170" s="7">
        <f t="shared" si="315"/>
        <v>335.78055000000001</v>
      </c>
    </row>
    <row r="20171" spans="1:3" x14ac:dyDescent="0.25">
      <c r="A20171" s="2" t="s">
        <v>11829</v>
      </c>
      <c r="B20171" s="6">
        <v>335797.19999999995</v>
      </c>
      <c r="C20171" s="7">
        <f t="shared" si="315"/>
        <v>335.79719999999998</v>
      </c>
    </row>
    <row r="20172" spans="1:3" x14ac:dyDescent="0.25">
      <c r="A20172" s="2" t="s">
        <v>11830</v>
      </c>
      <c r="B20172" s="6">
        <v>335813.85</v>
      </c>
      <c r="C20172" s="7">
        <f t="shared" si="315"/>
        <v>335.81385</v>
      </c>
    </row>
    <row r="20173" spans="1:3" x14ac:dyDescent="0.25">
      <c r="A20173" s="2" t="s">
        <v>11831</v>
      </c>
      <c r="B20173" s="6">
        <v>335830.5</v>
      </c>
      <c r="C20173" s="7">
        <f t="shared" si="315"/>
        <v>335.83049999999997</v>
      </c>
    </row>
    <row r="20174" spans="1:3" x14ac:dyDescent="0.25">
      <c r="A20174" s="2" t="s">
        <v>11832</v>
      </c>
      <c r="B20174" s="6">
        <v>335847.14999999997</v>
      </c>
      <c r="C20174" s="7">
        <f t="shared" si="315"/>
        <v>335.84714999999994</v>
      </c>
    </row>
    <row r="20175" spans="1:3" x14ac:dyDescent="0.25">
      <c r="A20175" s="2" t="s">
        <v>11833</v>
      </c>
      <c r="B20175" s="6">
        <v>335863.8</v>
      </c>
      <c r="C20175" s="7">
        <f t="shared" si="315"/>
        <v>335.86379999999997</v>
      </c>
    </row>
    <row r="20176" spans="1:3" x14ac:dyDescent="0.25">
      <c r="A20176" s="2" t="s">
        <v>11834</v>
      </c>
      <c r="B20176" s="6">
        <v>335880.44999999995</v>
      </c>
      <c r="C20176" s="7">
        <f t="shared" si="315"/>
        <v>335.88044999999994</v>
      </c>
    </row>
    <row r="20177" spans="1:3" x14ac:dyDescent="0.25">
      <c r="A20177" s="2" t="s">
        <v>11835</v>
      </c>
      <c r="B20177" s="6">
        <v>335897.1</v>
      </c>
      <c r="C20177" s="7">
        <f t="shared" si="315"/>
        <v>335.89709999999997</v>
      </c>
    </row>
    <row r="20178" spans="1:3" x14ac:dyDescent="0.25">
      <c r="A20178" s="2" t="s">
        <v>11836</v>
      </c>
      <c r="B20178" s="6">
        <v>335913.75</v>
      </c>
      <c r="C20178" s="7">
        <f t="shared" si="315"/>
        <v>335.91374999999999</v>
      </c>
    </row>
    <row r="20179" spans="1:3" x14ac:dyDescent="0.25">
      <c r="A20179" s="2" t="s">
        <v>11837</v>
      </c>
      <c r="B20179" s="6">
        <v>335930.39999999997</v>
      </c>
      <c r="C20179" s="7">
        <f t="shared" si="315"/>
        <v>335.93039999999996</v>
      </c>
    </row>
    <row r="20180" spans="1:3" x14ac:dyDescent="0.25">
      <c r="A20180" s="2" t="s">
        <v>11838</v>
      </c>
      <c r="B20180" s="6">
        <v>335947.05</v>
      </c>
      <c r="C20180" s="7">
        <f t="shared" si="315"/>
        <v>335.94704999999999</v>
      </c>
    </row>
    <row r="20181" spans="1:3" x14ac:dyDescent="0.25">
      <c r="A20181" s="2" t="s">
        <v>11839</v>
      </c>
      <c r="B20181" s="6">
        <v>335963.69999999995</v>
      </c>
      <c r="C20181" s="7">
        <f t="shared" si="315"/>
        <v>335.96369999999996</v>
      </c>
    </row>
    <row r="20182" spans="1:3" x14ac:dyDescent="0.25">
      <c r="A20182" s="2" t="s">
        <v>11840</v>
      </c>
      <c r="B20182" s="6">
        <v>335980.35</v>
      </c>
      <c r="C20182" s="7">
        <f t="shared" si="315"/>
        <v>335.98034999999999</v>
      </c>
    </row>
    <row r="20183" spans="1:3" x14ac:dyDescent="0.25">
      <c r="A20183" s="2" t="s">
        <v>11841</v>
      </c>
      <c r="B20183" s="6">
        <v>335997</v>
      </c>
      <c r="C20183" s="7">
        <f t="shared" si="315"/>
        <v>335.99700000000001</v>
      </c>
    </row>
    <row r="20184" spans="1:3" x14ac:dyDescent="0.25">
      <c r="A20184" s="2" t="s">
        <v>11842</v>
      </c>
      <c r="B20184" s="6">
        <v>336013.64999999997</v>
      </c>
      <c r="C20184" s="7">
        <f t="shared" si="315"/>
        <v>336.01364999999998</v>
      </c>
    </row>
    <row r="20185" spans="1:3" x14ac:dyDescent="0.25">
      <c r="A20185" s="2" t="s">
        <v>11843</v>
      </c>
      <c r="B20185" s="6">
        <v>336030.3</v>
      </c>
      <c r="C20185" s="7">
        <f t="shared" si="315"/>
        <v>336.03030000000001</v>
      </c>
    </row>
    <row r="20186" spans="1:3" x14ac:dyDescent="0.25">
      <c r="A20186" s="2" t="s">
        <v>11844</v>
      </c>
      <c r="B20186" s="6">
        <v>336046.94999999995</v>
      </c>
      <c r="C20186" s="7">
        <f t="shared" si="315"/>
        <v>336.04694999999998</v>
      </c>
    </row>
    <row r="20187" spans="1:3" x14ac:dyDescent="0.25">
      <c r="A20187" s="2" t="s">
        <v>11845</v>
      </c>
      <c r="B20187" s="6">
        <v>336063.6</v>
      </c>
      <c r="C20187" s="7">
        <f t="shared" si="315"/>
        <v>336.06359999999995</v>
      </c>
    </row>
    <row r="20188" spans="1:3" x14ac:dyDescent="0.25">
      <c r="A20188" s="2" t="s">
        <v>11846</v>
      </c>
      <c r="B20188" s="6">
        <v>336080.25</v>
      </c>
      <c r="C20188" s="7">
        <f t="shared" si="315"/>
        <v>336.08024999999998</v>
      </c>
    </row>
    <row r="20189" spans="1:3" x14ac:dyDescent="0.25">
      <c r="A20189" s="2" t="s">
        <v>11847</v>
      </c>
      <c r="B20189" s="6">
        <v>336096.89999999997</v>
      </c>
      <c r="C20189" s="7">
        <f t="shared" si="315"/>
        <v>336.09689999999995</v>
      </c>
    </row>
    <row r="20190" spans="1:3" x14ac:dyDescent="0.25">
      <c r="A20190" s="2" t="s">
        <v>11848</v>
      </c>
      <c r="B20190" s="6">
        <v>336113.55</v>
      </c>
      <c r="C20190" s="7">
        <f t="shared" si="315"/>
        <v>336.11354999999998</v>
      </c>
    </row>
    <row r="20191" spans="1:3" x14ac:dyDescent="0.25">
      <c r="A20191" s="2" t="s">
        <v>11849</v>
      </c>
      <c r="B20191" s="6">
        <v>336130.19999999995</v>
      </c>
      <c r="C20191" s="7">
        <f t="shared" si="315"/>
        <v>336.13019999999995</v>
      </c>
    </row>
    <row r="20192" spans="1:3" x14ac:dyDescent="0.25">
      <c r="A20192" s="2" t="s">
        <v>11850</v>
      </c>
      <c r="B20192" s="6">
        <v>336146.85</v>
      </c>
      <c r="C20192" s="7">
        <f t="shared" si="315"/>
        <v>336.14684999999997</v>
      </c>
    </row>
    <row r="20193" spans="1:3" x14ac:dyDescent="0.25">
      <c r="A20193" s="2" t="s">
        <v>11851</v>
      </c>
      <c r="B20193" s="6">
        <v>336163.5</v>
      </c>
      <c r="C20193" s="7">
        <f t="shared" si="315"/>
        <v>336.1635</v>
      </c>
    </row>
    <row r="20194" spans="1:3" x14ac:dyDescent="0.25">
      <c r="A20194" s="2" t="s">
        <v>11852</v>
      </c>
      <c r="B20194" s="6">
        <v>336180.14999999997</v>
      </c>
      <c r="C20194" s="7">
        <f t="shared" si="315"/>
        <v>336.18014999999997</v>
      </c>
    </row>
    <row r="20195" spans="1:3" x14ac:dyDescent="0.25">
      <c r="A20195" s="2" t="s">
        <v>11853</v>
      </c>
      <c r="B20195" s="6">
        <v>336196.8</v>
      </c>
      <c r="C20195" s="7">
        <f t="shared" si="315"/>
        <v>336.1968</v>
      </c>
    </row>
    <row r="20196" spans="1:3" x14ac:dyDescent="0.25">
      <c r="A20196" s="2" t="s">
        <v>11854</v>
      </c>
      <c r="B20196" s="6">
        <v>336213.44999999995</v>
      </c>
      <c r="C20196" s="7">
        <f t="shared" si="315"/>
        <v>336.21344999999997</v>
      </c>
    </row>
    <row r="20197" spans="1:3" x14ac:dyDescent="0.25">
      <c r="A20197" s="2" t="s">
        <v>11855</v>
      </c>
      <c r="B20197" s="6">
        <v>336230.1</v>
      </c>
      <c r="C20197" s="7">
        <f t="shared" si="315"/>
        <v>336.23009999999999</v>
      </c>
    </row>
    <row r="20198" spans="1:3" x14ac:dyDescent="0.25">
      <c r="A20198" s="2" t="s">
        <v>11856</v>
      </c>
      <c r="B20198" s="6">
        <v>336246.75</v>
      </c>
      <c r="C20198" s="7">
        <f t="shared" si="315"/>
        <v>336.24675000000002</v>
      </c>
    </row>
    <row r="20199" spans="1:3" x14ac:dyDescent="0.25">
      <c r="A20199" s="2" t="s">
        <v>11857</v>
      </c>
      <c r="B20199" s="6">
        <v>336263.39999999997</v>
      </c>
      <c r="C20199" s="7">
        <f t="shared" si="315"/>
        <v>336.26339999999999</v>
      </c>
    </row>
    <row r="20200" spans="1:3" x14ac:dyDescent="0.25">
      <c r="A20200" s="2" t="s">
        <v>11858</v>
      </c>
      <c r="B20200" s="6">
        <v>336280.05</v>
      </c>
      <c r="C20200" s="7">
        <f t="shared" si="315"/>
        <v>336.28004999999996</v>
      </c>
    </row>
    <row r="20201" spans="1:3" x14ac:dyDescent="0.25">
      <c r="A20201" s="2" t="s">
        <v>11859</v>
      </c>
      <c r="B20201" s="6">
        <v>336296.69999999995</v>
      </c>
      <c r="C20201" s="7">
        <f t="shared" si="315"/>
        <v>336.29669999999993</v>
      </c>
    </row>
    <row r="20202" spans="1:3" x14ac:dyDescent="0.25">
      <c r="A20202" s="2" t="s">
        <v>11860</v>
      </c>
      <c r="B20202" s="6">
        <v>336313.35</v>
      </c>
      <c r="C20202" s="7">
        <f t="shared" si="315"/>
        <v>336.31334999999996</v>
      </c>
    </row>
    <row r="20203" spans="1:3" x14ac:dyDescent="0.25">
      <c r="A20203" s="2" t="s">
        <v>11861</v>
      </c>
      <c r="B20203" s="6">
        <v>336330</v>
      </c>
      <c r="C20203" s="7">
        <f t="shared" si="315"/>
        <v>336.33</v>
      </c>
    </row>
    <row r="20204" spans="1:3" x14ac:dyDescent="0.25">
      <c r="A20204" s="2" t="s">
        <v>11862</v>
      </c>
      <c r="B20204" s="6">
        <v>336346.64999999997</v>
      </c>
      <c r="C20204" s="7">
        <f t="shared" si="315"/>
        <v>336.34664999999995</v>
      </c>
    </row>
    <row r="20205" spans="1:3" x14ac:dyDescent="0.25">
      <c r="A20205" s="2" t="s">
        <v>11863</v>
      </c>
      <c r="B20205" s="6">
        <v>336363.3</v>
      </c>
      <c r="C20205" s="7">
        <f t="shared" si="315"/>
        <v>336.36329999999998</v>
      </c>
    </row>
    <row r="20206" spans="1:3" x14ac:dyDescent="0.25">
      <c r="A20206" s="2" t="s">
        <v>11864</v>
      </c>
      <c r="B20206" s="6">
        <v>336379.94999999995</v>
      </c>
      <c r="C20206" s="7">
        <f t="shared" si="315"/>
        <v>336.37994999999995</v>
      </c>
    </row>
    <row r="20207" spans="1:3" x14ac:dyDescent="0.25">
      <c r="A20207" s="2" t="s">
        <v>11865</v>
      </c>
      <c r="B20207" s="6">
        <v>336396.6</v>
      </c>
      <c r="C20207" s="7">
        <f t="shared" si="315"/>
        <v>336.39659999999998</v>
      </c>
    </row>
    <row r="20208" spans="1:3" x14ac:dyDescent="0.25">
      <c r="A20208" s="2" t="s">
        <v>11866</v>
      </c>
      <c r="B20208" s="6">
        <v>336413.25</v>
      </c>
      <c r="C20208" s="7">
        <f t="shared" si="315"/>
        <v>336.41325000000001</v>
      </c>
    </row>
    <row r="20209" spans="1:3" x14ac:dyDescent="0.25">
      <c r="A20209" s="2" t="s">
        <v>11867</v>
      </c>
      <c r="B20209" s="6">
        <v>336429.89999999997</v>
      </c>
      <c r="C20209" s="7">
        <f t="shared" si="315"/>
        <v>336.42989999999998</v>
      </c>
    </row>
    <row r="20210" spans="1:3" x14ac:dyDescent="0.25">
      <c r="A20210" s="2" t="s">
        <v>11868</v>
      </c>
      <c r="B20210" s="6">
        <v>336446.55</v>
      </c>
      <c r="C20210" s="7">
        <f t="shared" si="315"/>
        <v>336.44655</v>
      </c>
    </row>
    <row r="20211" spans="1:3" x14ac:dyDescent="0.25">
      <c r="A20211" s="2" t="s">
        <v>11869</v>
      </c>
      <c r="B20211" s="6">
        <v>336463.19999999995</v>
      </c>
      <c r="C20211" s="7">
        <f t="shared" si="315"/>
        <v>336.46319999999997</v>
      </c>
    </row>
    <row r="20212" spans="1:3" x14ac:dyDescent="0.25">
      <c r="A20212" s="2" t="s">
        <v>11870</v>
      </c>
      <c r="B20212" s="6">
        <v>336479.85</v>
      </c>
      <c r="C20212" s="7">
        <f t="shared" si="315"/>
        <v>336.47985</v>
      </c>
    </row>
    <row r="20213" spans="1:3" x14ac:dyDescent="0.25">
      <c r="A20213" s="2" t="s">
        <v>11871</v>
      </c>
      <c r="B20213" s="6">
        <v>336496.5</v>
      </c>
      <c r="C20213" s="7">
        <f t="shared" si="315"/>
        <v>336.49650000000003</v>
      </c>
    </row>
    <row r="20214" spans="1:3" x14ac:dyDescent="0.25">
      <c r="A20214" s="2" t="s">
        <v>11872</v>
      </c>
      <c r="B20214" s="6">
        <v>336513.14999999997</v>
      </c>
      <c r="C20214" s="7">
        <f t="shared" si="315"/>
        <v>336.51314999999994</v>
      </c>
    </row>
    <row r="20215" spans="1:3" x14ac:dyDescent="0.25">
      <c r="A20215" s="2" t="s">
        <v>11873</v>
      </c>
      <c r="B20215" s="6">
        <v>336529.8</v>
      </c>
      <c r="C20215" s="7">
        <f t="shared" si="315"/>
        <v>336.52979999999997</v>
      </c>
    </row>
    <row r="20216" spans="1:3" x14ac:dyDescent="0.25">
      <c r="A20216" s="2" t="s">
        <v>11874</v>
      </c>
      <c r="B20216" s="6">
        <v>336546.44999999995</v>
      </c>
      <c r="C20216" s="7">
        <f t="shared" si="315"/>
        <v>336.54644999999994</v>
      </c>
    </row>
    <row r="20217" spans="1:3" x14ac:dyDescent="0.25">
      <c r="A20217" s="2" t="s">
        <v>11875</v>
      </c>
      <c r="B20217" s="6">
        <v>336563.1</v>
      </c>
      <c r="C20217" s="7">
        <f t="shared" si="315"/>
        <v>336.56309999999996</v>
      </c>
    </row>
    <row r="20218" spans="1:3" x14ac:dyDescent="0.25">
      <c r="A20218" s="2" t="s">
        <v>11876</v>
      </c>
      <c r="B20218" s="6">
        <v>336579.75</v>
      </c>
      <c r="C20218" s="7">
        <f t="shared" si="315"/>
        <v>336.57974999999999</v>
      </c>
    </row>
    <row r="20219" spans="1:3" x14ac:dyDescent="0.25">
      <c r="A20219" s="2" t="s">
        <v>11877</v>
      </c>
      <c r="B20219" s="6">
        <v>336596.39999999997</v>
      </c>
      <c r="C20219" s="7">
        <f t="shared" si="315"/>
        <v>336.59639999999996</v>
      </c>
    </row>
    <row r="20220" spans="1:3" x14ac:dyDescent="0.25">
      <c r="A20220" s="2" t="s">
        <v>11878</v>
      </c>
      <c r="B20220" s="6">
        <v>336613.05</v>
      </c>
      <c r="C20220" s="7">
        <f t="shared" si="315"/>
        <v>336.61304999999999</v>
      </c>
    </row>
    <row r="20221" spans="1:3" x14ac:dyDescent="0.25">
      <c r="A20221" s="2" t="s">
        <v>11879</v>
      </c>
      <c r="B20221" s="6">
        <v>336629.69999999995</v>
      </c>
      <c r="C20221" s="7">
        <f t="shared" si="315"/>
        <v>336.62969999999996</v>
      </c>
    </row>
    <row r="20222" spans="1:3" x14ac:dyDescent="0.25">
      <c r="A20222" s="2" t="s">
        <v>11880</v>
      </c>
      <c r="B20222" s="6">
        <v>336646.35</v>
      </c>
      <c r="C20222" s="7">
        <f t="shared" si="315"/>
        <v>336.64634999999998</v>
      </c>
    </row>
    <row r="20223" spans="1:3" x14ac:dyDescent="0.25">
      <c r="A20223" s="2" t="s">
        <v>11881</v>
      </c>
      <c r="B20223" s="6">
        <v>336663</v>
      </c>
      <c r="C20223" s="7">
        <f t="shared" si="315"/>
        <v>336.66300000000001</v>
      </c>
    </row>
    <row r="20224" spans="1:3" x14ac:dyDescent="0.25">
      <c r="A20224" s="2" t="s">
        <v>11882</v>
      </c>
      <c r="B20224" s="6">
        <v>336679.64999999997</v>
      </c>
      <c r="C20224" s="7">
        <f t="shared" si="315"/>
        <v>336.67964999999998</v>
      </c>
    </row>
    <row r="20225" spans="1:3" x14ac:dyDescent="0.25">
      <c r="A20225" s="2" t="s">
        <v>11883</v>
      </c>
      <c r="B20225" s="6">
        <v>336696.3</v>
      </c>
      <c r="C20225" s="7">
        <f t="shared" si="315"/>
        <v>336.69630000000001</v>
      </c>
    </row>
    <row r="20226" spans="1:3" x14ac:dyDescent="0.25">
      <c r="A20226" s="2" t="s">
        <v>11884</v>
      </c>
      <c r="B20226" s="6">
        <v>336712.94999999995</v>
      </c>
      <c r="C20226" s="7">
        <f t="shared" si="315"/>
        <v>336.71294999999998</v>
      </c>
    </row>
    <row r="20227" spans="1:3" x14ac:dyDescent="0.25">
      <c r="A20227" s="2" t="s">
        <v>11885</v>
      </c>
      <c r="B20227" s="6">
        <v>336729.59999999998</v>
      </c>
      <c r="C20227" s="7">
        <f t="shared" ref="C20227:C20290" si="316">B20227/1000</f>
        <v>336.7296</v>
      </c>
    </row>
    <row r="20228" spans="1:3" x14ac:dyDescent="0.25">
      <c r="A20228" s="2" t="s">
        <v>11886</v>
      </c>
      <c r="B20228" s="6">
        <v>336746.25</v>
      </c>
      <c r="C20228" s="7">
        <f t="shared" si="316"/>
        <v>336.74624999999997</v>
      </c>
    </row>
    <row r="20229" spans="1:3" x14ac:dyDescent="0.25">
      <c r="A20229" s="2" t="s">
        <v>11887</v>
      </c>
      <c r="B20229" s="6">
        <v>336762.89999999997</v>
      </c>
      <c r="C20229" s="7">
        <f t="shared" si="316"/>
        <v>336.76289999999995</v>
      </c>
    </row>
    <row r="20230" spans="1:3" x14ac:dyDescent="0.25">
      <c r="A20230" s="2" t="s">
        <v>11888</v>
      </c>
      <c r="B20230" s="6">
        <v>336779.55</v>
      </c>
      <c r="C20230" s="7">
        <f t="shared" si="316"/>
        <v>336.77954999999997</v>
      </c>
    </row>
    <row r="20231" spans="1:3" x14ac:dyDescent="0.25">
      <c r="A20231" s="2" t="s">
        <v>11889</v>
      </c>
      <c r="B20231" s="6">
        <v>336796.19999999995</v>
      </c>
      <c r="C20231" s="7">
        <f t="shared" si="316"/>
        <v>336.79619999999994</v>
      </c>
    </row>
    <row r="20232" spans="1:3" x14ac:dyDescent="0.25">
      <c r="A20232" s="2" t="s">
        <v>11890</v>
      </c>
      <c r="B20232" s="6">
        <v>336812.85</v>
      </c>
      <c r="C20232" s="7">
        <f t="shared" si="316"/>
        <v>336.81284999999997</v>
      </c>
    </row>
    <row r="20233" spans="1:3" x14ac:dyDescent="0.25">
      <c r="A20233" s="2" t="s">
        <v>11891</v>
      </c>
      <c r="B20233" s="6">
        <v>336829.5</v>
      </c>
      <c r="C20233" s="7">
        <f t="shared" si="316"/>
        <v>336.8295</v>
      </c>
    </row>
    <row r="20234" spans="1:3" x14ac:dyDescent="0.25">
      <c r="A20234" s="2" t="s">
        <v>11892</v>
      </c>
      <c r="B20234" s="6">
        <v>336846.14999999997</v>
      </c>
      <c r="C20234" s="7">
        <f t="shared" si="316"/>
        <v>336.84614999999997</v>
      </c>
    </row>
    <row r="20235" spans="1:3" x14ac:dyDescent="0.25">
      <c r="A20235" s="2" t="s">
        <v>11893</v>
      </c>
      <c r="B20235" s="6">
        <v>336862.8</v>
      </c>
      <c r="C20235" s="7">
        <f t="shared" si="316"/>
        <v>336.86279999999999</v>
      </c>
    </row>
    <row r="20236" spans="1:3" x14ac:dyDescent="0.25">
      <c r="A20236" s="2" t="s">
        <v>11894</v>
      </c>
      <c r="B20236" s="6">
        <v>336879.44999999995</v>
      </c>
      <c r="C20236" s="7">
        <f t="shared" si="316"/>
        <v>336.87944999999996</v>
      </c>
    </row>
    <row r="20237" spans="1:3" x14ac:dyDescent="0.25">
      <c r="A20237" s="2" t="s">
        <v>11895</v>
      </c>
      <c r="B20237" s="6">
        <v>336896.1</v>
      </c>
      <c r="C20237" s="7">
        <f t="shared" si="316"/>
        <v>336.89609999999999</v>
      </c>
    </row>
    <row r="20238" spans="1:3" x14ac:dyDescent="0.25">
      <c r="A20238" s="2" t="s">
        <v>11896</v>
      </c>
      <c r="B20238" s="6">
        <v>336912.75</v>
      </c>
      <c r="C20238" s="7">
        <f t="shared" si="316"/>
        <v>336.91275000000002</v>
      </c>
    </row>
    <row r="20239" spans="1:3" x14ac:dyDescent="0.25">
      <c r="A20239" s="2" t="s">
        <v>11897</v>
      </c>
      <c r="B20239" s="6">
        <v>336929.39999999997</v>
      </c>
      <c r="C20239" s="7">
        <f t="shared" si="316"/>
        <v>336.92939999999999</v>
      </c>
    </row>
    <row r="20240" spans="1:3" x14ac:dyDescent="0.25">
      <c r="A20240" s="2" t="s">
        <v>11898</v>
      </c>
      <c r="B20240" s="6">
        <v>336946.05</v>
      </c>
      <c r="C20240" s="7">
        <f t="shared" si="316"/>
        <v>336.94605000000001</v>
      </c>
    </row>
    <row r="20241" spans="1:3" x14ac:dyDescent="0.25">
      <c r="A20241" s="2" t="s">
        <v>11899</v>
      </c>
      <c r="B20241" s="6">
        <v>336962.69999999995</v>
      </c>
      <c r="C20241" s="7">
        <f t="shared" si="316"/>
        <v>336.96269999999993</v>
      </c>
    </row>
    <row r="20242" spans="1:3" x14ac:dyDescent="0.25">
      <c r="A20242" s="2" t="s">
        <v>11900</v>
      </c>
      <c r="B20242" s="6">
        <v>336979.35</v>
      </c>
      <c r="C20242" s="7">
        <f t="shared" si="316"/>
        <v>336.97934999999995</v>
      </c>
    </row>
    <row r="20243" spans="1:3" x14ac:dyDescent="0.25">
      <c r="A20243" s="2" t="s">
        <v>11901</v>
      </c>
      <c r="B20243" s="6">
        <v>336996</v>
      </c>
      <c r="C20243" s="7">
        <f t="shared" si="316"/>
        <v>336.99599999999998</v>
      </c>
    </row>
    <row r="20244" spans="1:3" x14ac:dyDescent="0.25">
      <c r="A20244" s="2" t="s">
        <v>11902</v>
      </c>
      <c r="B20244" s="6">
        <v>337012.64999999997</v>
      </c>
      <c r="C20244" s="7">
        <f t="shared" si="316"/>
        <v>337.01264999999995</v>
      </c>
    </row>
    <row r="20245" spans="1:3" x14ac:dyDescent="0.25">
      <c r="A20245" s="2" t="s">
        <v>11903</v>
      </c>
      <c r="B20245" s="6">
        <v>337029.3</v>
      </c>
      <c r="C20245" s="7">
        <f t="shared" si="316"/>
        <v>337.02929999999998</v>
      </c>
    </row>
    <row r="20246" spans="1:3" x14ac:dyDescent="0.25">
      <c r="A20246" s="2" t="s">
        <v>11904</v>
      </c>
      <c r="B20246" s="6">
        <v>337045.94999999995</v>
      </c>
      <c r="C20246" s="7">
        <f t="shared" si="316"/>
        <v>337.04594999999995</v>
      </c>
    </row>
    <row r="20247" spans="1:3" x14ac:dyDescent="0.25">
      <c r="A20247" s="2" t="s">
        <v>11905</v>
      </c>
      <c r="B20247" s="6">
        <v>337062.6</v>
      </c>
      <c r="C20247" s="7">
        <f t="shared" si="316"/>
        <v>337.06259999999997</v>
      </c>
    </row>
    <row r="20248" spans="1:3" x14ac:dyDescent="0.25">
      <c r="A20248" s="2" t="s">
        <v>11906</v>
      </c>
      <c r="B20248" s="6">
        <v>337079.25</v>
      </c>
      <c r="C20248" s="7">
        <f t="shared" si="316"/>
        <v>337.07925</v>
      </c>
    </row>
    <row r="20249" spans="1:3" x14ac:dyDescent="0.25">
      <c r="A20249" s="2" t="s">
        <v>11907</v>
      </c>
      <c r="B20249" s="6">
        <v>337095.89999999997</v>
      </c>
      <c r="C20249" s="7">
        <f t="shared" si="316"/>
        <v>337.09589999999997</v>
      </c>
    </row>
    <row r="20250" spans="1:3" x14ac:dyDescent="0.25">
      <c r="A20250" s="2" t="s">
        <v>11908</v>
      </c>
      <c r="B20250" s="6">
        <v>337112.55</v>
      </c>
      <c r="C20250" s="7">
        <f t="shared" si="316"/>
        <v>337.11255</v>
      </c>
    </row>
    <row r="20251" spans="1:3" x14ac:dyDescent="0.25">
      <c r="A20251" s="2" t="s">
        <v>11909</v>
      </c>
      <c r="B20251" s="6">
        <v>337129.19999999995</v>
      </c>
      <c r="C20251" s="7">
        <f t="shared" si="316"/>
        <v>337.12919999999997</v>
      </c>
    </row>
    <row r="20252" spans="1:3" x14ac:dyDescent="0.25">
      <c r="A20252" s="2" t="s">
        <v>11910</v>
      </c>
      <c r="B20252" s="6">
        <v>337145.85</v>
      </c>
      <c r="C20252" s="7">
        <f t="shared" si="316"/>
        <v>337.14585</v>
      </c>
    </row>
    <row r="20253" spans="1:3" x14ac:dyDescent="0.25">
      <c r="A20253" s="2" t="s">
        <v>11911</v>
      </c>
      <c r="B20253" s="6">
        <v>337162.5</v>
      </c>
      <c r="C20253" s="7">
        <f t="shared" si="316"/>
        <v>337.16250000000002</v>
      </c>
    </row>
    <row r="20254" spans="1:3" x14ac:dyDescent="0.25">
      <c r="A20254" s="2" t="s">
        <v>11912</v>
      </c>
      <c r="B20254" s="6">
        <v>337179.14999999997</v>
      </c>
      <c r="C20254" s="7">
        <f t="shared" si="316"/>
        <v>337.17914999999999</v>
      </c>
    </row>
    <row r="20255" spans="1:3" x14ac:dyDescent="0.25">
      <c r="A20255" s="2" t="s">
        <v>11913</v>
      </c>
      <c r="B20255" s="6">
        <v>337195.8</v>
      </c>
      <c r="C20255" s="7">
        <f t="shared" si="316"/>
        <v>337.19579999999996</v>
      </c>
    </row>
    <row r="20256" spans="1:3" x14ac:dyDescent="0.25">
      <c r="A20256" s="2" t="s">
        <v>11914</v>
      </c>
      <c r="B20256" s="6">
        <v>337212.44999999995</v>
      </c>
      <c r="C20256" s="7">
        <f t="shared" si="316"/>
        <v>337.21244999999993</v>
      </c>
    </row>
    <row r="20257" spans="1:3" x14ac:dyDescent="0.25">
      <c r="A20257" s="2" t="s">
        <v>11915</v>
      </c>
      <c r="B20257" s="6">
        <v>337229.1</v>
      </c>
      <c r="C20257" s="7">
        <f t="shared" si="316"/>
        <v>337.22909999999996</v>
      </c>
    </row>
    <row r="20258" spans="1:3" x14ac:dyDescent="0.25">
      <c r="A20258" s="2" t="s">
        <v>11916</v>
      </c>
      <c r="B20258" s="6">
        <v>337245.75</v>
      </c>
      <c r="C20258" s="7">
        <f t="shared" si="316"/>
        <v>337.24574999999999</v>
      </c>
    </row>
    <row r="20259" spans="1:3" x14ac:dyDescent="0.25">
      <c r="A20259" s="2" t="s">
        <v>11917</v>
      </c>
      <c r="B20259" s="6">
        <v>337262.39999999997</v>
      </c>
      <c r="C20259" s="7">
        <f t="shared" si="316"/>
        <v>337.26239999999996</v>
      </c>
    </row>
    <row r="20260" spans="1:3" x14ac:dyDescent="0.25">
      <c r="A20260" s="2" t="s">
        <v>11918</v>
      </c>
      <c r="B20260" s="6">
        <v>337279.05</v>
      </c>
      <c r="C20260" s="7">
        <f t="shared" si="316"/>
        <v>337.27904999999998</v>
      </c>
    </row>
    <row r="20261" spans="1:3" x14ac:dyDescent="0.25">
      <c r="A20261" s="2" t="s">
        <v>11919</v>
      </c>
      <c r="B20261" s="6">
        <v>337295.69999999995</v>
      </c>
      <c r="C20261" s="7">
        <f t="shared" si="316"/>
        <v>337.29569999999995</v>
      </c>
    </row>
    <row r="20262" spans="1:3" x14ac:dyDescent="0.25">
      <c r="A20262" s="2" t="s">
        <v>11920</v>
      </c>
      <c r="B20262" s="6">
        <v>337312.35</v>
      </c>
      <c r="C20262" s="7">
        <f t="shared" si="316"/>
        <v>337.31234999999998</v>
      </c>
    </row>
    <row r="20263" spans="1:3" x14ac:dyDescent="0.25">
      <c r="A20263" s="2" t="s">
        <v>11921</v>
      </c>
      <c r="B20263" s="6">
        <v>337329</v>
      </c>
      <c r="C20263" s="7">
        <f t="shared" si="316"/>
        <v>337.32900000000001</v>
      </c>
    </row>
    <row r="20264" spans="1:3" x14ac:dyDescent="0.25">
      <c r="A20264" s="2" t="s">
        <v>11922</v>
      </c>
      <c r="B20264" s="6">
        <v>337345.64999999997</v>
      </c>
      <c r="C20264" s="7">
        <f t="shared" si="316"/>
        <v>337.34564999999998</v>
      </c>
    </row>
    <row r="20265" spans="1:3" x14ac:dyDescent="0.25">
      <c r="A20265" s="2" t="s">
        <v>11923</v>
      </c>
      <c r="B20265" s="6">
        <v>337362.3</v>
      </c>
      <c r="C20265" s="7">
        <f t="shared" si="316"/>
        <v>337.3623</v>
      </c>
    </row>
    <row r="20266" spans="1:3" x14ac:dyDescent="0.25">
      <c r="A20266" s="2" t="s">
        <v>11924</v>
      </c>
      <c r="B20266" s="6">
        <v>337378.94999999995</v>
      </c>
      <c r="C20266" s="7">
        <f t="shared" si="316"/>
        <v>337.37894999999997</v>
      </c>
    </row>
    <row r="20267" spans="1:3" x14ac:dyDescent="0.25">
      <c r="A20267" s="2" t="s">
        <v>11925</v>
      </c>
      <c r="B20267" s="6">
        <v>337395.6</v>
      </c>
      <c r="C20267" s="7">
        <f t="shared" si="316"/>
        <v>337.3956</v>
      </c>
    </row>
    <row r="20268" spans="1:3" x14ac:dyDescent="0.25">
      <c r="A20268" s="2" t="s">
        <v>11926</v>
      </c>
      <c r="B20268" s="6">
        <v>337412.25</v>
      </c>
      <c r="C20268" s="7">
        <f t="shared" si="316"/>
        <v>337.41224999999997</v>
      </c>
    </row>
    <row r="20269" spans="1:3" x14ac:dyDescent="0.25">
      <c r="A20269" s="2" t="s">
        <v>11927</v>
      </c>
      <c r="B20269" s="6">
        <v>337428.89999999997</v>
      </c>
      <c r="C20269" s="7">
        <f t="shared" si="316"/>
        <v>337.42889999999994</v>
      </c>
    </row>
    <row r="20270" spans="1:3" x14ac:dyDescent="0.25">
      <c r="A20270" s="2" t="s">
        <v>11928</v>
      </c>
      <c r="B20270" s="6">
        <v>337445.55</v>
      </c>
      <c r="C20270" s="7">
        <f t="shared" si="316"/>
        <v>337.44554999999997</v>
      </c>
    </row>
    <row r="20271" spans="1:3" x14ac:dyDescent="0.25">
      <c r="A20271" s="2" t="s">
        <v>11929</v>
      </c>
      <c r="B20271" s="6">
        <v>337462.19999999995</v>
      </c>
      <c r="C20271" s="7">
        <f t="shared" si="316"/>
        <v>337.46219999999994</v>
      </c>
    </row>
    <row r="20272" spans="1:3" x14ac:dyDescent="0.25">
      <c r="A20272" s="2" t="s">
        <v>11930</v>
      </c>
      <c r="B20272" s="6">
        <v>337478.85</v>
      </c>
      <c r="C20272" s="7">
        <f t="shared" si="316"/>
        <v>337.47884999999997</v>
      </c>
    </row>
    <row r="20273" spans="1:3" x14ac:dyDescent="0.25">
      <c r="A20273" s="2" t="s">
        <v>11931</v>
      </c>
      <c r="B20273" s="6">
        <v>337495.5</v>
      </c>
      <c r="C20273" s="7">
        <f t="shared" si="316"/>
        <v>337.49549999999999</v>
      </c>
    </row>
    <row r="20274" spans="1:3" x14ac:dyDescent="0.25">
      <c r="A20274" s="2" t="s">
        <v>11932</v>
      </c>
      <c r="B20274" s="6">
        <v>337512.14999999997</v>
      </c>
      <c r="C20274" s="7">
        <f t="shared" si="316"/>
        <v>337.51214999999996</v>
      </c>
    </row>
    <row r="20275" spans="1:3" x14ac:dyDescent="0.25">
      <c r="A20275" s="2" t="s">
        <v>11933</v>
      </c>
      <c r="B20275" s="6">
        <v>337528.8</v>
      </c>
      <c r="C20275" s="7">
        <f t="shared" si="316"/>
        <v>337.52879999999999</v>
      </c>
    </row>
    <row r="20276" spans="1:3" x14ac:dyDescent="0.25">
      <c r="A20276" s="2" t="s">
        <v>11934</v>
      </c>
      <c r="B20276" s="6">
        <v>337545.44999999995</v>
      </c>
      <c r="C20276" s="7">
        <f t="shared" si="316"/>
        <v>337.54544999999996</v>
      </c>
    </row>
    <row r="20277" spans="1:3" x14ac:dyDescent="0.25">
      <c r="A20277" s="2" t="s">
        <v>11935</v>
      </c>
      <c r="B20277" s="6">
        <v>337562.1</v>
      </c>
      <c r="C20277" s="7">
        <f t="shared" si="316"/>
        <v>337.56209999999999</v>
      </c>
    </row>
    <row r="20278" spans="1:3" x14ac:dyDescent="0.25">
      <c r="A20278" s="2" t="s">
        <v>11936</v>
      </c>
      <c r="B20278" s="6">
        <v>337578.75</v>
      </c>
      <c r="C20278" s="7">
        <f t="shared" si="316"/>
        <v>337.57875000000001</v>
      </c>
    </row>
    <row r="20279" spans="1:3" x14ac:dyDescent="0.25">
      <c r="A20279" s="2" t="s">
        <v>11937</v>
      </c>
      <c r="B20279" s="6">
        <v>337595.39999999997</v>
      </c>
      <c r="C20279" s="7">
        <f t="shared" si="316"/>
        <v>337.59539999999998</v>
      </c>
    </row>
    <row r="20280" spans="1:3" x14ac:dyDescent="0.25">
      <c r="A20280" s="2" t="s">
        <v>11938</v>
      </c>
      <c r="B20280" s="6">
        <v>337612.05</v>
      </c>
      <c r="C20280" s="7">
        <f t="shared" si="316"/>
        <v>337.61205000000001</v>
      </c>
    </row>
    <row r="20281" spans="1:3" x14ac:dyDescent="0.25">
      <c r="A20281" s="2" t="s">
        <v>11939</v>
      </c>
      <c r="B20281" s="6">
        <v>337628.69999999995</v>
      </c>
      <c r="C20281" s="7">
        <f t="shared" si="316"/>
        <v>337.62869999999998</v>
      </c>
    </row>
    <row r="20282" spans="1:3" x14ac:dyDescent="0.25">
      <c r="A20282" s="2" t="s">
        <v>11940</v>
      </c>
      <c r="B20282" s="6">
        <v>337645.35</v>
      </c>
      <c r="C20282" s="7">
        <f t="shared" si="316"/>
        <v>337.64534999999995</v>
      </c>
    </row>
    <row r="20283" spans="1:3" x14ac:dyDescent="0.25">
      <c r="A20283" s="2" t="s">
        <v>11941</v>
      </c>
      <c r="B20283" s="6">
        <v>337662</v>
      </c>
      <c r="C20283" s="7">
        <f t="shared" si="316"/>
        <v>337.66199999999998</v>
      </c>
    </row>
    <row r="20284" spans="1:3" x14ac:dyDescent="0.25">
      <c r="A20284" s="2" t="s">
        <v>11942</v>
      </c>
      <c r="B20284" s="6">
        <v>337678.64999999997</v>
      </c>
      <c r="C20284" s="7">
        <f t="shared" si="316"/>
        <v>337.67864999999995</v>
      </c>
    </row>
    <row r="20285" spans="1:3" x14ac:dyDescent="0.25">
      <c r="A20285" s="2" t="s">
        <v>11943</v>
      </c>
      <c r="B20285" s="6">
        <v>337695.3</v>
      </c>
      <c r="C20285" s="7">
        <f t="shared" si="316"/>
        <v>337.69529999999997</v>
      </c>
    </row>
    <row r="20286" spans="1:3" x14ac:dyDescent="0.25">
      <c r="A20286" s="2" t="s">
        <v>11944</v>
      </c>
      <c r="B20286" s="6">
        <v>337711.94999999995</v>
      </c>
      <c r="C20286" s="7">
        <f t="shared" si="316"/>
        <v>337.71194999999994</v>
      </c>
    </row>
    <row r="20287" spans="1:3" x14ac:dyDescent="0.25">
      <c r="A20287" s="2" t="s">
        <v>11945</v>
      </c>
      <c r="B20287" s="6">
        <v>337728.6</v>
      </c>
      <c r="C20287" s="7">
        <f t="shared" si="316"/>
        <v>337.72859999999997</v>
      </c>
    </row>
    <row r="20288" spans="1:3" x14ac:dyDescent="0.25">
      <c r="A20288" s="2" t="s">
        <v>11946</v>
      </c>
      <c r="B20288" s="6">
        <v>337745.25</v>
      </c>
      <c r="C20288" s="7">
        <f t="shared" si="316"/>
        <v>337.74525</v>
      </c>
    </row>
    <row r="20289" spans="1:3" x14ac:dyDescent="0.25">
      <c r="A20289" s="2" t="s">
        <v>11947</v>
      </c>
      <c r="B20289" s="6">
        <v>337761.89999999997</v>
      </c>
      <c r="C20289" s="7">
        <f t="shared" si="316"/>
        <v>337.76189999999997</v>
      </c>
    </row>
    <row r="20290" spans="1:3" x14ac:dyDescent="0.25">
      <c r="A20290" s="2" t="s">
        <v>11948</v>
      </c>
      <c r="B20290" s="6">
        <v>337778.55</v>
      </c>
      <c r="C20290" s="7">
        <f t="shared" si="316"/>
        <v>337.77855</v>
      </c>
    </row>
    <row r="20291" spans="1:3" x14ac:dyDescent="0.25">
      <c r="A20291" s="2" t="s">
        <v>11949</v>
      </c>
      <c r="B20291" s="6">
        <v>337795.19999999995</v>
      </c>
      <c r="C20291" s="7">
        <f t="shared" ref="C20291:C20354" si="317">B20291/1000</f>
        <v>337.79519999999997</v>
      </c>
    </row>
    <row r="20292" spans="1:3" x14ac:dyDescent="0.25">
      <c r="A20292" s="2" t="s">
        <v>11950</v>
      </c>
      <c r="B20292" s="6">
        <v>337811.85</v>
      </c>
      <c r="C20292" s="7">
        <f t="shared" si="317"/>
        <v>337.81184999999999</v>
      </c>
    </row>
    <row r="20293" spans="1:3" x14ac:dyDescent="0.25">
      <c r="A20293" s="2" t="s">
        <v>11951</v>
      </c>
      <c r="B20293" s="6">
        <v>337828.5</v>
      </c>
      <c r="C20293" s="7">
        <f t="shared" si="317"/>
        <v>337.82850000000002</v>
      </c>
    </row>
    <row r="20294" spans="1:3" x14ac:dyDescent="0.25">
      <c r="A20294" s="2" t="s">
        <v>11952</v>
      </c>
      <c r="B20294" s="6">
        <v>337845.14999999997</v>
      </c>
      <c r="C20294" s="7">
        <f t="shared" si="317"/>
        <v>337.84514999999999</v>
      </c>
    </row>
    <row r="20295" spans="1:3" x14ac:dyDescent="0.25">
      <c r="A20295" s="2" t="s">
        <v>11953</v>
      </c>
      <c r="B20295" s="6">
        <v>337861.8</v>
      </c>
      <c r="C20295" s="7">
        <f t="shared" si="317"/>
        <v>337.86180000000002</v>
      </c>
    </row>
    <row r="20296" spans="1:3" x14ac:dyDescent="0.25">
      <c r="A20296" s="2" t="s">
        <v>11954</v>
      </c>
      <c r="B20296" s="6">
        <v>337878.44999999995</v>
      </c>
      <c r="C20296" s="7">
        <f t="shared" si="317"/>
        <v>337.87844999999993</v>
      </c>
    </row>
    <row r="20297" spans="1:3" x14ac:dyDescent="0.25">
      <c r="A20297" s="2" t="s">
        <v>11955</v>
      </c>
      <c r="B20297" s="6">
        <v>337895.1</v>
      </c>
      <c r="C20297" s="7">
        <f t="shared" si="317"/>
        <v>337.89509999999996</v>
      </c>
    </row>
    <row r="20298" spans="1:3" x14ac:dyDescent="0.25">
      <c r="A20298" s="2" t="s">
        <v>11956</v>
      </c>
      <c r="B20298" s="6">
        <v>337911.75</v>
      </c>
      <c r="C20298" s="7">
        <f t="shared" si="317"/>
        <v>337.91174999999998</v>
      </c>
    </row>
    <row r="20299" spans="1:3" x14ac:dyDescent="0.25">
      <c r="A20299" s="2" t="s">
        <v>11957</v>
      </c>
      <c r="B20299" s="6">
        <v>337928.39999999997</v>
      </c>
      <c r="C20299" s="7">
        <f t="shared" si="317"/>
        <v>337.92839999999995</v>
      </c>
    </row>
    <row r="20300" spans="1:3" x14ac:dyDescent="0.25">
      <c r="A20300" s="2" t="s">
        <v>11958</v>
      </c>
      <c r="B20300" s="6">
        <v>337945.05</v>
      </c>
      <c r="C20300" s="7">
        <f t="shared" si="317"/>
        <v>337.94504999999998</v>
      </c>
    </row>
    <row r="20301" spans="1:3" x14ac:dyDescent="0.25">
      <c r="A20301" s="2" t="s">
        <v>11959</v>
      </c>
      <c r="B20301" s="6">
        <v>337961.69999999995</v>
      </c>
      <c r="C20301" s="7">
        <f t="shared" si="317"/>
        <v>337.96169999999995</v>
      </c>
    </row>
    <row r="20302" spans="1:3" x14ac:dyDescent="0.25">
      <c r="A20302" s="2" t="s">
        <v>11960</v>
      </c>
      <c r="B20302" s="6">
        <v>337978.35</v>
      </c>
      <c r="C20302" s="7">
        <f t="shared" si="317"/>
        <v>337.97834999999998</v>
      </c>
    </row>
    <row r="20303" spans="1:3" x14ac:dyDescent="0.25">
      <c r="A20303" s="2" t="s">
        <v>11961</v>
      </c>
      <c r="B20303" s="6">
        <v>337995</v>
      </c>
      <c r="C20303" s="7">
        <f t="shared" si="317"/>
        <v>337.995</v>
      </c>
    </row>
    <row r="20304" spans="1:3" x14ac:dyDescent="0.25">
      <c r="A20304" s="2" t="s">
        <v>11962</v>
      </c>
      <c r="B20304" s="6">
        <v>338011.64999999997</v>
      </c>
      <c r="C20304" s="7">
        <f t="shared" si="317"/>
        <v>338.01164999999997</v>
      </c>
    </row>
    <row r="20305" spans="1:3" x14ac:dyDescent="0.25">
      <c r="A20305" s="2" t="s">
        <v>11963</v>
      </c>
      <c r="B20305" s="6">
        <v>338028.3</v>
      </c>
      <c r="C20305" s="7">
        <f t="shared" si="317"/>
        <v>338.0283</v>
      </c>
    </row>
    <row r="20306" spans="1:3" x14ac:dyDescent="0.25">
      <c r="A20306" s="2" t="s">
        <v>11964</v>
      </c>
      <c r="B20306" s="6">
        <v>338044.94999999995</v>
      </c>
      <c r="C20306" s="7">
        <f t="shared" si="317"/>
        <v>338.04494999999997</v>
      </c>
    </row>
    <row r="20307" spans="1:3" x14ac:dyDescent="0.25">
      <c r="A20307" s="2" t="s">
        <v>11965</v>
      </c>
      <c r="B20307" s="6">
        <v>338061.6</v>
      </c>
      <c r="C20307" s="7">
        <f t="shared" si="317"/>
        <v>338.0616</v>
      </c>
    </row>
    <row r="20308" spans="1:3" x14ac:dyDescent="0.25">
      <c r="A20308" s="2" t="s">
        <v>11966</v>
      </c>
      <c r="B20308" s="6">
        <v>338078.25</v>
      </c>
      <c r="C20308" s="7">
        <f t="shared" si="317"/>
        <v>338.07825000000003</v>
      </c>
    </row>
    <row r="20309" spans="1:3" x14ac:dyDescent="0.25">
      <c r="A20309" s="2" t="s">
        <v>11967</v>
      </c>
      <c r="B20309" s="6">
        <v>338094.89999999997</v>
      </c>
      <c r="C20309" s="7">
        <f t="shared" si="317"/>
        <v>338.09489999999994</v>
      </c>
    </row>
    <row r="20310" spans="1:3" x14ac:dyDescent="0.25">
      <c r="A20310" s="2" t="s">
        <v>11968</v>
      </c>
      <c r="B20310" s="6">
        <v>338111.55</v>
      </c>
      <c r="C20310" s="7">
        <f t="shared" si="317"/>
        <v>338.11154999999997</v>
      </c>
    </row>
    <row r="20311" spans="1:3" x14ac:dyDescent="0.25">
      <c r="A20311" s="2" t="s">
        <v>11969</v>
      </c>
      <c r="B20311" s="6">
        <v>338128.19999999995</v>
      </c>
      <c r="C20311" s="7">
        <f t="shared" si="317"/>
        <v>338.12819999999994</v>
      </c>
    </row>
    <row r="20312" spans="1:3" x14ac:dyDescent="0.25">
      <c r="A20312" s="2" t="s">
        <v>11970</v>
      </c>
      <c r="B20312" s="6">
        <v>338144.85</v>
      </c>
      <c r="C20312" s="7">
        <f t="shared" si="317"/>
        <v>338.14484999999996</v>
      </c>
    </row>
    <row r="20313" spans="1:3" x14ac:dyDescent="0.25">
      <c r="A20313" s="2" t="s">
        <v>11971</v>
      </c>
      <c r="B20313" s="6">
        <v>338161.5</v>
      </c>
      <c r="C20313" s="7">
        <f t="shared" si="317"/>
        <v>338.16149999999999</v>
      </c>
    </row>
    <row r="20314" spans="1:3" x14ac:dyDescent="0.25">
      <c r="A20314" s="2" t="s">
        <v>11972</v>
      </c>
      <c r="B20314" s="6">
        <v>338178.14999999997</v>
      </c>
      <c r="C20314" s="7">
        <f t="shared" si="317"/>
        <v>338.17814999999996</v>
      </c>
    </row>
    <row r="20315" spans="1:3" x14ac:dyDescent="0.25">
      <c r="A20315" s="2" t="s">
        <v>11973</v>
      </c>
      <c r="B20315" s="6">
        <v>338194.8</v>
      </c>
      <c r="C20315" s="7">
        <f t="shared" si="317"/>
        <v>338.19479999999999</v>
      </c>
    </row>
    <row r="20316" spans="1:3" x14ac:dyDescent="0.25">
      <c r="A20316" s="2" t="s">
        <v>11974</v>
      </c>
      <c r="B20316" s="6">
        <v>338211.44999999995</v>
      </c>
      <c r="C20316" s="7">
        <f t="shared" si="317"/>
        <v>338.21144999999996</v>
      </c>
    </row>
    <row r="20317" spans="1:3" x14ac:dyDescent="0.25">
      <c r="A20317" s="2" t="s">
        <v>11975</v>
      </c>
      <c r="B20317" s="6">
        <v>338228.1</v>
      </c>
      <c r="C20317" s="7">
        <f t="shared" si="317"/>
        <v>338.22809999999998</v>
      </c>
    </row>
    <row r="20318" spans="1:3" x14ac:dyDescent="0.25">
      <c r="A20318" s="2" t="s">
        <v>11976</v>
      </c>
      <c r="B20318" s="6">
        <v>338244.75</v>
      </c>
      <c r="C20318" s="7">
        <f t="shared" si="317"/>
        <v>338.24475000000001</v>
      </c>
    </row>
    <row r="20319" spans="1:3" x14ac:dyDescent="0.25">
      <c r="A20319" s="2" t="s">
        <v>11977</v>
      </c>
      <c r="B20319" s="6">
        <v>338261.39999999997</v>
      </c>
      <c r="C20319" s="7">
        <f t="shared" si="317"/>
        <v>338.26139999999998</v>
      </c>
    </row>
    <row r="20320" spans="1:3" x14ac:dyDescent="0.25">
      <c r="A20320" s="2" t="s">
        <v>11978</v>
      </c>
      <c r="B20320" s="6">
        <v>338278.05</v>
      </c>
      <c r="C20320" s="7">
        <f t="shared" si="317"/>
        <v>338.27805000000001</v>
      </c>
    </row>
    <row r="20321" spans="1:3" x14ac:dyDescent="0.25">
      <c r="A20321" s="2" t="s">
        <v>11979</v>
      </c>
      <c r="B20321" s="6">
        <v>338294.69999999995</v>
      </c>
      <c r="C20321" s="7">
        <f t="shared" si="317"/>
        <v>338.29469999999998</v>
      </c>
    </row>
    <row r="20322" spans="1:3" x14ac:dyDescent="0.25">
      <c r="A20322" s="2" t="s">
        <v>11980</v>
      </c>
      <c r="B20322" s="6">
        <v>338311.35</v>
      </c>
      <c r="C20322" s="7">
        <f t="shared" si="317"/>
        <v>338.31135</v>
      </c>
    </row>
    <row r="20323" spans="1:3" x14ac:dyDescent="0.25">
      <c r="A20323" s="2" t="s">
        <v>11981</v>
      </c>
      <c r="B20323" s="6">
        <v>338328</v>
      </c>
      <c r="C20323" s="7">
        <f t="shared" si="317"/>
        <v>338.32799999999997</v>
      </c>
    </row>
    <row r="20324" spans="1:3" x14ac:dyDescent="0.25">
      <c r="A20324" s="2" t="s">
        <v>11982</v>
      </c>
      <c r="B20324" s="6">
        <v>338344.64999999997</v>
      </c>
      <c r="C20324" s="7">
        <f t="shared" si="317"/>
        <v>338.34464999999994</v>
      </c>
    </row>
    <row r="20325" spans="1:3" x14ac:dyDescent="0.25">
      <c r="A20325" s="2" t="s">
        <v>11983</v>
      </c>
      <c r="B20325" s="6">
        <v>338361.3</v>
      </c>
      <c r="C20325" s="7">
        <f t="shared" si="317"/>
        <v>338.36129999999997</v>
      </c>
    </row>
    <row r="20326" spans="1:3" x14ac:dyDescent="0.25">
      <c r="A20326" s="2" t="s">
        <v>11984</v>
      </c>
      <c r="B20326" s="6">
        <v>338377.94999999995</v>
      </c>
      <c r="C20326" s="7">
        <f t="shared" si="317"/>
        <v>338.37794999999994</v>
      </c>
    </row>
    <row r="20327" spans="1:3" x14ac:dyDescent="0.25">
      <c r="A20327" s="2" t="s">
        <v>11985</v>
      </c>
      <c r="B20327" s="6">
        <v>338394.6</v>
      </c>
      <c r="C20327" s="7">
        <f t="shared" si="317"/>
        <v>338.39459999999997</v>
      </c>
    </row>
    <row r="20328" spans="1:3" x14ac:dyDescent="0.25">
      <c r="A20328" s="2" t="s">
        <v>11986</v>
      </c>
      <c r="B20328" s="6">
        <v>338411.25</v>
      </c>
      <c r="C20328" s="7">
        <f t="shared" si="317"/>
        <v>338.41125</v>
      </c>
    </row>
    <row r="20329" spans="1:3" x14ac:dyDescent="0.25">
      <c r="A20329" s="2" t="s">
        <v>11987</v>
      </c>
      <c r="B20329" s="6">
        <v>338427.89999999997</v>
      </c>
      <c r="C20329" s="7">
        <f t="shared" si="317"/>
        <v>338.42789999999997</v>
      </c>
    </row>
    <row r="20330" spans="1:3" x14ac:dyDescent="0.25">
      <c r="A20330" s="2" t="s">
        <v>11988</v>
      </c>
      <c r="B20330" s="6">
        <v>338444.55</v>
      </c>
      <c r="C20330" s="7">
        <f t="shared" si="317"/>
        <v>338.44454999999999</v>
      </c>
    </row>
    <row r="20331" spans="1:3" x14ac:dyDescent="0.25">
      <c r="A20331" s="2" t="s">
        <v>11989</v>
      </c>
      <c r="B20331" s="6">
        <v>338461.19999999995</v>
      </c>
      <c r="C20331" s="7">
        <f t="shared" si="317"/>
        <v>338.46119999999996</v>
      </c>
    </row>
    <row r="20332" spans="1:3" x14ac:dyDescent="0.25">
      <c r="A20332" s="2" t="s">
        <v>11990</v>
      </c>
      <c r="B20332" s="6">
        <v>338477.85</v>
      </c>
      <c r="C20332" s="7">
        <f t="shared" si="317"/>
        <v>338.47784999999999</v>
      </c>
    </row>
    <row r="20333" spans="1:3" x14ac:dyDescent="0.25">
      <c r="A20333" s="2" t="s">
        <v>11991</v>
      </c>
      <c r="B20333" s="6">
        <v>338494.5</v>
      </c>
      <c r="C20333" s="7">
        <f t="shared" si="317"/>
        <v>338.49450000000002</v>
      </c>
    </row>
    <row r="20334" spans="1:3" x14ac:dyDescent="0.25">
      <c r="A20334" s="2" t="s">
        <v>11992</v>
      </c>
      <c r="B20334" s="6">
        <v>338511.14999999997</v>
      </c>
      <c r="C20334" s="7">
        <f t="shared" si="317"/>
        <v>338.51114999999999</v>
      </c>
    </row>
    <row r="20335" spans="1:3" x14ac:dyDescent="0.25">
      <c r="A20335" s="2" t="s">
        <v>11993</v>
      </c>
      <c r="B20335" s="6">
        <v>338527.8</v>
      </c>
      <c r="C20335" s="7">
        <f t="shared" si="317"/>
        <v>338.52780000000001</v>
      </c>
    </row>
    <row r="20336" spans="1:3" x14ac:dyDescent="0.25">
      <c r="A20336" s="2" t="s">
        <v>11994</v>
      </c>
      <c r="B20336" s="6">
        <v>338544.44999999995</v>
      </c>
      <c r="C20336" s="7">
        <f t="shared" si="317"/>
        <v>338.54444999999993</v>
      </c>
    </row>
    <row r="20337" spans="1:3" x14ac:dyDescent="0.25">
      <c r="A20337" s="2" t="s">
        <v>11995</v>
      </c>
      <c r="B20337" s="6">
        <v>338561.1</v>
      </c>
      <c r="C20337" s="7">
        <f t="shared" si="317"/>
        <v>338.56109999999995</v>
      </c>
    </row>
    <row r="20338" spans="1:3" x14ac:dyDescent="0.25">
      <c r="A20338" s="2" t="s">
        <v>11996</v>
      </c>
      <c r="B20338" s="6">
        <v>338577.75</v>
      </c>
      <c r="C20338" s="7">
        <f t="shared" si="317"/>
        <v>338.57774999999998</v>
      </c>
    </row>
    <row r="20339" spans="1:3" x14ac:dyDescent="0.25">
      <c r="A20339" s="2" t="s">
        <v>11997</v>
      </c>
      <c r="B20339" s="6">
        <v>338594.39999999997</v>
      </c>
      <c r="C20339" s="7">
        <f t="shared" si="317"/>
        <v>338.59439999999995</v>
      </c>
    </row>
    <row r="20340" spans="1:3" x14ac:dyDescent="0.25">
      <c r="A20340" s="2" t="s">
        <v>11998</v>
      </c>
      <c r="B20340" s="6">
        <v>338611.05</v>
      </c>
      <c r="C20340" s="7">
        <f t="shared" si="317"/>
        <v>338.61104999999998</v>
      </c>
    </row>
    <row r="20341" spans="1:3" x14ac:dyDescent="0.25">
      <c r="A20341" s="2" t="s">
        <v>11999</v>
      </c>
      <c r="B20341" s="6">
        <v>338627.69999999995</v>
      </c>
      <c r="C20341" s="7">
        <f t="shared" si="317"/>
        <v>338.62769999999995</v>
      </c>
    </row>
    <row r="20342" spans="1:3" x14ac:dyDescent="0.25">
      <c r="A20342" s="2" t="s">
        <v>12000</v>
      </c>
      <c r="B20342" s="6">
        <v>338644.35</v>
      </c>
      <c r="C20342" s="7">
        <f t="shared" si="317"/>
        <v>338.64434999999997</v>
      </c>
    </row>
    <row r="20343" spans="1:3" x14ac:dyDescent="0.25">
      <c r="A20343" s="2" t="s">
        <v>12001</v>
      </c>
      <c r="B20343" s="6">
        <v>338661</v>
      </c>
      <c r="C20343" s="7">
        <f t="shared" si="317"/>
        <v>338.661</v>
      </c>
    </row>
    <row r="20344" spans="1:3" x14ac:dyDescent="0.25">
      <c r="A20344" s="2" t="s">
        <v>12002</v>
      </c>
      <c r="B20344" s="6">
        <v>338677.64999999997</v>
      </c>
      <c r="C20344" s="7">
        <f t="shared" si="317"/>
        <v>338.67764999999997</v>
      </c>
    </row>
    <row r="20345" spans="1:3" x14ac:dyDescent="0.25">
      <c r="A20345" s="2" t="s">
        <v>12003</v>
      </c>
      <c r="B20345" s="6">
        <v>338694.3</v>
      </c>
      <c r="C20345" s="7">
        <f t="shared" si="317"/>
        <v>338.6943</v>
      </c>
    </row>
    <row r="20346" spans="1:3" x14ac:dyDescent="0.25">
      <c r="A20346" s="2" t="s">
        <v>12004</v>
      </c>
      <c r="B20346" s="6">
        <v>338710.94999999995</v>
      </c>
      <c r="C20346" s="7">
        <f t="shared" si="317"/>
        <v>338.71094999999997</v>
      </c>
    </row>
    <row r="20347" spans="1:3" x14ac:dyDescent="0.25">
      <c r="A20347" s="2" t="s">
        <v>12005</v>
      </c>
      <c r="B20347" s="6">
        <v>338727.6</v>
      </c>
      <c r="C20347" s="7">
        <f t="shared" si="317"/>
        <v>338.7276</v>
      </c>
    </row>
    <row r="20348" spans="1:3" x14ac:dyDescent="0.25">
      <c r="A20348" s="2" t="s">
        <v>12006</v>
      </c>
      <c r="B20348" s="6">
        <v>338744.25</v>
      </c>
      <c r="C20348" s="7">
        <f t="shared" si="317"/>
        <v>338.74425000000002</v>
      </c>
    </row>
    <row r="20349" spans="1:3" x14ac:dyDescent="0.25">
      <c r="A20349" s="2" t="s">
        <v>12007</v>
      </c>
      <c r="B20349" s="6">
        <v>338760.89999999997</v>
      </c>
      <c r="C20349" s="7">
        <f t="shared" si="317"/>
        <v>338.76089999999999</v>
      </c>
    </row>
    <row r="20350" spans="1:3" x14ac:dyDescent="0.25">
      <c r="A20350" s="2" t="s">
        <v>12008</v>
      </c>
      <c r="B20350" s="6">
        <v>338777.55</v>
      </c>
      <c r="C20350" s="7">
        <f t="shared" si="317"/>
        <v>338.77754999999996</v>
      </c>
    </row>
    <row r="20351" spans="1:3" x14ac:dyDescent="0.25">
      <c r="A20351" s="2" t="s">
        <v>12009</v>
      </c>
      <c r="B20351" s="6">
        <v>338794.19999999995</v>
      </c>
      <c r="C20351" s="7">
        <f t="shared" si="317"/>
        <v>338.79419999999993</v>
      </c>
    </row>
    <row r="20352" spans="1:3" x14ac:dyDescent="0.25">
      <c r="A20352" s="2" t="s">
        <v>12010</v>
      </c>
      <c r="B20352" s="6">
        <v>338810.85</v>
      </c>
      <c r="C20352" s="7">
        <f t="shared" si="317"/>
        <v>338.81084999999996</v>
      </c>
    </row>
    <row r="20353" spans="1:3" x14ac:dyDescent="0.25">
      <c r="A20353" s="2" t="s">
        <v>12011</v>
      </c>
      <c r="B20353" s="6">
        <v>338827.5</v>
      </c>
      <c r="C20353" s="7">
        <f t="shared" si="317"/>
        <v>338.82749999999999</v>
      </c>
    </row>
    <row r="20354" spans="1:3" x14ac:dyDescent="0.25">
      <c r="A20354" s="2" t="s">
        <v>12012</v>
      </c>
      <c r="B20354" s="6">
        <v>338844.14999999997</v>
      </c>
      <c r="C20354" s="7">
        <f t="shared" si="317"/>
        <v>338.84414999999996</v>
      </c>
    </row>
    <row r="20355" spans="1:3" x14ac:dyDescent="0.25">
      <c r="A20355" s="2" t="s">
        <v>12013</v>
      </c>
      <c r="B20355" s="6">
        <v>338860.79999999999</v>
      </c>
      <c r="C20355" s="7">
        <f t="shared" ref="C20355:C20418" si="318">B20355/1000</f>
        <v>338.86079999999998</v>
      </c>
    </row>
    <row r="20356" spans="1:3" x14ac:dyDescent="0.25">
      <c r="A20356" s="2" t="s">
        <v>12014</v>
      </c>
      <c r="B20356" s="6">
        <v>338877.44999999995</v>
      </c>
      <c r="C20356" s="7">
        <f t="shared" si="318"/>
        <v>338.87744999999995</v>
      </c>
    </row>
    <row r="20357" spans="1:3" x14ac:dyDescent="0.25">
      <c r="A20357" s="2" t="s">
        <v>12015</v>
      </c>
      <c r="B20357" s="6">
        <v>338894.1</v>
      </c>
      <c r="C20357" s="7">
        <f t="shared" si="318"/>
        <v>338.89409999999998</v>
      </c>
    </row>
    <row r="20358" spans="1:3" x14ac:dyDescent="0.25">
      <c r="A20358" s="2" t="s">
        <v>12016</v>
      </c>
      <c r="B20358" s="6">
        <v>338910.75</v>
      </c>
      <c r="C20358" s="7">
        <f t="shared" si="318"/>
        <v>338.91075000000001</v>
      </c>
    </row>
    <row r="20359" spans="1:3" x14ac:dyDescent="0.25">
      <c r="A20359" s="2" t="s">
        <v>12017</v>
      </c>
      <c r="B20359" s="6">
        <v>338927.39999999997</v>
      </c>
      <c r="C20359" s="7">
        <f t="shared" si="318"/>
        <v>338.92739999999998</v>
      </c>
    </row>
    <row r="20360" spans="1:3" x14ac:dyDescent="0.25">
      <c r="A20360" s="2" t="s">
        <v>12018</v>
      </c>
      <c r="B20360" s="6">
        <v>338944.05</v>
      </c>
      <c r="C20360" s="7">
        <f t="shared" si="318"/>
        <v>338.94405</v>
      </c>
    </row>
    <row r="20361" spans="1:3" x14ac:dyDescent="0.25">
      <c r="A20361" s="2" t="s">
        <v>12019</v>
      </c>
      <c r="B20361" s="6">
        <v>338960.69999999995</v>
      </c>
      <c r="C20361" s="7">
        <f t="shared" si="318"/>
        <v>338.96069999999997</v>
      </c>
    </row>
    <row r="20362" spans="1:3" x14ac:dyDescent="0.25">
      <c r="A20362" s="2" t="s">
        <v>12020</v>
      </c>
      <c r="B20362" s="6">
        <v>338977.35</v>
      </c>
      <c r="C20362" s="7">
        <f t="shared" si="318"/>
        <v>338.97735</v>
      </c>
    </row>
    <row r="20363" spans="1:3" x14ac:dyDescent="0.25">
      <c r="A20363" s="2" t="s">
        <v>12021</v>
      </c>
      <c r="B20363" s="6">
        <v>338994</v>
      </c>
      <c r="C20363" s="7">
        <f t="shared" si="318"/>
        <v>338.99400000000003</v>
      </c>
    </row>
    <row r="20364" spans="1:3" x14ac:dyDescent="0.25">
      <c r="A20364" s="2" t="s">
        <v>12022</v>
      </c>
      <c r="B20364" s="6">
        <v>339010.64999999997</v>
      </c>
      <c r="C20364" s="7">
        <f t="shared" si="318"/>
        <v>339.01064999999994</v>
      </c>
    </row>
    <row r="20365" spans="1:3" x14ac:dyDescent="0.25">
      <c r="A20365" s="2" t="s">
        <v>12023</v>
      </c>
      <c r="B20365" s="6">
        <v>339027.3</v>
      </c>
      <c r="C20365" s="7">
        <f t="shared" si="318"/>
        <v>339.02729999999997</v>
      </c>
    </row>
    <row r="20366" spans="1:3" x14ac:dyDescent="0.25">
      <c r="A20366" s="2" t="s">
        <v>12024</v>
      </c>
      <c r="B20366" s="6">
        <v>339043.94999999995</v>
      </c>
      <c r="C20366" s="7">
        <f t="shared" si="318"/>
        <v>339.04394999999994</v>
      </c>
    </row>
    <row r="20367" spans="1:3" x14ac:dyDescent="0.25">
      <c r="A20367" s="2" t="s">
        <v>12025</v>
      </c>
      <c r="B20367" s="6">
        <v>339060.6</v>
      </c>
      <c r="C20367" s="7">
        <f t="shared" si="318"/>
        <v>339.06059999999997</v>
      </c>
    </row>
    <row r="20368" spans="1:3" x14ac:dyDescent="0.25">
      <c r="A20368" s="2" t="s">
        <v>12026</v>
      </c>
      <c r="B20368" s="6">
        <v>339077.25</v>
      </c>
      <c r="C20368" s="7">
        <f t="shared" si="318"/>
        <v>339.07724999999999</v>
      </c>
    </row>
    <row r="20369" spans="1:3" x14ac:dyDescent="0.25">
      <c r="A20369" s="2" t="s">
        <v>12027</v>
      </c>
      <c r="B20369" s="6">
        <v>339093.89999999997</v>
      </c>
      <c r="C20369" s="7">
        <f t="shared" si="318"/>
        <v>339.09389999999996</v>
      </c>
    </row>
    <row r="20370" spans="1:3" x14ac:dyDescent="0.25">
      <c r="A20370" s="2" t="s">
        <v>12028</v>
      </c>
      <c r="B20370" s="6">
        <v>339110.55</v>
      </c>
      <c r="C20370" s="7">
        <f t="shared" si="318"/>
        <v>339.11054999999999</v>
      </c>
    </row>
    <row r="20371" spans="1:3" x14ac:dyDescent="0.25">
      <c r="A20371" s="2" t="s">
        <v>12029</v>
      </c>
      <c r="B20371" s="6">
        <v>339127.19999999995</v>
      </c>
      <c r="C20371" s="7">
        <f t="shared" si="318"/>
        <v>339.12719999999996</v>
      </c>
    </row>
    <row r="20372" spans="1:3" x14ac:dyDescent="0.25">
      <c r="A20372" s="2" t="s">
        <v>12030</v>
      </c>
      <c r="B20372" s="6">
        <v>339143.85</v>
      </c>
      <c r="C20372" s="7">
        <f t="shared" si="318"/>
        <v>339.14384999999999</v>
      </c>
    </row>
    <row r="20373" spans="1:3" x14ac:dyDescent="0.25">
      <c r="A20373" s="2" t="s">
        <v>12031</v>
      </c>
      <c r="B20373" s="6">
        <v>339160.5</v>
      </c>
      <c r="C20373" s="7">
        <f t="shared" si="318"/>
        <v>339.16050000000001</v>
      </c>
    </row>
    <row r="20374" spans="1:3" x14ac:dyDescent="0.25">
      <c r="A20374" s="2" t="s">
        <v>12032</v>
      </c>
      <c r="B20374" s="6">
        <v>339177.14999999997</v>
      </c>
      <c r="C20374" s="7">
        <f t="shared" si="318"/>
        <v>339.17714999999998</v>
      </c>
    </row>
    <row r="20375" spans="1:3" x14ac:dyDescent="0.25">
      <c r="A20375" s="2" t="s">
        <v>12033</v>
      </c>
      <c r="B20375" s="6">
        <v>339193.8</v>
      </c>
      <c r="C20375" s="7">
        <f t="shared" si="318"/>
        <v>339.19380000000001</v>
      </c>
    </row>
    <row r="20376" spans="1:3" x14ac:dyDescent="0.25">
      <c r="A20376" s="2" t="s">
        <v>12034</v>
      </c>
      <c r="B20376" s="6">
        <v>339210.44999999995</v>
      </c>
      <c r="C20376" s="7">
        <f t="shared" si="318"/>
        <v>339.21044999999998</v>
      </c>
    </row>
    <row r="20377" spans="1:3" x14ac:dyDescent="0.25">
      <c r="A20377" s="2" t="s">
        <v>12035</v>
      </c>
      <c r="B20377" s="6">
        <v>339227.1</v>
      </c>
      <c r="C20377" s="7">
        <f t="shared" si="318"/>
        <v>339.22709999999995</v>
      </c>
    </row>
    <row r="20378" spans="1:3" x14ac:dyDescent="0.25">
      <c r="A20378" s="2" t="s">
        <v>12036</v>
      </c>
      <c r="B20378" s="6">
        <v>339243.75</v>
      </c>
      <c r="C20378" s="7">
        <f t="shared" si="318"/>
        <v>339.24374999999998</v>
      </c>
    </row>
    <row r="20379" spans="1:3" x14ac:dyDescent="0.25">
      <c r="A20379" s="2" t="s">
        <v>12037</v>
      </c>
      <c r="B20379" s="6">
        <v>339260.39999999997</v>
      </c>
      <c r="C20379" s="7">
        <f t="shared" si="318"/>
        <v>339.26039999999995</v>
      </c>
    </row>
    <row r="20380" spans="1:3" x14ac:dyDescent="0.25">
      <c r="A20380" s="2" t="s">
        <v>12038</v>
      </c>
      <c r="B20380" s="6">
        <v>339277.05</v>
      </c>
      <c r="C20380" s="7">
        <f t="shared" si="318"/>
        <v>339.27704999999997</v>
      </c>
    </row>
    <row r="20381" spans="1:3" x14ac:dyDescent="0.25">
      <c r="A20381" s="2" t="s">
        <v>12039</v>
      </c>
      <c r="B20381" s="6">
        <v>339293.69999999995</v>
      </c>
      <c r="C20381" s="7">
        <f t="shared" si="318"/>
        <v>339.29369999999994</v>
      </c>
    </row>
    <row r="20382" spans="1:3" x14ac:dyDescent="0.25">
      <c r="A20382" s="2" t="s">
        <v>12040</v>
      </c>
      <c r="B20382" s="6">
        <v>339310.35</v>
      </c>
      <c r="C20382" s="7">
        <f t="shared" si="318"/>
        <v>339.31034999999997</v>
      </c>
    </row>
    <row r="20383" spans="1:3" x14ac:dyDescent="0.25">
      <c r="A20383" s="2" t="s">
        <v>12041</v>
      </c>
      <c r="B20383" s="6">
        <v>339327</v>
      </c>
      <c r="C20383" s="7">
        <f t="shared" si="318"/>
        <v>339.327</v>
      </c>
    </row>
    <row r="20384" spans="1:3" x14ac:dyDescent="0.25">
      <c r="A20384" s="2" t="s">
        <v>12042</v>
      </c>
      <c r="B20384" s="6">
        <v>339343.64999999997</v>
      </c>
      <c r="C20384" s="7">
        <f t="shared" si="318"/>
        <v>339.34364999999997</v>
      </c>
    </row>
    <row r="20385" spans="1:3" x14ac:dyDescent="0.25">
      <c r="A20385" s="2" t="s">
        <v>12043</v>
      </c>
      <c r="B20385" s="6">
        <v>339360.3</v>
      </c>
      <c r="C20385" s="7">
        <f t="shared" si="318"/>
        <v>339.3603</v>
      </c>
    </row>
    <row r="20386" spans="1:3" x14ac:dyDescent="0.25">
      <c r="A20386" s="2" t="s">
        <v>12044</v>
      </c>
      <c r="B20386" s="6">
        <v>339376.94999999995</v>
      </c>
      <c r="C20386" s="7">
        <f t="shared" si="318"/>
        <v>339.37694999999997</v>
      </c>
    </row>
    <row r="20387" spans="1:3" x14ac:dyDescent="0.25">
      <c r="A20387" s="2" t="s">
        <v>12045</v>
      </c>
      <c r="B20387" s="6">
        <v>339393.6</v>
      </c>
      <c r="C20387" s="7">
        <f t="shared" si="318"/>
        <v>339.39359999999999</v>
      </c>
    </row>
    <row r="20388" spans="1:3" x14ac:dyDescent="0.25">
      <c r="A20388" s="2" t="s">
        <v>12046</v>
      </c>
      <c r="B20388" s="6">
        <v>339410.25</v>
      </c>
      <c r="C20388" s="7">
        <f t="shared" si="318"/>
        <v>339.41025000000002</v>
      </c>
    </row>
    <row r="20389" spans="1:3" x14ac:dyDescent="0.25">
      <c r="A20389" s="2" t="s">
        <v>12047</v>
      </c>
      <c r="B20389" s="6">
        <v>339426.89999999997</v>
      </c>
      <c r="C20389" s="7">
        <f t="shared" si="318"/>
        <v>339.42689999999999</v>
      </c>
    </row>
    <row r="20390" spans="1:3" x14ac:dyDescent="0.25">
      <c r="A20390" s="2" t="s">
        <v>12048</v>
      </c>
      <c r="B20390" s="6">
        <v>339443.55</v>
      </c>
      <c r="C20390" s="7">
        <f t="shared" si="318"/>
        <v>339.44355000000002</v>
      </c>
    </row>
    <row r="20391" spans="1:3" x14ac:dyDescent="0.25">
      <c r="A20391" s="2" t="s">
        <v>12049</v>
      </c>
      <c r="B20391" s="6">
        <v>339460.19999999995</v>
      </c>
      <c r="C20391" s="7">
        <f t="shared" si="318"/>
        <v>339.46019999999993</v>
      </c>
    </row>
    <row r="20392" spans="1:3" x14ac:dyDescent="0.25">
      <c r="A20392" s="2" t="s">
        <v>12050</v>
      </c>
      <c r="B20392" s="6">
        <v>339476.85</v>
      </c>
      <c r="C20392" s="7">
        <f t="shared" si="318"/>
        <v>339.47684999999996</v>
      </c>
    </row>
    <row r="20393" spans="1:3" x14ac:dyDescent="0.25">
      <c r="A20393" s="2" t="s">
        <v>12051</v>
      </c>
      <c r="B20393" s="6">
        <v>339493.5</v>
      </c>
      <c r="C20393" s="7">
        <f t="shared" si="318"/>
        <v>339.49349999999998</v>
      </c>
    </row>
    <row r="20394" spans="1:3" x14ac:dyDescent="0.25">
      <c r="A20394" s="2" t="s">
        <v>12052</v>
      </c>
      <c r="B20394" s="6">
        <v>339510.14999999997</v>
      </c>
      <c r="C20394" s="7">
        <f t="shared" si="318"/>
        <v>339.51014999999995</v>
      </c>
    </row>
    <row r="20395" spans="1:3" x14ac:dyDescent="0.25">
      <c r="A20395" s="2" t="s">
        <v>12053</v>
      </c>
      <c r="B20395" s="6">
        <v>339526.8</v>
      </c>
      <c r="C20395" s="7">
        <f t="shared" si="318"/>
        <v>339.52679999999998</v>
      </c>
    </row>
    <row r="20396" spans="1:3" x14ac:dyDescent="0.25">
      <c r="A20396" s="2" t="s">
        <v>12054</v>
      </c>
      <c r="B20396" s="6">
        <v>339543.44999999995</v>
      </c>
      <c r="C20396" s="7">
        <f t="shared" si="318"/>
        <v>339.54344999999995</v>
      </c>
    </row>
    <row r="20397" spans="1:3" x14ac:dyDescent="0.25">
      <c r="A20397" s="2" t="s">
        <v>12055</v>
      </c>
      <c r="B20397" s="6">
        <v>339560.1</v>
      </c>
      <c r="C20397" s="7">
        <f t="shared" si="318"/>
        <v>339.56009999999998</v>
      </c>
    </row>
    <row r="20398" spans="1:3" x14ac:dyDescent="0.25">
      <c r="A20398" s="2" t="s">
        <v>12056</v>
      </c>
      <c r="B20398" s="6">
        <v>339576.75</v>
      </c>
      <c r="C20398" s="7">
        <f t="shared" si="318"/>
        <v>339.57675</v>
      </c>
    </row>
    <row r="20399" spans="1:3" x14ac:dyDescent="0.25">
      <c r="A20399" s="2" t="s">
        <v>12057</v>
      </c>
      <c r="B20399" s="6">
        <v>339593.39999999997</v>
      </c>
      <c r="C20399" s="7">
        <f t="shared" si="318"/>
        <v>339.59339999999997</v>
      </c>
    </row>
    <row r="20400" spans="1:3" x14ac:dyDescent="0.25">
      <c r="A20400" s="2" t="s">
        <v>12058</v>
      </c>
      <c r="B20400" s="6">
        <v>339610.05</v>
      </c>
      <c r="C20400" s="7">
        <f t="shared" si="318"/>
        <v>339.61005</v>
      </c>
    </row>
    <row r="20401" spans="1:3" x14ac:dyDescent="0.25">
      <c r="A20401" s="2" t="s">
        <v>12059</v>
      </c>
      <c r="B20401" s="6">
        <v>339626.69999999995</v>
      </c>
      <c r="C20401" s="7">
        <f t="shared" si="318"/>
        <v>339.62669999999997</v>
      </c>
    </row>
    <row r="20402" spans="1:3" x14ac:dyDescent="0.25">
      <c r="A20402" s="2" t="s">
        <v>12060</v>
      </c>
      <c r="B20402" s="6">
        <v>339643.35</v>
      </c>
      <c r="C20402" s="7">
        <f t="shared" si="318"/>
        <v>339.64335</v>
      </c>
    </row>
    <row r="20403" spans="1:3" x14ac:dyDescent="0.25">
      <c r="A20403" s="2" t="s">
        <v>12061</v>
      </c>
      <c r="B20403" s="6">
        <v>339660</v>
      </c>
      <c r="C20403" s="7">
        <f t="shared" si="318"/>
        <v>339.66</v>
      </c>
    </row>
    <row r="20404" spans="1:3" x14ac:dyDescent="0.25">
      <c r="A20404" s="2" t="s">
        <v>12062</v>
      </c>
      <c r="B20404" s="6">
        <v>339676.64999999997</v>
      </c>
      <c r="C20404" s="7">
        <f t="shared" si="318"/>
        <v>339.67664999999994</v>
      </c>
    </row>
    <row r="20405" spans="1:3" x14ac:dyDescent="0.25">
      <c r="A20405" s="2" t="s">
        <v>12063</v>
      </c>
      <c r="B20405" s="6">
        <v>339693.3</v>
      </c>
      <c r="C20405" s="7">
        <f t="shared" si="318"/>
        <v>339.69329999999997</v>
      </c>
    </row>
    <row r="20406" spans="1:3" x14ac:dyDescent="0.25">
      <c r="A20406" s="2" t="s">
        <v>12064</v>
      </c>
      <c r="B20406" s="6">
        <v>339709.94999999995</v>
      </c>
      <c r="C20406" s="7">
        <f t="shared" si="318"/>
        <v>339.70994999999994</v>
      </c>
    </row>
    <row r="20407" spans="1:3" x14ac:dyDescent="0.25">
      <c r="A20407" s="2" t="s">
        <v>12065</v>
      </c>
      <c r="B20407" s="6">
        <v>339726.6</v>
      </c>
      <c r="C20407" s="7">
        <f t="shared" si="318"/>
        <v>339.72659999999996</v>
      </c>
    </row>
    <row r="20408" spans="1:3" x14ac:dyDescent="0.25">
      <c r="A20408" s="2" t="s">
        <v>12066</v>
      </c>
      <c r="B20408" s="6">
        <v>339743.25</v>
      </c>
      <c r="C20408" s="7">
        <f t="shared" si="318"/>
        <v>339.74324999999999</v>
      </c>
    </row>
    <row r="20409" spans="1:3" x14ac:dyDescent="0.25">
      <c r="A20409" s="2" t="s">
        <v>12067</v>
      </c>
      <c r="B20409" s="6">
        <v>339759.89999999997</v>
      </c>
      <c r="C20409" s="7">
        <f t="shared" si="318"/>
        <v>339.75989999999996</v>
      </c>
    </row>
    <row r="20410" spans="1:3" x14ac:dyDescent="0.25">
      <c r="A20410" s="2" t="s">
        <v>12068</v>
      </c>
      <c r="B20410" s="6">
        <v>339776.55</v>
      </c>
      <c r="C20410" s="7">
        <f t="shared" si="318"/>
        <v>339.77654999999999</v>
      </c>
    </row>
    <row r="20411" spans="1:3" x14ac:dyDescent="0.25">
      <c r="A20411" s="2" t="s">
        <v>12069</v>
      </c>
      <c r="B20411" s="6">
        <v>339793.19999999995</v>
      </c>
      <c r="C20411" s="7">
        <f t="shared" si="318"/>
        <v>339.79319999999996</v>
      </c>
    </row>
    <row r="20412" spans="1:3" x14ac:dyDescent="0.25">
      <c r="A20412" s="2" t="s">
        <v>12070</v>
      </c>
      <c r="B20412" s="6">
        <v>339809.85</v>
      </c>
      <c r="C20412" s="7">
        <f t="shared" si="318"/>
        <v>339.80984999999998</v>
      </c>
    </row>
    <row r="20413" spans="1:3" x14ac:dyDescent="0.25">
      <c r="A20413" s="2" t="s">
        <v>12071</v>
      </c>
      <c r="B20413" s="6">
        <v>339826.5</v>
      </c>
      <c r="C20413" s="7">
        <f t="shared" si="318"/>
        <v>339.82650000000001</v>
      </c>
    </row>
    <row r="20414" spans="1:3" x14ac:dyDescent="0.25">
      <c r="A20414" s="2" t="s">
        <v>12072</v>
      </c>
      <c r="B20414" s="6">
        <v>339843.14999999997</v>
      </c>
      <c r="C20414" s="7">
        <f t="shared" si="318"/>
        <v>339.84314999999998</v>
      </c>
    </row>
    <row r="20415" spans="1:3" x14ac:dyDescent="0.25">
      <c r="A20415" s="2" t="s">
        <v>12073</v>
      </c>
      <c r="B20415" s="6">
        <v>339859.8</v>
      </c>
      <c r="C20415" s="7">
        <f t="shared" si="318"/>
        <v>339.85980000000001</v>
      </c>
    </row>
    <row r="20416" spans="1:3" x14ac:dyDescent="0.25">
      <c r="A20416" s="2" t="s">
        <v>12074</v>
      </c>
      <c r="B20416" s="6">
        <v>339876.44999999995</v>
      </c>
      <c r="C20416" s="7">
        <f t="shared" si="318"/>
        <v>339.87644999999998</v>
      </c>
    </row>
    <row r="20417" spans="1:3" x14ac:dyDescent="0.25">
      <c r="A20417" s="2" t="s">
        <v>12075</v>
      </c>
      <c r="B20417" s="6">
        <v>339893.1</v>
      </c>
      <c r="C20417" s="7">
        <f t="shared" si="318"/>
        <v>339.8931</v>
      </c>
    </row>
    <row r="20418" spans="1:3" x14ac:dyDescent="0.25">
      <c r="A20418" s="2" t="s">
        <v>12076</v>
      </c>
      <c r="B20418" s="6">
        <v>339909.75</v>
      </c>
      <c r="C20418" s="7">
        <f t="shared" si="318"/>
        <v>339.90974999999997</v>
      </c>
    </row>
    <row r="20419" spans="1:3" x14ac:dyDescent="0.25">
      <c r="A20419" s="2" t="s">
        <v>12077</v>
      </c>
      <c r="B20419" s="6">
        <v>339926.39999999997</v>
      </c>
      <c r="C20419" s="7">
        <f t="shared" ref="C20419:C20482" si="319">B20419/1000</f>
        <v>339.92639999999994</v>
      </c>
    </row>
    <row r="20420" spans="1:3" x14ac:dyDescent="0.25">
      <c r="A20420" s="2" t="s">
        <v>12078</v>
      </c>
      <c r="B20420" s="6">
        <v>339943.05</v>
      </c>
      <c r="C20420" s="7">
        <f t="shared" si="319"/>
        <v>339.94304999999997</v>
      </c>
    </row>
    <row r="20421" spans="1:3" x14ac:dyDescent="0.25">
      <c r="A20421" s="2" t="s">
        <v>12079</v>
      </c>
      <c r="B20421" s="6">
        <v>339959.69999999995</v>
      </c>
      <c r="C20421" s="7">
        <f t="shared" si="319"/>
        <v>339.95969999999994</v>
      </c>
    </row>
    <row r="20422" spans="1:3" x14ac:dyDescent="0.25">
      <c r="A20422" s="2" t="s">
        <v>12080</v>
      </c>
      <c r="B20422" s="6">
        <v>339976.35</v>
      </c>
      <c r="C20422" s="7">
        <f t="shared" si="319"/>
        <v>339.97634999999997</v>
      </c>
    </row>
    <row r="20423" spans="1:3" x14ac:dyDescent="0.25">
      <c r="A20423" s="2" t="s">
        <v>12081</v>
      </c>
      <c r="B20423" s="6">
        <v>339993</v>
      </c>
      <c r="C20423" s="7">
        <f t="shared" si="319"/>
        <v>339.99299999999999</v>
      </c>
    </row>
    <row r="20424" spans="1:3" x14ac:dyDescent="0.25">
      <c r="A20424" s="2" t="s">
        <v>12082</v>
      </c>
      <c r="B20424" s="6">
        <v>340009.64999999997</v>
      </c>
      <c r="C20424" s="7">
        <f t="shared" si="319"/>
        <v>340.00964999999997</v>
      </c>
    </row>
    <row r="20425" spans="1:3" x14ac:dyDescent="0.25">
      <c r="A20425" s="2" t="s">
        <v>12083</v>
      </c>
      <c r="B20425" s="6">
        <v>340026.3</v>
      </c>
      <c r="C20425" s="7">
        <f t="shared" si="319"/>
        <v>340.02629999999999</v>
      </c>
    </row>
    <row r="20426" spans="1:3" x14ac:dyDescent="0.25">
      <c r="A20426" s="2" t="s">
        <v>12084</v>
      </c>
      <c r="B20426" s="6">
        <v>340042.94999999995</v>
      </c>
      <c r="C20426" s="7">
        <f t="shared" si="319"/>
        <v>340.04294999999996</v>
      </c>
    </row>
    <row r="20427" spans="1:3" x14ac:dyDescent="0.25">
      <c r="A20427" s="2" t="s">
        <v>12085</v>
      </c>
      <c r="B20427" s="6">
        <v>340059.6</v>
      </c>
      <c r="C20427" s="7">
        <f t="shared" si="319"/>
        <v>340.05959999999999</v>
      </c>
    </row>
    <row r="20428" spans="1:3" x14ac:dyDescent="0.25">
      <c r="A20428" s="2" t="s">
        <v>12086</v>
      </c>
      <c r="B20428" s="6">
        <v>340076.25</v>
      </c>
      <c r="C20428" s="7">
        <f t="shared" si="319"/>
        <v>340.07625000000002</v>
      </c>
    </row>
    <row r="20429" spans="1:3" x14ac:dyDescent="0.25">
      <c r="A20429" s="2" t="s">
        <v>12087</v>
      </c>
      <c r="B20429" s="6">
        <v>340092.89999999997</v>
      </c>
      <c r="C20429" s="7">
        <f t="shared" si="319"/>
        <v>340.09289999999999</v>
      </c>
    </row>
    <row r="20430" spans="1:3" x14ac:dyDescent="0.25">
      <c r="A20430" s="2" t="s">
        <v>12088</v>
      </c>
      <c r="B20430" s="6">
        <v>340109.55</v>
      </c>
      <c r="C20430" s="7">
        <f t="shared" si="319"/>
        <v>340.10955000000001</v>
      </c>
    </row>
    <row r="20431" spans="1:3" x14ac:dyDescent="0.25">
      <c r="A20431" s="2" t="s">
        <v>12089</v>
      </c>
      <c r="B20431" s="6">
        <v>340126.19999999995</v>
      </c>
      <c r="C20431" s="7">
        <f t="shared" si="319"/>
        <v>340.12619999999993</v>
      </c>
    </row>
    <row r="20432" spans="1:3" x14ac:dyDescent="0.25">
      <c r="A20432" s="2" t="s">
        <v>12090</v>
      </c>
      <c r="B20432" s="6">
        <v>340142.85</v>
      </c>
      <c r="C20432" s="7">
        <f t="shared" si="319"/>
        <v>340.14284999999995</v>
      </c>
    </row>
    <row r="20433" spans="1:3" x14ac:dyDescent="0.25">
      <c r="A20433" s="2" t="s">
        <v>12091</v>
      </c>
      <c r="B20433" s="6">
        <v>340159.5</v>
      </c>
      <c r="C20433" s="7">
        <f t="shared" si="319"/>
        <v>340.15949999999998</v>
      </c>
    </row>
    <row r="20434" spans="1:3" x14ac:dyDescent="0.25">
      <c r="A20434" s="2" t="s">
        <v>12092</v>
      </c>
      <c r="B20434" s="6">
        <v>340176.14999999997</v>
      </c>
      <c r="C20434" s="7">
        <f t="shared" si="319"/>
        <v>340.17614999999995</v>
      </c>
    </row>
    <row r="20435" spans="1:3" x14ac:dyDescent="0.25">
      <c r="A20435" s="2" t="s">
        <v>12093</v>
      </c>
      <c r="B20435" s="6">
        <v>340192.8</v>
      </c>
      <c r="C20435" s="7">
        <f t="shared" si="319"/>
        <v>340.19279999999998</v>
      </c>
    </row>
    <row r="20436" spans="1:3" x14ac:dyDescent="0.25">
      <c r="A20436" s="2" t="s">
        <v>12094</v>
      </c>
      <c r="B20436" s="6">
        <v>340209.44999999995</v>
      </c>
      <c r="C20436" s="7">
        <f t="shared" si="319"/>
        <v>340.20944999999995</v>
      </c>
    </row>
    <row r="20437" spans="1:3" x14ac:dyDescent="0.25">
      <c r="A20437" s="2" t="s">
        <v>12095</v>
      </c>
      <c r="B20437" s="6">
        <v>340226.1</v>
      </c>
      <c r="C20437" s="7">
        <f t="shared" si="319"/>
        <v>340.22609999999997</v>
      </c>
    </row>
    <row r="20438" spans="1:3" x14ac:dyDescent="0.25">
      <c r="A20438" s="2" t="s">
        <v>12096</v>
      </c>
      <c r="B20438" s="6">
        <v>340242.75</v>
      </c>
      <c r="C20438" s="7">
        <f t="shared" si="319"/>
        <v>340.24275</v>
      </c>
    </row>
    <row r="20439" spans="1:3" x14ac:dyDescent="0.25">
      <c r="A20439" s="2" t="s">
        <v>12097</v>
      </c>
      <c r="B20439" s="6">
        <v>340259.39999999997</v>
      </c>
      <c r="C20439" s="7">
        <f t="shared" si="319"/>
        <v>340.25939999999997</v>
      </c>
    </row>
    <row r="20440" spans="1:3" x14ac:dyDescent="0.25">
      <c r="A20440" s="2" t="s">
        <v>12098</v>
      </c>
      <c r="B20440" s="6">
        <v>340276.05</v>
      </c>
      <c r="C20440" s="7">
        <f t="shared" si="319"/>
        <v>340.27605</v>
      </c>
    </row>
    <row r="20441" spans="1:3" x14ac:dyDescent="0.25">
      <c r="A20441" s="2" t="s">
        <v>12099</v>
      </c>
      <c r="B20441" s="6">
        <v>340292.69999999995</v>
      </c>
      <c r="C20441" s="7">
        <f t="shared" si="319"/>
        <v>340.29269999999997</v>
      </c>
    </row>
    <row r="20442" spans="1:3" x14ac:dyDescent="0.25">
      <c r="A20442" s="2" t="s">
        <v>12100</v>
      </c>
      <c r="B20442" s="6">
        <v>340309.35</v>
      </c>
      <c r="C20442" s="7">
        <f t="shared" si="319"/>
        <v>340.30934999999999</v>
      </c>
    </row>
    <row r="20443" spans="1:3" x14ac:dyDescent="0.25">
      <c r="A20443" s="2" t="s">
        <v>12101</v>
      </c>
      <c r="B20443" s="6">
        <v>340326</v>
      </c>
      <c r="C20443" s="7">
        <f t="shared" si="319"/>
        <v>340.32600000000002</v>
      </c>
    </row>
    <row r="20444" spans="1:3" x14ac:dyDescent="0.25">
      <c r="A20444" s="2" t="s">
        <v>12102</v>
      </c>
      <c r="B20444" s="6">
        <v>340342.64999999997</v>
      </c>
      <c r="C20444" s="7">
        <f t="shared" si="319"/>
        <v>340.34264999999999</v>
      </c>
    </row>
    <row r="20445" spans="1:3" x14ac:dyDescent="0.25">
      <c r="A20445" s="2" t="s">
        <v>12103</v>
      </c>
      <c r="B20445" s="6">
        <v>340359.3</v>
      </c>
      <c r="C20445" s="7">
        <f t="shared" si="319"/>
        <v>340.35929999999996</v>
      </c>
    </row>
    <row r="20446" spans="1:3" x14ac:dyDescent="0.25">
      <c r="A20446" s="2" t="s">
        <v>12104</v>
      </c>
      <c r="B20446" s="6">
        <v>340375.94999999995</v>
      </c>
      <c r="C20446" s="7">
        <f t="shared" si="319"/>
        <v>340.37594999999993</v>
      </c>
    </row>
    <row r="20447" spans="1:3" x14ac:dyDescent="0.25">
      <c r="A20447" s="2" t="s">
        <v>12105</v>
      </c>
      <c r="B20447" s="6">
        <v>340392.6</v>
      </c>
      <c r="C20447" s="7">
        <f t="shared" si="319"/>
        <v>340.39259999999996</v>
      </c>
    </row>
    <row r="20448" spans="1:3" x14ac:dyDescent="0.25">
      <c r="A20448" s="2" t="s">
        <v>12106</v>
      </c>
      <c r="B20448" s="6">
        <v>340409.25</v>
      </c>
      <c r="C20448" s="7">
        <f t="shared" si="319"/>
        <v>340.40924999999999</v>
      </c>
    </row>
    <row r="20449" spans="1:3" x14ac:dyDescent="0.25">
      <c r="A20449" s="2" t="s">
        <v>12107</v>
      </c>
      <c r="B20449" s="6">
        <v>340425.89999999997</v>
      </c>
      <c r="C20449" s="7">
        <f t="shared" si="319"/>
        <v>340.42589999999996</v>
      </c>
    </row>
    <row r="20450" spans="1:3" x14ac:dyDescent="0.25">
      <c r="A20450" s="2" t="s">
        <v>12108</v>
      </c>
      <c r="B20450" s="6">
        <v>340442.55</v>
      </c>
      <c r="C20450" s="7">
        <f t="shared" si="319"/>
        <v>340.44254999999998</v>
      </c>
    </row>
    <row r="20451" spans="1:3" x14ac:dyDescent="0.25">
      <c r="A20451" s="2" t="s">
        <v>12109</v>
      </c>
      <c r="B20451" s="6">
        <v>340459.19999999995</v>
      </c>
      <c r="C20451" s="7">
        <f t="shared" si="319"/>
        <v>340.45919999999995</v>
      </c>
    </row>
    <row r="20452" spans="1:3" x14ac:dyDescent="0.25">
      <c r="A20452" s="2" t="s">
        <v>12110</v>
      </c>
      <c r="B20452" s="6">
        <v>340475.85</v>
      </c>
      <c r="C20452" s="7">
        <f t="shared" si="319"/>
        <v>340.47584999999998</v>
      </c>
    </row>
    <row r="20453" spans="1:3" x14ac:dyDescent="0.25">
      <c r="A20453" s="2" t="s">
        <v>12111</v>
      </c>
      <c r="B20453" s="6">
        <v>340492.5</v>
      </c>
      <c r="C20453" s="7">
        <f t="shared" si="319"/>
        <v>340.49250000000001</v>
      </c>
    </row>
    <row r="20454" spans="1:3" x14ac:dyDescent="0.25">
      <c r="A20454" s="2" t="s">
        <v>12112</v>
      </c>
      <c r="B20454" s="6">
        <v>340509.14999999997</v>
      </c>
      <c r="C20454" s="7">
        <f t="shared" si="319"/>
        <v>340.50914999999998</v>
      </c>
    </row>
    <row r="20455" spans="1:3" x14ac:dyDescent="0.25">
      <c r="A20455" s="2" t="s">
        <v>12113</v>
      </c>
      <c r="B20455" s="6">
        <v>340525.8</v>
      </c>
      <c r="C20455" s="7">
        <f t="shared" si="319"/>
        <v>340.5258</v>
      </c>
    </row>
    <row r="20456" spans="1:3" x14ac:dyDescent="0.25">
      <c r="A20456" s="2" t="s">
        <v>12114</v>
      </c>
      <c r="B20456" s="6">
        <v>340542.44999999995</v>
      </c>
      <c r="C20456" s="7">
        <f t="shared" si="319"/>
        <v>340.54244999999997</v>
      </c>
    </row>
    <row r="20457" spans="1:3" x14ac:dyDescent="0.25">
      <c r="A20457" s="2" t="s">
        <v>12115</v>
      </c>
      <c r="B20457" s="6">
        <v>340559.1</v>
      </c>
      <c r="C20457" s="7">
        <f t="shared" si="319"/>
        <v>340.5591</v>
      </c>
    </row>
    <row r="20458" spans="1:3" x14ac:dyDescent="0.25">
      <c r="A20458" s="2" t="s">
        <v>12116</v>
      </c>
      <c r="B20458" s="6">
        <v>340575.75</v>
      </c>
      <c r="C20458" s="7">
        <f t="shared" si="319"/>
        <v>340.57575000000003</v>
      </c>
    </row>
    <row r="20459" spans="1:3" x14ac:dyDescent="0.25">
      <c r="A20459" s="2" t="s">
        <v>12117</v>
      </c>
      <c r="B20459" s="6">
        <v>340592.39999999997</v>
      </c>
      <c r="C20459" s="7">
        <f t="shared" si="319"/>
        <v>340.59239999999994</v>
      </c>
    </row>
    <row r="20460" spans="1:3" x14ac:dyDescent="0.25">
      <c r="A20460" s="2" t="s">
        <v>12118</v>
      </c>
      <c r="B20460" s="6">
        <v>340609.05</v>
      </c>
      <c r="C20460" s="7">
        <f t="shared" si="319"/>
        <v>340.60904999999997</v>
      </c>
    </row>
    <row r="20461" spans="1:3" x14ac:dyDescent="0.25">
      <c r="A20461" s="2" t="s">
        <v>12119</v>
      </c>
      <c r="B20461" s="6">
        <v>340625.69999999995</v>
      </c>
      <c r="C20461" s="7">
        <f t="shared" si="319"/>
        <v>340.62569999999994</v>
      </c>
    </row>
    <row r="20462" spans="1:3" x14ac:dyDescent="0.25">
      <c r="A20462" s="2" t="s">
        <v>12120</v>
      </c>
      <c r="B20462" s="6">
        <v>340642.35</v>
      </c>
      <c r="C20462" s="7">
        <f t="shared" si="319"/>
        <v>340.64234999999996</v>
      </c>
    </row>
    <row r="20463" spans="1:3" x14ac:dyDescent="0.25">
      <c r="A20463" s="2" t="s">
        <v>12121</v>
      </c>
      <c r="B20463" s="6">
        <v>340659</v>
      </c>
      <c r="C20463" s="7">
        <f t="shared" si="319"/>
        <v>340.65899999999999</v>
      </c>
    </row>
    <row r="20464" spans="1:3" x14ac:dyDescent="0.25">
      <c r="A20464" s="2" t="s">
        <v>12122</v>
      </c>
      <c r="B20464" s="6">
        <v>340675.64999999997</v>
      </c>
      <c r="C20464" s="7">
        <f t="shared" si="319"/>
        <v>340.67564999999996</v>
      </c>
    </row>
    <row r="20465" spans="1:3" x14ac:dyDescent="0.25">
      <c r="A20465" s="2" t="s">
        <v>12123</v>
      </c>
      <c r="B20465" s="6">
        <v>340692.3</v>
      </c>
      <c r="C20465" s="7">
        <f t="shared" si="319"/>
        <v>340.69229999999999</v>
      </c>
    </row>
    <row r="20466" spans="1:3" x14ac:dyDescent="0.25">
      <c r="A20466" s="2" t="s">
        <v>12124</v>
      </c>
      <c r="B20466" s="6">
        <v>340708.94999999995</v>
      </c>
      <c r="C20466" s="7">
        <f t="shared" si="319"/>
        <v>340.70894999999996</v>
      </c>
    </row>
    <row r="20467" spans="1:3" x14ac:dyDescent="0.25">
      <c r="A20467" s="2" t="s">
        <v>12125</v>
      </c>
      <c r="B20467" s="6">
        <v>340725.6</v>
      </c>
      <c r="C20467" s="7">
        <f t="shared" si="319"/>
        <v>340.72559999999999</v>
      </c>
    </row>
    <row r="20468" spans="1:3" x14ac:dyDescent="0.25">
      <c r="A20468" s="2" t="s">
        <v>12126</v>
      </c>
      <c r="B20468" s="6">
        <v>340742.25</v>
      </c>
      <c r="C20468" s="7">
        <f t="shared" si="319"/>
        <v>340.74225000000001</v>
      </c>
    </row>
    <row r="20469" spans="1:3" x14ac:dyDescent="0.25">
      <c r="A20469" s="2" t="s">
        <v>12127</v>
      </c>
      <c r="B20469" s="6">
        <v>340758.89999999997</v>
      </c>
      <c r="C20469" s="7">
        <f t="shared" si="319"/>
        <v>340.75889999999998</v>
      </c>
    </row>
    <row r="20470" spans="1:3" x14ac:dyDescent="0.25">
      <c r="A20470" s="2" t="s">
        <v>12128</v>
      </c>
      <c r="B20470" s="6">
        <v>340775.55</v>
      </c>
      <c r="C20470" s="7">
        <f t="shared" si="319"/>
        <v>340.77555000000001</v>
      </c>
    </row>
    <row r="20471" spans="1:3" x14ac:dyDescent="0.25">
      <c r="A20471" s="2" t="s">
        <v>12129</v>
      </c>
      <c r="B20471" s="6">
        <v>340792.19999999995</v>
      </c>
      <c r="C20471" s="7">
        <f t="shared" si="319"/>
        <v>340.79219999999998</v>
      </c>
    </row>
    <row r="20472" spans="1:3" x14ac:dyDescent="0.25">
      <c r="A20472" s="2" t="s">
        <v>12130</v>
      </c>
      <c r="B20472" s="6">
        <v>340808.85</v>
      </c>
      <c r="C20472" s="7">
        <f t="shared" si="319"/>
        <v>340.80884999999995</v>
      </c>
    </row>
    <row r="20473" spans="1:3" x14ac:dyDescent="0.25">
      <c r="A20473" s="2" t="s">
        <v>12131</v>
      </c>
      <c r="B20473" s="6">
        <v>340825.5</v>
      </c>
      <c r="C20473" s="7">
        <f t="shared" si="319"/>
        <v>340.82549999999998</v>
      </c>
    </row>
    <row r="20474" spans="1:3" x14ac:dyDescent="0.25">
      <c r="A20474" s="2" t="s">
        <v>12132</v>
      </c>
      <c r="B20474" s="6">
        <v>340842.14999999997</v>
      </c>
      <c r="C20474" s="7">
        <f t="shared" si="319"/>
        <v>340.84214999999995</v>
      </c>
    </row>
    <row r="20475" spans="1:3" x14ac:dyDescent="0.25">
      <c r="A20475" s="2" t="s">
        <v>12133</v>
      </c>
      <c r="B20475" s="6">
        <v>340858.8</v>
      </c>
      <c r="C20475" s="7">
        <f t="shared" si="319"/>
        <v>340.85879999999997</v>
      </c>
    </row>
    <row r="20476" spans="1:3" x14ac:dyDescent="0.25">
      <c r="A20476" s="2" t="s">
        <v>12134</v>
      </c>
      <c r="B20476" s="6">
        <v>340875.44999999995</v>
      </c>
      <c r="C20476" s="7">
        <f t="shared" si="319"/>
        <v>340.87544999999994</v>
      </c>
    </row>
    <row r="20477" spans="1:3" x14ac:dyDescent="0.25">
      <c r="A20477" s="2" t="s">
        <v>12135</v>
      </c>
      <c r="B20477" s="6">
        <v>340892.1</v>
      </c>
      <c r="C20477" s="7">
        <f t="shared" si="319"/>
        <v>340.89209999999997</v>
      </c>
    </row>
    <row r="20478" spans="1:3" x14ac:dyDescent="0.25">
      <c r="A20478" s="2" t="s">
        <v>12136</v>
      </c>
      <c r="B20478" s="6">
        <v>340908.75</v>
      </c>
      <c r="C20478" s="7">
        <f t="shared" si="319"/>
        <v>340.90875</v>
      </c>
    </row>
    <row r="20479" spans="1:3" x14ac:dyDescent="0.25">
      <c r="A20479" s="2" t="s">
        <v>12137</v>
      </c>
      <c r="B20479" s="6">
        <v>340925.39999999997</v>
      </c>
      <c r="C20479" s="7">
        <f t="shared" si="319"/>
        <v>340.92539999999997</v>
      </c>
    </row>
    <row r="20480" spans="1:3" x14ac:dyDescent="0.25">
      <c r="A20480" s="2" t="s">
        <v>12138</v>
      </c>
      <c r="B20480" s="6">
        <v>340942.05</v>
      </c>
      <c r="C20480" s="7">
        <f t="shared" si="319"/>
        <v>340.94204999999999</v>
      </c>
    </row>
    <row r="20481" spans="1:3" x14ac:dyDescent="0.25">
      <c r="A20481" s="2" t="s">
        <v>12139</v>
      </c>
      <c r="B20481" s="6">
        <v>340958.69999999995</v>
      </c>
      <c r="C20481" s="7">
        <f t="shared" si="319"/>
        <v>340.95869999999996</v>
      </c>
    </row>
    <row r="20482" spans="1:3" x14ac:dyDescent="0.25">
      <c r="A20482" s="2" t="s">
        <v>12140</v>
      </c>
      <c r="B20482" s="6">
        <v>340975.35</v>
      </c>
      <c r="C20482" s="7">
        <f t="shared" si="319"/>
        <v>340.97534999999999</v>
      </c>
    </row>
    <row r="20483" spans="1:3" x14ac:dyDescent="0.25">
      <c r="A20483" s="2" t="s">
        <v>12141</v>
      </c>
      <c r="B20483" s="6">
        <v>340992</v>
      </c>
      <c r="C20483" s="7">
        <f t="shared" ref="C20483:C20546" si="320">B20483/1000</f>
        <v>340.99200000000002</v>
      </c>
    </row>
    <row r="20484" spans="1:3" x14ac:dyDescent="0.25">
      <c r="A20484" s="2" t="s">
        <v>12142</v>
      </c>
      <c r="B20484" s="6">
        <v>341008.64999999997</v>
      </c>
      <c r="C20484" s="7">
        <f t="shared" si="320"/>
        <v>341.00864999999999</v>
      </c>
    </row>
    <row r="20485" spans="1:3" x14ac:dyDescent="0.25">
      <c r="A20485" s="2" t="s">
        <v>12143</v>
      </c>
      <c r="B20485" s="6">
        <v>341025.3</v>
      </c>
      <c r="C20485" s="7">
        <f t="shared" si="320"/>
        <v>341.02530000000002</v>
      </c>
    </row>
    <row r="20486" spans="1:3" x14ac:dyDescent="0.25">
      <c r="A20486" s="2" t="s">
        <v>12144</v>
      </c>
      <c r="B20486" s="6">
        <v>341041.94999999995</v>
      </c>
      <c r="C20486" s="7">
        <f t="shared" si="320"/>
        <v>341.04194999999993</v>
      </c>
    </row>
    <row r="20487" spans="1:3" x14ac:dyDescent="0.25">
      <c r="A20487" s="2" t="s">
        <v>12145</v>
      </c>
      <c r="B20487" s="6">
        <v>341058.6</v>
      </c>
      <c r="C20487" s="7">
        <f t="shared" si="320"/>
        <v>341.05859999999996</v>
      </c>
    </row>
    <row r="20488" spans="1:3" x14ac:dyDescent="0.25">
      <c r="A20488" s="2" t="s">
        <v>12146</v>
      </c>
      <c r="B20488" s="6">
        <v>341075.25</v>
      </c>
      <c r="C20488" s="7">
        <f t="shared" si="320"/>
        <v>341.07524999999998</v>
      </c>
    </row>
    <row r="20489" spans="1:3" x14ac:dyDescent="0.25">
      <c r="A20489" s="2" t="s">
        <v>12147</v>
      </c>
      <c r="B20489" s="6">
        <v>341091.89999999997</v>
      </c>
      <c r="C20489" s="7">
        <f t="shared" si="320"/>
        <v>341.09189999999995</v>
      </c>
    </row>
    <row r="20490" spans="1:3" x14ac:dyDescent="0.25">
      <c r="A20490" s="2" t="s">
        <v>12148</v>
      </c>
      <c r="B20490" s="6">
        <v>341108.55</v>
      </c>
      <c r="C20490" s="7">
        <f t="shared" si="320"/>
        <v>341.10854999999998</v>
      </c>
    </row>
    <row r="20491" spans="1:3" x14ac:dyDescent="0.25">
      <c r="A20491" s="2" t="s">
        <v>12149</v>
      </c>
      <c r="B20491" s="6">
        <v>341125.19999999995</v>
      </c>
      <c r="C20491" s="7">
        <f t="shared" si="320"/>
        <v>341.12519999999995</v>
      </c>
    </row>
    <row r="20492" spans="1:3" x14ac:dyDescent="0.25">
      <c r="A20492" s="2" t="s">
        <v>12150</v>
      </c>
      <c r="B20492" s="6">
        <v>341141.85</v>
      </c>
      <c r="C20492" s="7">
        <f t="shared" si="320"/>
        <v>341.14184999999998</v>
      </c>
    </row>
    <row r="20493" spans="1:3" x14ac:dyDescent="0.25">
      <c r="A20493" s="2" t="s">
        <v>12151</v>
      </c>
      <c r="B20493" s="6">
        <v>341158.5</v>
      </c>
      <c r="C20493" s="7">
        <f t="shared" si="320"/>
        <v>341.1585</v>
      </c>
    </row>
    <row r="20494" spans="1:3" x14ac:dyDescent="0.25">
      <c r="A20494" s="2" t="s">
        <v>12152</v>
      </c>
      <c r="B20494" s="6">
        <v>341175.14999999997</v>
      </c>
      <c r="C20494" s="7">
        <f t="shared" si="320"/>
        <v>341.17514999999997</v>
      </c>
    </row>
    <row r="20495" spans="1:3" x14ac:dyDescent="0.25">
      <c r="A20495" s="2" t="s">
        <v>12153</v>
      </c>
      <c r="B20495" s="6">
        <v>341191.8</v>
      </c>
      <c r="C20495" s="7">
        <f t="shared" si="320"/>
        <v>341.1918</v>
      </c>
    </row>
    <row r="20496" spans="1:3" x14ac:dyDescent="0.25">
      <c r="A20496" s="2" t="s">
        <v>12154</v>
      </c>
      <c r="B20496" s="6">
        <v>341208.44999999995</v>
      </c>
      <c r="C20496" s="7">
        <f t="shared" si="320"/>
        <v>341.20844999999997</v>
      </c>
    </row>
    <row r="20497" spans="1:3" x14ac:dyDescent="0.25">
      <c r="A20497" s="2" t="s">
        <v>12155</v>
      </c>
      <c r="B20497" s="6">
        <v>341225.1</v>
      </c>
      <c r="C20497" s="7">
        <f t="shared" si="320"/>
        <v>341.2251</v>
      </c>
    </row>
    <row r="20498" spans="1:3" x14ac:dyDescent="0.25">
      <c r="A20498" s="2" t="s">
        <v>12156</v>
      </c>
      <c r="B20498" s="6">
        <v>341241.74999999994</v>
      </c>
      <c r="C20498" s="7">
        <f t="shared" si="320"/>
        <v>341.24174999999997</v>
      </c>
    </row>
    <row r="20499" spans="1:3" x14ac:dyDescent="0.25">
      <c r="A20499" s="2" t="s">
        <v>12157</v>
      </c>
      <c r="B20499" s="6">
        <v>341258.39999999997</v>
      </c>
      <c r="C20499" s="7">
        <f t="shared" si="320"/>
        <v>341.25839999999994</v>
      </c>
    </row>
    <row r="20500" spans="1:3" x14ac:dyDescent="0.25">
      <c r="A20500" s="2" t="s">
        <v>12158</v>
      </c>
      <c r="B20500" s="6">
        <v>341275.05</v>
      </c>
      <c r="C20500" s="7">
        <f t="shared" si="320"/>
        <v>341.27504999999996</v>
      </c>
    </row>
    <row r="20501" spans="1:3" x14ac:dyDescent="0.25">
      <c r="A20501" s="2" t="s">
        <v>12159</v>
      </c>
      <c r="B20501" s="6">
        <v>341291.69999999995</v>
      </c>
      <c r="C20501" s="7">
        <f t="shared" si="320"/>
        <v>341.29169999999993</v>
      </c>
    </row>
    <row r="20502" spans="1:3" x14ac:dyDescent="0.25">
      <c r="A20502" s="2" t="s">
        <v>12160</v>
      </c>
      <c r="B20502" s="6">
        <v>341308.35</v>
      </c>
      <c r="C20502" s="7">
        <f t="shared" si="320"/>
        <v>341.30834999999996</v>
      </c>
    </row>
    <row r="20503" spans="1:3" x14ac:dyDescent="0.25">
      <c r="A20503" s="2" t="s">
        <v>12161</v>
      </c>
      <c r="B20503" s="6">
        <v>341324.99999999994</v>
      </c>
      <c r="C20503" s="7">
        <f t="shared" si="320"/>
        <v>341.32499999999993</v>
      </c>
    </row>
    <row r="20504" spans="1:3" x14ac:dyDescent="0.25">
      <c r="A20504" s="2" t="s">
        <v>12162</v>
      </c>
      <c r="B20504" s="6">
        <v>341341.64999999997</v>
      </c>
      <c r="C20504" s="7">
        <f t="shared" si="320"/>
        <v>341.34164999999996</v>
      </c>
    </row>
    <row r="20505" spans="1:3" x14ac:dyDescent="0.25">
      <c r="A20505" s="2" t="s">
        <v>12163</v>
      </c>
      <c r="B20505" s="6">
        <v>341358.3</v>
      </c>
      <c r="C20505" s="7">
        <f t="shared" si="320"/>
        <v>341.35829999999999</v>
      </c>
    </row>
    <row r="20506" spans="1:3" x14ac:dyDescent="0.25">
      <c r="A20506" s="2" t="s">
        <v>12164</v>
      </c>
      <c r="B20506" s="6">
        <v>341374.94999999995</v>
      </c>
      <c r="C20506" s="7">
        <f t="shared" si="320"/>
        <v>341.37494999999996</v>
      </c>
    </row>
    <row r="20507" spans="1:3" x14ac:dyDescent="0.25">
      <c r="A20507" s="2" t="s">
        <v>12165</v>
      </c>
      <c r="B20507" s="6">
        <v>341391.6</v>
      </c>
      <c r="C20507" s="7">
        <f t="shared" si="320"/>
        <v>341.39159999999998</v>
      </c>
    </row>
    <row r="20508" spans="1:3" x14ac:dyDescent="0.25">
      <c r="A20508" s="2" t="s">
        <v>12166</v>
      </c>
      <c r="B20508" s="6">
        <v>341408.24999999994</v>
      </c>
      <c r="C20508" s="7">
        <f t="shared" si="320"/>
        <v>341.40824999999995</v>
      </c>
    </row>
    <row r="20509" spans="1:3" x14ac:dyDescent="0.25">
      <c r="A20509" s="2" t="s">
        <v>12167</v>
      </c>
      <c r="B20509" s="6">
        <v>341424.89999999997</v>
      </c>
      <c r="C20509" s="7">
        <f t="shared" si="320"/>
        <v>341.42489999999998</v>
      </c>
    </row>
    <row r="20510" spans="1:3" x14ac:dyDescent="0.25">
      <c r="A20510" s="2" t="s">
        <v>12168</v>
      </c>
      <c r="B20510" s="6">
        <v>341441.55</v>
      </c>
      <c r="C20510" s="7">
        <f t="shared" si="320"/>
        <v>341.44155000000001</v>
      </c>
    </row>
    <row r="20511" spans="1:3" x14ac:dyDescent="0.25">
      <c r="A20511" s="2" t="s">
        <v>12169</v>
      </c>
      <c r="B20511" s="6">
        <v>341458.19999999995</v>
      </c>
      <c r="C20511" s="7">
        <f t="shared" si="320"/>
        <v>341.45819999999998</v>
      </c>
    </row>
    <row r="20512" spans="1:3" x14ac:dyDescent="0.25">
      <c r="A20512" s="2" t="s">
        <v>12170</v>
      </c>
      <c r="B20512" s="6">
        <v>341474.85</v>
      </c>
      <c r="C20512" s="7">
        <f t="shared" si="320"/>
        <v>341.47485</v>
      </c>
    </row>
    <row r="20513" spans="1:3" x14ac:dyDescent="0.25">
      <c r="A20513" s="2" t="s">
        <v>12171</v>
      </c>
      <c r="B20513" s="6">
        <v>341491.49999999994</v>
      </c>
      <c r="C20513" s="7">
        <f t="shared" si="320"/>
        <v>341.49149999999992</v>
      </c>
    </row>
    <row r="20514" spans="1:3" x14ac:dyDescent="0.25">
      <c r="A20514" s="2" t="s">
        <v>12172</v>
      </c>
      <c r="B20514" s="6">
        <v>341508.14999999997</v>
      </c>
      <c r="C20514" s="7">
        <f t="shared" si="320"/>
        <v>341.50814999999994</v>
      </c>
    </row>
    <row r="20515" spans="1:3" x14ac:dyDescent="0.25">
      <c r="A20515" s="2" t="s">
        <v>12173</v>
      </c>
      <c r="B20515" s="6">
        <v>341524.8</v>
      </c>
      <c r="C20515" s="7">
        <f t="shared" si="320"/>
        <v>341.52479999999997</v>
      </c>
    </row>
    <row r="20516" spans="1:3" x14ac:dyDescent="0.25">
      <c r="A20516" s="2" t="s">
        <v>12174</v>
      </c>
      <c r="B20516" s="6">
        <v>341541.44999999995</v>
      </c>
      <c r="C20516" s="7">
        <f t="shared" si="320"/>
        <v>341.54144999999994</v>
      </c>
    </row>
    <row r="20517" spans="1:3" x14ac:dyDescent="0.25">
      <c r="A20517" s="2" t="s">
        <v>12175</v>
      </c>
      <c r="B20517" s="6">
        <v>341558.1</v>
      </c>
      <c r="C20517" s="7">
        <f t="shared" si="320"/>
        <v>341.55809999999997</v>
      </c>
    </row>
    <row r="20518" spans="1:3" x14ac:dyDescent="0.25">
      <c r="A20518" s="2" t="s">
        <v>12176</v>
      </c>
      <c r="B20518" s="6">
        <v>341574.74999999994</v>
      </c>
      <c r="C20518" s="7">
        <f t="shared" si="320"/>
        <v>341.57474999999994</v>
      </c>
    </row>
    <row r="20519" spans="1:3" x14ac:dyDescent="0.25">
      <c r="A20519" s="2" t="s">
        <v>12177</v>
      </c>
      <c r="B20519" s="6">
        <v>341591.39999999997</v>
      </c>
      <c r="C20519" s="7">
        <f t="shared" si="320"/>
        <v>341.59139999999996</v>
      </c>
    </row>
    <row r="20520" spans="1:3" x14ac:dyDescent="0.25">
      <c r="A20520" s="2" t="s">
        <v>12178</v>
      </c>
      <c r="B20520" s="6">
        <v>341608.05</v>
      </c>
      <c r="C20520" s="7">
        <f t="shared" si="320"/>
        <v>341.60804999999999</v>
      </c>
    </row>
    <row r="20521" spans="1:3" x14ac:dyDescent="0.25">
      <c r="A20521" s="2" t="s">
        <v>12179</v>
      </c>
      <c r="B20521" s="6">
        <v>341624.69999999995</v>
      </c>
      <c r="C20521" s="7">
        <f t="shared" si="320"/>
        <v>341.62469999999996</v>
      </c>
    </row>
    <row r="20522" spans="1:3" x14ac:dyDescent="0.25">
      <c r="A20522" s="2" t="s">
        <v>12180</v>
      </c>
      <c r="B20522" s="6">
        <v>341641.35</v>
      </c>
      <c r="C20522" s="7">
        <f t="shared" si="320"/>
        <v>341.64134999999999</v>
      </c>
    </row>
    <row r="20523" spans="1:3" x14ac:dyDescent="0.25">
      <c r="A20523" s="2" t="s">
        <v>12181</v>
      </c>
      <c r="B20523" s="6">
        <v>341657.99999999994</v>
      </c>
      <c r="C20523" s="7">
        <f t="shared" si="320"/>
        <v>341.65799999999996</v>
      </c>
    </row>
    <row r="20524" spans="1:3" x14ac:dyDescent="0.25">
      <c r="A20524" s="2" t="s">
        <v>12182</v>
      </c>
      <c r="B20524" s="6">
        <v>341674.64999999997</v>
      </c>
      <c r="C20524" s="7">
        <f t="shared" si="320"/>
        <v>341.67464999999999</v>
      </c>
    </row>
    <row r="20525" spans="1:3" x14ac:dyDescent="0.25">
      <c r="A20525" s="2" t="s">
        <v>12183</v>
      </c>
      <c r="B20525" s="6">
        <v>341691.3</v>
      </c>
      <c r="C20525" s="7">
        <f t="shared" si="320"/>
        <v>341.69130000000001</v>
      </c>
    </row>
    <row r="20526" spans="1:3" x14ac:dyDescent="0.25">
      <c r="A20526" s="2" t="s">
        <v>12184</v>
      </c>
      <c r="B20526" s="6">
        <v>341707.94999999995</v>
      </c>
      <c r="C20526" s="7">
        <f t="shared" si="320"/>
        <v>341.70794999999993</v>
      </c>
    </row>
    <row r="20527" spans="1:3" x14ac:dyDescent="0.25">
      <c r="A20527" s="2" t="s">
        <v>12185</v>
      </c>
      <c r="B20527" s="6">
        <v>341724.6</v>
      </c>
      <c r="C20527" s="7">
        <f t="shared" si="320"/>
        <v>341.72459999999995</v>
      </c>
    </row>
    <row r="20528" spans="1:3" x14ac:dyDescent="0.25">
      <c r="A20528" s="2" t="s">
        <v>12186</v>
      </c>
      <c r="B20528" s="6">
        <v>341741.24999999994</v>
      </c>
      <c r="C20528" s="7">
        <f t="shared" si="320"/>
        <v>341.74124999999992</v>
      </c>
    </row>
    <row r="20529" spans="1:3" x14ac:dyDescent="0.25">
      <c r="A20529" s="2" t="s">
        <v>12187</v>
      </c>
      <c r="B20529" s="6">
        <v>341757.89999999997</v>
      </c>
      <c r="C20529" s="7">
        <f t="shared" si="320"/>
        <v>341.75789999999995</v>
      </c>
    </row>
    <row r="20530" spans="1:3" x14ac:dyDescent="0.25">
      <c r="A20530" s="2" t="s">
        <v>12188</v>
      </c>
      <c r="B20530" s="6">
        <v>341774.55</v>
      </c>
      <c r="C20530" s="7">
        <f t="shared" si="320"/>
        <v>341.77454999999998</v>
      </c>
    </row>
    <row r="20531" spans="1:3" x14ac:dyDescent="0.25">
      <c r="A20531" s="2" t="s">
        <v>12189</v>
      </c>
      <c r="B20531" s="6">
        <v>341791.19999999995</v>
      </c>
      <c r="C20531" s="7">
        <f t="shared" si="320"/>
        <v>341.79119999999995</v>
      </c>
    </row>
    <row r="20532" spans="1:3" x14ac:dyDescent="0.25">
      <c r="A20532" s="2" t="s">
        <v>12190</v>
      </c>
      <c r="B20532" s="6">
        <v>341807.85</v>
      </c>
      <c r="C20532" s="7">
        <f t="shared" si="320"/>
        <v>341.80784999999997</v>
      </c>
    </row>
    <row r="20533" spans="1:3" x14ac:dyDescent="0.25">
      <c r="A20533" s="2" t="s">
        <v>12191</v>
      </c>
      <c r="B20533" s="6">
        <v>341824.49999999994</v>
      </c>
      <c r="C20533" s="7">
        <f t="shared" si="320"/>
        <v>341.82449999999994</v>
      </c>
    </row>
    <row r="20534" spans="1:3" x14ac:dyDescent="0.25">
      <c r="A20534" s="2" t="s">
        <v>12192</v>
      </c>
      <c r="B20534" s="6">
        <v>341841.14999999997</v>
      </c>
      <c r="C20534" s="7">
        <f t="shared" si="320"/>
        <v>341.84114999999997</v>
      </c>
    </row>
    <row r="20535" spans="1:3" x14ac:dyDescent="0.25">
      <c r="A20535" s="2" t="s">
        <v>12193</v>
      </c>
      <c r="B20535" s="6">
        <v>341857.8</v>
      </c>
      <c r="C20535" s="7">
        <f t="shared" si="320"/>
        <v>341.8578</v>
      </c>
    </row>
    <row r="20536" spans="1:3" x14ac:dyDescent="0.25">
      <c r="A20536" s="2" t="s">
        <v>12194</v>
      </c>
      <c r="B20536" s="6">
        <v>341874.44999999995</v>
      </c>
      <c r="C20536" s="7">
        <f t="shared" si="320"/>
        <v>341.87444999999997</v>
      </c>
    </row>
    <row r="20537" spans="1:3" x14ac:dyDescent="0.25">
      <c r="A20537" s="2" t="s">
        <v>12195</v>
      </c>
      <c r="B20537" s="6">
        <v>341891.1</v>
      </c>
      <c r="C20537" s="7">
        <f t="shared" si="320"/>
        <v>341.89109999999999</v>
      </c>
    </row>
    <row r="20538" spans="1:3" x14ac:dyDescent="0.25">
      <c r="A20538" s="2" t="s">
        <v>12196</v>
      </c>
      <c r="B20538" s="6">
        <v>341907.74999999994</v>
      </c>
      <c r="C20538" s="7">
        <f t="shared" si="320"/>
        <v>341.90774999999996</v>
      </c>
    </row>
    <row r="20539" spans="1:3" x14ac:dyDescent="0.25">
      <c r="A20539" s="2" t="s">
        <v>12197</v>
      </c>
      <c r="B20539" s="6">
        <v>341924.39999999997</v>
      </c>
      <c r="C20539" s="7">
        <f t="shared" si="320"/>
        <v>341.92439999999999</v>
      </c>
    </row>
    <row r="20540" spans="1:3" x14ac:dyDescent="0.25">
      <c r="A20540" s="2" t="s">
        <v>12198</v>
      </c>
      <c r="B20540" s="6">
        <v>341941.05</v>
      </c>
      <c r="C20540" s="7">
        <f t="shared" si="320"/>
        <v>341.94104999999996</v>
      </c>
    </row>
    <row r="20541" spans="1:3" x14ac:dyDescent="0.25">
      <c r="A20541" s="2" t="s">
        <v>12199</v>
      </c>
      <c r="B20541" s="6">
        <v>341957.69999999995</v>
      </c>
      <c r="C20541" s="7">
        <f t="shared" si="320"/>
        <v>341.95769999999993</v>
      </c>
    </row>
    <row r="20542" spans="1:3" x14ac:dyDescent="0.25">
      <c r="A20542" s="2" t="s">
        <v>12200</v>
      </c>
      <c r="B20542" s="6">
        <v>341974.35</v>
      </c>
      <c r="C20542" s="7">
        <f t="shared" si="320"/>
        <v>341.97434999999996</v>
      </c>
    </row>
    <row r="20543" spans="1:3" x14ac:dyDescent="0.25">
      <c r="A20543" s="2" t="s">
        <v>12201</v>
      </c>
      <c r="B20543" s="6">
        <v>341990.99999999994</v>
      </c>
      <c r="C20543" s="7">
        <f t="shared" si="320"/>
        <v>341.99099999999993</v>
      </c>
    </row>
    <row r="20544" spans="1:3" x14ac:dyDescent="0.25">
      <c r="A20544" s="2" t="s">
        <v>12202</v>
      </c>
      <c r="B20544" s="6">
        <v>342007.64999999997</v>
      </c>
      <c r="C20544" s="7">
        <f t="shared" si="320"/>
        <v>342.00764999999996</v>
      </c>
    </row>
    <row r="20545" spans="1:3" x14ac:dyDescent="0.25">
      <c r="A20545" s="2" t="s">
        <v>12203</v>
      </c>
      <c r="B20545" s="6">
        <v>342024.3</v>
      </c>
      <c r="C20545" s="7">
        <f t="shared" si="320"/>
        <v>342.02429999999998</v>
      </c>
    </row>
    <row r="20546" spans="1:3" x14ac:dyDescent="0.25">
      <c r="A20546" s="2" t="s">
        <v>12204</v>
      </c>
      <c r="B20546" s="6">
        <v>342040.94999999995</v>
      </c>
      <c r="C20546" s="7">
        <f t="shared" si="320"/>
        <v>342.04094999999995</v>
      </c>
    </row>
    <row r="20547" spans="1:3" x14ac:dyDescent="0.25">
      <c r="A20547" s="2" t="s">
        <v>12205</v>
      </c>
      <c r="B20547" s="6">
        <v>342057.6</v>
      </c>
      <c r="C20547" s="7">
        <f t="shared" ref="C20547:C20610" si="321">B20547/1000</f>
        <v>342.05759999999998</v>
      </c>
    </row>
    <row r="20548" spans="1:3" x14ac:dyDescent="0.25">
      <c r="A20548" s="2" t="s">
        <v>12206</v>
      </c>
      <c r="B20548" s="6">
        <v>342074.24999999994</v>
      </c>
      <c r="C20548" s="7">
        <f t="shared" si="321"/>
        <v>342.07424999999995</v>
      </c>
    </row>
    <row r="20549" spans="1:3" x14ac:dyDescent="0.25">
      <c r="A20549" s="2" t="s">
        <v>12207</v>
      </c>
      <c r="B20549" s="6">
        <v>342090.89999999997</v>
      </c>
      <c r="C20549" s="7">
        <f t="shared" si="321"/>
        <v>342.09089999999998</v>
      </c>
    </row>
    <row r="20550" spans="1:3" x14ac:dyDescent="0.25">
      <c r="A20550" s="2" t="s">
        <v>12208</v>
      </c>
      <c r="B20550" s="6">
        <v>342107.55</v>
      </c>
      <c r="C20550" s="7">
        <f t="shared" si="321"/>
        <v>342.10755</v>
      </c>
    </row>
    <row r="20551" spans="1:3" x14ac:dyDescent="0.25">
      <c r="A20551" s="2" t="s">
        <v>12209</v>
      </c>
      <c r="B20551" s="6">
        <v>342124.19999999995</v>
      </c>
      <c r="C20551" s="7">
        <f t="shared" si="321"/>
        <v>342.12419999999997</v>
      </c>
    </row>
    <row r="20552" spans="1:3" x14ac:dyDescent="0.25">
      <c r="A20552" s="2" t="s">
        <v>12210</v>
      </c>
      <c r="B20552" s="6">
        <v>342140.85</v>
      </c>
      <c r="C20552" s="7">
        <f t="shared" si="321"/>
        <v>342.14085</v>
      </c>
    </row>
    <row r="20553" spans="1:3" x14ac:dyDescent="0.25">
      <c r="A20553" s="2" t="s">
        <v>12211</v>
      </c>
      <c r="B20553" s="6">
        <v>342157.49999999994</v>
      </c>
      <c r="C20553" s="7">
        <f t="shared" si="321"/>
        <v>342.15749999999991</v>
      </c>
    </row>
    <row r="20554" spans="1:3" x14ac:dyDescent="0.25">
      <c r="A20554" s="2" t="s">
        <v>12212</v>
      </c>
      <c r="B20554" s="6">
        <v>342174.14999999997</v>
      </c>
      <c r="C20554" s="7">
        <f t="shared" si="321"/>
        <v>342.17414999999994</v>
      </c>
    </row>
    <row r="20555" spans="1:3" x14ac:dyDescent="0.25">
      <c r="A20555" s="2" t="s">
        <v>12213</v>
      </c>
      <c r="B20555" s="6">
        <v>342190.8</v>
      </c>
      <c r="C20555" s="7">
        <f t="shared" si="321"/>
        <v>342.19079999999997</v>
      </c>
    </row>
    <row r="20556" spans="1:3" x14ac:dyDescent="0.25">
      <c r="A20556" s="2" t="s">
        <v>12214</v>
      </c>
      <c r="B20556" s="6">
        <v>342207.44999999995</v>
      </c>
      <c r="C20556" s="7">
        <f t="shared" si="321"/>
        <v>342.20744999999994</v>
      </c>
    </row>
    <row r="20557" spans="1:3" x14ac:dyDescent="0.25">
      <c r="A20557" s="2" t="s">
        <v>12215</v>
      </c>
      <c r="B20557" s="6">
        <v>342224.1</v>
      </c>
      <c r="C20557" s="7">
        <f t="shared" si="321"/>
        <v>342.22409999999996</v>
      </c>
    </row>
    <row r="20558" spans="1:3" x14ac:dyDescent="0.25">
      <c r="A20558" s="2" t="s">
        <v>12216</v>
      </c>
      <c r="B20558" s="6">
        <v>342240.74999999994</v>
      </c>
      <c r="C20558" s="7">
        <f t="shared" si="321"/>
        <v>342.24074999999993</v>
      </c>
    </row>
    <row r="20559" spans="1:3" x14ac:dyDescent="0.25">
      <c r="A20559" s="2" t="s">
        <v>12217</v>
      </c>
      <c r="B20559" s="6">
        <v>342257.39999999997</v>
      </c>
      <c r="C20559" s="7">
        <f t="shared" si="321"/>
        <v>342.25739999999996</v>
      </c>
    </row>
    <row r="20560" spans="1:3" x14ac:dyDescent="0.25">
      <c r="A20560" s="2" t="s">
        <v>12218</v>
      </c>
      <c r="B20560" s="6">
        <v>342274.05</v>
      </c>
      <c r="C20560" s="7">
        <f t="shared" si="321"/>
        <v>342.27404999999999</v>
      </c>
    </row>
    <row r="20561" spans="1:3" x14ac:dyDescent="0.25">
      <c r="A20561" s="2" t="s">
        <v>12219</v>
      </c>
      <c r="B20561" s="6">
        <v>342290.69999999995</v>
      </c>
      <c r="C20561" s="7">
        <f t="shared" si="321"/>
        <v>342.29069999999996</v>
      </c>
    </row>
    <row r="20562" spans="1:3" x14ac:dyDescent="0.25">
      <c r="A20562" s="2" t="s">
        <v>12220</v>
      </c>
      <c r="B20562" s="6">
        <v>342307.35</v>
      </c>
      <c r="C20562" s="7">
        <f t="shared" si="321"/>
        <v>342.30734999999999</v>
      </c>
    </row>
    <row r="20563" spans="1:3" x14ac:dyDescent="0.25">
      <c r="A20563" s="2" t="s">
        <v>12221</v>
      </c>
      <c r="B20563" s="6">
        <v>342323.99999999994</v>
      </c>
      <c r="C20563" s="7">
        <f t="shared" si="321"/>
        <v>342.32399999999996</v>
      </c>
    </row>
    <row r="20564" spans="1:3" x14ac:dyDescent="0.25">
      <c r="A20564" s="2" t="s">
        <v>12222</v>
      </c>
      <c r="B20564" s="6">
        <v>342340.64999999997</v>
      </c>
      <c r="C20564" s="7">
        <f t="shared" si="321"/>
        <v>342.34064999999998</v>
      </c>
    </row>
    <row r="20565" spans="1:3" x14ac:dyDescent="0.25">
      <c r="A20565" s="2" t="s">
        <v>12223</v>
      </c>
      <c r="B20565" s="6">
        <v>342357.3</v>
      </c>
      <c r="C20565" s="7">
        <f t="shared" si="321"/>
        <v>342.35730000000001</v>
      </c>
    </row>
    <row r="20566" spans="1:3" x14ac:dyDescent="0.25">
      <c r="A20566" s="2" t="s">
        <v>12224</v>
      </c>
      <c r="B20566" s="6">
        <v>342373.94999999995</v>
      </c>
      <c r="C20566" s="7">
        <f t="shared" si="321"/>
        <v>342.37394999999998</v>
      </c>
    </row>
    <row r="20567" spans="1:3" x14ac:dyDescent="0.25">
      <c r="A20567" s="2" t="s">
        <v>12225</v>
      </c>
      <c r="B20567" s="6">
        <v>342390.6</v>
      </c>
      <c r="C20567" s="7">
        <f t="shared" si="321"/>
        <v>342.39059999999995</v>
      </c>
    </row>
    <row r="20568" spans="1:3" x14ac:dyDescent="0.25">
      <c r="A20568" s="2" t="s">
        <v>12226</v>
      </c>
      <c r="B20568" s="6">
        <v>342407.24999999994</v>
      </c>
      <c r="C20568" s="7">
        <f t="shared" si="321"/>
        <v>342.40724999999992</v>
      </c>
    </row>
    <row r="20569" spans="1:3" x14ac:dyDescent="0.25">
      <c r="A20569" s="2" t="s">
        <v>12227</v>
      </c>
      <c r="B20569" s="6">
        <v>342423.89999999997</v>
      </c>
      <c r="C20569" s="7">
        <f t="shared" si="321"/>
        <v>342.42389999999995</v>
      </c>
    </row>
    <row r="20570" spans="1:3" x14ac:dyDescent="0.25">
      <c r="A20570" s="2" t="s">
        <v>12228</v>
      </c>
      <c r="B20570" s="6">
        <v>342440.55</v>
      </c>
      <c r="C20570" s="7">
        <f t="shared" si="321"/>
        <v>342.44054999999997</v>
      </c>
    </row>
    <row r="20571" spans="1:3" x14ac:dyDescent="0.25">
      <c r="A20571" s="2" t="s">
        <v>12229</v>
      </c>
      <c r="B20571" s="6">
        <v>342457.19999999995</v>
      </c>
      <c r="C20571" s="7">
        <f t="shared" si="321"/>
        <v>342.45719999999994</v>
      </c>
    </row>
    <row r="20572" spans="1:3" x14ac:dyDescent="0.25">
      <c r="A20572" s="2" t="s">
        <v>12230</v>
      </c>
      <c r="B20572" s="6">
        <v>342473.85</v>
      </c>
      <c r="C20572" s="7">
        <f t="shared" si="321"/>
        <v>342.47384999999997</v>
      </c>
    </row>
    <row r="20573" spans="1:3" x14ac:dyDescent="0.25">
      <c r="A20573" s="2" t="s">
        <v>12231</v>
      </c>
      <c r="B20573" s="6">
        <v>342490.49999999994</v>
      </c>
      <c r="C20573" s="7">
        <f t="shared" si="321"/>
        <v>342.49049999999994</v>
      </c>
    </row>
    <row r="20574" spans="1:3" x14ac:dyDescent="0.25">
      <c r="A20574" s="2" t="s">
        <v>12232</v>
      </c>
      <c r="B20574" s="6">
        <v>342507.14999999997</v>
      </c>
      <c r="C20574" s="7">
        <f t="shared" si="321"/>
        <v>342.50714999999997</v>
      </c>
    </row>
    <row r="20575" spans="1:3" x14ac:dyDescent="0.25">
      <c r="A20575" s="2" t="s">
        <v>12233</v>
      </c>
      <c r="B20575" s="6">
        <v>342523.8</v>
      </c>
      <c r="C20575" s="7">
        <f t="shared" si="321"/>
        <v>342.52379999999999</v>
      </c>
    </row>
    <row r="20576" spans="1:3" x14ac:dyDescent="0.25">
      <c r="A20576" s="2" t="s">
        <v>12234</v>
      </c>
      <c r="B20576" s="6">
        <v>342540.44999999995</v>
      </c>
      <c r="C20576" s="7">
        <f t="shared" si="321"/>
        <v>342.54044999999996</v>
      </c>
    </row>
    <row r="20577" spans="1:3" x14ac:dyDescent="0.25">
      <c r="A20577" s="2" t="s">
        <v>12235</v>
      </c>
      <c r="B20577" s="6">
        <v>342557.1</v>
      </c>
      <c r="C20577" s="7">
        <f t="shared" si="321"/>
        <v>342.55709999999999</v>
      </c>
    </row>
    <row r="20578" spans="1:3" x14ac:dyDescent="0.25">
      <c r="A20578" s="2" t="s">
        <v>12236</v>
      </c>
      <c r="B20578" s="6">
        <v>342573.74999999994</v>
      </c>
      <c r="C20578" s="7">
        <f t="shared" si="321"/>
        <v>342.57374999999996</v>
      </c>
    </row>
    <row r="20579" spans="1:3" x14ac:dyDescent="0.25">
      <c r="A20579" s="2" t="s">
        <v>12237</v>
      </c>
      <c r="B20579" s="6">
        <v>342590.39999999997</v>
      </c>
      <c r="C20579" s="7">
        <f t="shared" si="321"/>
        <v>342.59039999999999</v>
      </c>
    </row>
    <row r="20580" spans="1:3" x14ac:dyDescent="0.25">
      <c r="A20580" s="2" t="s">
        <v>12238</v>
      </c>
      <c r="B20580" s="6">
        <v>342607.05</v>
      </c>
      <c r="C20580" s="7">
        <f t="shared" si="321"/>
        <v>342.60705000000002</v>
      </c>
    </row>
    <row r="20581" spans="1:3" x14ac:dyDescent="0.25">
      <c r="A20581" s="2" t="s">
        <v>12239</v>
      </c>
      <c r="B20581" s="6">
        <v>342623.69999999995</v>
      </c>
      <c r="C20581" s="7">
        <f t="shared" si="321"/>
        <v>342.62369999999993</v>
      </c>
    </row>
    <row r="20582" spans="1:3" x14ac:dyDescent="0.25">
      <c r="A20582" s="2" t="s">
        <v>12240</v>
      </c>
      <c r="B20582" s="6">
        <v>342640.35</v>
      </c>
      <c r="C20582" s="7">
        <f t="shared" si="321"/>
        <v>342.64034999999996</v>
      </c>
    </row>
    <row r="20583" spans="1:3" x14ac:dyDescent="0.25">
      <c r="A20583" s="2" t="s">
        <v>12241</v>
      </c>
      <c r="B20583" s="6">
        <v>342656.99999999994</v>
      </c>
      <c r="C20583" s="7">
        <f t="shared" si="321"/>
        <v>342.65699999999993</v>
      </c>
    </row>
    <row r="20584" spans="1:3" x14ac:dyDescent="0.25">
      <c r="A20584" s="2" t="s">
        <v>12242</v>
      </c>
      <c r="B20584" s="6">
        <v>342673.64999999997</v>
      </c>
      <c r="C20584" s="7">
        <f t="shared" si="321"/>
        <v>342.67364999999995</v>
      </c>
    </row>
    <row r="20585" spans="1:3" x14ac:dyDescent="0.25">
      <c r="A20585" s="2" t="s">
        <v>12243</v>
      </c>
      <c r="B20585" s="6">
        <v>342690.3</v>
      </c>
      <c r="C20585" s="7">
        <f t="shared" si="321"/>
        <v>342.69029999999998</v>
      </c>
    </row>
    <row r="20586" spans="1:3" x14ac:dyDescent="0.25">
      <c r="A20586" s="2" t="s">
        <v>12244</v>
      </c>
      <c r="B20586" s="6">
        <v>342706.94999999995</v>
      </c>
      <c r="C20586" s="7">
        <f t="shared" si="321"/>
        <v>342.70694999999995</v>
      </c>
    </row>
    <row r="20587" spans="1:3" x14ac:dyDescent="0.25">
      <c r="A20587" s="2" t="s">
        <v>12245</v>
      </c>
      <c r="B20587" s="6">
        <v>342723.6</v>
      </c>
      <c r="C20587" s="7">
        <f t="shared" si="321"/>
        <v>342.72359999999998</v>
      </c>
    </row>
    <row r="20588" spans="1:3" x14ac:dyDescent="0.25">
      <c r="A20588" s="2" t="s">
        <v>12246</v>
      </c>
      <c r="B20588" s="6">
        <v>342740.24999999994</v>
      </c>
      <c r="C20588" s="7">
        <f t="shared" si="321"/>
        <v>342.74024999999995</v>
      </c>
    </row>
    <row r="20589" spans="1:3" x14ac:dyDescent="0.25">
      <c r="A20589" s="2" t="s">
        <v>12247</v>
      </c>
      <c r="B20589" s="6">
        <v>342756.89999999997</v>
      </c>
      <c r="C20589" s="7">
        <f t="shared" si="321"/>
        <v>342.75689999999997</v>
      </c>
    </row>
    <row r="20590" spans="1:3" x14ac:dyDescent="0.25">
      <c r="A20590" s="2" t="s">
        <v>12248</v>
      </c>
      <c r="B20590" s="6">
        <v>342773.55</v>
      </c>
      <c r="C20590" s="7">
        <f t="shared" si="321"/>
        <v>342.77355</v>
      </c>
    </row>
    <row r="20591" spans="1:3" x14ac:dyDescent="0.25">
      <c r="A20591" s="2" t="s">
        <v>12249</v>
      </c>
      <c r="B20591" s="6">
        <v>342790.19999999995</v>
      </c>
      <c r="C20591" s="7">
        <f t="shared" si="321"/>
        <v>342.79019999999997</v>
      </c>
    </row>
    <row r="20592" spans="1:3" x14ac:dyDescent="0.25">
      <c r="A20592" s="2" t="s">
        <v>12250</v>
      </c>
      <c r="B20592" s="6">
        <v>342806.85</v>
      </c>
      <c r="C20592" s="7">
        <f t="shared" si="321"/>
        <v>342.80685</v>
      </c>
    </row>
    <row r="20593" spans="1:3" x14ac:dyDescent="0.25">
      <c r="A20593" s="2" t="s">
        <v>12251</v>
      </c>
      <c r="B20593" s="6">
        <v>342823.49999999994</v>
      </c>
      <c r="C20593" s="7">
        <f t="shared" si="321"/>
        <v>342.82349999999997</v>
      </c>
    </row>
    <row r="20594" spans="1:3" x14ac:dyDescent="0.25">
      <c r="A20594" s="2" t="s">
        <v>12252</v>
      </c>
      <c r="B20594" s="6">
        <v>342840.14999999997</v>
      </c>
      <c r="C20594" s="7">
        <f t="shared" si="321"/>
        <v>342.84014999999994</v>
      </c>
    </row>
    <row r="20595" spans="1:3" x14ac:dyDescent="0.25">
      <c r="A20595" s="2" t="s">
        <v>12253</v>
      </c>
      <c r="B20595" s="6">
        <v>342856.8</v>
      </c>
      <c r="C20595" s="7">
        <f t="shared" si="321"/>
        <v>342.85679999999996</v>
      </c>
    </row>
    <row r="20596" spans="1:3" x14ac:dyDescent="0.25">
      <c r="A20596" s="2" t="s">
        <v>12254</v>
      </c>
      <c r="B20596" s="6">
        <v>342873.44999999995</v>
      </c>
      <c r="C20596" s="7">
        <f t="shared" si="321"/>
        <v>342.87344999999993</v>
      </c>
    </row>
    <row r="20597" spans="1:3" x14ac:dyDescent="0.25">
      <c r="A20597" s="2" t="s">
        <v>12255</v>
      </c>
      <c r="B20597" s="6">
        <v>342890.1</v>
      </c>
      <c r="C20597" s="7">
        <f t="shared" si="321"/>
        <v>342.89009999999996</v>
      </c>
    </row>
    <row r="20598" spans="1:3" x14ac:dyDescent="0.25">
      <c r="A20598" s="2" t="s">
        <v>12256</v>
      </c>
      <c r="B20598" s="6">
        <v>342906.74999999994</v>
      </c>
      <c r="C20598" s="7">
        <f t="shared" si="321"/>
        <v>342.90674999999993</v>
      </c>
    </row>
    <row r="20599" spans="1:3" x14ac:dyDescent="0.25">
      <c r="A20599" s="2" t="s">
        <v>12257</v>
      </c>
      <c r="B20599" s="6">
        <v>342923.39999999997</v>
      </c>
      <c r="C20599" s="7">
        <f t="shared" si="321"/>
        <v>342.92339999999996</v>
      </c>
    </row>
    <row r="20600" spans="1:3" x14ac:dyDescent="0.25">
      <c r="A20600" s="2" t="s">
        <v>12258</v>
      </c>
      <c r="B20600" s="6">
        <v>342940.05</v>
      </c>
      <c r="C20600" s="7">
        <f t="shared" si="321"/>
        <v>342.94004999999999</v>
      </c>
    </row>
    <row r="20601" spans="1:3" x14ac:dyDescent="0.25">
      <c r="A20601" s="2" t="s">
        <v>12259</v>
      </c>
      <c r="B20601" s="6">
        <v>342956.69999999995</v>
      </c>
      <c r="C20601" s="7">
        <f t="shared" si="321"/>
        <v>342.95669999999996</v>
      </c>
    </row>
    <row r="20602" spans="1:3" x14ac:dyDescent="0.25">
      <c r="A20602" s="2" t="s">
        <v>12260</v>
      </c>
      <c r="B20602" s="6">
        <v>342973.35</v>
      </c>
      <c r="C20602" s="7">
        <f t="shared" si="321"/>
        <v>342.97334999999998</v>
      </c>
    </row>
    <row r="20603" spans="1:3" x14ac:dyDescent="0.25">
      <c r="A20603" s="2" t="s">
        <v>12261</v>
      </c>
      <c r="B20603" s="6">
        <v>342989.99999999994</v>
      </c>
      <c r="C20603" s="7">
        <f t="shared" si="321"/>
        <v>342.98999999999995</v>
      </c>
    </row>
    <row r="20604" spans="1:3" x14ac:dyDescent="0.25">
      <c r="A20604" s="2" t="s">
        <v>12262</v>
      </c>
      <c r="B20604" s="6">
        <v>343006.64999999997</v>
      </c>
      <c r="C20604" s="7">
        <f t="shared" si="321"/>
        <v>343.00664999999998</v>
      </c>
    </row>
    <row r="20605" spans="1:3" x14ac:dyDescent="0.25">
      <c r="A20605" s="2" t="s">
        <v>12263</v>
      </c>
      <c r="B20605" s="6">
        <v>343023.3</v>
      </c>
      <c r="C20605" s="7">
        <f t="shared" si="321"/>
        <v>343.02330000000001</v>
      </c>
    </row>
    <row r="20606" spans="1:3" x14ac:dyDescent="0.25">
      <c r="A20606" s="2" t="s">
        <v>12264</v>
      </c>
      <c r="B20606" s="6">
        <v>343039.94999999995</v>
      </c>
      <c r="C20606" s="7">
        <f t="shared" si="321"/>
        <v>343.03994999999998</v>
      </c>
    </row>
    <row r="20607" spans="1:3" x14ac:dyDescent="0.25">
      <c r="A20607" s="2" t="s">
        <v>12265</v>
      </c>
      <c r="B20607" s="6">
        <v>343056.6</v>
      </c>
      <c r="C20607" s="7">
        <f t="shared" si="321"/>
        <v>343.0566</v>
      </c>
    </row>
    <row r="20608" spans="1:3" x14ac:dyDescent="0.25">
      <c r="A20608" s="2" t="s">
        <v>12266</v>
      </c>
      <c r="B20608" s="6">
        <v>343073.24999999994</v>
      </c>
      <c r="C20608" s="7">
        <f t="shared" si="321"/>
        <v>343.07324999999992</v>
      </c>
    </row>
    <row r="20609" spans="1:3" x14ac:dyDescent="0.25">
      <c r="A20609" s="2" t="s">
        <v>12267</v>
      </c>
      <c r="B20609" s="6">
        <v>343089.89999999997</v>
      </c>
      <c r="C20609" s="7">
        <f t="shared" si="321"/>
        <v>343.08989999999994</v>
      </c>
    </row>
    <row r="20610" spans="1:3" x14ac:dyDescent="0.25">
      <c r="A20610" s="2" t="s">
        <v>12268</v>
      </c>
      <c r="B20610" s="6">
        <v>343106.55</v>
      </c>
      <c r="C20610" s="7">
        <f t="shared" si="321"/>
        <v>343.10654999999997</v>
      </c>
    </row>
    <row r="20611" spans="1:3" x14ac:dyDescent="0.25">
      <c r="A20611" s="2" t="s">
        <v>12269</v>
      </c>
      <c r="B20611" s="6">
        <v>343123.19999999995</v>
      </c>
      <c r="C20611" s="7">
        <f t="shared" ref="C20611:C20674" si="322">B20611/1000</f>
        <v>343.12319999999994</v>
      </c>
    </row>
    <row r="20612" spans="1:3" x14ac:dyDescent="0.25">
      <c r="A20612" s="2" t="s">
        <v>12270</v>
      </c>
      <c r="B20612" s="6">
        <v>343139.85</v>
      </c>
      <c r="C20612" s="7">
        <f t="shared" si="322"/>
        <v>343.13984999999997</v>
      </c>
    </row>
    <row r="20613" spans="1:3" x14ac:dyDescent="0.25">
      <c r="A20613" s="2" t="s">
        <v>12271</v>
      </c>
      <c r="B20613" s="6">
        <v>343156.49999999994</v>
      </c>
      <c r="C20613" s="7">
        <f t="shared" si="322"/>
        <v>343.15649999999994</v>
      </c>
    </row>
    <row r="20614" spans="1:3" x14ac:dyDescent="0.25">
      <c r="A20614" s="2" t="s">
        <v>12272</v>
      </c>
      <c r="B20614" s="6">
        <v>343173.14999999997</v>
      </c>
      <c r="C20614" s="7">
        <f t="shared" si="322"/>
        <v>343.17314999999996</v>
      </c>
    </row>
    <row r="20615" spans="1:3" x14ac:dyDescent="0.25">
      <c r="A20615" s="2" t="s">
        <v>12273</v>
      </c>
      <c r="B20615" s="6">
        <v>343189.8</v>
      </c>
      <c r="C20615" s="7">
        <f t="shared" si="322"/>
        <v>343.18979999999999</v>
      </c>
    </row>
    <row r="20616" spans="1:3" x14ac:dyDescent="0.25">
      <c r="A20616" s="2" t="s">
        <v>12274</v>
      </c>
      <c r="B20616" s="6">
        <v>343206.44999999995</v>
      </c>
      <c r="C20616" s="7">
        <f t="shared" si="322"/>
        <v>343.20644999999996</v>
      </c>
    </row>
    <row r="20617" spans="1:3" x14ac:dyDescent="0.25">
      <c r="A20617" s="2" t="s">
        <v>12275</v>
      </c>
      <c r="B20617" s="6">
        <v>343223.1</v>
      </c>
      <c r="C20617" s="7">
        <f t="shared" si="322"/>
        <v>343.22309999999999</v>
      </c>
    </row>
    <row r="20618" spans="1:3" x14ac:dyDescent="0.25">
      <c r="A20618" s="2" t="s">
        <v>12276</v>
      </c>
      <c r="B20618" s="6">
        <v>343239.74999999994</v>
      </c>
      <c r="C20618" s="7">
        <f t="shared" si="322"/>
        <v>343.23974999999996</v>
      </c>
    </row>
    <row r="20619" spans="1:3" x14ac:dyDescent="0.25">
      <c r="A20619" s="2" t="s">
        <v>12277</v>
      </c>
      <c r="B20619" s="6">
        <v>343256.39999999997</v>
      </c>
      <c r="C20619" s="7">
        <f t="shared" si="322"/>
        <v>343.25639999999999</v>
      </c>
    </row>
    <row r="20620" spans="1:3" x14ac:dyDescent="0.25">
      <c r="A20620" s="2" t="s">
        <v>12278</v>
      </c>
      <c r="B20620" s="6">
        <v>343273.05</v>
      </c>
      <c r="C20620" s="7">
        <f t="shared" si="322"/>
        <v>343.27305000000001</v>
      </c>
    </row>
    <row r="20621" spans="1:3" x14ac:dyDescent="0.25">
      <c r="A20621" s="2" t="s">
        <v>12279</v>
      </c>
      <c r="B20621" s="6">
        <v>343289.69999999995</v>
      </c>
      <c r="C20621" s="7">
        <f t="shared" si="322"/>
        <v>343.28969999999993</v>
      </c>
    </row>
    <row r="20622" spans="1:3" x14ac:dyDescent="0.25">
      <c r="A20622" s="2" t="s">
        <v>12280</v>
      </c>
      <c r="B20622" s="6">
        <v>343306.35</v>
      </c>
      <c r="C20622" s="7">
        <f t="shared" si="322"/>
        <v>343.30634999999995</v>
      </c>
    </row>
    <row r="20623" spans="1:3" x14ac:dyDescent="0.25">
      <c r="A20623" s="2" t="s">
        <v>12281</v>
      </c>
      <c r="B20623" s="6">
        <v>343322.99999999994</v>
      </c>
      <c r="C20623" s="7">
        <f t="shared" si="322"/>
        <v>343.32299999999992</v>
      </c>
    </row>
    <row r="20624" spans="1:3" x14ac:dyDescent="0.25">
      <c r="A20624" s="2" t="s">
        <v>12282</v>
      </c>
      <c r="B20624" s="6">
        <v>343339.64999999997</v>
      </c>
      <c r="C20624" s="7">
        <f t="shared" si="322"/>
        <v>343.33964999999995</v>
      </c>
    </row>
    <row r="20625" spans="1:3" x14ac:dyDescent="0.25">
      <c r="A20625" s="2" t="s">
        <v>12283</v>
      </c>
      <c r="B20625" s="6">
        <v>343356.3</v>
      </c>
      <c r="C20625" s="7">
        <f t="shared" si="322"/>
        <v>343.35629999999998</v>
      </c>
    </row>
    <row r="20626" spans="1:3" x14ac:dyDescent="0.25">
      <c r="A20626" s="2" t="s">
        <v>12284</v>
      </c>
      <c r="B20626" s="6">
        <v>343372.94999999995</v>
      </c>
      <c r="C20626" s="7">
        <f t="shared" si="322"/>
        <v>343.37294999999995</v>
      </c>
    </row>
    <row r="20627" spans="1:3" x14ac:dyDescent="0.25">
      <c r="A20627" s="2" t="s">
        <v>12285</v>
      </c>
      <c r="B20627" s="6">
        <v>343389.6</v>
      </c>
      <c r="C20627" s="7">
        <f t="shared" si="322"/>
        <v>343.38959999999997</v>
      </c>
    </row>
    <row r="20628" spans="1:3" x14ac:dyDescent="0.25">
      <c r="A20628" s="2" t="s">
        <v>12286</v>
      </c>
      <c r="B20628" s="6">
        <v>343406.24999999994</v>
      </c>
      <c r="C20628" s="7">
        <f t="shared" si="322"/>
        <v>343.40624999999994</v>
      </c>
    </row>
    <row r="20629" spans="1:3" x14ac:dyDescent="0.25">
      <c r="A20629" s="2" t="s">
        <v>12287</v>
      </c>
      <c r="B20629" s="6">
        <v>343422.89999999997</v>
      </c>
      <c r="C20629" s="7">
        <f t="shared" si="322"/>
        <v>343.42289999999997</v>
      </c>
    </row>
    <row r="20630" spans="1:3" x14ac:dyDescent="0.25">
      <c r="A20630" s="2" t="s">
        <v>12288</v>
      </c>
      <c r="B20630" s="6">
        <v>343439.55</v>
      </c>
      <c r="C20630" s="7">
        <f t="shared" si="322"/>
        <v>343.43955</v>
      </c>
    </row>
    <row r="20631" spans="1:3" x14ac:dyDescent="0.25">
      <c r="A20631" s="2" t="s">
        <v>12289</v>
      </c>
      <c r="B20631" s="6">
        <v>343456.19999999995</v>
      </c>
      <c r="C20631" s="7">
        <f t="shared" si="322"/>
        <v>343.45619999999997</v>
      </c>
    </row>
    <row r="20632" spans="1:3" x14ac:dyDescent="0.25">
      <c r="A20632" s="2" t="s">
        <v>12290</v>
      </c>
      <c r="B20632" s="6">
        <v>343472.85</v>
      </c>
      <c r="C20632" s="7">
        <f t="shared" si="322"/>
        <v>343.47284999999999</v>
      </c>
    </row>
    <row r="20633" spans="1:3" x14ac:dyDescent="0.25">
      <c r="A20633" s="2" t="s">
        <v>12291</v>
      </c>
      <c r="B20633" s="6">
        <v>343489.49999999994</v>
      </c>
      <c r="C20633" s="7">
        <f t="shared" si="322"/>
        <v>343.48949999999996</v>
      </c>
    </row>
    <row r="20634" spans="1:3" x14ac:dyDescent="0.25">
      <c r="A20634" s="2" t="s">
        <v>12292</v>
      </c>
      <c r="B20634" s="6">
        <v>343506.14999999997</v>
      </c>
      <c r="C20634" s="7">
        <f t="shared" si="322"/>
        <v>343.50614999999999</v>
      </c>
    </row>
    <row r="20635" spans="1:3" x14ac:dyDescent="0.25">
      <c r="A20635" s="2" t="s">
        <v>12293</v>
      </c>
      <c r="B20635" s="6">
        <v>343522.8</v>
      </c>
      <c r="C20635" s="7">
        <f t="shared" si="322"/>
        <v>343.52279999999996</v>
      </c>
    </row>
    <row r="20636" spans="1:3" x14ac:dyDescent="0.25">
      <c r="A20636" s="2" t="s">
        <v>12294</v>
      </c>
      <c r="B20636" s="6">
        <v>343539.44999999995</v>
      </c>
      <c r="C20636" s="7">
        <f t="shared" si="322"/>
        <v>343.53944999999993</v>
      </c>
    </row>
    <row r="20637" spans="1:3" x14ac:dyDescent="0.25">
      <c r="A20637" s="2" t="s">
        <v>12295</v>
      </c>
      <c r="B20637" s="6">
        <v>343556.1</v>
      </c>
      <c r="C20637" s="7">
        <f t="shared" si="322"/>
        <v>343.55609999999996</v>
      </c>
    </row>
    <row r="20638" spans="1:3" x14ac:dyDescent="0.25">
      <c r="A20638" s="2" t="s">
        <v>12296</v>
      </c>
      <c r="B20638" s="6">
        <v>343572.74999999994</v>
      </c>
      <c r="C20638" s="7">
        <f t="shared" si="322"/>
        <v>343.57274999999993</v>
      </c>
    </row>
    <row r="20639" spans="1:3" x14ac:dyDescent="0.25">
      <c r="A20639" s="2" t="s">
        <v>12297</v>
      </c>
      <c r="B20639" s="6">
        <v>343589.39999999997</v>
      </c>
      <c r="C20639" s="7">
        <f t="shared" si="322"/>
        <v>343.58939999999996</v>
      </c>
    </row>
    <row r="20640" spans="1:3" x14ac:dyDescent="0.25">
      <c r="A20640" s="2" t="s">
        <v>12298</v>
      </c>
      <c r="B20640" s="6">
        <v>343606.05</v>
      </c>
      <c r="C20640" s="7">
        <f t="shared" si="322"/>
        <v>343.60604999999998</v>
      </c>
    </row>
    <row r="20641" spans="1:3" x14ac:dyDescent="0.25">
      <c r="A20641" s="2" t="s">
        <v>12299</v>
      </c>
      <c r="B20641" s="6">
        <v>343622.69999999995</v>
      </c>
      <c r="C20641" s="7">
        <f t="shared" si="322"/>
        <v>343.62269999999995</v>
      </c>
    </row>
    <row r="20642" spans="1:3" x14ac:dyDescent="0.25">
      <c r="A20642" s="2" t="s">
        <v>12300</v>
      </c>
      <c r="B20642" s="6">
        <v>343639.35</v>
      </c>
      <c r="C20642" s="7">
        <f t="shared" si="322"/>
        <v>343.63934999999998</v>
      </c>
    </row>
    <row r="20643" spans="1:3" x14ac:dyDescent="0.25">
      <c r="A20643" s="2" t="s">
        <v>12301</v>
      </c>
      <c r="B20643" s="6">
        <v>343655.99999999994</v>
      </c>
      <c r="C20643" s="7">
        <f t="shared" si="322"/>
        <v>343.65599999999995</v>
      </c>
    </row>
    <row r="20644" spans="1:3" x14ac:dyDescent="0.25">
      <c r="A20644" s="2" t="s">
        <v>12302</v>
      </c>
      <c r="B20644" s="6">
        <v>343672.64999999997</v>
      </c>
      <c r="C20644" s="7">
        <f t="shared" si="322"/>
        <v>343.67264999999998</v>
      </c>
    </row>
    <row r="20645" spans="1:3" x14ac:dyDescent="0.25">
      <c r="A20645" s="2" t="s">
        <v>12303</v>
      </c>
      <c r="B20645" s="6">
        <v>343689.3</v>
      </c>
      <c r="C20645" s="7">
        <f t="shared" si="322"/>
        <v>343.6893</v>
      </c>
    </row>
    <row r="20646" spans="1:3" x14ac:dyDescent="0.25">
      <c r="A20646" s="2" t="s">
        <v>12304</v>
      </c>
      <c r="B20646" s="6">
        <v>343705.94999999995</v>
      </c>
      <c r="C20646" s="7">
        <f t="shared" si="322"/>
        <v>343.70594999999997</v>
      </c>
    </row>
    <row r="20647" spans="1:3" x14ac:dyDescent="0.25">
      <c r="A20647" s="2" t="s">
        <v>12305</v>
      </c>
      <c r="B20647" s="6">
        <v>343722.6</v>
      </c>
      <c r="C20647" s="7">
        <f t="shared" si="322"/>
        <v>343.7226</v>
      </c>
    </row>
    <row r="20648" spans="1:3" x14ac:dyDescent="0.25">
      <c r="A20648" s="2" t="s">
        <v>12306</v>
      </c>
      <c r="B20648" s="6">
        <v>343739.24999999994</v>
      </c>
      <c r="C20648" s="7">
        <f t="shared" si="322"/>
        <v>343.73924999999997</v>
      </c>
    </row>
    <row r="20649" spans="1:3" x14ac:dyDescent="0.25">
      <c r="A20649" s="2" t="s">
        <v>12307</v>
      </c>
      <c r="B20649" s="6">
        <v>343755.89999999997</v>
      </c>
      <c r="C20649" s="7">
        <f t="shared" si="322"/>
        <v>343.75589999999994</v>
      </c>
    </row>
    <row r="20650" spans="1:3" x14ac:dyDescent="0.25">
      <c r="A20650" s="2" t="s">
        <v>12308</v>
      </c>
      <c r="B20650" s="6">
        <v>343772.55</v>
      </c>
      <c r="C20650" s="7">
        <f t="shared" si="322"/>
        <v>343.77254999999997</v>
      </c>
    </row>
    <row r="20651" spans="1:3" x14ac:dyDescent="0.25">
      <c r="A20651" s="2" t="s">
        <v>12309</v>
      </c>
      <c r="B20651" s="6">
        <v>343789.19999999995</v>
      </c>
      <c r="C20651" s="7">
        <f t="shared" si="322"/>
        <v>343.78919999999994</v>
      </c>
    </row>
    <row r="20652" spans="1:3" x14ac:dyDescent="0.25">
      <c r="A20652" s="2" t="s">
        <v>12310</v>
      </c>
      <c r="B20652" s="6">
        <v>343805.85</v>
      </c>
      <c r="C20652" s="7">
        <f t="shared" si="322"/>
        <v>343.80584999999996</v>
      </c>
    </row>
    <row r="20653" spans="1:3" x14ac:dyDescent="0.25">
      <c r="A20653" s="2" t="s">
        <v>12311</v>
      </c>
      <c r="B20653" s="6">
        <v>343822.49999999994</v>
      </c>
      <c r="C20653" s="7">
        <f t="shared" si="322"/>
        <v>343.82249999999993</v>
      </c>
    </row>
    <row r="20654" spans="1:3" x14ac:dyDescent="0.25">
      <c r="A20654" s="2" t="s">
        <v>12312</v>
      </c>
      <c r="B20654" s="6">
        <v>343839.14999999997</v>
      </c>
      <c r="C20654" s="7">
        <f t="shared" si="322"/>
        <v>343.83914999999996</v>
      </c>
    </row>
    <row r="20655" spans="1:3" x14ac:dyDescent="0.25">
      <c r="A20655" s="2" t="s">
        <v>12313</v>
      </c>
      <c r="B20655" s="6">
        <v>343855.8</v>
      </c>
      <c r="C20655" s="7">
        <f t="shared" si="322"/>
        <v>343.85579999999999</v>
      </c>
    </row>
    <row r="20656" spans="1:3" x14ac:dyDescent="0.25">
      <c r="A20656" s="2" t="s">
        <v>12314</v>
      </c>
      <c r="B20656" s="6">
        <v>343872.44999999995</v>
      </c>
      <c r="C20656" s="7">
        <f t="shared" si="322"/>
        <v>343.87244999999996</v>
      </c>
    </row>
    <row r="20657" spans="1:3" x14ac:dyDescent="0.25">
      <c r="A20657" s="2" t="s">
        <v>12315</v>
      </c>
      <c r="B20657" s="6">
        <v>343889.1</v>
      </c>
      <c r="C20657" s="7">
        <f t="shared" si="322"/>
        <v>343.88909999999998</v>
      </c>
    </row>
    <row r="20658" spans="1:3" x14ac:dyDescent="0.25">
      <c r="A20658" s="2" t="s">
        <v>12316</v>
      </c>
      <c r="B20658" s="6">
        <v>343905.74999999994</v>
      </c>
      <c r="C20658" s="7">
        <f t="shared" si="322"/>
        <v>343.90574999999995</v>
      </c>
    </row>
    <row r="20659" spans="1:3" x14ac:dyDescent="0.25">
      <c r="A20659" s="2" t="s">
        <v>12317</v>
      </c>
      <c r="B20659" s="6">
        <v>343922.39999999997</v>
      </c>
      <c r="C20659" s="7">
        <f t="shared" si="322"/>
        <v>343.92239999999998</v>
      </c>
    </row>
    <row r="20660" spans="1:3" x14ac:dyDescent="0.25">
      <c r="A20660" s="2" t="s">
        <v>12318</v>
      </c>
      <c r="B20660" s="6">
        <v>343939.05</v>
      </c>
      <c r="C20660" s="7">
        <f t="shared" si="322"/>
        <v>343.93905000000001</v>
      </c>
    </row>
    <row r="20661" spans="1:3" x14ac:dyDescent="0.25">
      <c r="A20661" s="2" t="s">
        <v>12319</v>
      </c>
      <c r="B20661" s="6">
        <v>343955.69999999995</v>
      </c>
      <c r="C20661" s="7">
        <f t="shared" si="322"/>
        <v>343.95569999999998</v>
      </c>
    </row>
    <row r="20662" spans="1:3" x14ac:dyDescent="0.25">
      <c r="A20662" s="2" t="s">
        <v>12320</v>
      </c>
      <c r="B20662" s="6">
        <v>343972.35</v>
      </c>
      <c r="C20662" s="7">
        <f t="shared" si="322"/>
        <v>343.97234999999995</v>
      </c>
    </row>
    <row r="20663" spans="1:3" x14ac:dyDescent="0.25">
      <c r="A20663" s="2" t="s">
        <v>12321</v>
      </c>
      <c r="B20663" s="6">
        <v>343988.99999999994</v>
      </c>
      <c r="C20663" s="7">
        <f t="shared" si="322"/>
        <v>343.98899999999992</v>
      </c>
    </row>
    <row r="20664" spans="1:3" x14ac:dyDescent="0.25">
      <c r="A20664" s="2" t="s">
        <v>12322</v>
      </c>
      <c r="B20664" s="6">
        <v>344005.64999999997</v>
      </c>
      <c r="C20664" s="7">
        <f t="shared" si="322"/>
        <v>344.00564999999995</v>
      </c>
    </row>
    <row r="20665" spans="1:3" x14ac:dyDescent="0.25">
      <c r="A20665" s="2" t="s">
        <v>12323</v>
      </c>
      <c r="B20665" s="6">
        <v>344022.3</v>
      </c>
      <c r="C20665" s="7">
        <f t="shared" si="322"/>
        <v>344.02229999999997</v>
      </c>
    </row>
    <row r="20666" spans="1:3" x14ac:dyDescent="0.25">
      <c r="A20666" s="2" t="s">
        <v>12324</v>
      </c>
      <c r="B20666" s="6">
        <v>344038.94999999995</v>
      </c>
      <c r="C20666" s="7">
        <f t="shared" si="322"/>
        <v>344.03894999999994</v>
      </c>
    </row>
    <row r="20667" spans="1:3" x14ac:dyDescent="0.25">
      <c r="A20667" s="2" t="s">
        <v>12325</v>
      </c>
      <c r="B20667" s="6">
        <v>344055.6</v>
      </c>
      <c r="C20667" s="7">
        <f t="shared" si="322"/>
        <v>344.05559999999997</v>
      </c>
    </row>
    <row r="20668" spans="1:3" x14ac:dyDescent="0.25">
      <c r="A20668" s="2" t="s">
        <v>12326</v>
      </c>
      <c r="B20668" s="6">
        <v>344072.24999999994</v>
      </c>
      <c r="C20668" s="7">
        <f t="shared" si="322"/>
        <v>344.07224999999994</v>
      </c>
    </row>
    <row r="20669" spans="1:3" x14ac:dyDescent="0.25">
      <c r="A20669" s="2" t="s">
        <v>12327</v>
      </c>
      <c r="B20669" s="6">
        <v>344088.89999999997</v>
      </c>
      <c r="C20669" s="7">
        <f t="shared" si="322"/>
        <v>344.08889999999997</v>
      </c>
    </row>
    <row r="20670" spans="1:3" x14ac:dyDescent="0.25">
      <c r="A20670" s="2" t="s">
        <v>12328</v>
      </c>
      <c r="B20670" s="6">
        <v>344105.55</v>
      </c>
      <c r="C20670" s="7">
        <f t="shared" si="322"/>
        <v>344.10554999999999</v>
      </c>
    </row>
    <row r="20671" spans="1:3" x14ac:dyDescent="0.25">
      <c r="A20671" s="2" t="s">
        <v>12329</v>
      </c>
      <c r="B20671" s="6">
        <v>344122.19999999995</v>
      </c>
      <c r="C20671" s="7">
        <f t="shared" si="322"/>
        <v>344.12219999999996</v>
      </c>
    </row>
    <row r="20672" spans="1:3" x14ac:dyDescent="0.25">
      <c r="A20672" s="2" t="s">
        <v>12330</v>
      </c>
      <c r="B20672" s="6">
        <v>344138.85</v>
      </c>
      <c r="C20672" s="7">
        <f t="shared" si="322"/>
        <v>344.13884999999999</v>
      </c>
    </row>
    <row r="20673" spans="1:3" x14ac:dyDescent="0.25">
      <c r="A20673" s="2" t="s">
        <v>12331</v>
      </c>
      <c r="B20673" s="6">
        <v>344155.49999999994</v>
      </c>
      <c r="C20673" s="7">
        <f t="shared" si="322"/>
        <v>344.15549999999996</v>
      </c>
    </row>
    <row r="20674" spans="1:3" x14ac:dyDescent="0.25">
      <c r="A20674" s="2" t="s">
        <v>12332</v>
      </c>
      <c r="B20674" s="6">
        <v>344172.14999999997</v>
      </c>
      <c r="C20674" s="7">
        <f t="shared" si="322"/>
        <v>344.17214999999999</v>
      </c>
    </row>
    <row r="20675" spans="1:3" x14ac:dyDescent="0.25">
      <c r="A20675" s="2" t="s">
        <v>12333</v>
      </c>
      <c r="B20675" s="6">
        <v>344188.8</v>
      </c>
      <c r="C20675" s="7">
        <f t="shared" ref="C20675:C20738" si="323">B20675/1000</f>
        <v>344.18880000000001</v>
      </c>
    </row>
    <row r="20676" spans="1:3" x14ac:dyDescent="0.25">
      <c r="A20676" s="2" t="s">
        <v>12334</v>
      </c>
      <c r="B20676" s="6">
        <v>344205.44999999995</v>
      </c>
      <c r="C20676" s="7">
        <f t="shared" si="323"/>
        <v>344.20544999999993</v>
      </c>
    </row>
    <row r="20677" spans="1:3" x14ac:dyDescent="0.25">
      <c r="A20677" s="2" t="s">
        <v>12335</v>
      </c>
      <c r="B20677" s="6">
        <v>344222.1</v>
      </c>
      <c r="C20677" s="7">
        <f t="shared" si="323"/>
        <v>344.22209999999995</v>
      </c>
    </row>
    <row r="20678" spans="1:3" x14ac:dyDescent="0.25">
      <c r="A20678" s="2" t="s">
        <v>12336</v>
      </c>
      <c r="B20678" s="6">
        <v>344238.74999999994</v>
      </c>
      <c r="C20678" s="7">
        <f t="shared" si="323"/>
        <v>344.23874999999992</v>
      </c>
    </row>
    <row r="20679" spans="1:3" x14ac:dyDescent="0.25">
      <c r="A20679" s="2" t="s">
        <v>12337</v>
      </c>
      <c r="B20679" s="6">
        <v>344255.39999999997</v>
      </c>
      <c r="C20679" s="7">
        <f t="shared" si="323"/>
        <v>344.25539999999995</v>
      </c>
    </row>
    <row r="20680" spans="1:3" x14ac:dyDescent="0.25">
      <c r="A20680" s="2" t="s">
        <v>12338</v>
      </c>
      <c r="B20680" s="6">
        <v>344272.05</v>
      </c>
      <c r="C20680" s="7">
        <f t="shared" si="323"/>
        <v>344.27204999999998</v>
      </c>
    </row>
    <row r="20681" spans="1:3" x14ac:dyDescent="0.25">
      <c r="A20681" s="2" t="s">
        <v>12339</v>
      </c>
      <c r="B20681" s="6">
        <v>344288.69999999995</v>
      </c>
      <c r="C20681" s="7">
        <f t="shared" si="323"/>
        <v>344.28869999999995</v>
      </c>
    </row>
    <row r="20682" spans="1:3" x14ac:dyDescent="0.25">
      <c r="A20682" s="2" t="s">
        <v>12340</v>
      </c>
      <c r="B20682" s="6">
        <v>344305.35</v>
      </c>
      <c r="C20682" s="7">
        <f t="shared" si="323"/>
        <v>344.30534999999998</v>
      </c>
    </row>
    <row r="20683" spans="1:3" x14ac:dyDescent="0.25">
      <c r="A20683" s="2" t="s">
        <v>12341</v>
      </c>
      <c r="B20683" s="6">
        <v>344321.99999999994</v>
      </c>
      <c r="C20683" s="7">
        <f t="shared" si="323"/>
        <v>344.32199999999995</v>
      </c>
    </row>
    <row r="20684" spans="1:3" x14ac:dyDescent="0.25">
      <c r="A20684" s="2" t="s">
        <v>12342</v>
      </c>
      <c r="B20684" s="6">
        <v>344338.64999999997</v>
      </c>
      <c r="C20684" s="7">
        <f t="shared" si="323"/>
        <v>344.33864999999997</v>
      </c>
    </row>
    <row r="20685" spans="1:3" x14ac:dyDescent="0.25">
      <c r="A20685" s="2" t="s">
        <v>12343</v>
      </c>
      <c r="B20685" s="6">
        <v>344355.3</v>
      </c>
      <c r="C20685" s="7">
        <f t="shared" si="323"/>
        <v>344.3553</v>
      </c>
    </row>
    <row r="20686" spans="1:3" x14ac:dyDescent="0.25">
      <c r="A20686" s="2" t="s">
        <v>12344</v>
      </c>
      <c r="B20686" s="6">
        <v>344371.94999999995</v>
      </c>
      <c r="C20686" s="7">
        <f t="shared" si="323"/>
        <v>344.37194999999997</v>
      </c>
    </row>
    <row r="20687" spans="1:3" x14ac:dyDescent="0.25">
      <c r="A20687" s="2" t="s">
        <v>12345</v>
      </c>
      <c r="B20687" s="6">
        <v>344388.6</v>
      </c>
      <c r="C20687" s="7">
        <f t="shared" si="323"/>
        <v>344.3886</v>
      </c>
    </row>
    <row r="20688" spans="1:3" x14ac:dyDescent="0.25">
      <c r="A20688" s="2" t="s">
        <v>12346</v>
      </c>
      <c r="B20688" s="6">
        <v>344405.24999999994</v>
      </c>
      <c r="C20688" s="7">
        <f t="shared" si="323"/>
        <v>344.40524999999997</v>
      </c>
    </row>
    <row r="20689" spans="1:3" x14ac:dyDescent="0.25">
      <c r="A20689" s="2" t="s">
        <v>12347</v>
      </c>
      <c r="B20689" s="6">
        <v>344421.89999999997</v>
      </c>
      <c r="C20689" s="7">
        <f t="shared" si="323"/>
        <v>344.42189999999994</v>
      </c>
    </row>
    <row r="20690" spans="1:3" x14ac:dyDescent="0.25">
      <c r="A20690" s="2" t="s">
        <v>12348</v>
      </c>
      <c r="B20690" s="6">
        <v>344438.55</v>
      </c>
      <c r="C20690" s="7">
        <f t="shared" si="323"/>
        <v>344.43854999999996</v>
      </c>
    </row>
    <row r="20691" spans="1:3" x14ac:dyDescent="0.25">
      <c r="A20691" s="2" t="s">
        <v>12349</v>
      </c>
      <c r="B20691" s="6">
        <v>344455.19999999995</v>
      </c>
      <c r="C20691" s="7">
        <f t="shared" si="323"/>
        <v>344.45519999999993</v>
      </c>
    </row>
    <row r="20692" spans="1:3" x14ac:dyDescent="0.25">
      <c r="A20692" s="2" t="s">
        <v>12350</v>
      </c>
      <c r="B20692" s="6">
        <v>344471.85</v>
      </c>
      <c r="C20692" s="7">
        <f t="shared" si="323"/>
        <v>344.47184999999996</v>
      </c>
    </row>
    <row r="20693" spans="1:3" x14ac:dyDescent="0.25">
      <c r="A20693" s="2" t="s">
        <v>12351</v>
      </c>
      <c r="B20693" s="6">
        <v>344488.49999999994</v>
      </c>
      <c r="C20693" s="7">
        <f t="shared" si="323"/>
        <v>344.48849999999993</v>
      </c>
    </row>
    <row r="20694" spans="1:3" x14ac:dyDescent="0.25">
      <c r="A20694" s="2" t="s">
        <v>12352</v>
      </c>
      <c r="B20694" s="6">
        <v>344505.14999999997</v>
      </c>
      <c r="C20694" s="7">
        <f t="shared" si="323"/>
        <v>344.50514999999996</v>
      </c>
    </row>
    <row r="20695" spans="1:3" x14ac:dyDescent="0.25">
      <c r="A20695" s="2" t="s">
        <v>12353</v>
      </c>
      <c r="B20695" s="6">
        <v>344521.8</v>
      </c>
      <c r="C20695" s="7">
        <f t="shared" si="323"/>
        <v>344.52179999999998</v>
      </c>
    </row>
    <row r="20696" spans="1:3" x14ac:dyDescent="0.25">
      <c r="A20696" s="2" t="s">
        <v>12354</v>
      </c>
      <c r="B20696" s="6">
        <v>344538.44999999995</v>
      </c>
      <c r="C20696" s="7">
        <f t="shared" si="323"/>
        <v>344.53844999999995</v>
      </c>
    </row>
    <row r="20697" spans="1:3" x14ac:dyDescent="0.25">
      <c r="A20697" s="2" t="s">
        <v>12355</v>
      </c>
      <c r="B20697" s="6">
        <v>344555.1</v>
      </c>
      <c r="C20697" s="7">
        <f t="shared" si="323"/>
        <v>344.55509999999998</v>
      </c>
    </row>
    <row r="20698" spans="1:3" x14ac:dyDescent="0.25">
      <c r="A20698" s="2" t="s">
        <v>12356</v>
      </c>
      <c r="B20698" s="6">
        <v>344571.74999999994</v>
      </c>
      <c r="C20698" s="7">
        <f t="shared" si="323"/>
        <v>344.57174999999995</v>
      </c>
    </row>
    <row r="20699" spans="1:3" x14ac:dyDescent="0.25">
      <c r="A20699" s="2" t="s">
        <v>12357</v>
      </c>
      <c r="B20699" s="6">
        <v>344588.39999999997</v>
      </c>
      <c r="C20699" s="7">
        <f t="shared" si="323"/>
        <v>344.58839999999998</v>
      </c>
    </row>
    <row r="20700" spans="1:3" x14ac:dyDescent="0.25">
      <c r="A20700" s="2" t="s">
        <v>12358</v>
      </c>
      <c r="B20700" s="6">
        <v>344605.05</v>
      </c>
      <c r="C20700" s="7">
        <f t="shared" si="323"/>
        <v>344.60505000000001</v>
      </c>
    </row>
    <row r="20701" spans="1:3" x14ac:dyDescent="0.25">
      <c r="A20701" s="2" t="s">
        <v>12359</v>
      </c>
      <c r="B20701" s="6">
        <v>344621.69999999995</v>
      </c>
      <c r="C20701" s="7">
        <f t="shared" si="323"/>
        <v>344.62169999999998</v>
      </c>
    </row>
    <row r="20702" spans="1:3" x14ac:dyDescent="0.25">
      <c r="A20702" s="2" t="s">
        <v>12360</v>
      </c>
      <c r="B20702" s="6">
        <v>344638.35</v>
      </c>
      <c r="C20702" s="7">
        <f t="shared" si="323"/>
        <v>344.63835</v>
      </c>
    </row>
    <row r="20703" spans="1:3" x14ac:dyDescent="0.25">
      <c r="A20703" s="2" t="s">
        <v>12361</v>
      </c>
      <c r="B20703" s="6">
        <v>344654.99999999994</v>
      </c>
      <c r="C20703" s="7">
        <f t="shared" si="323"/>
        <v>344.65499999999992</v>
      </c>
    </row>
    <row r="20704" spans="1:3" x14ac:dyDescent="0.25">
      <c r="A20704" s="2" t="s">
        <v>12362</v>
      </c>
      <c r="B20704" s="6">
        <v>344671.64999999997</v>
      </c>
      <c r="C20704" s="7">
        <f t="shared" si="323"/>
        <v>344.67164999999994</v>
      </c>
    </row>
    <row r="20705" spans="1:3" x14ac:dyDescent="0.25">
      <c r="A20705" s="2" t="s">
        <v>12363</v>
      </c>
      <c r="B20705" s="6">
        <v>344688.3</v>
      </c>
      <c r="C20705" s="7">
        <f t="shared" si="323"/>
        <v>344.68829999999997</v>
      </c>
    </row>
    <row r="20706" spans="1:3" x14ac:dyDescent="0.25">
      <c r="A20706" s="2" t="s">
        <v>12364</v>
      </c>
      <c r="B20706" s="6">
        <v>344704.94999999995</v>
      </c>
      <c r="C20706" s="7">
        <f t="shared" si="323"/>
        <v>344.70494999999994</v>
      </c>
    </row>
    <row r="20707" spans="1:3" x14ac:dyDescent="0.25">
      <c r="A20707" s="2" t="s">
        <v>12365</v>
      </c>
      <c r="B20707" s="6">
        <v>344721.6</v>
      </c>
      <c r="C20707" s="7">
        <f t="shared" si="323"/>
        <v>344.72159999999997</v>
      </c>
    </row>
    <row r="20708" spans="1:3" x14ac:dyDescent="0.25">
      <c r="A20708" s="2" t="s">
        <v>12366</v>
      </c>
      <c r="B20708" s="6">
        <v>344738.24999999994</v>
      </c>
      <c r="C20708" s="7">
        <f t="shared" si="323"/>
        <v>344.73824999999994</v>
      </c>
    </row>
    <row r="20709" spans="1:3" x14ac:dyDescent="0.25">
      <c r="A20709" s="2" t="s">
        <v>12367</v>
      </c>
      <c r="B20709" s="6">
        <v>344754.89999999997</v>
      </c>
      <c r="C20709" s="7">
        <f t="shared" si="323"/>
        <v>344.75489999999996</v>
      </c>
    </row>
    <row r="20710" spans="1:3" x14ac:dyDescent="0.25">
      <c r="A20710" s="2" t="s">
        <v>12368</v>
      </c>
      <c r="B20710" s="6">
        <v>344771.55</v>
      </c>
      <c r="C20710" s="7">
        <f t="shared" si="323"/>
        <v>344.77154999999999</v>
      </c>
    </row>
    <row r="20711" spans="1:3" x14ac:dyDescent="0.25">
      <c r="A20711" s="2" t="s">
        <v>12369</v>
      </c>
      <c r="B20711" s="6">
        <v>344788.19999999995</v>
      </c>
      <c r="C20711" s="7">
        <f t="shared" si="323"/>
        <v>344.78819999999996</v>
      </c>
    </row>
    <row r="20712" spans="1:3" x14ac:dyDescent="0.25">
      <c r="A20712" s="2" t="s">
        <v>12370</v>
      </c>
      <c r="B20712" s="6">
        <v>344804.85</v>
      </c>
      <c r="C20712" s="7">
        <f t="shared" si="323"/>
        <v>344.80484999999999</v>
      </c>
    </row>
    <row r="20713" spans="1:3" x14ac:dyDescent="0.25">
      <c r="A20713" s="2" t="s">
        <v>12371</v>
      </c>
      <c r="B20713" s="6">
        <v>344821.49999999994</v>
      </c>
      <c r="C20713" s="7">
        <f t="shared" si="323"/>
        <v>344.82149999999996</v>
      </c>
    </row>
    <row r="20714" spans="1:3" x14ac:dyDescent="0.25">
      <c r="A20714" s="2" t="s">
        <v>12372</v>
      </c>
      <c r="B20714" s="6">
        <v>344838.14999999997</v>
      </c>
      <c r="C20714" s="7">
        <f t="shared" si="323"/>
        <v>344.83814999999998</v>
      </c>
    </row>
    <row r="20715" spans="1:3" x14ac:dyDescent="0.25">
      <c r="A20715" s="2" t="s">
        <v>12373</v>
      </c>
      <c r="B20715" s="6">
        <v>344854.8</v>
      </c>
      <c r="C20715" s="7">
        <f t="shared" si="323"/>
        <v>344.85480000000001</v>
      </c>
    </row>
    <row r="20716" spans="1:3" x14ac:dyDescent="0.25">
      <c r="A20716" s="2" t="s">
        <v>12374</v>
      </c>
      <c r="B20716" s="6">
        <v>344871.44999999995</v>
      </c>
      <c r="C20716" s="7">
        <f t="shared" si="323"/>
        <v>344.87144999999998</v>
      </c>
    </row>
    <row r="20717" spans="1:3" x14ac:dyDescent="0.25">
      <c r="A20717" s="2" t="s">
        <v>12375</v>
      </c>
      <c r="B20717" s="6">
        <v>344888.1</v>
      </c>
      <c r="C20717" s="7">
        <f t="shared" si="323"/>
        <v>344.88809999999995</v>
      </c>
    </row>
    <row r="20718" spans="1:3" x14ac:dyDescent="0.25">
      <c r="A20718" s="2" t="s">
        <v>12376</v>
      </c>
      <c r="B20718" s="6">
        <v>344904.74999999994</v>
      </c>
      <c r="C20718" s="7">
        <f t="shared" si="323"/>
        <v>344.90474999999992</v>
      </c>
    </row>
    <row r="20719" spans="1:3" x14ac:dyDescent="0.25">
      <c r="A20719" s="2" t="s">
        <v>12377</v>
      </c>
      <c r="B20719" s="6">
        <v>344921.39999999997</v>
      </c>
      <c r="C20719" s="7">
        <f t="shared" si="323"/>
        <v>344.92139999999995</v>
      </c>
    </row>
    <row r="20720" spans="1:3" x14ac:dyDescent="0.25">
      <c r="A20720" s="2" t="s">
        <v>12378</v>
      </c>
      <c r="B20720" s="6">
        <v>344938.05</v>
      </c>
      <c r="C20720" s="7">
        <f t="shared" si="323"/>
        <v>344.93804999999998</v>
      </c>
    </row>
    <row r="20721" spans="1:3" x14ac:dyDescent="0.25">
      <c r="A20721" s="2" t="s">
        <v>12379</v>
      </c>
      <c r="B20721" s="6">
        <v>344954.69999999995</v>
      </c>
      <c r="C20721" s="7">
        <f t="shared" si="323"/>
        <v>344.95469999999995</v>
      </c>
    </row>
    <row r="20722" spans="1:3" x14ac:dyDescent="0.25">
      <c r="A20722" s="2" t="s">
        <v>12380</v>
      </c>
      <c r="B20722" s="6">
        <v>344971.35</v>
      </c>
      <c r="C20722" s="7">
        <f t="shared" si="323"/>
        <v>344.97134999999997</v>
      </c>
    </row>
    <row r="20723" spans="1:3" x14ac:dyDescent="0.25">
      <c r="A20723" s="2" t="s">
        <v>12381</v>
      </c>
      <c r="B20723" s="6">
        <v>344987.99999999994</v>
      </c>
      <c r="C20723" s="7">
        <f t="shared" si="323"/>
        <v>344.98799999999994</v>
      </c>
    </row>
    <row r="20724" spans="1:3" x14ac:dyDescent="0.25">
      <c r="A20724" s="2" t="s">
        <v>12382</v>
      </c>
      <c r="B20724" s="6">
        <v>345004.64999999997</v>
      </c>
      <c r="C20724" s="7">
        <f t="shared" si="323"/>
        <v>345.00464999999997</v>
      </c>
    </row>
    <row r="20725" spans="1:3" x14ac:dyDescent="0.25">
      <c r="A20725" s="2" t="s">
        <v>12383</v>
      </c>
      <c r="B20725" s="6">
        <v>345021.3</v>
      </c>
      <c r="C20725" s="7">
        <f t="shared" si="323"/>
        <v>345.0213</v>
      </c>
    </row>
    <row r="20726" spans="1:3" x14ac:dyDescent="0.25">
      <c r="A20726" s="2" t="s">
        <v>12384</v>
      </c>
      <c r="B20726" s="6">
        <v>345037.94999999995</v>
      </c>
      <c r="C20726" s="7">
        <f t="shared" si="323"/>
        <v>345.03794999999997</v>
      </c>
    </row>
    <row r="20727" spans="1:3" x14ac:dyDescent="0.25">
      <c r="A20727" s="2" t="s">
        <v>12385</v>
      </c>
      <c r="B20727" s="6">
        <v>345054.6</v>
      </c>
      <c r="C20727" s="7">
        <f t="shared" si="323"/>
        <v>345.05459999999999</v>
      </c>
    </row>
    <row r="20728" spans="1:3" x14ac:dyDescent="0.25">
      <c r="A20728" s="2" t="s">
        <v>12386</v>
      </c>
      <c r="B20728" s="6">
        <v>345071.24999999994</v>
      </c>
      <c r="C20728" s="7">
        <f t="shared" si="323"/>
        <v>345.07124999999996</v>
      </c>
    </row>
    <row r="20729" spans="1:3" x14ac:dyDescent="0.25">
      <c r="A20729" s="2" t="s">
        <v>12387</v>
      </c>
      <c r="B20729" s="6">
        <v>345087.89999999997</v>
      </c>
      <c r="C20729" s="7">
        <f t="shared" si="323"/>
        <v>345.08789999999999</v>
      </c>
    </row>
    <row r="20730" spans="1:3" x14ac:dyDescent="0.25">
      <c r="A20730" s="2" t="s">
        <v>12388</v>
      </c>
      <c r="B20730" s="6">
        <v>345104.55</v>
      </c>
      <c r="C20730" s="7">
        <f t="shared" si="323"/>
        <v>345.10454999999996</v>
      </c>
    </row>
    <row r="20731" spans="1:3" x14ac:dyDescent="0.25">
      <c r="A20731" s="2" t="s">
        <v>12389</v>
      </c>
      <c r="B20731" s="6">
        <v>345121.19999999995</v>
      </c>
      <c r="C20731" s="7">
        <f t="shared" si="323"/>
        <v>345.12119999999993</v>
      </c>
    </row>
    <row r="20732" spans="1:3" x14ac:dyDescent="0.25">
      <c r="A20732" s="2" t="s">
        <v>12390</v>
      </c>
      <c r="B20732" s="6">
        <v>345137.85</v>
      </c>
      <c r="C20732" s="7">
        <f t="shared" si="323"/>
        <v>345.13784999999996</v>
      </c>
    </row>
    <row r="20733" spans="1:3" x14ac:dyDescent="0.25">
      <c r="A20733" s="2" t="s">
        <v>12391</v>
      </c>
      <c r="B20733" s="6">
        <v>345154.49999999994</v>
      </c>
      <c r="C20733" s="7">
        <f t="shared" si="323"/>
        <v>345.15449999999993</v>
      </c>
    </row>
    <row r="20734" spans="1:3" x14ac:dyDescent="0.25">
      <c r="A20734" s="2" t="s">
        <v>12392</v>
      </c>
      <c r="B20734" s="6">
        <v>345171.14999999997</v>
      </c>
      <c r="C20734" s="7">
        <f t="shared" si="323"/>
        <v>345.17114999999995</v>
      </c>
    </row>
    <row r="20735" spans="1:3" x14ac:dyDescent="0.25">
      <c r="A20735" s="2" t="s">
        <v>12393</v>
      </c>
      <c r="B20735" s="6">
        <v>345187.8</v>
      </c>
      <c r="C20735" s="7">
        <f t="shared" si="323"/>
        <v>345.18779999999998</v>
      </c>
    </row>
    <row r="20736" spans="1:3" x14ac:dyDescent="0.25">
      <c r="A20736" s="2" t="s">
        <v>12394</v>
      </c>
      <c r="B20736" s="6">
        <v>345204.44999999995</v>
      </c>
      <c r="C20736" s="7">
        <f t="shared" si="323"/>
        <v>345.20444999999995</v>
      </c>
    </row>
    <row r="20737" spans="1:3" x14ac:dyDescent="0.25">
      <c r="A20737" s="2" t="s">
        <v>12395</v>
      </c>
      <c r="B20737" s="6">
        <v>345221.1</v>
      </c>
      <c r="C20737" s="7">
        <f t="shared" si="323"/>
        <v>345.22109999999998</v>
      </c>
    </row>
    <row r="20738" spans="1:3" x14ac:dyDescent="0.25">
      <c r="A20738" s="2" t="s">
        <v>12396</v>
      </c>
      <c r="B20738" s="6">
        <v>345237.74999999994</v>
      </c>
      <c r="C20738" s="7">
        <f t="shared" si="323"/>
        <v>345.23774999999995</v>
      </c>
    </row>
    <row r="20739" spans="1:3" x14ac:dyDescent="0.25">
      <c r="A20739" s="2" t="s">
        <v>12397</v>
      </c>
      <c r="B20739" s="6">
        <v>345254.39999999997</v>
      </c>
      <c r="C20739" s="7">
        <f t="shared" ref="C20739:C20802" si="324">B20739/1000</f>
        <v>345.25439999999998</v>
      </c>
    </row>
    <row r="20740" spans="1:3" x14ac:dyDescent="0.25">
      <c r="A20740" s="2" t="s">
        <v>12398</v>
      </c>
      <c r="B20740" s="6">
        <v>345271.05</v>
      </c>
      <c r="C20740" s="7">
        <f t="shared" si="324"/>
        <v>345.27105</v>
      </c>
    </row>
    <row r="20741" spans="1:3" x14ac:dyDescent="0.25">
      <c r="A20741" s="2" t="s">
        <v>12399</v>
      </c>
      <c r="B20741" s="6">
        <v>345287.69999999995</v>
      </c>
      <c r="C20741" s="7">
        <f t="shared" si="324"/>
        <v>345.28769999999997</v>
      </c>
    </row>
    <row r="20742" spans="1:3" x14ac:dyDescent="0.25">
      <c r="A20742" s="2" t="s">
        <v>12400</v>
      </c>
      <c r="B20742" s="6">
        <v>345304.35</v>
      </c>
      <c r="C20742" s="7">
        <f t="shared" si="324"/>
        <v>345.30435</v>
      </c>
    </row>
    <row r="20743" spans="1:3" x14ac:dyDescent="0.25">
      <c r="A20743" s="2" t="s">
        <v>12401</v>
      </c>
      <c r="B20743" s="6">
        <v>345320.99999999994</v>
      </c>
      <c r="C20743" s="7">
        <f t="shared" si="324"/>
        <v>345.32099999999997</v>
      </c>
    </row>
    <row r="20744" spans="1:3" x14ac:dyDescent="0.25">
      <c r="A20744" s="2" t="s">
        <v>12402</v>
      </c>
      <c r="B20744" s="6">
        <v>345337.64999999997</v>
      </c>
      <c r="C20744" s="7">
        <f t="shared" si="324"/>
        <v>345.33764999999994</v>
      </c>
    </row>
    <row r="20745" spans="1:3" x14ac:dyDescent="0.25">
      <c r="A20745" s="2" t="s">
        <v>12403</v>
      </c>
      <c r="B20745" s="6">
        <v>345354.3</v>
      </c>
      <c r="C20745" s="7">
        <f t="shared" si="324"/>
        <v>345.35429999999997</v>
      </c>
    </row>
    <row r="20746" spans="1:3" x14ac:dyDescent="0.25">
      <c r="A20746" s="2" t="s">
        <v>12404</v>
      </c>
      <c r="B20746" s="6">
        <v>345370.94999999995</v>
      </c>
      <c r="C20746" s="7">
        <f t="shared" si="324"/>
        <v>345.37094999999994</v>
      </c>
    </row>
    <row r="20747" spans="1:3" x14ac:dyDescent="0.25">
      <c r="A20747" s="2" t="s">
        <v>12405</v>
      </c>
      <c r="B20747" s="6">
        <v>345387.6</v>
      </c>
      <c r="C20747" s="7">
        <f t="shared" si="324"/>
        <v>345.38759999999996</v>
      </c>
    </row>
    <row r="20748" spans="1:3" x14ac:dyDescent="0.25">
      <c r="A20748" s="2" t="s">
        <v>12406</v>
      </c>
      <c r="B20748" s="6">
        <v>345404.24999999994</v>
      </c>
      <c r="C20748" s="7">
        <f t="shared" si="324"/>
        <v>345.40424999999993</v>
      </c>
    </row>
    <row r="20749" spans="1:3" x14ac:dyDescent="0.25">
      <c r="A20749" s="2" t="s">
        <v>12407</v>
      </c>
      <c r="B20749" s="6">
        <v>345420.89999999997</v>
      </c>
      <c r="C20749" s="7">
        <f t="shared" si="324"/>
        <v>345.42089999999996</v>
      </c>
    </row>
    <row r="20750" spans="1:3" x14ac:dyDescent="0.25">
      <c r="A20750" s="2" t="s">
        <v>12408</v>
      </c>
      <c r="B20750" s="6">
        <v>345437.55</v>
      </c>
      <c r="C20750" s="7">
        <f t="shared" si="324"/>
        <v>345.43754999999999</v>
      </c>
    </row>
    <row r="20751" spans="1:3" x14ac:dyDescent="0.25">
      <c r="A20751" s="2" t="s">
        <v>12409</v>
      </c>
      <c r="B20751" s="6">
        <v>345454.19999999995</v>
      </c>
      <c r="C20751" s="7">
        <f t="shared" si="324"/>
        <v>345.45419999999996</v>
      </c>
    </row>
    <row r="20752" spans="1:3" x14ac:dyDescent="0.25">
      <c r="A20752" s="2" t="s">
        <v>12410</v>
      </c>
      <c r="B20752" s="6">
        <v>345470.85</v>
      </c>
      <c r="C20752" s="7">
        <f t="shared" si="324"/>
        <v>345.47084999999998</v>
      </c>
    </row>
    <row r="20753" spans="1:3" x14ac:dyDescent="0.25">
      <c r="A20753" s="2" t="s">
        <v>12411</v>
      </c>
      <c r="B20753" s="6">
        <v>345487.49999999994</v>
      </c>
      <c r="C20753" s="7">
        <f t="shared" si="324"/>
        <v>345.48749999999995</v>
      </c>
    </row>
    <row r="20754" spans="1:3" x14ac:dyDescent="0.25">
      <c r="A20754" s="2" t="s">
        <v>12412</v>
      </c>
      <c r="B20754" s="6">
        <v>345504.14999999997</v>
      </c>
      <c r="C20754" s="7">
        <f t="shared" si="324"/>
        <v>345.50414999999998</v>
      </c>
    </row>
    <row r="20755" spans="1:3" x14ac:dyDescent="0.25">
      <c r="A20755" s="2" t="s">
        <v>12413</v>
      </c>
      <c r="B20755" s="6">
        <v>345520.8</v>
      </c>
      <c r="C20755" s="7">
        <f t="shared" si="324"/>
        <v>345.52080000000001</v>
      </c>
    </row>
    <row r="20756" spans="1:3" x14ac:dyDescent="0.25">
      <c r="A20756" s="2" t="s">
        <v>12414</v>
      </c>
      <c r="B20756" s="6">
        <v>345537.44999999995</v>
      </c>
      <c r="C20756" s="7">
        <f t="shared" si="324"/>
        <v>345.53744999999998</v>
      </c>
    </row>
    <row r="20757" spans="1:3" x14ac:dyDescent="0.25">
      <c r="A20757" s="2" t="s">
        <v>12415</v>
      </c>
      <c r="B20757" s="6">
        <v>345554.1</v>
      </c>
      <c r="C20757" s="7">
        <f t="shared" si="324"/>
        <v>345.55409999999995</v>
      </c>
    </row>
    <row r="20758" spans="1:3" x14ac:dyDescent="0.25">
      <c r="A20758" s="2" t="s">
        <v>12416</v>
      </c>
      <c r="B20758" s="6">
        <v>345570.74999999994</v>
      </c>
      <c r="C20758" s="7">
        <f t="shared" si="324"/>
        <v>345.57074999999992</v>
      </c>
    </row>
    <row r="20759" spans="1:3" x14ac:dyDescent="0.25">
      <c r="A20759" s="2" t="s">
        <v>12417</v>
      </c>
      <c r="B20759" s="6">
        <v>345587.39999999997</v>
      </c>
      <c r="C20759" s="7">
        <f t="shared" si="324"/>
        <v>345.58739999999995</v>
      </c>
    </row>
    <row r="20760" spans="1:3" x14ac:dyDescent="0.25">
      <c r="A20760" s="2" t="s">
        <v>12418</v>
      </c>
      <c r="B20760" s="6">
        <v>345604.05</v>
      </c>
      <c r="C20760" s="7">
        <f t="shared" si="324"/>
        <v>345.60404999999997</v>
      </c>
    </row>
    <row r="20761" spans="1:3" x14ac:dyDescent="0.25">
      <c r="A20761" s="2" t="s">
        <v>12419</v>
      </c>
      <c r="B20761" s="6">
        <v>345620.69999999995</v>
      </c>
      <c r="C20761" s="7">
        <f t="shared" si="324"/>
        <v>345.62069999999994</v>
      </c>
    </row>
    <row r="20762" spans="1:3" x14ac:dyDescent="0.25">
      <c r="A20762" s="2" t="s">
        <v>12420</v>
      </c>
      <c r="B20762" s="6">
        <v>345637.35</v>
      </c>
      <c r="C20762" s="7">
        <f t="shared" si="324"/>
        <v>345.63734999999997</v>
      </c>
    </row>
    <row r="20763" spans="1:3" x14ac:dyDescent="0.25">
      <c r="A20763" s="2" t="s">
        <v>12421</v>
      </c>
      <c r="B20763" s="6">
        <v>345653.99999999994</v>
      </c>
      <c r="C20763" s="7">
        <f t="shared" si="324"/>
        <v>345.65399999999994</v>
      </c>
    </row>
    <row r="20764" spans="1:3" x14ac:dyDescent="0.25">
      <c r="A20764" s="2" t="s">
        <v>12422</v>
      </c>
      <c r="B20764" s="6">
        <v>345670.64999999997</v>
      </c>
      <c r="C20764" s="7">
        <f t="shared" si="324"/>
        <v>345.67064999999997</v>
      </c>
    </row>
    <row r="20765" spans="1:3" x14ac:dyDescent="0.25">
      <c r="A20765" s="2" t="s">
        <v>12423</v>
      </c>
      <c r="B20765" s="6">
        <v>345687.3</v>
      </c>
      <c r="C20765" s="7">
        <f t="shared" si="324"/>
        <v>345.68729999999999</v>
      </c>
    </row>
    <row r="20766" spans="1:3" x14ac:dyDescent="0.25">
      <c r="A20766" s="2" t="s">
        <v>12424</v>
      </c>
      <c r="B20766" s="6">
        <v>345703.94999999995</v>
      </c>
      <c r="C20766" s="7">
        <f t="shared" si="324"/>
        <v>345.70394999999996</v>
      </c>
    </row>
    <row r="20767" spans="1:3" x14ac:dyDescent="0.25">
      <c r="A20767" s="2" t="s">
        <v>12425</v>
      </c>
      <c r="B20767" s="6">
        <v>345720.6</v>
      </c>
      <c r="C20767" s="7">
        <f t="shared" si="324"/>
        <v>345.72059999999999</v>
      </c>
    </row>
    <row r="20768" spans="1:3" x14ac:dyDescent="0.25">
      <c r="A20768" s="2" t="s">
        <v>12426</v>
      </c>
      <c r="B20768" s="6">
        <v>345737.24999999994</v>
      </c>
      <c r="C20768" s="7">
        <f t="shared" si="324"/>
        <v>345.73724999999996</v>
      </c>
    </row>
    <row r="20769" spans="1:3" x14ac:dyDescent="0.25">
      <c r="A20769" s="2" t="s">
        <v>12427</v>
      </c>
      <c r="B20769" s="6">
        <v>345753.89999999997</v>
      </c>
      <c r="C20769" s="7">
        <f t="shared" si="324"/>
        <v>345.75389999999999</v>
      </c>
    </row>
    <row r="20770" spans="1:3" x14ac:dyDescent="0.25">
      <c r="A20770" s="2" t="s">
        <v>12428</v>
      </c>
      <c r="B20770" s="6">
        <v>345770.55</v>
      </c>
      <c r="C20770" s="7">
        <f t="shared" si="324"/>
        <v>345.77055000000001</v>
      </c>
    </row>
    <row r="20771" spans="1:3" x14ac:dyDescent="0.25">
      <c r="A20771" s="2" t="s">
        <v>12429</v>
      </c>
      <c r="B20771" s="6">
        <v>345787.19999999995</v>
      </c>
      <c r="C20771" s="7">
        <f t="shared" si="324"/>
        <v>345.78719999999993</v>
      </c>
    </row>
    <row r="20772" spans="1:3" x14ac:dyDescent="0.25">
      <c r="A20772" s="2" t="s">
        <v>12430</v>
      </c>
      <c r="B20772" s="6">
        <v>345803.85</v>
      </c>
      <c r="C20772" s="7">
        <f t="shared" si="324"/>
        <v>345.80384999999995</v>
      </c>
    </row>
    <row r="20773" spans="1:3" x14ac:dyDescent="0.25">
      <c r="A20773" s="2" t="s">
        <v>12431</v>
      </c>
      <c r="B20773" s="6">
        <v>345820.49999999994</v>
      </c>
      <c r="C20773" s="7">
        <f t="shared" si="324"/>
        <v>345.82049999999992</v>
      </c>
    </row>
    <row r="20774" spans="1:3" x14ac:dyDescent="0.25">
      <c r="A20774" s="2" t="s">
        <v>12432</v>
      </c>
      <c r="B20774" s="6">
        <v>345837.14999999997</v>
      </c>
      <c r="C20774" s="7">
        <f t="shared" si="324"/>
        <v>345.83714999999995</v>
      </c>
    </row>
    <row r="20775" spans="1:3" x14ac:dyDescent="0.25">
      <c r="A20775" s="2" t="s">
        <v>12433</v>
      </c>
      <c r="B20775" s="6">
        <v>345853.8</v>
      </c>
      <c r="C20775" s="7">
        <f t="shared" si="324"/>
        <v>345.85379999999998</v>
      </c>
    </row>
    <row r="20776" spans="1:3" x14ac:dyDescent="0.25">
      <c r="A20776" s="2" t="s">
        <v>12434</v>
      </c>
      <c r="B20776" s="6">
        <v>345870.44999999995</v>
      </c>
      <c r="C20776" s="7">
        <f t="shared" si="324"/>
        <v>345.87044999999995</v>
      </c>
    </row>
    <row r="20777" spans="1:3" x14ac:dyDescent="0.25">
      <c r="A20777" s="2" t="s">
        <v>12435</v>
      </c>
      <c r="B20777" s="6">
        <v>345887.1</v>
      </c>
      <c r="C20777" s="7">
        <f t="shared" si="324"/>
        <v>345.88709999999998</v>
      </c>
    </row>
    <row r="20778" spans="1:3" x14ac:dyDescent="0.25">
      <c r="A20778" s="2" t="s">
        <v>12436</v>
      </c>
      <c r="B20778" s="6">
        <v>345903.74999999994</v>
      </c>
      <c r="C20778" s="7">
        <f t="shared" si="324"/>
        <v>345.90374999999995</v>
      </c>
    </row>
    <row r="20779" spans="1:3" x14ac:dyDescent="0.25">
      <c r="A20779" s="2" t="s">
        <v>12437</v>
      </c>
      <c r="B20779" s="6">
        <v>345920.39999999997</v>
      </c>
      <c r="C20779" s="7">
        <f t="shared" si="324"/>
        <v>345.92039999999997</v>
      </c>
    </row>
    <row r="20780" spans="1:3" x14ac:dyDescent="0.25">
      <c r="A20780" s="2" t="s">
        <v>12438</v>
      </c>
      <c r="B20780" s="6">
        <v>345937.05</v>
      </c>
      <c r="C20780" s="7">
        <f t="shared" si="324"/>
        <v>345.93705</v>
      </c>
    </row>
    <row r="20781" spans="1:3" x14ac:dyDescent="0.25">
      <c r="A20781" s="2" t="s">
        <v>12439</v>
      </c>
      <c r="B20781" s="6">
        <v>345953.69999999995</v>
      </c>
      <c r="C20781" s="7">
        <f t="shared" si="324"/>
        <v>345.95369999999997</v>
      </c>
    </row>
    <row r="20782" spans="1:3" x14ac:dyDescent="0.25">
      <c r="A20782" s="2" t="s">
        <v>12440</v>
      </c>
      <c r="B20782" s="6">
        <v>345970.35</v>
      </c>
      <c r="C20782" s="7">
        <f t="shared" si="324"/>
        <v>345.97035</v>
      </c>
    </row>
    <row r="20783" spans="1:3" x14ac:dyDescent="0.25">
      <c r="A20783" s="2" t="s">
        <v>12441</v>
      </c>
      <c r="B20783" s="6">
        <v>345986.99999999994</v>
      </c>
      <c r="C20783" s="7">
        <f t="shared" si="324"/>
        <v>345.98699999999997</v>
      </c>
    </row>
    <row r="20784" spans="1:3" x14ac:dyDescent="0.25">
      <c r="A20784" s="2" t="s">
        <v>12442</v>
      </c>
      <c r="B20784" s="6">
        <v>346003.64999999997</v>
      </c>
      <c r="C20784" s="7">
        <f t="shared" si="324"/>
        <v>346.00364999999999</v>
      </c>
    </row>
    <row r="20785" spans="1:3" x14ac:dyDescent="0.25">
      <c r="A20785" s="2" t="s">
        <v>12443</v>
      </c>
      <c r="B20785" s="6">
        <v>346020.3</v>
      </c>
      <c r="C20785" s="7">
        <f t="shared" si="324"/>
        <v>346.02029999999996</v>
      </c>
    </row>
    <row r="20786" spans="1:3" x14ac:dyDescent="0.25">
      <c r="A20786" s="2" t="s">
        <v>12444</v>
      </c>
      <c r="B20786" s="6">
        <v>346036.94999999995</v>
      </c>
      <c r="C20786" s="7">
        <f t="shared" si="324"/>
        <v>346.03694999999993</v>
      </c>
    </row>
    <row r="20787" spans="1:3" x14ac:dyDescent="0.25">
      <c r="A20787" s="2" t="s">
        <v>12445</v>
      </c>
      <c r="B20787" s="6">
        <v>346053.6</v>
      </c>
      <c r="C20787" s="7">
        <f t="shared" si="324"/>
        <v>346.05359999999996</v>
      </c>
    </row>
    <row r="20788" spans="1:3" x14ac:dyDescent="0.25">
      <c r="A20788" s="2" t="s">
        <v>12446</v>
      </c>
      <c r="B20788" s="6">
        <v>346070.24999999994</v>
      </c>
      <c r="C20788" s="7">
        <f t="shared" si="324"/>
        <v>346.07024999999993</v>
      </c>
    </row>
    <row r="20789" spans="1:3" x14ac:dyDescent="0.25">
      <c r="A20789" s="2" t="s">
        <v>12447</v>
      </c>
      <c r="B20789" s="6">
        <v>346086.89999999997</v>
      </c>
      <c r="C20789" s="7">
        <f t="shared" si="324"/>
        <v>346.08689999999996</v>
      </c>
    </row>
    <row r="20790" spans="1:3" x14ac:dyDescent="0.25">
      <c r="A20790" s="2" t="s">
        <v>12448</v>
      </c>
      <c r="B20790" s="6">
        <v>346103.55</v>
      </c>
      <c r="C20790" s="7">
        <f t="shared" si="324"/>
        <v>346.10354999999998</v>
      </c>
    </row>
    <row r="20791" spans="1:3" x14ac:dyDescent="0.25">
      <c r="A20791" s="2" t="s">
        <v>12449</v>
      </c>
      <c r="B20791" s="6">
        <v>346120.19999999995</v>
      </c>
      <c r="C20791" s="7">
        <f t="shared" si="324"/>
        <v>346.12019999999995</v>
      </c>
    </row>
    <row r="20792" spans="1:3" x14ac:dyDescent="0.25">
      <c r="A20792" s="2" t="s">
        <v>12450</v>
      </c>
      <c r="B20792" s="6">
        <v>346136.85</v>
      </c>
      <c r="C20792" s="7">
        <f t="shared" si="324"/>
        <v>346.13684999999998</v>
      </c>
    </row>
    <row r="20793" spans="1:3" x14ac:dyDescent="0.25">
      <c r="A20793" s="2" t="s">
        <v>12451</v>
      </c>
      <c r="B20793" s="6">
        <v>346153.49999999994</v>
      </c>
      <c r="C20793" s="7">
        <f t="shared" si="324"/>
        <v>346.15349999999995</v>
      </c>
    </row>
    <row r="20794" spans="1:3" x14ac:dyDescent="0.25">
      <c r="A20794" s="2" t="s">
        <v>12452</v>
      </c>
      <c r="B20794" s="6">
        <v>346170.14999999997</v>
      </c>
      <c r="C20794" s="7">
        <f t="shared" si="324"/>
        <v>346.17014999999998</v>
      </c>
    </row>
    <row r="20795" spans="1:3" x14ac:dyDescent="0.25">
      <c r="A20795" s="2" t="s">
        <v>12453</v>
      </c>
      <c r="B20795" s="6">
        <v>346186.8</v>
      </c>
      <c r="C20795" s="7">
        <f t="shared" si="324"/>
        <v>346.18680000000001</v>
      </c>
    </row>
    <row r="20796" spans="1:3" x14ac:dyDescent="0.25">
      <c r="A20796" s="2" t="s">
        <v>12454</v>
      </c>
      <c r="B20796" s="6">
        <v>346203.44999999995</v>
      </c>
      <c r="C20796" s="7">
        <f t="shared" si="324"/>
        <v>346.20344999999998</v>
      </c>
    </row>
    <row r="20797" spans="1:3" x14ac:dyDescent="0.25">
      <c r="A20797" s="2" t="s">
        <v>12455</v>
      </c>
      <c r="B20797" s="6">
        <v>346220.1</v>
      </c>
      <c r="C20797" s="7">
        <f t="shared" si="324"/>
        <v>346.2201</v>
      </c>
    </row>
    <row r="20798" spans="1:3" x14ac:dyDescent="0.25">
      <c r="A20798" s="2" t="s">
        <v>12456</v>
      </c>
      <c r="B20798" s="6">
        <v>346236.74999999994</v>
      </c>
      <c r="C20798" s="7">
        <f t="shared" si="324"/>
        <v>346.23674999999992</v>
      </c>
    </row>
    <row r="20799" spans="1:3" x14ac:dyDescent="0.25">
      <c r="A20799" s="2" t="s">
        <v>12457</v>
      </c>
      <c r="B20799" s="6">
        <v>346253.39999999997</v>
      </c>
      <c r="C20799" s="7">
        <f t="shared" si="324"/>
        <v>346.25339999999994</v>
      </c>
    </row>
    <row r="20800" spans="1:3" x14ac:dyDescent="0.25">
      <c r="A20800" s="2" t="s">
        <v>12458</v>
      </c>
      <c r="B20800" s="6">
        <v>346270.05</v>
      </c>
      <c r="C20800" s="7">
        <f t="shared" si="324"/>
        <v>346.27004999999997</v>
      </c>
    </row>
    <row r="20801" spans="1:3" x14ac:dyDescent="0.25">
      <c r="A20801" s="2" t="s">
        <v>12459</v>
      </c>
      <c r="B20801" s="6">
        <v>346286.69999999995</v>
      </c>
      <c r="C20801" s="7">
        <f t="shared" si="324"/>
        <v>346.28669999999994</v>
      </c>
    </row>
    <row r="20802" spans="1:3" x14ac:dyDescent="0.25">
      <c r="A20802" s="2" t="s">
        <v>12460</v>
      </c>
      <c r="B20802" s="6">
        <v>346303.35</v>
      </c>
      <c r="C20802" s="7">
        <f t="shared" si="324"/>
        <v>346.30334999999997</v>
      </c>
    </row>
    <row r="20803" spans="1:3" x14ac:dyDescent="0.25">
      <c r="A20803" s="2" t="s">
        <v>12461</v>
      </c>
      <c r="B20803" s="6">
        <v>346319.99999999994</v>
      </c>
      <c r="C20803" s="7">
        <f t="shared" ref="C20803:C20866" si="325">B20803/1000</f>
        <v>346.31999999999994</v>
      </c>
    </row>
    <row r="20804" spans="1:3" x14ac:dyDescent="0.25">
      <c r="A20804" s="2" t="s">
        <v>12462</v>
      </c>
      <c r="B20804" s="6">
        <v>346336.64999999997</v>
      </c>
      <c r="C20804" s="7">
        <f t="shared" si="325"/>
        <v>346.33664999999996</v>
      </c>
    </row>
    <row r="20805" spans="1:3" x14ac:dyDescent="0.25">
      <c r="A20805" s="2" t="s">
        <v>12463</v>
      </c>
      <c r="B20805" s="6">
        <v>346353.3</v>
      </c>
      <c r="C20805" s="7">
        <f t="shared" si="325"/>
        <v>346.35329999999999</v>
      </c>
    </row>
    <row r="20806" spans="1:3" x14ac:dyDescent="0.25">
      <c r="A20806" s="2" t="s">
        <v>12464</v>
      </c>
      <c r="B20806" s="6">
        <v>346369.94999999995</v>
      </c>
      <c r="C20806" s="7">
        <f t="shared" si="325"/>
        <v>346.36994999999996</v>
      </c>
    </row>
    <row r="20807" spans="1:3" x14ac:dyDescent="0.25">
      <c r="A20807" s="2" t="s">
        <v>12465</v>
      </c>
      <c r="B20807" s="6">
        <v>346386.6</v>
      </c>
      <c r="C20807" s="7">
        <f t="shared" si="325"/>
        <v>346.38659999999999</v>
      </c>
    </row>
    <row r="20808" spans="1:3" x14ac:dyDescent="0.25">
      <c r="A20808" s="2" t="s">
        <v>12466</v>
      </c>
      <c r="B20808" s="6">
        <v>346403.24999999994</v>
      </c>
      <c r="C20808" s="7">
        <f t="shared" si="325"/>
        <v>346.40324999999996</v>
      </c>
    </row>
    <row r="20809" spans="1:3" x14ac:dyDescent="0.25">
      <c r="A20809" s="2" t="s">
        <v>12467</v>
      </c>
      <c r="B20809" s="6">
        <v>346419.89999999997</v>
      </c>
      <c r="C20809" s="7">
        <f t="shared" si="325"/>
        <v>346.41989999999998</v>
      </c>
    </row>
    <row r="20810" spans="1:3" x14ac:dyDescent="0.25">
      <c r="A20810" s="2" t="s">
        <v>12468</v>
      </c>
      <c r="B20810" s="6">
        <v>346436.55</v>
      </c>
      <c r="C20810" s="7">
        <f t="shared" si="325"/>
        <v>346.43655000000001</v>
      </c>
    </row>
    <row r="20811" spans="1:3" x14ac:dyDescent="0.25">
      <c r="A20811" s="2" t="s">
        <v>12469</v>
      </c>
      <c r="B20811" s="6">
        <v>346453.19999999995</v>
      </c>
      <c r="C20811" s="7">
        <f t="shared" si="325"/>
        <v>346.45319999999998</v>
      </c>
    </row>
    <row r="20812" spans="1:3" x14ac:dyDescent="0.25">
      <c r="A20812" s="2" t="s">
        <v>12470</v>
      </c>
      <c r="B20812" s="6">
        <v>346469.85</v>
      </c>
      <c r="C20812" s="7">
        <f t="shared" si="325"/>
        <v>346.46984999999995</v>
      </c>
    </row>
    <row r="20813" spans="1:3" x14ac:dyDescent="0.25">
      <c r="A20813" s="2" t="s">
        <v>12471</v>
      </c>
      <c r="B20813" s="6">
        <v>346486.49999999994</v>
      </c>
      <c r="C20813" s="7">
        <f t="shared" si="325"/>
        <v>346.48649999999992</v>
      </c>
    </row>
    <row r="20814" spans="1:3" x14ac:dyDescent="0.25">
      <c r="A20814" s="2" t="s">
        <v>12472</v>
      </c>
      <c r="B20814" s="6">
        <v>346503.14999999997</v>
      </c>
      <c r="C20814" s="7">
        <f t="shared" si="325"/>
        <v>346.50314999999995</v>
      </c>
    </row>
    <row r="20815" spans="1:3" x14ac:dyDescent="0.25">
      <c r="A20815" s="2" t="s">
        <v>12473</v>
      </c>
      <c r="B20815" s="6">
        <v>346519.8</v>
      </c>
      <c r="C20815" s="7">
        <f t="shared" si="325"/>
        <v>346.51979999999998</v>
      </c>
    </row>
    <row r="20816" spans="1:3" x14ac:dyDescent="0.25">
      <c r="A20816" s="2" t="s">
        <v>12474</v>
      </c>
      <c r="B20816" s="6">
        <v>346536.44999999995</v>
      </c>
      <c r="C20816" s="7">
        <f t="shared" si="325"/>
        <v>346.53644999999995</v>
      </c>
    </row>
    <row r="20817" spans="1:3" x14ac:dyDescent="0.25">
      <c r="A20817" s="2" t="s">
        <v>12475</v>
      </c>
      <c r="B20817" s="6">
        <v>346553.1</v>
      </c>
      <c r="C20817" s="7">
        <f t="shared" si="325"/>
        <v>346.55309999999997</v>
      </c>
    </row>
    <row r="20818" spans="1:3" x14ac:dyDescent="0.25">
      <c r="A20818" s="2" t="s">
        <v>12476</v>
      </c>
      <c r="B20818" s="6">
        <v>346569.74999999994</v>
      </c>
      <c r="C20818" s="7">
        <f t="shared" si="325"/>
        <v>346.56974999999994</v>
      </c>
    </row>
    <row r="20819" spans="1:3" x14ac:dyDescent="0.25">
      <c r="A20819" s="2" t="s">
        <v>12477</v>
      </c>
      <c r="B20819" s="6">
        <v>346586.39999999997</v>
      </c>
      <c r="C20819" s="7">
        <f t="shared" si="325"/>
        <v>346.58639999999997</v>
      </c>
    </row>
    <row r="20820" spans="1:3" x14ac:dyDescent="0.25">
      <c r="A20820" s="2" t="s">
        <v>12478</v>
      </c>
      <c r="B20820" s="6">
        <v>346603.05</v>
      </c>
      <c r="C20820" s="7">
        <f t="shared" si="325"/>
        <v>346.60305</v>
      </c>
    </row>
    <row r="20821" spans="1:3" x14ac:dyDescent="0.25">
      <c r="A20821" s="2" t="s">
        <v>12479</v>
      </c>
      <c r="B20821" s="6">
        <v>346619.69999999995</v>
      </c>
      <c r="C20821" s="7">
        <f t="shared" si="325"/>
        <v>346.61969999999997</v>
      </c>
    </row>
    <row r="20822" spans="1:3" x14ac:dyDescent="0.25">
      <c r="A20822" s="2" t="s">
        <v>12480</v>
      </c>
      <c r="B20822" s="6">
        <v>346636.35</v>
      </c>
      <c r="C20822" s="7">
        <f t="shared" si="325"/>
        <v>346.63634999999999</v>
      </c>
    </row>
    <row r="20823" spans="1:3" x14ac:dyDescent="0.25">
      <c r="A20823" s="2" t="s">
        <v>12481</v>
      </c>
      <c r="B20823" s="6">
        <v>346652.99999999994</v>
      </c>
      <c r="C20823" s="7">
        <f t="shared" si="325"/>
        <v>346.65299999999996</v>
      </c>
    </row>
    <row r="20824" spans="1:3" x14ac:dyDescent="0.25">
      <c r="A20824" s="2" t="s">
        <v>12482</v>
      </c>
      <c r="B20824" s="6">
        <v>346669.64999999997</v>
      </c>
      <c r="C20824" s="7">
        <f t="shared" si="325"/>
        <v>346.66964999999999</v>
      </c>
    </row>
    <row r="20825" spans="1:3" x14ac:dyDescent="0.25">
      <c r="A20825" s="2" t="s">
        <v>12483</v>
      </c>
      <c r="B20825" s="6">
        <v>346686.3</v>
      </c>
      <c r="C20825" s="7">
        <f t="shared" si="325"/>
        <v>346.68629999999996</v>
      </c>
    </row>
    <row r="20826" spans="1:3" x14ac:dyDescent="0.25">
      <c r="A20826" s="2" t="s">
        <v>12484</v>
      </c>
      <c r="B20826" s="6">
        <v>346702.94999999995</v>
      </c>
      <c r="C20826" s="7">
        <f t="shared" si="325"/>
        <v>346.70294999999993</v>
      </c>
    </row>
    <row r="20827" spans="1:3" x14ac:dyDescent="0.25">
      <c r="A20827" s="2" t="s">
        <v>12485</v>
      </c>
      <c r="B20827" s="6">
        <v>346719.6</v>
      </c>
      <c r="C20827" s="7">
        <f t="shared" si="325"/>
        <v>346.71959999999996</v>
      </c>
    </row>
    <row r="20828" spans="1:3" x14ac:dyDescent="0.25">
      <c r="A20828" s="2" t="s">
        <v>12486</v>
      </c>
      <c r="B20828" s="6">
        <v>346736.24999999994</v>
      </c>
      <c r="C20828" s="7">
        <f t="shared" si="325"/>
        <v>346.73624999999993</v>
      </c>
    </row>
    <row r="20829" spans="1:3" x14ac:dyDescent="0.25">
      <c r="A20829" s="2" t="s">
        <v>12487</v>
      </c>
      <c r="B20829" s="6">
        <v>346752.89999999997</v>
      </c>
      <c r="C20829" s="7">
        <f t="shared" si="325"/>
        <v>346.75289999999995</v>
      </c>
    </row>
    <row r="20830" spans="1:3" x14ac:dyDescent="0.25">
      <c r="A20830" s="2" t="s">
        <v>12488</v>
      </c>
      <c r="B20830" s="6">
        <v>346769.55</v>
      </c>
      <c r="C20830" s="7">
        <f t="shared" si="325"/>
        <v>346.76954999999998</v>
      </c>
    </row>
    <row r="20831" spans="1:3" x14ac:dyDescent="0.25">
      <c r="A20831" s="2" t="s">
        <v>12489</v>
      </c>
      <c r="B20831" s="6">
        <v>346786.19999999995</v>
      </c>
      <c r="C20831" s="7">
        <f t="shared" si="325"/>
        <v>346.78619999999995</v>
      </c>
    </row>
    <row r="20832" spans="1:3" x14ac:dyDescent="0.25">
      <c r="A20832" s="2" t="s">
        <v>12490</v>
      </c>
      <c r="B20832" s="6">
        <v>346802.85</v>
      </c>
      <c r="C20832" s="7">
        <f t="shared" si="325"/>
        <v>346.80284999999998</v>
      </c>
    </row>
    <row r="20833" spans="1:3" x14ac:dyDescent="0.25">
      <c r="A20833" s="2" t="s">
        <v>12491</v>
      </c>
      <c r="B20833" s="6">
        <v>346819.49999999994</v>
      </c>
      <c r="C20833" s="7">
        <f t="shared" si="325"/>
        <v>346.81949999999995</v>
      </c>
    </row>
    <row r="20834" spans="1:3" x14ac:dyDescent="0.25">
      <c r="A20834" s="2" t="s">
        <v>12492</v>
      </c>
      <c r="B20834" s="6">
        <v>346836.14999999997</v>
      </c>
      <c r="C20834" s="7">
        <f t="shared" si="325"/>
        <v>346.83614999999998</v>
      </c>
    </row>
    <row r="20835" spans="1:3" x14ac:dyDescent="0.25">
      <c r="A20835" s="2" t="s">
        <v>12493</v>
      </c>
      <c r="B20835" s="6">
        <v>346852.8</v>
      </c>
      <c r="C20835" s="7">
        <f t="shared" si="325"/>
        <v>346.8528</v>
      </c>
    </row>
    <row r="20836" spans="1:3" x14ac:dyDescent="0.25">
      <c r="A20836" s="2" t="s">
        <v>12494</v>
      </c>
      <c r="B20836" s="6">
        <v>346869.44999999995</v>
      </c>
      <c r="C20836" s="7">
        <f t="shared" si="325"/>
        <v>346.86944999999997</v>
      </c>
    </row>
    <row r="20837" spans="1:3" x14ac:dyDescent="0.25">
      <c r="A20837" s="2" t="s">
        <v>12495</v>
      </c>
      <c r="B20837" s="6">
        <v>346886.1</v>
      </c>
      <c r="C20837" s="7">
        <f t="shared" si="325"/>
        <v>346.8861</v>
      </c>
    </row>
    <row r="20838" spans="1:3" x14ac:dyDescent="0.25">
      <c r="A20838" s="2" t="s">
        <v>12496</v>
      </c>
      <c r="B20838" s="6">
        <v>346902.74999999994</v>
      </c>
      <c r="C20838" s="7">
        <f t="shared" si="325"/>
        <v>346.90274999999997</v>
      </c>
    </row>
    <row r="20839" spans="1:3" x14ac:dyDescent="0.25">
      <c r="A20839" s="2" t="s">
        <v>12497</v>
      </c>
      <c r="B20839" s="6">
        <v>346919.39999999997</v>
      </c>
      <c r="C20839" s="7">
        <f t="shared" si="325"/>
        <v>346.91939999999994</v>
      </c>
    </row>
    <row r="20840" spans="1:3" x14ac:dyDescent="0.25">
      <c r="A20840" s="2" t="s">
        <v>12498</v>
      </c>
      <c r="B20840" s="6">
        <v>346936.05</v>
      </c>
      <c r="C20840" s="7">
        <f t="shared" si="325"/>
        <v>346.93604999999997</v>
      </c>
    </row>
    <row r="20841" spans="1:3" x14ac:dyDescent="0.25">
      <c r="A20841" s="2" t="s">
        <v>12499</v>
      </c>
      <c r="B20841" s="6">
        <v>346952.69999999995</v>
      </c>
      <c r="C20841" s="7">
        <f t="shared" si="325"/>
        <v>346.95269999999994</v>
      </c>
    </row>
    <row r="20842" spans="1:3" x14ac:dyDescent="0.25">
      <c r="A20842" s="2" t="s">
        <v>12500</v>
      </c>
      <c r="B20842" s="6">
        <v>346969.35</v>
      </c>
      <c r="C20842" s="7">
        <f t="shared" si="325"/>
        <v>346.96934999999996</v>
      </c>
    </row>
    <row r="20843" spans="1:3" x14ac:dyDescent="0.25">
      <c r="A20843" s="2" t="s">
        <v>12501</v>
      </c>
      <c r="B20843" s="6">
        <v>346985.99999999994</v>
      </c>
      <c r="C20843" s="7">
        <f t="shared" si="325"/>
        <v>346.98599999999993</v>
      </c>
    </row>
    <row r="20844" spans="1:3" x14ac:dyDescent="0.25">
      <c r="A20844" s="2" t="s">
        <v>12502</v>
      </c>
      <c r="B20844" s="6">
        <v>347002.64999999997</v>
      </c>
      <c r="C20844" s="7">
        <f t="shared" si="325"/>
        <v>347.00264999999996</v>
      </c>
    </row>
    <row r="20845" spans="1:3" x14ac:dyDescent="0.25">
      <c r="A20845" s="2" t="s">
        <v>12503</v>
      </c>
      <c r="B20845" s="6">
        <v>347019.3</v>
      </c>
      <c r="C20845" s="7">
        <f t="shared" si="325"/>
        <v>347.01929999999999</v>
      </c>
    </row>
    <row r="20846" spans="1:3" x14ac:dyDescent="0.25">
      <c r="A20846" s="2" t="s">
        <v>12504</v>
      </c>
      <c r="B20846" s="6">
        <v>347035.94999999995</v>
      </c>
      <c r="C20846" s="7">
        <f t="shared" si="325"/>
        <v>347.03594999999996</v>
      </c>
    </row>
    <row r="20847" spans="1:3" x14ac:dyDescent="0.25">
      <c r="A20847" s="2" t="s">
        <v>12505</v>
      </c>
      <c r="B20847" s="6">
        <v>347052.6</v>
      </c>
      <c r="C20847" s="7">
        <f t="shared" si="325"/>
        <v>347.05259999999998</v>
      </c>
    </row>
    <row r="20848" spans="1:3" x14ac:dyDescent="0.25">
      <c r="A20848" s="2" t="s">
        <v>12506</v>
      </c>
      <c r="B20848" s="6">
        <v>347069.24999999994</v>
      </c>
      <c r="C20848" s="7">
        <f t="shared" si="325"/>
        <v>347.06924999999995</v>
      </c>
    </row>
    <row r="20849" spans="1:3" x14ac:dyDescent="0.25">
      <c r="A20849" s="2" t="s">
        <v>12507</v>
      </c>
      <c r="B20849" s="6">
        <v>347085.89999999997</v>
      </c>
      <c r="C20849" s="7">
        <f t="shared" si="325"/>
        <v>347.08589999999998</v>
      </c>
    </row>
    <row r="20850" spans="1:3" x14ac:dyDescent="0.25">
      <c r="A20850" s="2" t="s">
        <v>12508</v>
      </c>
      <c r="B20850" s="6">
        <v>347102.55</v>
      </c>
      <c r="C20850" s="7">
        <f t="shared" si="325"/>
        <v>347.10255000000001</v>
      </c>
    </row>
    <row r="20851" spans="1:3" x14ac:dyDescent="0.25">
      <c r="A20851" s="2" t="s">
        <v>12509</v>
      </c>
      <c r="B20851" s="6">
        <v>347119.19999999995</v>
      </c>
      <c r="C20851" s="7">
        <f t="shared" si="325"/>
        <v>347.11919999999998</v>
      </c>
    </row>
    <row r="20852" spans="1:3" x14ac:dyDescent="0.25">
      <c r="A20852" s="2" t="s">
        <v>12510</v>
      </c>
      <c r="B20852" s="6">
        <v>347135.85</v>
      </c>
      <c r="C20852" s="7">
        <f t="shared" si="325"/>
        <v>347.13585</v>
      </c>
    </row>
    <row r="20853" spans="1:3" x14ac:dyDescent="0.25">
      <c r="A20853" s="2" t="s">
        <v>12511</v>
      </c>
      <c r="B20853" s="6">
        <v>347152.49999999994</v>
      </c>
      <c r="C20853" s="7">
        <f t="shared" si="325"/>
        <v>347.15249999999992</v>
      </c>
    </row>
    <row r="20854" spans="1:3" x14ac:dyDescent="0.25">
      <c r="A20854" s="2" t="s">
        <v>12512</v>
      </c>
      <c r="B20854" s="6">
        <v>347169.14999999997</v>
      </c>
      <c r="C20854" s="7">
        <f t="shared" si="325"/>
        <v>347.16914999999995</v>
      </c>
    </row>
    <row r="20855" spans="1:3" x14ac:dyDescent="0.25">
      <c r="A20855" s="2" t="s">
        <v>12513</v>
      </c>
      <c r="B20855" s="6">
        <v>347185.8</v>
      </c>
      <c r="C20855" s="7">
        <f t="shared" si="325"/>
        <v>347.18579999999997</v>
      </c>
    </row>
    <row r="20856" spans="1:3" x14ac:dyDescent="0.25">
      <c r="A20856" s="2" t="s">
        <v>12514</v>
      </c>
      <c r="B20856" s="6">
        <v>347202.44999999995</v>
      </c>
      <c r="C20856" s="7">
        <f t="shared" si="325"/>
        <v>347.20244999999994</v>
      </c>
    </row>
    <row r="20857" spans="1:3" x14ac:dyDescent="0.25">
      <c r="A20857" s="2" t="s">
        <v>12515</v>
      </c>
      <c r="B20857" s="6">
        <v>347219.1</v>
      </c>
      <c r="C20857" s="7">
        <f t="shared" si="325"/>
        <v>347.21909999999997</v>
      </c>
    </row>
    <row r="20858" spans="1:3" x14ac:dyDescent="0.25">
      <c r="A20858" s="2" t="s">
        <v>12516</v>
      </c>
      <c r="B20858" s="6">
        <v>347235.74999999994</v>
      </c>
      <c r="C20858" s="7">
        <f t="shared" si="325"/>
        <v>347.23574999999994</v>
      </c>
    </row>
    <row r="20859" spans="1:3" x14ac:dyDescent="0.25">
      <c r="A20859" s="2" t="s">
        <v>12517</v>
      </c>
      <c r="B20859" s="6">
        <v>347252.39999999997</v>
      </c>
      <c r="C20859" s="7">
        <f t="shared" si="325"/>
        <v>347.25239999999997</v>
      </c>
    </row>
    <row r="20860" spans="1:3" x14ac:dyDescent="0.25">
      <c r="A20860" s="2" t="s">
        <v>12518</v>
      </c>
      <c r="B20860" s="6">
        <v>347269.05</v>
      </c>
      <c r="C20860" s="7">
        <f t="shared" si="325"/>
        <v>347.26904999999999</v>
      </c>
    </row>
    <row r="20861" spans="1:3" x14ac:dyDescent="0.25">
      <c r="A20861" s="2" t="s">
        <v>12519</v>
      </c>
      <c r="B20861" s="6">
        <v>347285.69999999995</v>
      </c>
      <c r="C20861" s="7">
        <f t="shared" si="325"/>
        <v>347.28569999999996</v>
      </c>
    </row>
    <row r="20862" spans="1:3" x14ac:dyDescent="0.25">
      <c r="A20862" s="2" t="s">
        <v>12520</v>
      </c>
      <c r="B20862" s="6">
        <v>347302.35</v>
      </c>
      <c r="C20862" s="7">
        <f t="shared" si="325"/>
        <v>347.30234999999999</v>
      </c>
    </row>
    <row r="20863" spans="1:3" x14ac:dyDescent="0.25">
      <c r="A20863" s="2" t="s">
        <v>12521</v>
      </c>
      <c r="B20863" s="6">
        <v>347318.99999999994</v>
      </c>
      <c r="C20863" s="7">
        <f t="shared" si="325"/>
        <v>347.31899999999996</v>
      </c>
    </row>
    <row r="20864" spans="1:3" x14ac:dyDescent="0.25">
      <c r="A20864" s="2" t="s">
        <v>12522</v>
      </c>
      <c r="B20864" s="6">
        <v>347335.64999999997</v>
      </c>
      <c r="C20864" s="7">
        <f t="shared" si="325"/>
        <v>347.33564999999999</v>
      </c>
    </row>
    <row r="20865" spans="1:3" x14ac:dyDescent="0.25">
      <c r="A20865" s="2" t="s">
        <v>12523</v>
      </c>
      <c r="B20865" s="6">
        <v>347352.3</v>
      </c>
      <c r="C20865" s="7">
        <f t="shared" si="325"/>
        <v>347.35230000000001</v>
      </c>
    </row>
    <row r="20866" spans="1:3" x14ac:dyDescent="0.25">
      <c r="A20866" s="2" t="s">
        <v>12524</v>
      </c>
      <c r="B20866" s="6">
        <v>347368.94999999995</v>
      </c>
      <c r="C20866" s="7">
        <f t="shared" si="325"/>
        <v>347.36894999999993</v>
      </c>
    </row>
    <row r="20867" spans="1:3" x14ac:dyDescent="0.25">
      <c r="A20867" s="2" t="s">
        <v>12525</v>
      </c>
      <c r="B20867" s="6">
        <v>347385.59999999998</v>
      </c>
      <c r="C20867" s="7">
        <f t="shared" ref="C20867:C20930" si="326">B20867/1000</f>
        <v>347.38559999999995</v>
      </c>
    </row>
    <row r="20868" spans="1:3" x14ac:dyDescent="0.25">
      <c r="A20868" s="2" t="s">
        <v>12526</v>
      </c>
      <c r="B20868" s="6">
        <v>347402.24999999994</v>
      </c>
      <c r="C20868" s="7">
        <f t="shared" si="326"/>
        <v>347.40224999999992</v>
      </c>
    </row>
    <row r="20869" spans="1:3" x14ac:dyDescent="0.25">
      <c r="A20869" s="2" t="s">
        <v>12527</v>
      </c>
      <c r="B20869" s="6">
        <v>347418.89999999997</v>
      </c>
      <c r="C20869" s="7">
        <f t="shared" si="326"/>
        <v>347.41889999999995</v>
      </c>
    </row>
    <row r="20870" spans="1:3" x14ac:dyDescent="0.25">
      <c r="A20870" s="2" t="s">
        <v>12528</v>
      </c>
      <c r="B20870" s="6">
        <v>347435.55</v>
      </c>
      <c r="C20870" s="7">
        <f t="shared" si="326"/>
        <v>347.43554999999998</v>
      </c>
    </row>
    <row r="20871" spans="1:3" x14ac:dyDescent="0.25">
      <c r="A20871" s="2" t="s">
        <v>12529</v>
      </c>
      <c r="B20871" s="6">
        <v>347452.19999999995</v>
      </c>
      <c r="C20871" s="7">
        <f t="shared" si="326"/>
        <v>347.45219999999995</v>
      </c>
    </row>
    <row r="20872" spans="1:3" x14ac:dyDescent="0.25">
      <c r="A20872" s="2" t="s">
        <v>12530</v>
      </c>
      <c r="B20872" s="6">
        <v>347468.85</v>
      </c>
      <c r="C20872" s="7">
        <f t="shared" si="326"/>
        <v>347.46884999999997</v>
      </c>
    </row>
    <row r="20873" spans="1:3" x14ac:dyDescent="0.25">
      <c r="A20873" s="2" t="s">
        <v>12531</v>
      </c>
      <c r="B20873" s="6">
        <v>347485.49999999994</v>
      </c>
      <c r="C20873" s="7">
        <f t="shared" si="326"/>
        <v>347.48549999999994</v>
      </c>
    </row>
    <row r="20874" spans="1:3" x14ac:dyDescent="0.25">
      <c r="A20874" s="2" t="s">
        <v>12532</v>
      </c>
      <c r="B20874" s="6">
        <v>347502.14999999997</v>
      </c>
      <c r="C20874" s="7">
        <f t="shared" si="326"/>
        <v>347.50214999999997</v>
      </c>
    </row>
    <row r="20875" spans="1:3" x14ac:dyDescent="0.25">
      <c r="A20875" s="2" t="s">
        <v>12533</v>
      </c>
      <c r="B20875" s="6">
        <v>347518.8</v>
      </c>
      <c r="C20875" s="7">
        <f t="shared" si="326"/>
        <v>347.5188</v>
      </c>
    </row>
    <row r="20876" spans="1:3" x14ac:dyDescent="0.25">
      <c r="A20876" s="2" t="s">
        <v>12534</v>
      </c>
      <c r="B20876" s="6">
        <v>347535.44999999995</v>
      </c>
      <c r="C20876" s="7">
        <f t="shared" si="326"/>
        <v>347.53544999999997</v>
      </c>
    </row>
    <row r="20877" spans="1:3" x14ac:dyDescent="0.25">
      <c r="A20877" s="2" t="s">
        <v>12535</v>
      </c>
      <c r="B20877" s="6">
        <v>347552.1</v>
      </c>
      <c r="C20877" s="7">
        <f t="shared" si="326"/>
        <v>347.5521</v>
      </c>
    </row>
    <row r="20878" spans="1:3" x14ac:dyDescent="0.25">
      <c r="A20878" s="2" t="s">
        <v>12536</v>
      </c>
      <c r="B20878" s="6">
        <v>347568.74999999994</v>
      </c>
      <c r="C20878" s="7">
        <f t="shared" si="326"/>
        <v>347.56874999999997</v>
      </c>
    </row>
    <row r="20879" spans="1:3" x14ac:dyDescent="0.25">
      <c r="A20879" s="2" t="s">
        <v>12537</v>
      </c>
      <c r="B20879" s="6">
        <v>347585.39999999997</v>
      </c>
      <c r="C20879" s="7">
        <f t="shared" si="326"/>
        <v>347.58539999999999</v>
      </c>
    </row>
    <row r="20880" spans="1:3" x14ac:dyDescent="0.25">
      <c r="A20880" s="2" t="s">
        <v>12538</v>
      </c>
      <c r="B20880" s="6">
        <v>347602.05</v>
      </c>
      <c r="C20880" s="7">
        <f t="shared" si="326"/>
        <v>347.60204999999996</v>
      </c>
    </row>
    <row r="20881" spans="1:3" x14ac:dyDescent="0.25">
      <c r="A20881" s="2" t="s">
        <v>12539</v>
      </c>
      <c r="B20881" s="6">
        <v>347618.69999999995</v>
      </c>
      <c r="C20881" s="7">
        <f t="shared" si="326"/>
        <v>347.61869999999993</v>
      </c>
    </row>
    <row r="20882" spans="1:3" x14ac:dyDescent="0.25">
      <c r="A20882" s="2" t="s">
        <v>12540</v>
      </c>
      <c r="B20882" s="6">
        <v>347635.35</v>
      </c>
      <c r="C20882" s="7">
        <f t="shared" si="326"/>
        <v>347.63534999999996</v>
      </c>
    </row>
    <row r="20883" spans="1:3" x14ac:dyDescent="0.25">
      <c r="A20883" s="2" t="s">
        <v>12541</v>
      </c>
      <c r="B20883" s="6">
        <v>347651.99999999994</v>
      </c>
      <c r="C20883" s="7">
        <f t="shared" si="326"/>
        <v>347.65199999999993</v>
      </c>
    </row>
    <row r="20884" spans="1:3" x14ac:dyDescent="0.25">
      <c r="A20884" s="2" t="s">
        <v>12542</v>
      </c>
      <c r="B20884" s="6">
        <v>347668.64999999997</v>
      </c>
      <c r="C20884" s="7">
        <f t="shared" si="326"/>
        <v>347.66864999999996</v>
      </c>
    </row>
    <row r="20885" spans="1:3" x14ac:dyDescent="0.25">
      <c r="A20885" s="2" t="s">
        <v>12543</v>
      </c>
      <c r="B20885" s="6">
        <v>347685.3</v>
      </c>
      <c r="C20885" s="7">
        <f t="shared" si="326"/>
        <v>347.68529999999998</v>
      </c>
    </row>
    <row r="20886" spans="1:3" x14ac:dyDescent="0.25">
      <c r="A20886" s="2" t="s">
        <v>12544</v>
      </c>
      <c r="B20886" s="6">
        <v>347701.94999999995</v>
      </c>
      <c r="C20886" s="7">
        <f t="shared" si="326"/>
        <v>347.70194999999995</v>
      </c>
    </row>
    <row r="20887" spans="1:3" x14ac:dyDescent="0.25">
      <c r="A20887" s="2" t="s">
        <v>12545</v>
      </c>
      <c r="B20887" s="6">
        <v>347718.6</v>
      </c>
      <c r="C20887" s="7">
        <f t="shared" si="326"/>
        <v>347.71859999999998</v>
      </c>
    </row>
    <row r="20888" spans="1:3" x14ac:dyDescent="0.25">
      <c r="A20888" s="2" t="s">
        <v>12546</v>
      </c>
      <c r="B20888" s="6">
        <v>347735.24999999994</v>
      </c>
      <c r="C20888" s="7">
        <f t="shared" si="326"/>
        <v>347.73524999999995</v>
      </c>
    </row>
    <row r="20889" spans="1:3" x14ac:dyDescent="0.25">
      <c r="A20889" s="2" t="s">
        <v>12547</v>
      </c>
      <c r="B20889" s="6">
        <v>347751.89999999997</v>
      </c>
      <c r="C20889" s="7">
        <f t="shared" si="326"/>
        <v>347.75189999999998</v>
      </c>
    </row>
    <row r="20890" spans="1:3" x14ac:dyDescent="0.25">
      <c r="A20890" s="2" t="s">
        <v>12548</v>
      </c>
      <c r="B20890" s="6">
        <v>347768.55</v>
      </c>
      <c r="C20890" s="7">
        <f t="shared" si="326"/>
        <v>347.76855</v>
      </c>
    </row>
    <row r="20891" spans="1:3" x14ac:dyDescent="0.25">
      <c r="A20891" s="2" t="s">
        <v>12549</v>
      </c>
      <c r="B20891" s="6">
        <v>347785.19999999995</v>
      </c>
      <c r="C20891" s="7">
        <f t="shared" si="326"/>
        <v>347.78519999999997</v>
      </c>
    </row>
    <row r="20892" spans="1:3" x14ac:dyDescent="0.25">
      <c r="A20892" s="2" t="s">
        <v>12550</v>
      </c>
      <c r="B20892" s="6">
        <v>347801.85</v>
      </c>
      <c r="C20892" s="7">
        <f t="shared" si="326"/>
        <v>347.80185</v>
      </c>
    </row>
    <row r="20893" spans="1:3" x14ac:dyDescent="0.25">
      <c r="A20893" s="2" t="s">
        <v>12551</v>
      </c>
      <c r="B20893" s="6">
        <v>347818.49999999994</v>
      </c>
      <c r="C20893" s="7">
        <f t="shared" si="326"/>
        <v>347.81849999999991</v>
      </c>
    </row>
    <row r="20894" spans="1:3" x14ac:dyDescent="0.25">
      <c r="A20894" s="2" t="s">
        <v>12552</v>
      </c>
      <c r="B20894" s="6">
        <v>347835.14999999997</v>
      </c>
      <c r="C20894" s="7">
        <f t="shared" si="326"/>
        <v>347.83514999999994</v>
      </c>
    </row>
    <row r="20895" spans="1:3" x14ac:dyDescent="0.25">
      <c r="A20895" s="2" t="s">
        <v>12553</v>
      </c>
      <c r="B20895" s="6">
        <v>347851.8</v>
      </c>
      <c r="C20895" s="7">
        <f t="shared" si="326"/>
        <v>347.85179999999997</v>
      </c>
    </row>
    <row r="20896" spans="1:3" x14ac:dyDescent="0.25">
      <c r="A20896" s="2" t="s">
        <v>12554</v>
      </c>
      <c r="B20896" s="6">
        <v>347868.44999999995</v>
      </c>
      <c r="C20896" s="7">
        <f t="shared" si="326"/>
        <v>347.86844999999994</v>
      </c>
    </row>
    <row r="20897" spans="1:3" x14ac:dyDescent="0.25">
      <c r="A20897" s="2" t="s">
        <v>12555</v>
      </c>
      <c r="B20897" s="6">
        <v>347885.1</v>
      </c>
      <c r="C20897" s="7">
        <f t="shared" si="326"/>
        <v>347.88509999999997</v>
      </c>
    </row>
    <row r="20898" spans="1:3" x14ac:dyDescent="0.25">
      <c r="A20898" s="2" t="s">
        <v>12556</v>
      </c>
      <c r="B20898" s="6">
        <v>347901.74999999994</v>
      </c>
      <c r="C20898" s="7">
        <f t="shared" si="326"/>
        <v>347.90174999999994</v>
      </c>
    </row>
    <row r="20899" spans="1:3" x14ac:dyDescent="0.25">
      <c r="A20899" s="2" t="s">
        <v>12557</v>
      </c>
      <c r="B20899" s="6">
        <v>347918.39999999997</v>
      </c>
      <c r="C20899" s="7">
        <f t="shared" si="326"/>
        <v>347.91839999999996</v>
      </c>
    </row>
    <row r="20900" spans="1:3" x14ac:dyDescent="0.25">
      <c r="A20900" s="2" t="s">
        <v>12558</v>
      </c>
      <c r="B20900" s="6">
        <v>347935.05</v>
      </c>
      <c r="C20900" s="7">
        <f t="shared" si="326"/>
        <v>347.93504999999999</v>
      </c>
    </row>
    <row r="20901" spans="1:3" x14ac:dyDescent="0.25">
      <c r="A20901" s="2" t="s">
        <v>12559</v>
      </c>
      <c r="B20901" s="6">
        <v>347951.69999999995</v>
      </c>
      <c r="C20901" s="7">
        <f t="shared" si="326"/>
        <v>347.95169999999996</v>
      </c>
    </row>
    <row r="20902" spans="1:3" x14ac:dyDescent="0.25">
      <c r="A20902" s="2" t="s">
        <v>12560</v>
      </c>
      <c r="B20902" s="6">
        <v>347968.35</v>
      </c>
      <c r="C20902" s="7">
        <f t="shared" si="326"/>
        <v>347.96834999999999</v>
      </c>
    </row>
    <row r="20903" spans="1:3" x14ac:dyDescent="0.25">
      <c r="A20903" s="2" t="s">
        <v>12561</v>
      </c>
      <c r="B20903" s="6">
        <v>347984.99999999994</v>
      </c>
      <c r="C20903" s="7">
        <f t="shared" si="326"/>
        <v>347.98499999999996</v>
      </c>
    </row>
    <row r="20904" spans="1:3" x14ac:dyDescent="0.25">
      <c r="A20904" s="2" t="s">
        <v>12562</v>
      </c>
      <c r="B20904" s="6">
        <v>348001.64999999997</v>
      </c>
      <c r="C20904" s="7">
        <f t="shared" si="326"/>
        <v>348.00164999999998</v>
      </c>
    </row>
    <row r="20905" spans="1:3" x14ac:dyDescent="0.25">
      <c r="A20905" s="2" t="s">
        <v>12563</v>
      </c>
      <c r="B20905" s="6">
        <v>348018.3</v>
      </c>
      <c r="C20905" s="7">
        <f t="shared" si="326"/>
        <v>348.01830000000001</v>
      </c>
    </row>
    <row r="20906" spans="1:3" x14ac:dyDescent="0.25">
      <c r="A20906" s="2" t="s">
        <v>12564</v>
      </c>
      <c r="B20906" s="6">
        <v>348034.94999999995</v>
      </c>
      <c r="C20906" s="7">
        <f t="shared" si="326"/>
        <v>348.03494999999998</v>
      </c>
    </row>
    <row r="20907" spans="1:3" x14ac:dyDescent="0.25">
      <c r="A20907" s="2" t="s">
        <v>12565</v>
      </c>
      <c r="B20907" s="6">
        <v>348051.6</v>
      </c>
      <c r="C20907" s="7">
        <f t="shared" si="326"/>
        <v>348.05159999999995</v>
      </c>
    </row>
    <row r="20908" spans="1:3" x14ac:dyDescent="0.25">
      <c r="A20908" s="2" t="s">
        <v>12566</v>
      </c>
      <c r="B20908" s="6">
        <v>348068.24999999994</v>
      </c>
      <c r="C20908" s="7">
        <f t="shared" si="326"/>
        <v>348.06824999999992</v>
      </c>
    </row>
    <row r="20909" spans="1:3" x14ac:dyDescent="0.25">
      <c r="A20909" s="2" t="s">
        <v>12567</v>
      </c>
      <c r="B20909" s="6">
        <v>348084.89999999997</v>
      </c>
      <c r="C20909" s="7">
        <f t="shared" si="326"/>
        <v>348.08489999999995</v>
      </c>
    </row>
    <row r="20910" spans="1:3" x14ac:dyDescent="0.25">
      <c r="A20910" s="2" t="s">
        <v>12568</v>
      </c>
      <c r="B20910" s="6">
        <v>348101.55</v>
      </c>
      <c r="C20910" s="7">
        <f t="shared" si="326"/>
        <v>348.10154999999997</v>
      </c>
    </row>
    <row r="20911" spans="1:3" x14ac:dyDescent="0.25">
      <c r="A20911" s="2" t="s">
        <v>12569</v>
      </c>
      <c r="B20911" s="6">
        <v>348118.19999999995</v>
      </c>
      <c r="C20911" s="7">
        <f t="shared" si="326"/>
        <v>348.11819999999994</v>
      </c>
    </row>
    <row r="20912" spans="1:3" x14ac:dyDescent="0.25">
      <c r="A20912" s="2" t="s">
        <v>12570</v>
      </c>
      <c r="B20912" s="6">
        <v>348134.85</v>
      </c>
      <c r="C20912" s="7">
        <f t="shared" si="326"/>
        <v>348.13484999999997</v>
      </c>
    </row>
    <row r="20913" spans="1:3" x14ac:dyDescent="0.25">
      <c r="A20913" s="2" t="s">
        <v>12571</v>
      </c>
      <c r="B20913" s="6">
        <v>348151.49999999994</v>
      </c>
      <c r="C20913" s="7">
        <f t="shared" si="326"/>
        <v>348.15149999999994</v>
      </c>
    </row>
    <row r="20914" spans="1:3" x14ac:dyDescent="0.25">
      <c r="A20914" s="2" t="s">
        <v>12572</v>
      </c>
      <c r="B20914" s="6">
        <v>348168.14999999997</v>
      </c>
      <c r="C20914" s="7">
        <f t="shared" si="326"/>
        <v>348.16814999999997</v>
      </c>
    </row>
    <row r="20915" spans="1:3" x14ac:dyDescent="0.25">
      <c r="A20915" s="2" t="s">
        <v>12573</v>
      </c>
      <c r="B20915" s="6">
        <v>348184.8</v>
      </c>
      <c r="C20915" s="7">
        <f t="shared" si="326"/>
        <v>348.1848</v>
      </c>
    </row>
    <row r="20916" spans="1:3" x14ac:dyDescent="0.25">
      <c r="A20916" s="2" t="s">
        <v>12574</v>
      </c>
      <c r="B20916" s="6">
        <v>348201.44999999995</v>
      </c>
      <c r="C20916" s="7">
        <f t="shared" si="326"/>
        <v>348.20144999999997</v>
      </c>
    </row>
    <row r="20917" spans="1:3" x14ac:dyDescent="0.25">
      <c r="A20917" s="2" t="s">
        <v>12575</v>
      </c>
      <c r="B20917" s="6">
        <v>348218.1</v>
      </c>
      <c r="C20917" s="7">
        <f t="shared" si="326"/>
        <v>348.21809999999999</v>
      </c>
    </row>
    <row r="20918" spans="1:3" x14ac:dyDescent="0.25">
      <c r="A20918" s="2" t="s">
        <v>12576</v>
      </c>
      <c r="B20918" s="6">
        <v>348234.74999999994</v>
      </c>
      <c r="C20918" s="7">
        <f t="shared" si="326"/>
        <v>348.23474999999996</v>
      </c>
    </row>
    <row r="20919" spans="1:3" x14ac:dyDescent="0.25">
      <c r="A20919" s="2" t="s">
        <v>12577</v>
      </c>
      <c r="B20919" s="6">
        <v>348251.39999999997</v>
      </c>
      <c r="C20919" s="7">
        <f t="shared" si="326"/>
        <v>348.25139999999999</v>
      </c>
    </row>
    <row r="20920" spans="1:3" x14ac:dyDescent="0.25">
      <c r="A20920" s="2" t="s">
        <v>12578</v>
      </c>
      <c r="B20920" s="6">
        <v>348268.05</v>
      </c>
      <c r="C20920" s="7">
        <f t="shared" si="326"/>
        <v>348.26805000000002</v>
      </c>
    </row>
    <row r="20921" spans="1:3" x14ac:dyDescent="0.25">
      <c r="A20921" s="2" t="s">
        <v>12579</v>
      </c>
      <c r="B20921" s="6">
        <v>348284.69999999995</v>
      </c>
      <c r="C20921" s="7">
        <f t="shared" si="326"/>
        <v>348.28469999999993</v>
      </c>
    </row>
    <row r="20922" spans="1:3" x14ac:dyDescent="0.25">
      <c r="A20922" s="2" t="s">
        <v>12580</v>
      </c>
      <c r="B20922" s="6">
        <v>348301.35</v>
      </c>
      <c r="C20922" s="7">
        <f t="shared" si="326"/>
        <v>348.30134999999996</v>
      </c>
    </row>
    <row r="20923" spans="1:3" x14ac:dyDescent="0.25">
      <c r="A20923" s="2" t="s">
        <v>12581</v>
      </c>
      <c r="B20923" s="6">
        <v>348317.99999999994</v>
      </c>
      <c r="C20923" s="7">
        <f t="shared" si="326"/>
        <v>348.31799999999993</v>
      </c>
    </row>
    <row r="20924" spans="1:3" x14ac:dyDescent="0.25">
      <c r="A20924" s="2" t="s">
        <v>12582</v>
      </c>
      <c r="B20924" s="6">
        <v>348334.64999999997</v>
      </c>
      <c r="C20924" s="7">
        <f t="shared" si="326"/>
        <v>348.33464999999995</v>
      </c>
    </row>
    <row r="20925" spans="1:3" x14ac:dyDescent="0.25">
      <c r="A20925" s="2" t="s">
        <v>12583</v>
      </c>
      <c r="B20925" s="6">
        <v>348351.3</v>
      </c>
      <c r="C20925" s="7">
        <f t="shared" si="326"/>
        <v>348.35129999999998</v>
      </c>
    </row>
    <row r="20926" spans="1:3" x14ac:dyDescent="0.25">
      <c r="A20926" s="2" t="s">
        <v>12584</v>
      </c>
      <c r="B20926" s="6">
        <v>348367.94999999995</v>
      </c>
      <c r="C20926" s="7">
        <f t="shared" si="326"/>
        <v>348.36794999999995</v>
      </c>
    </row>
    <row r="20927" spans="1:3" x14ac:dyDescent="0.25">
      <c r="A20927" s="2" t="s">
        <v>12585</v>
      </c>
      <c r="B20927" s="6">
        <v>348384.6</v>
      </c>
      <c r="C20927" s="7">
        <f t="shared" si="326"/>
        <v>348.38459999999998</v>
      </c>
    </row>
    <row r="20928" spans="1:3" x14ac:dyDescent="0.25">
      <c r="A20928" s="2" t="s">
        <v>12586</v>
      </c>
      <c r="B20928" s="6">
        <v>348401.24999999994</v>
      </c>
      <c r="C20928" s="7">
        <f t="shared" si="326"/>
        <v>348.40124999999995</v>
      </c>
    </row>
    <row r="20929" spans="1:3" x14ac:dyDescent="0.25">
      <c r="A20929" s="2" t="s">
        <v>12587</v>
      </c>
      <c r="B20929" s="6">
        <v>348417.89999999997</v>
      </c>
      <c r="C20929" s="7">
        <f t="shared" si="326"/>
        <v>348.41789999999997</v>
      </c>
    </row>
    <row r="20930" spans="1:3" x14ac:dyDescent="0.25">
      <c r="A20930" s="2" t="s">
        <v>12588</v>
      </c>
      <c r="B20930" s="6">
        <v>348434.55</v>
      </c>
      <c r="C20930" s="7">
        <f t="shared" si="326"/>
        <v>348.43455</v>
      </c>
    </row>
    <row r="20931" spans="1:3" x14ac:dyDescent="0.25">
      <c r="A20931" s="2" t="s">
        <v>12589</v>
      </c>
      <c r="B20931" s="6">
        <v>348451.19999999995</v>
      </c>
      <c r="C20931" s="7">
        <f t="shared" ref="C20931:C20994" si="327">B20931/1000</f>
        <v>348.45119999999997</v>
      </c>
    </row>
    <row r="20932" spans="1:3" x14ac:dyDescent="0.25">
      <c r="A20932" s="2" t="s">
        <v>12590</v>
      </c>
      <c r="B20932" s="6">
        <v>348467.85</v>
      </c>
      <c r="C20932" s="7">
        <f t="shared" si="327"/>
        <v>348.46785</v>
      </c>
    </row>
    <row r="20933" spans="1:3" x14ac:dyDescent="0.25">
      <c r="A20933" s="2" t="s">
        <v>12591</v>
      </c>
      <c r="B20933" s="6">
        <v>348484.49999999994</v>
      </c>
      <c r="C20933" s="7">
        <f t="shared" si="327"/>
        <v>348.48449999999997</v>
      </c>
    </row>
    <row r="20934" spans="1:3" x14ac:dyDescent="0.25">
      <c r="A20934" s="2" t="s">
        <v>12592</v>
      </c>
      <c r="B20934" s="6">
        <v>348501.14999999997</v>
      </c>
      <c r="C20934" s="7">
        <f t="shared" si="327"/>
        <v>348.50114999999994</v>
      </c>
    </row>
    <row r="20935" spans="1:3" x14ac:dyDescent="0.25">
      <c r="A20935" s="2" t="s">
        <v>12593</v>
      </c>
      <c r="B20935" s="6">
        <v>348517.8</v>
      </c>
      <c r="C20935" s="7">
        <f t="shared" si="327"/>
        <v>348.51779999999997</v>
      </c>
    </row>
    <row r="20936" spans="1:3" x14ac:dyDescent="0.25">
      <c r="A20936" s="2" t="s">
        <v>12594</v>
      </c>
      <c r="B20936" s="6">
        <v>348534.44999999995</v>
      </c>
      <c r="C20936" s="7">
        <f t="shared" si="327"/>
        <v>348.53444999999994</v>
      </c>
    </row>
    <row r="20937" spans="1:3" x14ac:dyDescent="0.25">
      <c r="A20937" s="2" t="s">
        <v>12595</v>
      </c>
      <c r="B20937" s="6">
        <v>348551.1</v>
      </c>
      <c r="C20937" s="7">
        <f t="shared" si="327"/>
        <v>348.55109999999996</v>
      </c>
    </row>
    <row r="20938" spans="1:3" x14ac:dyDescent="0.25">
      <c r="A20938" s="2" t="s">
        <v>12596</v>
      </c>
      <c r="B20938" s="6">
        <v>348567.74999999994</v>
      </c>
      <c r="C20938" s="7">
        <f t="shared" si="327"/>
        <v>348.56774999999993</v>
      </c>
    </row>
    <row r="20939" spans="1:3" x14ac:dyDescent="0.25">
      <c r="A20939" s="2" t="s">
        <v>12597</v>
      </c>
      <c r="B20939" s="6">
        <v>348584.39999999997</v>
      </c>
      <c r="C20939" s="7">
        <f t="shared" si="327"/>
        <v>348.58439999999996</v>
      </c>
    </row>
    <row r="20940" spans="1:3" x14ac:dyDescent="0.25">
      <c r="A20940" s="2" t="s">
        <v>12598</v>
      </c>
      <c r="B20940" s="6">
        <v>348601.05</v>
      </c>
      <c r="C20940" s="7">
        <f t="shared" si="327"/>
        <v>348.60104999999999</v>
      </c>
    </row>
    <row r="20941" spans="1:3" x14ac:dyDescent="0.25">
      <c r="A20941" s="2" t="s">
        <v>12599</v>
      </c>
      <c r="B20941" s="6">
        <v>348617.69999999995</v>
      </c>
      <c r="C20941" s="7">
        <f t="shared" si="327"/>
        <v>348.61769999999996</v>
      </c>
    </row>
    <row r="20942" spans="1:3" x14ac:dyDescent="0.25">
      <c r="A20942" s="2" t="s">
        <v>12600</v>
      </c>
      <c r="B20942" s="6">
        <v>348634.35</v>
      </c>
      <c r="C20942" s="7">
        <f t="shared" si="327"/>
        <v>348.63434999999998</v>
      </c>
    </row>
    <row r="20943" spans="1:3" x14ac:dyDescent="0.25">
      <c r="A20943" s="2" t="s">
        <v>12601</v>
      </c>
      <c r="B20943" s="6">
        <v>348650.99999999994</v>
      </c>
      <c r="C20943" s="7">
        <f t="shared" si="327"/>
        <v>348.65099999999995</v>
      </c>
    </row>
    <row r="20944" spans="1:3" x14ac:dyDescent="0.25">
      <c r="A20944" s="2" t="s">
        <v>12602</v>
      </c>
      <c r="B20944" s="6">
        <v>348667.64999999997</v>
      </c>
      <c r="C20944" s="7">
        <f t="shared" si="327"/>
        <v>348.66764999999998</v>
      </c>
    </row>
    <row r="20945" spans="1:3" x14ac:dyDescent="0.25">
      <c r="A20945" s="2" t="s">
        <v>12603</v>
      </c>
      <c r="B20945" s="6">
        <v>348684.3</v>
      </c>
      <c r="C20945" s="7">
        <f t="shared" si="327"/>
        <v>348.68430000000001</v>
      </c>
    </row>
    <row r="20946" spans="1:3" x14ac:dyDescent="0.25">
      <c r="A20946" s="2" t="s">
        <v>12604</v>
      </c>
      <c r="B20946" s="6">
        <v>348700.94999999995</v>
      </c>
      <c r="C20946" s="7">
        <f t="shared" si="327"/>
        <v>348.70094999999998</v>
      </c>
    </row>
    <row r="20947" spans="1:3" x14ac:dyDescent="0.25">
      <c r="A20947" s="2" t="s">
        <v>12605</v>
      </c>
      <c r="B20947" s="6">
        <v>348717.6</v>
      </c>
      <c r="C20947" s="7">
        <f t="shared" si="327"/>
        <v>348.7176</v>
      </c>
    </row>
    <row r="20948" spans="1:3" x14ac:dyDescent="0.25">
      <c r="A20948" s="2" t="s">
        <v>12606</v>
      </c>
      <c r="B20948" s="6">
        <v>348734.24999999994</v>
      </c>
      <c r="C20948" s="7">
        <f t="shared" si="327"/>
        <v>348.73424999999992</v>
      </c>
    </row>
    <row r="20949" spans="1:3" x14ac:dyDescent="0.25">
      <c r="A20949" s="2" t="s">
        <v>12607</v>
      </c>
      <c r="B20949" s="6">
        <v>348750.89999999997</v>
      </c>
      <c r="C20949" s="7">
        <f t="shared" si="327"/>
        <v>348.75089999999994</v>
      </c>
    </row>
    <row r="20950" spans="1:3" x14ac:dyDescent="0.25">
      <c r="A20950" s="2" t="s">
        <v>12608</v>
      </c>
      <c r="B20950" s="6">
        <v>348767.55</v>
      </c>
      <c r="C20950" s="7">
        <f t="shared" si="327"/>
        <v>348.76754999999997</v>
      </c>
    </row>
    <row r="20951" spans="1:3" x14ac:dyDescent="0.25">
      <c r="A20951" s="2" t="s">
        <v>12609</v>
      </c>
      <c r="B20951" s="6">
        <v>348784.19999999995</v>
      </c>
      <c r="C20951" s="7">
        <f t="shared" si="327"/>
        <v>348.78419999999994</v>
      </c>
    </row>
    <row r="20952" spans="1:3" x14ac:dyDescent="0.25">
      <c r="A20952" s="2" t="s">
        <v>12610</v>
      </c>
      <c r="B20952" s="6">
        <v>348800.85</v>
      </c>
      <c r="C20952" s="7">
        <f t="shared" si="327"/>
        <v>348.80084999999997</v>
      </c>
    </row>
    <row r="20953" spans="1:3" x14ac:dyDescent="0.25">
      <c r="A20953" s="2" t="s">
        <v>12611</v>
      </c>
      <c r="B20953" s="6">
        <v>348817.49999999994</v>
      </c>
      <c r="C20953" s="7">
        <f t="shared" si="327"/>
        <v>348.81749999999994</v>
      </c>
    </row>
    <row r="20954" spans="1:3" x14ac:dyDescent="0.25">
      <c r="A20954" s="2" t="s">
        <v>12612</v>
      </c>
      <c r="B20954" s="6">
        <v>348834.14999999997</v>
      </c>
      <c r="C20954" s="7">
        <f t="shared" si="327"/>
        <v>348.83414999999997</v>
      </c>
    </row>
    <row r="20955" spans="1:3" x14ac:dyDescent="0.25">
      <c r="A20955" s="2" t="s">
        <v>12613</v>
      </c>
      <c r="B20955" s="6">
        <v>348850.8</v>
      </c>
      <c r="C20955" s="7">
        <f t="shared" si="327"/>
        <v>348.85079999999999</v>
      </c>
    </row>
    <row r="20956" spans="1:3" x14ac:dyDescent="0.25">
      <c r="A20956" s="2" t="s">
        <v>12614</v>
      </c>
      <c r="B20956" s="6">
        <v>348867.44999999995</v>
      </c>
      <c r="C20956" s="7">
        <f t="shared" si="327"/>
        <v>348.86744999999996</v>
      </c>
    </row>
    <row r="20957" spans="1:3" x14ac:dyDescent="0.25">
      <c r="A20957" s="2" t="s">
        <v>12615</v>
      </c>
      <c r="B20957" s="6">
        <v>348884.1</v>
      </c>
      <c r="C20957" s="7">
        <f t="shared" si="327"/>
        <v>348.88409999999999</v>
      </c>
    </row>
    <row r="20958" spans="1:3" x14ac:dyDescent="0.25">
      <c r="A20958" s="2" t="s">
        <v>12616</v>
      </c>
      <c r="B20958" s="6">
        <v>348900.74999999994</v>
      </c>
      <c r="C20958" s="7">
        <f t="shared" si="327"/>
        <v>348.90074999999996</v>
      </c>
    </row>
    <row r="20959" spans="1:3" x14ac:dyDescent="0.25">
      <c r="A20959" s="2" t="s">
        <v>12617</v>
      </c>
      <c r="B20959" s="6">
        <v>348917.39999999997</v>
      </c>
      <c r="C20959" s="7">
        <f t="shared" si="327"/>
        <v>348.91739999999999</v>
      </c>
    </row>
    <row r="20960" spans="1:3" x14ac:dyDescent="0.25">
      <c r="A20960" s="2" t="s">
        <v>12618</v>
      </c>
      <c r="B20960" s="6">
        <v>348934.05</v>
      </c>
      <c r="C20960" s="7">
        <f t="shared" si="327"/>
        <v>348.93405000000001</v>
      </c>
    </row>
    <row r="20961" spans="1:3" x14ac:dyDescent="0.25">
      <c r="A20961" s="2" t="s">
        <v>12619</v>
      </c>
      <c r="B20961" s="6">
        <v>348950.69999999995</v>
      </c>
      <c r="C20961" s="7">
        <f t="shared" si="327"/>
        <v>348.95069999999993</v>
      </c>
    </row>
    <row r="20962" spans="1:3" x14ac:dyDescent="0.25">
      <c r="A20962" s="2" t="s">
        <v>12620</v>
      </c>
      <c r="B20962" s="6">
        <v>348967.35</v>
      </c>
      <c r="C20962" s="7">
        <f t="shared" si="327"/>
        <v>348.96734999999995</v>
      </c>
    </row>
    <row r="20963" spans="1:3" x14ac:dyDescent="0.25">
      <c r="A20963" s="2" t="s">
        <v>12621</v>
      </c>
      <c r="B20963" s="6">
        <v>348983.99999999994</v>
      </c>
      <c r="C20963" s="7">
        <f t="shared" si="327"/>
        <v>348.98399999999992</v>
      </c>
    </row>
    <row r="20964" spans="1:3" x14ac:dyDescent="0.25">
      <c r="A20964" s="2" t="s">
        <v>12622</v>
      </c>
      <c r="B20964" s="6">
        <v>349000.64999999997</v>
      </c>
      <c r="C20964" s="7">
        <f t="shared" si="327"/>
        <v>349.00064999999995</v>
      </c>
    </row>
    <row r="20965" spans="1:3" x14ac:dyDescent="0.25">
      <c r="A20965" s="2" t="s">
        <v>12623</v>
      </c>
      <c r="B20965" s="6">
        <v>349017.3</v>
      </c>
      <c r="C20965" s="7">
        <f t="shared" si="327"/>
        <v>349.01729999999998</v>
      </c>
    </row>
    <row r="20966" spans="1:3" x14ac:dyDescent="0.25">
      <c r="A20966" s="2" t="s">
        <v>12624</v>
      </c>
      <c r="B20966" s="6">
        <v>349033.94999999995</v>
      </c>
      <c r="C20966" s="7">
        <f t="shared" si="327"/>
        <v>349.03394999999995</v>
      </c>
    </row>
    <row r="20967" spans="1:3" x14ac:dyDescent="0.25">
      <c r="A20967" s="2" t="s">
        <v>12625</v>
      </c>
      <c r="B20967" s="6">
        <v>349050.6</v>
      </c>
      <c r="C20967" s="7">
        <f t="shared" si="327"/>
        <v>349.05059999999997</v>
      </c>
    </row>
    <row r="20968" spans="1:3" x14ac:dyDescent="0.25">
      <c r="A20968" s="2" t="s">
        <v>12626</v>
      </c>
      <c r="B20968" s="6">
        <v>349067.24999999994</v>
      </c>
      <c r="C20968" s="7">
        <f t="shared" si="327"/>
        <v>349.06724999999994</v>
      </c>
    </row>
    <row r="20969" spans="1:3" x14ac:dyDescent="0.25">
      <c r="A20969" s="2" t="s">
        <v>12627</v>
      </c>
      <c r="B20969" s="6">
        <v>349083.89999999997</v>
      </c>
      <c r="C20969" s="7">
        <f t="shared" si="327"/>
        <v>349.08389999999997</v>
      </c>
    </row>
    <row r="20970" spans="1:3" x14ac:dyDescent="0.25">
      <c r="A20970" s="2" t="s">
        <v>12628</v>
      </c>
      <c r="B20970" s="6">
        <v>349100.55</v>
      </c>
      <c r="C20970" s="7">
        <f t="shared" si="327"/>
        <v>349.10055</v>
      </c>
    </row>
    <row r="20971" spans="1:3" x14ac:dyDescent="0.25">
      <c r="A20971" s="2" t="s">
        <v>12629</v>
      </c>
      <c r="B20971" s="6">
        <v>349117.19999999995</v>
      </c>
      <c r="C20971" s="7">
        <f t="shared" si="327"/>
        <v>349.11719999999997</v>
      </c>
    </row>
    <row r="20972" spans="1:3" x14ac:dyDescent="0.25">
      <c r="A20972" s="2" t="s">
        <v>12630</v>
      </c>
      <c r="B20972" s="6">
        <v>349133.85</v>
      </c>
      <c r="C20972" s="7">
        <f t="shared" si="327"/>
        <v>349.13385</v>
      </c>
    </row>
    <row r="20973" spans="1:3" x14ac:dyDescent="0.25">
      <c r="A20973" s="2" t="s">
        <v>12631</v>
      </c>
      <c r="B20973" s="6">
        <v>349150.49999999994</v>
      </c>
      <c r="C20973" s="7">
        <f t="shared" si="327"/>
        <v>349.15049999999997</v>
      </c>
    </row>
    <row r="20974" spans="1:3" x14ac:dyDescent="0.25">
      <c r="A20974" s="2" t="s">
        <v>12632</v>
      </c>
      <c r="B20974" s="6">
        <v>349167.14999999997</v>
      </c>
      <c r="C20974" s="7">
        <f t="shared" si="327"/>
        <v>349.16714999999999</v>
      </c>
    </row>
    <row r="20975" spans="1:3" x14ac:dyDescent="0.25">
      <c r="A20975" s="2" t="s">
        <v>12633</v>
      </c>
      <c r="B20975" s="6">
        <v>349183.8</v>
      </c>
      <c r="C20975" s="7">
        <f t="shared" si="327"/>
        <v>349.18379999999996</v>
      </c>
    </row>
    <row r="20976" spans="1:3" x14ac:dyDescent="0.25">
      <c r="A20976" s="2" t="s">
        <v>12634</v>
      </c>
      <c r="B20976" s="6">
        <v>349200.44999999995</v>
      </c>
      <c r="C20976" s="7">
        <f t="shared" si="327"/>
        <v>349.20044999999993</v>
      </c>
    </row>
    <row r="20977" spans="1:3" x14ac:dyDescent="0.25">
      <c r="A20977" s="2" t="s">
        <v>12635</v>
      </c>
      <c r="B20977" s="6">
        <v>349217.1</v>
      </c>
      <c r="C20977" s="7">
        <f t="shared" si="327"/>
        <v>349.21709999999996</v>
      </c>
    </row>
    <row r="20978" spans="1:3" x14ac:dyDescent="0.25">
      <c r="A20978" s="2" t="s">
        <v>12636</v>
      </c>
      <c r="B20978" s="6">
        <v>349233.74999999994</v>
      </c>
      <c r="C20978" s="7">
        <f t="shared" si="327"/>
        <v>349.23374999999993</v>
      </c>
    </row>
    <row r="20979" spans="1:3" x14ac:dyDescent="0.25">
      <c r="A20979" s="2" t="s">
        <v>12637</v>
      </c>
      <c r="B20979" s="6">
        <v>349250.39999999997</v>
      </c>
      <c r="C20979" s="7">
        <f t="shared" si="327"/>
        <v>349.25039999999996</v>
      </c>
    </row>
    <row r="20980" spans="1:3" x14ac:dyDescent="0.25">
      <c r="A20980" s="2" t="s">
        <v>12638</v>
      </c>
      <c r="B20980" s="6">
        <v>349267.05</v>
      </c>
      <c r="C20980" s="7">
        <f t="shared" si="327"/>
        <v>349.26704999999998</v>
      </c>
    </row>
    <row r="20981" spans="1:3" x14ac:dyDescent="0.25">
      <c r="A20981" s="2" t="s">
        <v>12639</v>
      </c>
      <c r="B20981" s="6">
        <v>349283.69999999995</v>
      </c>
      <c r="C20981" s="7">
        <f t="shared" si="327"/>
        <v>349.28369999999995</v>
      </c>
    </row>
    <row r="20982" spans="1:3" x14ac:dyDescent="0.25">
      <c r="A20982" s="2" t="s">
        <v>12640</v>
      </c>
      <c r="B20982" s="6">
        <v>349300.35</v>
      </c>
      <c r="C20982" s="7">
        <f t="shared" si="327"/>
        <v>349.30034999999998</v>
      </c>
    </row>
    <row r="20983" spans="1:3" x14ac:dyDescent="0.25">
      <c r="A20983" s="2" t="s">
        <v>12641</v>
      </c>
      <c r="B20983" s="6">
        <v>349316.99999999994</v>
      </c>
      <c r="C20983" s="7">
        <f t="shared" si="327"/>
        <v>349.31699999999995</v>
      </c>
    </row>
    <row r="20984" spans="1:3" x14ac:dyDescent="0.25">
      <c r="A20984" s="2" t="s">
        <v>12642</v>
      </c>
      <c r="B20984" s="6">
        <v>349333.64999999997</v>
      </c>
      <c r="C20984" s="7">
        <f t="shared" si="327"/>
        <v>349.33364999999998</v>
      </c>
    </row>
    <row r="20985" spans="1:3" x14ac:dyDescent="0.25">
      <c r="A20985" s="2" t="s">
        <v>12643</v>
      </c>
      <c r="B20985" s="6">
        <v>349350.3</v>
      </c>
      <c r="C20985" s="7">
        <f t="shared" si="327"/>
        <v>349.3503</v>
      </c>
    </row>
    <row r="20986" spans="1:3" x14ac:dyDescent="0.25">
      <c r="A20986" s="2" t="s">
        <v>12644</v>
      </c>
      <c r="B20986" s="6">
        <v>349366.94999999995</v>
      </c>
      <c r="C20986" s="7">
        <f t="shared" si="327"/>
        <v>349.36694999999997</v>
      </c>
    </row>
    <row r="20987" spans="1:3" x14ac:dyDescent="0.25">
      <c r="A20987" s="2" t="s">
        <v>12645</v>
      </c>
      <c r="B20987" s="6">
        <v>349383.6</v>
      </c>
      <c r="C20987" s="7">
        <f t="shared" si="327"/>
        <v>349.3836</v>
      </c>
    </row>
    <row r="20988" spans="1:3" x14ac:dyDescent="0.25">
      <c r="A20988" s="2" t="s">
        <v>12646</v>
      </c>
      <c r="B20988" s="6">
        <v>349400.24999999994</v>
      </c>
      <c r="C20988" s="7">
        <f t="shared" si="327"/>
        <v>349.40024999999991</v>
      </c>
    </row>
    <row r="20989" spans="1:3" x14ac:dyDescent="0.25">
      <c r="A20989" s="2" t="s">
        <v>12647</v>
      </c>
      <c r="B20989" s="6">
        <v>349416.89999999997</v>
      </c>
      <c r="C20989" s="7">
        <f t="shared" si="327"/>
        <v>349.41689999999994</v>
      </c>
    </row>
    <row r="20990" spans="1:3" x14ac:dyDescent="0.25">
      <c r="A20990" s="2" t="s">
        <v>12648</v>
      </c>
      <c r="B20990" s="6">
        <v>349433.55</v>
      </c>
      <c r="C20990" s="7">
        <f t="shared" si="327"/>
        <v>349.43354999999997</v>
      </c>
    </row>
    <row r="20991" spans="1:3" x14ac:dyDescent="0.25">
      <c r="A20991" s="2" t="s">
        <v>12649</v>
      </c>
      <c r="B20991" s="6">
        <v>349450.19999999995</v>
      </c>
      <c r="C20991" s="7">
        <f t="shared" si="327"/>
        <v>349.45019999999994</v>
      </c>
    </row>
    <row r="20992" spans="1:3" x14ac:dyDescent="0.25">
      <c r="A20992" s="2" t="s">
        <v>12650</v>
      </c>
      <c r="B20992" s="6">
        <v>349466.85</v>
      </c>
      <c r="C20992" s="7">
        <f t="shared" si="327"/>
        <v>349.46684999999997</v>
      </c>
    </row>
    <row r="20993" spans="1:3" x14ac:dyDescent="0.25">
      <c r="A20993" s="2" t="s">
        <v>12651</v>
      </c>
      <c r="B20993" s="6">
        <v>349483.49999999994</v>
      </c>
      <c r="C20993" s="7">
        <f t="shared" si="327"/>
        <v>349.48349999999994</v>
      </c>
    </row>
    <row r="20994" spans="1:3" x14ac:dyDescent="0.25">
      <c r="A20994" s="2" t="s">
        <v>12652</v>
      </c>
      <c r="B20994" s="6">
        <v>349500.14999999997</v>
      </c>
      <c r="C20994" s="7">
        <f t="shared" si="327"/>
        <v>349.50014999999996</v>
      </c>
    </row>
    <row r="20995" spans="1:3" x14ac:dyDescent="0.25">
      <c r="A20995" s="2" t="s">
        <v>12653</v>
      </c>
      <c r="B20995" s="6">
        <v>349516.79999999999</v>
      </c>
      <c r="C20995" s="7">
        <f t="shared" ref="C20995:C21058" si="328">B20995/1000</f>
        <v>349.51679999999999</v>
      </c>
    </row>
    <row r="20996" spans="1:3" x14ac:dyDescent="0.25">
      <c r="A20996" s="2" t="s">
        <v>12654</v>
      </c>
      <c r="B20996" s="6">
        <v>349533.44999999995</v>
      </c>
      <c r="C20996" s="7">
        <f t="shared" si="328"/>
        <v>349.53344999999996</v>
      </c>
    </row>
    <row r="20997" spans="1:3" x14ac:dyDescent="0.25">
      <c r="A20997" s="2" t="s">
        <v>12655</v>
      </c>
      <c r="B20997" s="6">
        <v>349550.1</v>
      </c>
      <c r="C20997" s="7">
        <f t="shared" si="328"/>
        <v>349.55009999999999</v>
      </c>
    </row>
    <row r="20998" spans="1:3" x14ac:dyDescent="0.25">
      <c r="A20998" s="2" t="s">
        <v>12656</v>
      </c>
      <c r="B20998" s="6">
        <v>349566.74999999994</v>
      </c>
      <c r="C20998" s="7">
        <f t="shared" si="328"/>
        <v>349.56674999999996</v>
      </c>
    </row>
    <row r="20999" spans="1:3" x14ac:dyDescent="0.25">
      <c r="A20999" s="2" t="s">
        <v>12657</v>
      </c>
      <c r="B20999" s="6">
        <v>349583.39999999997</v>
      </c>
      <c r="C20999" s="7">
        <f t="shared" si="328"/>
        <v>349.58339999999998</v>
      </c>
    </row>
    <row r="21000" spans="1:3" x14ac:dyDescent="0.25">
      <c r="A21000" s="2" t="s">
        <v>12658</v>
      </c>
      <c r="B21000" s="6">
        <v>349600.05</v>
      </c>
      <c r="C21000" s="7">
        <f t="shared" si="328"/>
        <v>349.60005000000001</v>
      </c>
    </row>
    <row r="21001" spans="1:3" x14ac:dyDescent="0.25">
      <c r="A21001" s="2" t="s">
        <v>12659</v>
      </c>
      <c r="B21001" s="6">
        <v>349616.69999999995</v>
      </c>
      <c r="C21001" s="7">
        <f t="shared" si="328"/>
        <v>349.61669999999998</v>
      </c>
    </row>
    <row r="21002" spans="1:3" x14ac:dyDescent="0.25">
      <c r="A21002" s="2" t="s">
        <v>12660</v>
      </c>
      <c r="B21002" s="6">
        <v>349633.35</v>
      </c>
      <c r="C21002" s="7">
        <f t="shared" si="328"/>
        <v>349.63334999999995</v>
      </c>
    </row>
    <row r="21003" spans="1:3" x14ac:dyDescent="0.25">
      <c r="A21003" s="2" t="s">
        <v>12661</v>
      </c>
      <c r="B21003" s="6">
        <v>349649.99999999994</v>
      </c>
      <c r="C21003" s="7">
        <f t="shared" si="328"/>
        <v>349.64999999999992</v>
      </c>
    </row>
    <row r="21004" spans="1:3" x14ac:dyDescent="0.25">
      <c r="A21004" s="2" t="s">
        <v>12662</v>
      </c>
      <c r="B21004" s="6">
        <v>349666.64999999997</v>
      </c>
      <c r="C21004" s="7">
        <f t="shared" si="328"/>
        <v>349.66664999999995</v>
      </c>
    </row>
    <row r="21005" spans="1:3" x14ac:dyDescent="0.25">
      <c r="A21005" s="2" t="s">
        <v>12663</v>
      </c>
      <c r="B21005" s="6">
        <v>349683.3</v>
      </c>
      <c r="C21005" s="7">
        <f t="shared" si="328"/>
        <v>349.68329999999997</v>
      </c>
    </row>
    <row r="21006" spans="1:3" x14ac:dyDescent="0.25">
      <c r="A21006" s="2" t="s">
        <v>12664</v>
      </c>
      <c r="B21006" s="6">
        <v>349699.94999999995</v>
      </c>
      <c r="C21006" s="7">
        <f t="shared" si="328"/>
        <v>349.69994999999994</v>
      </c>
    </row>
    <row r="21007" spans="1:3" x14ac:dyDescent="0.25">
      <c r="A21007" s="2" t="s">
        <v>12665</v>
      </c>
      <c r="B21007" s="6">
        <v>349716.6</v>
      </c>
      <c r="C21007" s="7">
        <f t="shared" si="328"/>
        <v>349.71659999999997</v>
      </c>
    </row>
    <row r="21008" spans="1:3" x14ac:dyDescent="0.25">
      <c r="A21008" s="2" t="s">
        <v>12666</v>
      </c>
      <c r="B21008" s="6">
        <v>349733.24999999994</v>
      </c>
      <c r="C21008" s="7">
        <f t="shared" si="328"/>
        <v>349.73324999999994</v>
      </c>
    </row>
    <row r="21009" spans="1:3" x14ac:dyDescent="0.25">
      <c r="A21009" s="2" t="s">
        <v>12667</v>
      </c>
      <c r="B21009" s="6">
        <v>349749.89999999997</v>
      </c>
      <c r="C21009" s="7">
        <f t="shared" si="328"/>
        <v>349.74989999999997</v>
      </c>
    </row>
    <row r="21010" spans="1:3" x14ac:dyDescent="0.25">
      <c r="A21010" s="2" t="s">
        <v>12668</v>
      </c>
      <c r="B21010" s="6">
        <v>349766.55</v>
      </c>
      <c r="C21010" s="7">
        <f t="shared" si="328"/>
        <v>349.76655</v>
      </c>
    </row>
    <row r="21011" spans="1:3" x14ac:dyDescent="0.25">
      <c r="A21011" s="2" t="s">
        <v>12669</v>
      </c>
      <c r="B21011" s="6">
        <v>349783.19999999995</v>
      </c>
      <c r="C21011" s="7">
        <f t="shared" si="328"/>
        <v>349.78319999999997</v>
      </c>
    </row>
    <row r="21012" spans="1:3" x14ac:dyDescent="0.25">
      <c r="A21012" s="2" t="s">
        <v>12670</v>
      </c>
      <c r="B21012" s="6">
        <v>349799.85</v>
      </c>
      <c r="C21012" s="7">
        <f t="shared" si="328"/>
        <v>349.79984999999999</v>
      </c>
    </row>
    <row r="21013" spans="1:3" x14ac:dyDescent="0.25">
      <c r="A21013" s="2" t="s">
        <v>12671</v>
      </c>
      <c r="B21013" s="6">
        <v>349816.49999999994</v>
      </c>
      <c r="C21013" s="7">
        <f t="shared" si="328"/>
        <v>349.81649999999996</v>
      </c>
    </row>
    <row r="21014" spans="1:3" x14ac:dyDescent="0.25">
      <c r="A21014" s="2" t="s">
        <v>12672</v>
      </c>
      <c r="B21014" s="6">
        <v>349833.14999999997</v>
      </c>
      <c r="C21014" s="7">
        <f t="shared" si="328"/>
        <v>349.83314999999999</v>
      </c>
    </row>
    <row r="21015" spans="1:3" x14ac:dyDescent="0.25">
      <c r="A21015" s="2" t="s">
        <v>12673</v>
      </c>
      <c r="B21015" s="6">
        <v>349849.8</v>
      </c>
      <c r="C21015" s="7">
        <f t="shared" si="328"/>
        <v>349.84980000000002</v>
      </c>
    </row>
    <row r="21016" spans="1:3" x14ac:dyDescent="0.25">
      <c r="A21016" s="2" t="s">
        <v>12674</v>
      </c>
      <c r="B21016" s="6">
        <v>349866.44999999995</v>
      </c>
      <c r="C21016" s="7">
        <f t="shared" si="328"/>
        <v>349.86644999999993</v>
      </c>
    </row>
    <row r="21017" spans="1:3" x14ac:dyDescent="0.25">
      <c r="A21017" s="2" t="s">
        <v>12675</v>
      </c>
      <c r="B21017" s="6">
        <v>349883.1</v>
      </c>
      <c r="C21017" s="7">
        <f t="shared" si="328"/>
        <v>349.88309999999996</v>
      </c>
    </row>
    <row r="21018" spans="1:3" x14ac:dyDescent="0.25">
      <c r="A21018" s="2" t="s">
        <v>12676</v>
      </c>
      <c r="B21018" s="6">
        <v>349899.74999999994</v>
      </c>
      <c r="C21018" s="7">
        <f t="shared" si="328"/>
        <v>349.89974999999993</v>
      </c>
    </row>
    <row r="21019" spans="1:3" x14ac:dyDescent="0.25">
      <c r="A21019" s="2" t="s">
        <v>12677</v>
      </c>
      <c r="B21019" s="6">
        <v>349916.39999999997</v>
      </c>
      <c r="C21019" s="7">
        <f t="shared" si="328"/>
        <v>349.91639999999995</v>
      </c>
    </row>
    <row r="21020" spans="1:3" x14ac:dyDescent="0.25">
      <c r="A21020" s="2" t="s">
        <v>12678</v>
      </c>
      <c r="B21020" s="6">
        <v>349933.05</v>
      </c>
      <c r="C21020" s="7">
        <f t="shared" si="328"/>
        <v>349.93304999999998</v>
      </c>
    </row>
    <row r="21021" spans="1:3" x14ac:dyDescent="0.25">
      <c r="A21021" s="2" t="s">
        <v>12679</v>
      </c>
      <c r="B21021" s="6">
        <v>349949.69999999995</v>
      </c>
      <c r="C21021" s="7">
        <f t="shared" si="328"/>
        <v>349.94969999999995</v>
      </c>
    </row>
    <row r="21022" spans="1:3" x14ac:dyDescent="0.25">
      <c r="A21022" s="2" t="s">
        <v>12680</v>
      </c>
      <c r="B21022" s="6">
        <v>349966.35</v>
      </c>
      <c r="C21022" s="7">
        <f t="shared" si="328"/>
        <v>349.96634999999998</v>
      </c>
    </row>
    <row r="21023" spans="1:3" x14ac:dyDescent="0.25">
      <c r="A21023" s="2" t="s">
        <v>12681</v>
      </c>
      <c r="B21023" s="6">
        <v>349982.99999999994</v>
      </c>
      <c r="C21023" s="7">
        <f t="shared" si="328"/>
        <v>349.98299999999995</v>
      </c>
    </row>
    <row r="21024" spans="1:3" x14ac:dyDescent="0.25">
      <c r="A21024" s="2" t="s">
        <v>12682</v>
      </c>
      <c r="B21024" s="6">
        <v>349999.64999999997</v>
      </c>
      <c r="C21024" s="7">
        <f t="shared" si="328"/>
        <v>349.99964999999997</v>
      </c>
    </row>
    <row r="21025" spans="1:3" x14ac:dyDescent="0.25">
      <c r="A21025" s="2" t="s">
        <v>12683</v>
      </c>
      <c r="B21025" s="6">
        <v>350016.3</v>
      </c>
      <c r="C21025" s="7">
        <f t="shared" si="328"/>
        <v>350.0163</v>
      </c>
    </row>
    <row r="21026" spans="1:3" x14ac:dyDescent="0.25">
      <c r="A21026" s="2" t="s">
        <v>12684</v>
      </c>
      <c r="B21026" s="6">
        <v>350032.94999999995</v>
      </c>
      <c r="C21026" s="7">
        <f t="shared" si="328"/>
        <v>350.03294999999997</v>
      </c>
    </row>
    <row r="21027" spans="1:3" x14ac:dyDescent="0.25">
      <c r="A21027" s="2" t="s">
        <v>12685</v>
      </c>
      <c r="B21027" s="6">
        <v>350049.6</v>
      </c>
      <c r="C21027" s="7">
        <f t="shared" si="328"/>
        <v>350.0496</v>
      </c>
    </row>
    <row r="21028" spans="1:3" x14ac:dyDescent="0.25">
      <c r="A21028" s="2" t="s">
        <v>12686</v>
      </c>
      <c r="B21028" s="6">
        <v>350066.24999999994</v>
      </c>
      <c r="C21028" s="7">
        <f t="shared" si="328"/>
        <v>350.06624999999997</v>
      </c>
    </row>
    <row r="21029" spans="1:3" x14ac:dyDescent="0.25">
      <c r="A21029" s="2" t="s">
        <v>12687</v>
      </c>
      <c r="B21029" s="6">
        <v>350082.89999999997</v>
      </c>
      <c r="C21029" s="7">
        <f t="shared" si="328"/>
        <v>350.08289999999994</v>
      </c>
    </row>
    <row r="21030" spans="1:3" x14ac:dyDescent="0.25">
      <c r="A21030" s="2" t="s">
        <v>12688</v>
      </c>
      <c r="B21030" s="6">
        <v>350099.55</v>
      </c>
      <c r="C21030" s="7">
        <f t="shared" si="328"/>
        <v>350.09954999999997</v>
      </c>
    </row>
    <row r="21031" spans="1:3" x14ac:dyDescent="0.25">
      <c r="A21031" s="2" t="s">
        <v>12689</v>
      </c>
      <c r="B21031" s="6">
        <v>350116.19999999995</v>
      </c>
      <c r="C21031" s="7">
        <f t="shared" si="328"/>
        <v>350.11619999999994</v>
      </c>
    </row>
    <row r="21032" spans="1:3" x14ac:dyDescent="0.25">
      <c r="A21032" s="2" t="s">
        <v>12690</v>
      </c>
      <c r="B21032" s="6">
        <v>350132.85</v>
      </c>
      <c r="C21032" s="7">
        <f t="shared" si="328"/>
        <v>350.13284999999996</v>
      </c>
    </row>
    <row r="21033" spans="1:3" x14ac:dyDescent="0.25">
      <c r="A21033" s="2" t="s">
        <v>12691</v>
      </c>
      <c r="B21033" s="6">
        <v>350149.49999999994</v>
      </c>
      <c r="C21033" s="7">
        <f t="shared" si="328"/>
        <v>350.14949999999993</v>
      </c>
    </row>
    <row r="21034" spans="1:3" x14ac:dyDescent="0.25">
      <c r="A21034" s="2" t="s">
        <v>12692</v>
      </c>
      <c r="B21034" s="6">
        <v>350166.14999999997</v>
      </c>
      <c r="C21034" s="7">
        <f t="shared" si="328"/>
        <v>350.16614999999996</v>
      </c>
    </row>
    <row r="21035" spans="1:3" x14ac:dyDescent="0.25">
      <c r="A21035" s="2" t="s">
        <v>12693</v>
      </c>
      <c r="B21035" s="6">
        <v>350182.8</v>
      </c>
      <c r="C21035" s="7">
        <f t="shared" si="328"/>
        <v>350.18279999999999</v>
      </c>
    </row>
    <row r="21036" spans="1:3" x14ac:dyDescent="0.25">
      <c r="A21036" s="2" t="s">
        <v>12694</v>
      </c>
      <c r="B21036" s="6">
        <v>350199.44999999995</v>
      </c>
      <c r="C21036" s="7">
        <f t="shared" si="328"/>
        <v>350.19944999999996</v>
      </c>
    </row>
    <row r="21037" spans="1:3" x14ac:dyDescent="0.25">
      <c r="A21037" s="2" t="s">
        <v>12695</v>
      </c>
      <c r="B21037" s="6">
        <v>350216.1</v>
      </c>
      <c r="C21037" s="7">
        <f t="shared" si="328"/>
        <v>350.21609999999998</v>
      </c>
    </row>
    <row r="21038" spans="1:3" x14ac:dyDescent="0.25">
      <c r="A21038" s="2" t="s">
        <v>12696</v>
      </c>
      <c r="B21038" s="6">
        <v>350232.74999999994</v>
      </c>
      <c r="C21038" s="7">
        <f t="shared" si="328"/>
        <v>350.23274999999995</v>
      </c>
    </row>
    <row r="21039" spans="1:3" x14ac:dyDescent="0.25">
      <c r="A21039" s="2" t="s">
        <v>12697</v>
      </c>
      <c r="B21039" s="6">
        <v>350249.39999999997</v>
      </c>
      <c r="C21039" s="7">
        <f t="shared" si="328"/>
        <v>350.24939999999998</v>
      </c>
    </row>
    <row r="21040" spans="1:3" x14ac:dyDescent="0.25">
      <c r="A21040" s="2" t="s">
        <v>12698</v>
      </c>
      <c r="B21040" s="6">
        <v>350266.05</v>
      </c>
      <c r="C21040" s="7">
        <f t="shared" si="328"/>
        <v>350.26605000000001</v>
      </c>
    </row>
    <row r="21041" spans="1:3" x14ac:dyDescent="0.25">
      <c r="A21041" s="2" t="s">
        <v>12699</v>
      </c>
      <c r="B21041" s="6">
        <v>350282.69999999995</v>
      </c>
      <c r="C21041" s="7">
        <f t="shared" si="328"/>
        <v>350.28269999999998</v>
      </c>
    </row>
    <row r="21042" spans="1:3" x14ac:dyDescent="0.25">
      <c r="A21042" s="2" t="s">
        <v>12700</v>
      </c>
      <c r="B21042" s="6">
        <v>350299.35</v>
      </c>
      <c r="C21042" s="7">
        <f t="shared" si="328"/>
        <v>350.29935</v>
      </c>
    </row>
    <row r="21043" spans="1:3" x14ac:dyDescent="0.25">
      <c r="A21043" s="2" t="s">
        <v>12701</v>
      </c>
      <c r="B21043" s="6">
        <v>350315.99999999994</v>
      </c>
      <c r="C21043" s="7">
        <f t="shared" si="328"/>
        <v>350.31599999999992</v>
      </c>
    </row>
    <row r="21044" spans="1:3" x14ac:dyDescent="0.25">
      <c r="A21044" s="2" t="s">
        <v>12702</v>
      </c>
      <c r="B21044" s="6">
        <v>350332.64999999997</v>
      </c>
      <c r="C21044" s="7">
        <f t="shared" si="328"/>
        <v>350.33264999999994</v>
      </c>
    </row>
    <row r="21045" spans="1:3" x14ac:dyDescent="0.25">
      <c r="A21045" s="2" t="s">
        <v>12703</v>
      </c>
      <c r="B21045" s="6">
        <v>350349.3</v>
      </c>
      <c r="C21045" s="7">
        <f t="shared" si="328"/>
        <v>350.34929999999997</v>
      </c>
    </row>
    <row r="21046" spans="1:3" x14ac:dyDescent="0.25">
      <c r="A21046" s="2" t="s">
        <v>12704</v>
      </c>
      <c r="B21046" s="6">
        <v>350365.94999999995</v>
      </c>
      <c r="C21046" s="7">
        <f t="shared" si="328"/>
        <v>350.36594999999994</v>
      </c>
    </row>
    <row r="21047" spans="1:3" x14ac:dyDescent="0.25">
      <c r="A21047" s="2" t="s">
        <v>12705</v>
      </c>
      <c r="B21047" s="6">
        <v>350382.6</v>
      </c>
      <c r="C21047" s="7">
        <f t="shared" si="328"/>
        <v>350.38259999999997</v>
      </c>
    </row>
    <row r="21048" spans="1:3" x14ac:dyDescent="0.25">
      <c r="A21048" s="2" t="s">
        <v>12706</v>
      </c>
      <c r="B21048" s="6">
        <v>350399.24999999994</v>
      </c>
      <c r="C21048" s="7">
        <f t="shared" si="328"/>
        <v>350.39924999999994</v>
      </c>
    </row>
    <row r="21049" spans="1:3" x14ac:dyDescent="0.25">
      <c r="A21049" s="2" t="s">
        <v>12707</v>
      </c>
      <c r="B21049" s="6">
        <v>350415.89999999997</v>
      </c>
      <c r="C21049" s="7">
        <f t="shared" si="328"/>
        <v>350.41589999999997</v>
      </c>
    </row>
    <row r="21050" spans="1:3" x14ac:dyDescent="0.25">
      <c r="A21050" s="2" t="s">
        <v>12708</v>
      </c>
      <c r="B21050" s="6">
        <v>350432.55</v>
      </c>
      <c r="C21050" s="7">
        <f t="shared" si="328"/>
        <v>350.43254999999999</v>
      </c>
    </row>
    <row r="21051" spans="1:3" x14ac:dyDescent="0.25">
      <c r="A21051" s="2" t="s">
        <v>12709</v>
      </c>
      <c r="B21051" s="6">
        <v>350449.19999999995</v>
      </c>
      <c r="C21051" s="7">
        <f t="shared" si="328"/>
        <v>350.44919999999996</v>
      </c>
    </row>
    <row r="21052" spans="1:3" x14ac:dyDescent="0.25">
      <c r="A21052" s="2" t="s">
        <v>12710</v>
      </c>
      <c r="B21052" s="6">
        <v>350465.85</v>
      </c>
      <c r="C21052" s="7">
        <f t="shared" si="328"/>
        <v>350.46584999999999</v>
      </c>
    </row>
    <row r="21053" spans="1:3" x14ac:dyDescent="0.25">
      <c r="A21053" s="2" t="s">
        <v>12711</v>
      </c>
      <c r="B21053" s="6">
        <v>350482.49999999994</v>
      </c>
      <c r="C21053" s="7">
        <f t="shared" si="328"/>
        <v>350.48249999999996</v>
      </c>
    </row>
    <row r="21054" spans="1:3" x14ac:dyDescent="0.25">
      <c r="A21054" s="2" t="s">
        <v>12712</v>
      </c>
      <c r="B21054" s="6">
        <v>350499.14999999997</v>
      </c>
      <c r="C21054" s="7">
        <f t="shared" si="328"/>
        <v>350.49914999999999</v>
      </c>
    </row>
    <row r="21055" spans="1:3" x14ac:dyDescent="0.25">
      <c r="A21055" s="2" t="s">
        <v>12713</v>
      </c>
      <c r="B21055" s="6">
        <v>350515.8</v>
      </c>
      <c r="C21055" s="7">
        <f t="shared" si="328"/>
        <v>350.51580000000001</v>
      </c>
    </row>
    <row r="21056" spans="1:3" x14ac:dyDescent="0.25">
      <c r="A21056" s="2" t="s">
        <v>12714</v>
      </c>
      <c r="B21056" s="6">
        <v>350532.44999999995</v>
      </c>
      <c r="C21056" s="7">
        <f t="shared" si="328"/>
        <v>350.53244999999993</v>
      </c>
    </row>
    <row r="21057" spans="1:3" x14ac:dyDescent="0.25">
      <c r="A21057" s="2" t="s">
        <v>12715</v>
      </c>
      <c r="B21057" s="6">
        <v>350549.1</v>
      </c>
      <c r="C21057" s="7">
        <f t="shared" si="328"/>
        <v>350.54909999999995</v>
      </c>
    </row>
    <row r="21058" spans="1:3" x14ac:dyDescent="0.25">
      <c r="A21058" s="2" t="s">
        <v>12716</v>
      </c>
      <c r="B21058" s="6">
        <v>350565.74999999994</v>
      </c>
      <c r="C21058" s="7">
        <f t="shared" si="328"/>
        <v>350.56574999999992</v>
      </c>
    </row>
    <row r="21059" spans="1:3" x14ac:dyDescent="0.25">
      <c r="A21059" s="2" t="s">
        <v>12717</v>
      </c>
      <c r="B21059" s="6">
        <v>350582.39999999997</v>
      </c>
      <c r="C21059" s="7">
        <f t="shared" ref="C21059:C21122" si="329">B21059/1000</f>
        <v>350.58239999999995</v>
      </c>
    </row>
    <row r="21060" spans="1:3" x14ac:dyDescent="0.25">
      <c r="A21060" s="2" t="s">
        <v>12718</v>
      </c>
      <c r="B21060" s="6">
        <v>350599.05</v>
      </c>
      <c r="C21060" s="7">
        <f t="shared" si="329"/>
        <v>350.59904999999998</v>
      </c>
    </row>
    <row r="21061" spans="1:3" x14ac:dyDescent="0.25">
      <c r="A21061" s="2" t="s">
        <v>12719</v>
      </c>
      <c r="B21061" s="6">
        <v>350615.69999999995</v>
      </c>
      <c r="C21061" s="7">
        <f t="shared" si="329"/>
        <v>350.61569999999995</v>
      </c>
    </row>
    <row r="21062" spans="1:3" x14ac:dyDescent="0.25">
      <c r="A21062" s="2" t="s">
        <v>12720</v>
      </c>
      <c r="B21062" s="6">
        <v>350632.35</v>
      </c>
      <c r="C21062" s="7">
        <f t="shared" si="329"/>
        <v>350.63234999999997</v>
      </c>
    </row>
    <row r="21063" spans="1:3" x14ac:dyDescent="0.25">
      <c r="A21063" s="2" t="s">
        <v>12721</v>
      </c>
      <c r="B21063" s="6">
        <v>350648.99999999994</v>
      </c>
      <c r="C21063" s="7">
        <f t="shared" si="329"/>
        <v>350.64899999999994</v>
      </c>
    </row>
    <row r="21064" spans="1:3" x14ac:dyDescent="0.25">
      <c r="A21064" s="2" t="s">
        <v>12722</v>
      </c>
      <c r="B21064" s="6">
        <v>350665.64999999997</v>
      </c>
      <c r="C21064" s="7">
        <f t="shared" si="329"/>
        <v>350.66564999999997</v>
      </c>
    </row>
    <row r="21065" spans="1:3" x14ac:dyDescent="0.25">
      <c r="A21065" s="2" t="s">
        <v>12723</v>
      </c>
      <c r="B21065" s="6">
        <v>350682.3</v>
      </c>
      <c r="C21065" s="7">
        <f t="shared" si="329"/>
        <v>350.6823</v>
      </c>
    </row>
    <row r="21066" spans="1:3" x14ac:dyDescent="0.25">
      <c r="A21066" s="2" t="s">
        <v>12724</v>
      </c>
      <c r="B21066" s="6">
        <v>350698.94999999995</v>
      </c>
      <c r="C21066" s="7">
        <f t="shared" si="329"/>
        <v>350.69894999999997</v>
      </c>
    </row>
    <row r="21067" spans="1:3" x14ac:dyDescent="0.25">
      <c r="A21067" s="2" t="s">
        <v>12725</v>
      </c>
      <c r="B21067" s="6">
        <v>350715.6</v>
      </c>
      <c r="C21067" s="7">
        <f t="shared" si="329"/>
        <v>350.71559999999999</v>
      </c>
    </row>
    <row r="21068" spans="1:3" x14ac:dyDescent="0.25">
      <c r="A21068" s="2" t="s">
        <v>12726</v>
      </c>
      <c r="B21068" s="6">
        <v>350732.24999999994</v>
      </c>
      <c r="C21068" s="7">
        <f t="shared" si="329"/>
        <v>350.73224999999996</v>
      </c>
    </row>
    <row r="21069" spans="1:3" x14ac:dyDescent="0.25">
      <c r="A21069" s="2" t="s">
        <v>12727</v>
      </c>
      <c r="B21069" s="6">
        <v>350748.89999999997</v>
      </c>
      <c r="C21069" s="7">
        <f t="shared" si="329"/>
        <v>350.74889999999999</v>
      </c>
    </row>
    <row r="21070" spans="1:3" x14ac:dyDescent="0.25">
      <c r="A21070" s="2" t="s">
        <v>12728</v>
      </c>
      <c r="B21070" s="6">
        <v>350765.55</v>
      </c>
      <c r="C21070" s="7">
        <f t="shared" si="329"/>
        <v>350.76554999999996</v>
      </c>
    </row>
    <row r="21071" spans="1:3" x14ac:dyDescent="0.25">
      <c r="A21071" s="2" t="s">
        <v>12729</v>
      </c>
      <c r="B21071" s="6">
        <v>350782.19999999995</v>
      </c>
      <c r="C21071" s="7">
        <f t="shared" si="329"/>
        <v>350.78219999999993</v>
      </c>
    </row>
    <row r="21072" spans="1:3" x14ac:dyDescent="0.25">
      <c r="A21072" s="2" t="s">
        <v>12730</v>
      </c>
      <c r="B21072" s="6">
        <v>350798.85</v>
      </c>
      <c r="C21072" s="7">
        <f t="shared" si="329"/>
        <v>350.79884999999996</v>
      </c>
    </row>
    <row r="21073" spans="1:3" x14ac:dyDescent="0.25">
      <c r="A21073" s="2" t="s">
        <v>12731</v>
      </c>
      <c r="B21073" s="6">
        <v>350815.49999999994</v>
      </c>
      <c r="C21073" s="7">
        <f t="shared" si="329"/>
        <v>350.81549999999993</v>
      </c>
    </row>
    <row r="21074" spans="1:3" x14ac:dyDescent="0.25">
      <c r="A21074" s="2" t="s">
        <v>12732</v>
      </c>
      <c r="B21074" s="6">
        <v>350832.14999999997</v>
      </c>
      <c r="C21074" s="7">
        <f t="shared" si="329"/>
        <v>350.83214999999996</v>
      </c>
    </row>
    <row r="21075" spans="1:3" x14ac:dyDescent="0.25">
      <c r="A21075" s="2" t="s">
        <v>12733</v>
      </c>
      <c r="B21075" s="6">
        <v>350848.8</v>
      </c>
      <c r="C21075" s="7">
        <f t="shared" si="329"/>
        <v>350.84879999999998</v>
      </c>
    </row>
    <row r="21076" spans="1:3" x14ac:dyDescent="0.25">
      <c r="A21076" s="2" t="s">
        <v>12734</v>
      </c>
      <c r="B21076" s="6">
        <v>350865.44999999995</v>
      </c>
      <c r="C21076" s="7">
        <f t="shared" si="329"/>
        <v>350.86544999999995</v>
      </c>
    </row>
    <row r="21077" spans="1:3" x14ac:dyDescent="0.25">
      <c r="A21077" s="2" t="s">
        <v>12735</v>
      </c>
      <c r="B21077" s="6">
        <v>350882.1</v>
      </c>
      <c r="C21077" s="7">
        <f t="shared" si="329"/>
        <v>350.88209999999998</v>
      </c>
    </row>
    <row r="21078" spans="1:3" x14ac:dyDescent="0.25">
      <c r="A21078" s="2" t="s">
        <v>12736</v>
      </c>
      <c r="B21078" s="6">
        <v>350898.74999999994</v>
      </c>
      <c r="C21078" s="7">
        <f t="shared" si="329"/>
        <v>350.89874999999995</v>
      </c>
    </row>
    <row r="21079" spans="1:3" x14ac:dyDescent="0.25">
      <c r="A21079" s="2" t="s">
        <v>12737</v>
      </c>
      <c r="B21079" s="6">
        <v>350915.39999999997</v>
      </c>
      <c r="C21079" s="7">
        <f t="shared" si="329"/>
        <v>350.91539999999998</v>
      </c>
    </row>
    <row r="21080" spans="1:3" x14ac:dyDescent="0.25">
      <c r="A21080" s="2" t="s">
        <v>12738</v>
      </c>
      <c r="B21080" s="6">
        <v>350932.05</v>
      </c>
      <c r="C21080" s="7">
        <f t="shared" si="329"/>
        <v>350.93205</v>
      </c>
    </row>
    <row r="21081" spans="1:3" x14ac:dyDescent="0.25">
      <c r="A21081" s="2" t="s">
        <v>12739</v>
      </c>
      <c r="B21081" s="6">
        <v>350948.69999999995</v>
      </c>
      <c r="C21081" s="7">
        <f t="shared" si="329"/>
        <v>350.94869999999997</v>
      </c>
    </row>
    <row r="21082" spans="1:3" x14ac:dyDescent="0.25">
      <c r="A21082" s="2" t="s">
        <v>12740</v>
      </c>
      <c r="B21082" s="6">
        <v>350965.35</v>
      </c>
      <c r="C21082" s="7">
        <f t="shared" si="329"/>
        <v>350.96535</v>
      </c>
    </row>
    <row r="21083" spans="1:3" x14ac:dyDescent="0.25">
      <c r="A21083" s="2" t="s">
        <v>12741</v>
      </c>
      <c r="B21083" s="6">
        <v>350981.99999999994</v>
      </c>
      <c r="C21083" s="7">
        <f t="shared" si="329"/>
        <v>350.98199999999991</v>
      </c>
    </row>
    <row r="21084" spans="1:3" x14ac:dyDescent="0.25">
      <c r="A21084" s="2" t="s">
        <v>12742</v>
      </c>
      <c r="B21084" s="6">
        <v>350998.64999999997</v>
      </c>
      <c r="C21084" s="7">
        <f t="shared" si="329"/>
        <v>350.99864999999994</v>
      </c>
    </row>
    <row r="21085" spans="1:3" x14ac:dyDescent="0.25">
      <c r="A21085" s="2" t="s">
        <v>12743</v>
      </c>
      <c r="B21085" s="6">
        <v>351015.3</v>
      </c>
      <c r="C21085" s="7">
        <f t="shared" si="329"/>
        <v>351.01529999999997</v>
      </c>
    </row>
    <row r="21086" spans="1:3" x14ac:dyDescent="0.25">
      <c r="A21086" s="2" t="s">
        <v>12744</v>
      </c>
      <c r="B21086" s="6">
        <v>351031.94999999995</v>
      </c>
      <c r="C21086" s="7">
        <f t="shared" si="329"/>
        <v>351.03194999999994</v>
      </c>
    </row>
    <row r="21087" spans="1:3" x14ac:dyDescent="0.25">
      <c r="A21087" s="2" t="s">
        <v>12745</v>
      </c>
      <c r="B21087" s="6">
        <v>351048.6</v>
      </c>
      <c r="C21087" s="7">
        <f t="shared" si="329"/>
        <v>351.04859999999996</v>
      </c>
    </row>
    <row r="21088" spans="1:3" x14ac:dyDescent="0.25">
      <c r="A21088" s="2" t="s">
        <v>12746</v>
      </c>
      <c r="B21088" s="6">
        <v>351065.24999999994</v>
      </c>
      <c r="C21088" s="7">
        <f t="shared" si="329"/>
        <v>351.06524999999993</v>
      </c>
    </row>
    <row r="21089" spans="1:3" x14ac:dyDescent="0.25">
      <c r="A21089" s="2" t="s">
        <v>12747</v>
      </c>
      <c r="B21089" s="6">
        <v>351081.89999999997</v>
      </c>
      <c r="C21089" s="7">
        <f t="shared" si="329"/>
        <v>351.08189999999996</v>
      </c>
    </row>
    <row r="21090" spans="1:3" x14ac:dyDescent="0.25">
      <c r="A21090" s="2" t="s">
        <v>12748</v>
      </c>
      <c r="B21090" s="6">
        <v>351098.55</v>
      </c>
      <c r="C21090" s="7">
        <f t="shared" si="329"/>
        <v>351.09854999999999</v>
      </c>
    </row>
    <row r="21091" spans="1:3" x14ac:dyDescent="0.25">
      <c r="A21091" s="2" t="s">
        <v>12749</v>
      </c>
      <c r="B21091" s="6">
        <v>351115.19999999995</v>
      </c>
      <c r="C21091" s="7">
        <f t="shared" si="329"/>
        <v>351.11519999999996</v>
      </c>
    </row>
    <row r="21092" spans="1:3" x14ac:dyDescent="0.25">
      <c r="A21092" s="2" t="s">
        <v>12750</v>
      </c>
      <c r="B21092" s="6">
        <v>351131.85</v>
      </c>
      <c r="C21092" s="7">
        <f t="shared" si="329"/>
        <v>351.13184999999999</v>
      </c>
    </row>
    <row r="21093" spans="1:3" x14ac:dyDescent="0.25">
      <c r="A21093" s="2" t="s">
        <v>12751</v>
      </c>
      <c r="B21093" s="6">
        <v>351148.49999999994</v>
      </c>
      <c r="C21093" s="7">
        <f t="shared" si="329"/>
        <v>351.14849999999996</v>
      </c>
    </row>
    <row r="21094" spans="1:3" x14ac:dyDescent="0.25">
      <c r="A21094" s="2" t="s">
        <v>12752</v>
      </c>
      <c r="B21094" s="6">
        <v>351165.14999999997</v>
      </c>
      <c r="C21094" s="7">
        <f t="shared" si="329"/>
        <v>351.16514999999998</v>
      </c>
    </row>
    <row r="21095" spans="1:3" x14ac:dyDescent="0.25">
      <c r="A21095" s="2" t="s">
        <v>12753</v>
      </c>
      <c r="B21095" s="6">
        <v>351181.8</v>
      </c>
      <c r="C21095" s="7">
        <f t="shared" si="329"/>
        <v>351.18180000000001</v>
      </c>
    </row>
    <row r="21096" spans="1:3" x14ac:dyDescent="0.25">
      <c r="A21096" s="2" t="s">
        <v>12754</v>
      </c>
      <c r="B21096" s="6">
        <v>351198.44999999995</v>
      </c>
      <c r="C21096" s="7">
        <f t="shared" si="329"/>
        <v>351.19844999999998</v>
      </c>
    </row>
    <row r="21097" spans="1:3" x14ac:dyDescent="0.25">
      <c r="A21097" s="2" t="s">
        <v>12755</v>
      </c>
      <c r="B21097" s="6">
        <v>351215.1</v>
      </c>
      <c r="C21097" s="7">
        <f t="shared" si="329"/>
        <v>351.21509999999995</v>
      </c>
    </row>
    <row r="21098" spans="1:3" x14ac:dyDescent="0.25">
      <c r="A21098" s="2" t="s">
        <v>12756</v>
      </c>
      <c r="B21098" s="6">
        <v>351231.74999999994</v>
      </c>
      <c r="C21098" s="7">
        <f t="shared" si="329"/>
        <v>351.23174999999992</v>
      </c>
    </row>
    <row r="21099" spans="1:3" x14ac:dyDescent="0.25">
      <c r="A21099" s="2" t="s">
        <v>12757</v>
      </c>
      <c r="B21099" s="6">
        <v>351248.39999999997</v>
      </c>
      <c r="C21099" s="7">
        <f t="shared" si="329"/>
        <v>351.24839999999995</v>
      </c>
    </row>
    <row r="21100" spans="1:3" x14ac:dyDescent="0.25">
      <c r="A21100" s="2" t="s">
        <v>12758</v>
      </c>
      <c r="B21100" s="6">
        <v>351265.05</v>
      </c>
      <c r="C21100" s="7">
        <f t="shared" si="329"/>
        <v>351.26504999999997</v>
      </c>
    </row>
    <row r="21101" spans="1:3" x14ac:dyDescent="0.25">
      <c r="A21101" s="2" t="s">
        <v>12759</v>
      </c>
      <c r="B21101" s="6">
        <v>351281.69999999995</v>
      </c>
      <c r="C21101" s="7">
        <f t="shared" si="329"/>
        <v>351.28169999999994</v>
      </c>
    </row>
    <row r="21102" spans="1:3" x14ac:dyDescent="0.25">
      <c r="A21102" s="2" t="s">
        <v>12760</v>
      </c>
      <c r="B21102" s="6">
        <v>351298.35</v>
      </c>
      <c r="C21102" s="7">
        <f t="shared" si="329"/>
        <v>351.29834999999997</v>
      </c>
    </row>
    <row r="21103" spans="1:3" x14ac:dyDescent="0.25">
      <c r="A21103" s="2" t="s">
        <v>12761</v>
      </c>
      <c r="B21103" s="6">
        <v>351314.99999999994</v>
      </c>
      <c r="C21103" s="7">
        <f t="shared" si="329"/>
        <v>351.31499999999994</v>
      </c>
    </row>
    <row r="21104" spans="1:3" x14ac:dyDescent="0.25">
      <c r="A21104" s="2" t="s">
        <v>12762</v>
      </c>
      <c r="B21104" s="6">
        <v>351331.64999999997</v>
      </c>
      <c r="C21104" s="7">
        <f t="shared" si="329"/>
        <v>351.33164999999997</v>
      </c>
    </row>
    <row r="21105" spans="1:3" x14ac:dyDescent="0.25">
      <c r="A21105" s="2" t="s">
        <v>12763</v>
      </c>
      <c r="B21105" s="6">
        <v>351348.3</v>
      </c>
      <c r="C21105" s="7">
        <f t="shared" si="329"/>
        <v>351.34829999999999</v>
      </c>
    </row>
    <row r="21106" spans="1:3" x14ac:dyDescent="0.25">
      <c r="A21106" s="2" t="s">
        <v>12764</v>
      </c>
      <c r="B21106" s="6">
        <v>351364.94999999995</v>
      </c>
      <c r="C21106" s="7">
        <f t="shared" si="329"/>
        <v>351.36494999999996</v>
      </c>
    </row>
    <row r="21107" spans="1:3" x14ac:dyDescent="0.25">
      <c r="A21107" s="2" t="s">
        <v>12765</v>
      </c>
      <c r="B21107" s="6">
        <v>351381.6</v>
      </c>
      <c r="C21107" s="7">
        <f t="shared" si="329"/>
        <v>351.38159999999999</v>
      </c>
    </row>
    <row r="21108" spans="1:3" x14ac:dyDescent="0.25">
      <c r="A21108" s="2" t="s">
        <v>12766</v>
      </c>
      <c r="B21108" s="6">
        <v>351398.24999999994</v>
      </c>
      <c r="C21108" s="7">
        <f t="shared" si="329"/>
        <v>351.39824999999996</v>
      </c>
    </row>
    <row r="21109" spans="1:3" x14ac:dyDescent="0.25">
      <c r="A21109" s="2" t="s">
        <v>12767</v>
      </c>
      <c r="B21109" s="6">
        <v>351414.89999999997</v>
      </c>
      <c r="C21109" s="7">
        <f t="shared" si="329"/>
        <v>351.41489999999999</v>
      </c>
    </row>
    <row r="21110" spans="1:3" x14ac:dyDescent="0.25">
      <c r="A21110" s="2" t="s">
        <v>12768</v>
      </c>
      <c r="B21110" s="6">
        <v>351431.55</v>
      </c>
      <c r="C21110" s="7">
        <f t="shared" si="329"/>
        <v>351.43155000000002</v>
      </c>
    </row>
    <row r="21111" spans="1:3" x14ac:dyDescent="0.25">
      <c r="A21111" s="2" t="s">
        <v>12769</v>
      </c>
      <c r="B21111" s="6">
        <v>351448.19999999995</v>
      </c>
      <c r="C21111" s="7">
        <f t="shared" si="329"/>
        <v>351.44819999999993</v>
      </c>
    </row>
    <row r="21112" spans="1:3" x14ac:dyDescent="0.25">
      <c r="A21112" s="2" t="s">
        <v>12770</v>
      </c>
      <c r="B21112" s="6">
        <v>351464.85</v>
      </c>
      <c r="C21112" s="7">
        <f t="shared" si="329"/>
        <v>351.46484999999996</v>
      </c>
    </row>
    <row r="21113" spans="1:3" x14ac:dyDescent="0.25">
      <c r="A21113" s="2" t="s">
        <v>12771</v>
      </c>
      <c r="B21113" s="6">
        <v>351481.49999999994</v>
      </c>
      <c r="C21113" s="7">
        <f t="shared" si="329"/>
        <v>351.48149999999993</v>
      </c>
    </row>
    <row r="21114" spans="1:3" x14ac:dyDescent="0.25">
      <c r="A21114" s="2" t="s">
        <v>12772</v>
      </c>
      <c r="B21114" s="6">
        <v>351498.14999999997</v>
      </c>
      <c r="C21114" s="7">
        <f t="shared" si="329"/>
        <v>351.49814999999995</v>
      </c>
    </row>
    <row r="21115" spans="1:3" x14ac:dyDescent="0.25">
      <c r="A21115" s="2" t="s">
        <v>12773</v>
      </c>
      <c r="B21115" s="6">
        <v>351514.8</v>
      </c>
      <c r="C21115" s="7">
        <f t="shared" si="329"/>
        <v>351.51479999999998</v>
      </c>
    </row>
    <row r="21116" spans="1:3" x14ac:dyDescent="0.25">
      <c r="A21116" s="2" t="s">
        <v>12774</v>
      </c>
      <c r="B21116" s="6">
        <v>351531.44999999995</v>
      </c>
      <c r="C21116" s="7">
        <f t="shared" si="329"/>
        <v>351.53144999999995</v>
      </c>
    </row>
    <row r="21117" spans="1:3" x14ac:dyDescent="0.25">
      <c r="A21117" s="2" t="s">
        <v>12775</v>
      </c>
      <c r="B21117" s="6">
        <v>351548.1</v>
      </c>
      <c r="C21117" s="7">
        <f t="shared" si="329"/>
        <v>351.54809999999998</v>
      </c>
    </row>
    <row r="21118" spans="1:3" x14ac:dyDescent="0.25">
      <c r="A21118" s="2" t="s">
        <v>12776</v>
      </c>
      <c r="B21118" s="6">
        <v>351564.74999999994</v>
      </c>
      <c r="C21118" s="7">
        <f t="shared" si="329"/>
        <v>351.56474999999995</v>
      </c>
    </row>
    <row r="21119" spans="1:3" x14ac:dyDescent="0.25">
      <c r="A21119" s="2" t="s">
        <v>12777</v>
      </c>
      <c r="B21119" s="6">
        <v>351581.39999999997</v>
      </c>
      <c r="C21119" s="7">
        <f t="shared" si="329"/>
        <v>351.58139999999997</v>
      </c>
    </row>
    <row r="21120" spans="1:3" x14ac:dyDescent="0.25">
      <c r="A21120" s="2" t="s">
        <v>12778</v>
      </c>
      <c r="B21120" s="6">
        <v>351598.05</v>
      </c>
      <c r="C21120" s="7">
        <f t="shared" si="329"/>
        <v>351.59805</v>
      </c>
    </row>
    <row r="21121" spans="1:3" x14ac:dyDescent="0.25">
      <c r="A21121" s="2" t="s">
        <v>12779</v>
      </c>
      <c r="B21121" s="6">
        <v>351614.69999999995</v>
      </c>
      <c r="C21121" s="7">
        <f t="shared" si="329"/>
        <v>351.61469999999997</v>
      </c>
    </row>
    <row r="21122" spans="1:3" x14ac:dyDescent="0.25">
      <c r="A21122" s="2" t="s">
        <v>12780</v>
      </c>
      <c r="B21122" s="6">
        <v>351631.35</v>
      </c>
      <c r="C21122" s="7">
        <f t="shared" si="329"/>
        <v>351.63135</v>
      </c>
    </row>
    <row r="21123" spans="1:3" x14ac:dyDescent="0.25">
      <c r="A21123" s="2" t="s">
        <v>12781</v>
      </c>
      <c r="B21123" s="6">
        <v>351647.99999999994</v>
      </c>
      <c r="C21123" s="7">
        <f t="shared" ref="C21123:C21186" si="330">B21123/1000</f>
        <v>351.64799999999997</v>
      </c>
    </row>
    <row r="21124" spans="1:3" x14ac:dyDescent="0.25">
      <c r="A21124" s="2" t="s">
        <v>12782</v>
      </c>
      <c r="B21124" s="6">
        <v>351664.64999999997</v>
      </c>
      <c r="C21124" s="7">
        <f t="shared" si="330"/>
        <v>351.66464999999994</v>
      </c>
    </row>
    <row r="21125" spans="1:3" x14ac:dyDescent="0.25">
      <c r="A21125" s="2" t="s">
        <v>12783</v>
      </c>
      <c r="B21125" s="6">
        <v>351681.3</v>
      </c>
      <c r="C21125" s="7">
        <f t="shared" si="330"/>
        <v>351.68129999999996</v>
      </c>
    </row>
    <row r="21126" spans="1:3" x14ac:dyDescent="0.25">
      <c r="A21126" s="2" t="s">
        <v>12784</v>
      </c>
      <c r="B21126" s="6">
        <v>351697.94999999995</v>
      </c>
      <c r="C21126" s="7">
        <f t="shared" si="330"/>
        <v>351.69794999999993</v>
      </c>
    </row>
    <row r="21127" spans="1:3" x14ac:dyDescent="0.25">
      <c r="A21127" s="2" t="s">
        <v>12785</v>
      </c>
      <c r="B21127" s="6">
        <v>351714.6</v>
      </c>
      <c r="C21127" s="7">
        <f t="shared" si="330"/>
        <v>351.71459999999996</v>
      </c>
    </row>
    <row r="21128" spans="1:3" x14ac:dyDescent="0.25">
      <c r="A21128" s="2" t="s">
        <v>12786</v>
      </c>
      <c r="B21128" s="6">
        <v>351731.24999999994</v>
      </c>
      <c r="C21128" s="7">
        <f t="shared" si="330"/>
        <v>351.73124999999993</v>
      </c>
    </row>
    <row r="21129" spans="1:3" x14ac:dyDescent="0.25">
      <c r="A21129" s="2" t="s">
        <v>12787</v>
      </c>
      <c r="B21129" s="6">
        <v>351747.89999999997</v>
      </c>
      <c r="C21129" s="7">
        <f t="shared" si="330"/>
        <v>351.74789999999996</v>
      </c>
    </row>
    <row r="21130" spans="1:3" x14ac:dyDescent="0.25">
      <c r="A21130" s="2" t="s">
        <v>12788</v>
      </c>
      <c r="B21130" s="6">
        <v>351764.55</v>
      </c>
      <c r="C21130" s="7">
        <f t="shared" si="330"/>
        <v>351.76454999999999</v>
      </c>
    </row>
    <row r="21131" spans="1:3" x14ac:dyDescent="0.25">
      <c r="A21131" s="2" t="s">
        <v>12789</v>
      </c>
      <c r="B21131" s="6">
        <v>351781.19999999995</v>
      </c>
      <c r="C21131" s="7">
        <f t="shared" si="330"/>
        <v>351.78119999999996</v>
      </c>
    </row>
    <row r="21132" spans="1:3" x14ac:dyDescent="0.25">
      <c r="A21132" s="2" t="s">
        <v>12790</v>
      </c>
      <c r="B21132" s="6">
        <v>351797.85</v>
      </c>
      <c r="C21132" s="7">
        <f t="shared" si="330"/>
        <v>351.79784999999998</v>
      </c>
    </row>
    <row r="21133" spans="1:3" x14ac:dyDescent="0.25">
      <c r="A21133" s="2" t="s">
        <v>12791</v>
      </c>
      <c r="B21133" s="6">
        <v>351814.49999999994</v>
      </c>
      <c r="C21133" s="7">
        <f t="shared" si="330"/>
        <v>351.81449999999995</v>
      </c>
    </row>
    <row r="21134" spans="1:3" x14ac:dyDescent="0.25">
      <c r="A21134" s="2" t="s">
        <v>12792</v>
      </c>
      <c r="B21134" s="6">
        <v>351831.14999999997</v>
      </c>
      <c r="C21134" s="7">
        <f t="shared" si="330"/>
        <v>351.83114999999998</v>
      </c>
    </row>
    <row r="21135" spans="1:3" x14ac:dyDescent="0.25">
      <c r="A21135" s="2" t="s">
        <v>12793</v>
      </c>
      <c r="B21135" s="6">
        <v>351847.8</v>
      </c>
      <c r="C21135" s="7">
        <f t="shared" si="330"/>
        <v>351.84780000000001</v>
      </c>
    </row>
    <row r="21136" spans="1:3" x14ac:dyDescent="0.25">
      <c r="A21136" s="2" t="s">
        <v>12794</v>
      </c>
      <c r="B21136" s="6">
        <v>351864.44999999995</v>
      </c>
      <c r="C21136" s="7">
        <f t="shared" si="330"/>
        <v>351.86444999999998</v>
      </c>
    </row>
    <row r="21137" spans="1:3" x14ac:dyDescent="0.25">
      <c r="A21137" s="2" t="s">
        <v>12795</v>
      </c>
      <c r="B21137" s="6">
        <v>351881.1</v>
      </c>
      <c r="C21137" s="7">
        <f t="shared" si="330"/>
        <v>351.8811</v>
      </c>
    </row>
    <row r="21138" spans="1:3" x14ac:dyDescent="0.25">
      <c r="A21138" s="2" t="s">
        <v>12796</v>
      </c>
      <c r="B21138" s="6">
        <v>351897.74999999994</v>
      </c>
      <c r="C21138" s="7">
        <f t="shared" si="330"/>
        <v>351.89774999999992</v>
      </c>
    </row>
    <row r="21139" spans="1:3" x14ac:dyDescent="0.25">
      <c r="A21139" s="2" t="s">
        <v>12797</v>
      </c>
      <c r="B21139" s="6">
        <v>351914.39999999997</v>
      </c>
      <c r="C21139" s="7">
        <f t="shared" si="330"/>
        <v>351.91439999999994</v>
      </c>
    </row>
    <row r="21140" spans="1:3" x14ac:dyDescent="0.25">
      <c r="A21140" s="2" t="s">
        <v>12798</v>
      </c>
      <c r="B21140" s="6">
        <v>351931.05</v>
      </c>
      <c r="C21140" s="7">
        <f t="shared" si="330"/>
        <v>351.93104999999997</v>
      </c>
    </row>
    <row r="21141" spans="1:3" x14ac:dyDescent="0.25">
      <c r="A21141" s="2" t="s">
        <v>12799</v>
      </c>
      <c r="B21141" s="6">
        <v>351947.69999999995</v>
      </c>
      <c r="C21141" s="7">
        <f t="shared" si="330"/>
        <v>351.94769999999994</v>
      </c>
    </row>
    <row r="21142" spans="1:3" x14ac:dyDescent="0.25">
      <c r="A21142" s="2" t="s">
        <v>12800</v>
      </c>
      <c r="B21142" s="6">
        <v>351964.35</v>
      </c>
      <c r="C21142" s="7">
        <f t="shared" si="330"/>
        <v>351.96434999999997</v>
      </c>
    </row>
    <row r="21143" spans="1:3" x14ac:dyDescent="0.25">
      <c r="A21143" s="2" t="s">
        <v>12801</v>
      </c>
      <c r="B21143" s="6">
        <v>351980.99999999994</v>
      </c>
      <c r="C21143" s="7">
        <f t="shared" si="330"/>
        <v>351.98099999999994</v>
      </c>
    </row>
    <row r="21144" spans="1:3" x14ac:dyDescent="0.25">
      <c r="A21144" s="2" t="s">
        <v>12802</v>
      </c>
      <c r="B21144" s="6">
        <v>351997.64999999997</v>
      </c>
      <c r="C21144" s="7">
        <f t="shared" si="330"/>
        <v>351.99764999999996</v>
      </c>
    </row>
    <row r="21145" spans="1:3" x14ac:dyDescent="0.25">
      <c r="A21145" s="2" t="s">
        <v>12803</v>
      </c>
      <c r="B21145" s="6">
        <v>352014.3</v>
      </c>
      <c r="C21145" s="7">
        <f t="shared" si="330"/>
        <v>352.01429999999999</v>
      </c>
    </row>
    <row r="21146" spans="1:3" x14ac:dyDescent="0.25">
      <c r="A21146" s="2" t="s">
        <v>12804</v>
      </c>
      <c r="B21146" s="6">
        <v>352030.94999999995</v>
      </c>
      <c r="C21146" s="7">
        <f t="shared" si="330"/>
        <v>352.03094999999996</v>
      </c>
    </row>
    <row r="21147" spans="1:3" x14ac:dyDescent="0.25">
      <c r="A21147" s="2" t="s">
        <v>12805</v>
      </c>
      <c r="B21147" s="6">
        <v>352047.6</v>
      </c>
      <c r="C21147" s="7">
        <f t="shared" si="330"/>
        <v>352.04759999999999</v>
      </c>
    </row>
    <row r="21148" spans="1:3" x14ac:dyDescent="0.25">
      <c r="A21148" s="2" t="s">
        <v>12806</v>
      </c>
      <c r="B21148" s="6">
        <v>352064.24999999994</v>
      </c>
      <c r="C21148" s="7">
        <f t="shared" si="330"/>
        <v>352.06424999999996</v>
      </c>
    </row>
    <row r="21149" spans="1:3" x14ac:dyDescent="0.25">
      <c r="A21149" s="2" t="s">
        <v>12807</v>
      </c>
      <c r="B21149" s="6">
        <v>352080.89999999997</v>
      </c>
      <c r="C21149" s="7">
        <f t="shared" si="330"/>
        <v>352.08089999999999</v>
      </c>
    </row>
    <row r="21150" spans="1:3" x14ac:dyDescent="0.25">
      <c r="A21150" s="2" t="s">
        <v>12808</v>
      </c>
      <c r="B21150" s="6">
        <v>352097.55</v>
      </c>
      <c r="C21150" s="7">
        <f t="shared" si="330"/>
        <v>352.09755000000001</v>
      </c>
    </row>
    <row r="21151" spans="1:3" x14ac:dyDescent="0.25">
      <c r="A21151" s="2" t="s">
        <v>12809</v>
      </c>
      <c r="B21151" s="6">
        <v>352114.19999999995</v>
      </c>
      <c r="C21151" s="7">
        <f t="shared" si="330"/>
        <v>352.11419999999993</v>
      </c>
    </row>
    <row r="21152" spans="1:3" x14ac:dyDescent="0.25">
      <c r="A21152" s="2" t="s">
        <v>12810</v>
      </c>
      <c r="B21152" s="6">
        <v>352130.85</v>
      </c>
      <c r="C21152" s="7">
        <f t="shared" si="330"/>
        <v>352.13084999999995</v>
      </c>
    </row>
    <row r="21153" spans="1:3" x14ac:dyDescent="0.25">
      <c r="A21153" s="2" t="s">
        <v>12811</v>
      </c>
      <c r="B21153" s="6">
        <v>352147.49999999994</v>
      </c>
      <c r="C21153" s="7">
        <f t="shared" si="330"/>
        <v>352.14749999999992</v>
      </c>
    </row>
    <row r="21154" spans="1:3" x14ac:dyDescent="0.25">
      <c r="A21154" s="2" t="s">
        <v>12812</v>
      </c>
      <c r="B21154" s="6">
        <v>352164.14999999997</v>
      </c>
      <c r="C21154" s="7">
        <f t="shared" si="330"/>
        <v>352.16414999999995</v>
      </c>
    </row>
    <row r="21155" spans="1:3" x14ac:dyDescent="0.25">
      <c r="A21155" s="2" t="s">
        <v>12813</v>
      </c>
      <c r="B21155" s="6">
        <v>352180.8</v>
      </c>
      <c r="C21155" s="7">
        <f t="shared" si="330"/>
        <v>352.18079999999998</v>
      </c>
    </row>
    <row r="21156" spans="1:3" x14ac:dyDescent="0.25">
      <c r="A21156" s="2" t="s">
        <v>12814</v>
      </c>
      <c r="B21156" s="6">
        <v>352197.44999999995</v>
      </c>
      <c r="C21156" s="7">
        <f t="shared" si="330"/>
        <v>352.19744999999995</v>
      </c>
    </row>
    <row r="21157" spans="1:3" x14ac:dyDescent="0.25">
      <c r="A21157" s="2" t="s">
        <v>12815</v>
      </c>
      <c r="B21157" s="6">
        <v>352214.1</v>
      </c>
      <c r="C21157" s="7">
        <f t="shared" si="330"/>
        <v>352.21409999999997</v>
      </c>
    </row>
    <row r="21158" spans="1:3" x14ac:dyDescent="0.25">
      <c r="A21158" s="2" t="s">
        <v>12816</v>
      </c>
      <c r="B21158" s="6">
        <v>352230.74999999994</v>
      </c>
      <c r="C21158" s="7">
        <f t="shared" si="330"/>
        <v>352.23074999999994</v>
      </c>
    </row>
    <row r="21159" spans="1:3" x14ac:dyDescent="0.25">
      <c r="A21159" s="2" t="s">
        <v>12817</v>
      </c>
      <c r="B21159" s="6">
        <v>352247.39999999997</v>
      </c>
      <c r="C21159" s="7">
        <f t="shared" si="330"/>
        <v>352.24739999999997</v>
      </c>
    </row>
    <row r="21160" spans="1:3" x14ac:dyDescent="0.25">
      <c r="A21160" s="2" t="s">
        <v>12818</v>
      </c>
      <c r="B21160" s="6">
        <v>352264.05</v>
      </c>
      <c r="C21160" s="7">
        <f t="shared" si="330"/>
        <v>352.26405</v>
      </c>
    </row>
    <row r="21161" spans="1:3" x14ac:dyDescent="0.25">
      <c r="A21161" s="2" t="s">
        <v>12819</v>
      </c>
      <c r="B21161" s="6">
        <v>352280.69999999995</v>
      </c>
      <c r="C21161" s="7">
        <f t="shared" si="330"/>
        <v>352.28069999999997</v>
      </c>
    </row>
    <row r="21162" spans="1:3" x14ac:dyDescent="0.25">
      <c r="A21162" s="2" t="s">
        <v>12820</v>
      </c>
      <c r="B21162" s="6">
        <v>352297.35</v>
      </c>
      <c r="C21162" s="7">
        <f t="shared" si="330"/>
        <v>352.29734999999999</v>
      </c>
    </row>
    <row r="21163" spans="1:3" x14ac:dyDescent="0.25">
      <c r="A21163" s="2" t="s">
        <v>12821</v>
      </c>
      <c r="B21163" s="6">
        <v>352313.99999999994</v>
      </c>
      <c r="C21163" s="7">
        <f t="shared" si="330"/>
        <v>352.31399999999996</v>
      </c>
    </row>
    <row r="21164" spans="1:3" x14ac:dyDescent="0.25">
      <c r="A21164" s="2" t="s">
        <v>12822</v>
      </c>
      <c r="B21164" s="6">
        <v>352330.64999999997</v>
      </c>
      <c r="C21164" s="7">
        <f t="shared" si="330"/>
        <v>352.33064999999999</v>
      </c>
    </row>
    <row r="21165" spans="1:3" x14ac:dyDescent="0.25">
      <c r="A21165" s="2" t="s">
        <v>12823</v>
      </c>
      <c r="B21165" s="6">
        <v>352347.3</v>
      </c>
      <c r="C21165" s="7">
        <f t="shared" si="330"/>
        <v>352.34729999999996</v>
      </c>
    </row>
    <row r="21166" spans="1:3" x14ac:dyDescent="0.25">
      <c r="A21166" s="2" t="s">
        <v>12824</v>
      </c>
      <c r="B21166" s="6">
        <v>352363.94999999995</v>
      </c>
      <c r="C21166" s="7">
        <f t="shared" si="330"/>
        <v>352.36394999999993</v>
      </c>
    </row>
    <row r="21167" spans="1:3" x14ac:dyDescent="0.25">
      <c r="A21167" s="2" t="s">
        <v>12825</v>
      </c>
      <c r="B21167" s="6">
        <v>352380.6</v>
      </c>
      <c r="C21167" s="7">
        <f t="shared" si="330"/>
        <v>352.38059999999996</v>
      </c>
    </row>
    <row r="21168" spans="1:3" x14ac:dyDescent="0.25">
      <c r="A21168" s="2" t="s">
        <v>12826</v>
      </c>
      <c r="B21168" s="6">
        <v>352397.24999999994</v>
      </c>
      <c r="C21168" s="7">
        <f t="shared" si="330"/>
        <v>352.39724999999993</v>
      </c>
    </row>
    <row r="21169" spans="1:3" x14ac:dyDescent="0.25">
      <c r="A21169" s="2" t="s">
        <v>12827</v>
      </c>
      <c r="B21169" s="6">
        <v>352413.89999999997</v>
      </c>
      <c r="C21169" s="7">
        <f t="shared" si="330"/>
        <v>352.41389999999996</v>
      </c>
    </row>
    <row r="21170" spans="1:3" x14ac:dyDescent="0.25">
      <c r="A21170" s="2" t="s">
        <v>12828</v>
      </c>
      <c r="B21170" s="6">
        <v>352430.55</v>
      </c>
      <c r="C21170" s="7">
        <f t="shared" si="330"/>
        <v>352.43054999999998</v>
      </c>
    </row>
    <row r="21171" spans="1:3" x14ac:dyDescent="0.25">
      <c r="A21171" s="2" t="s">
        <v>12829</v>
      </c>
      <c r="B21171" s="6">
        <v>352447.19999999995</v>
      </c>
      <c r="C21171" s="7">
        <f t="shared" si="330"/>
        <v>352.44719999999995</v>
      </c>
    </row>
    <row r="21172" spans="1:3" x14ac:dyDescent="0.25">
      <c r="A21172" s="2" t="s">
        <v>12830</v>
      </c>
      <c r="B21172" s="6">
        <v>352463.85</v>
      </c>
      <c r="C21172" s="7">
        <f t="shared" si="330"/>
        <v>352.46384999999998</v>
      </c>
    </row>
    <row r="21173" spans="1:3" x14ac:dyDescent="0.25">
      <c r="A21173" s="2" t="s">
        <v>12831</v>
      </c>
      <c r="B21173" s="6">
        <v>352480.49999999994</v>
      </c>
      <c r="C21173" s="7">
        <f t="shared" si="330"/>
        <v>352.48049999999995</v>
      </c>
    </row>
    <row r="21174" spans="1:3" x14ac:dyDescent="0.25">
      <c r="A21174" s="2" t="s">
        <v>12832</v>
      </c>
      <c r="B21174" s="6">
        <v>352497.14999999997</v>
      </c>
      <c r="C21174" s="7">
        <f t="shared" si="330"/>
        <v>352.49714999999998</v>
      </c>
    </row>
    <row r="21175" spans="1:3" x14ac:dyDescent="0.25">
      <c r="A21175" s="2" t="s">
        <v>12833</v>
      </c>
      <c r="B21175" s="6">
        <v>352513.8</v>
      </c>
      <c r="C21175" s="7">
        <f t="shared" si="330"/>
        <v>352.5138</v>
      </c>
    </row>
    <row r="21176" spans="1:3" x14ac:dyDescent="0.25">
      <c r="A21176" s="2" t="s">
        <v>12834</v>
      </c>
      <c r="B21176" s="6">
        <v>352530.44999999995</v>
      </c>
      <c r="C21176" s="7">
        <f t="shared" si="330"/>
        <v>352.53044999999997</v>
      </c>
    </row>
    <row r="21177" spans="1:3" x14ac:dyDescent="0.25">
      <c r="A21177" s="2" t="s">
        <v>12835</v>
      </c>
      <c r="B21177" s="6">
        <v>352547.1</v>
      </c>
      <c r="C21177" s="7">
        <f t="shared" si="330"/>
        <v>352.5471</v>
      </c>
    </row>
    <row r="21178" spans="1:3" x14ac:dyDescent="0.25">
      <c r="A21178" s="2" t="s">
        <v>12836</v>
      </c>
      <c r="B21178" s="6">
        <v>352563.74999999994</v>
      </c>
      <c r="C21178" s="7">
        <f t="shared" si="330"/>
        <v>352.56374999999991</v>
      </c>
    </row>
    <row r="21179" spans="1:3" x14ac:dyDescent="0.25">
      <c r="A21179" s="2" t="s">
        <v>12837</v>
      </c>
      <c r="B21179" s="6">
        <v>352580.39999999997</v>
      </c>
      <c r="C21179" s="7">
        <f t="shared" si="330"/>
        <v>352.58039999999994</v>
      </c>
    </row>
    <row r="21180" spans="1:3" x14ac:dyDescent="0.25">
      <c r="A21180" s="2" t="s">
        <v>12838</v>
      </c>
      <c r="B21180" s="6">
        <v>352597.05</v>
      </c>
      <c r="C21180" s="7">
        <f t="shared" si="330"/>
        <v>352.59704999999997</v>
      </c>
    </row>
    <row r="21181" spans="1:3" x14ac:dyDescent="0.25">
      <c r="A21181" s="2" t="s">
        <v>12839</v>
      </c>
      <c r="B21181" s="6">
        <v>352613.69999999995</v>
      </c>
      <c r="C21181" s="7">
        <f t="shared" si="330"/>
        <v>352.61369999999994</v>
      </c>
    </row>
    <row r="21182" spans="1:3" x14ac:dyDescent="0.25">
      <c r="A21182" s="2" t="s">
        <v>12840</v>
      </c>
      <c r="B21182" s="6">
        <v>352630.35</v>
      </c>
      <c r="C21182" s="7">
        <f t="shared" si="330"/>
        <v>352.63034999999996</v>
      </c>
    </row>
    <row r="21183" spans="1:3" x14ac:dyDescent="0.25">
      <c r="A21183" s="2" t="s">
        <v>12841</v>
      </c>
      <c r="B21183" s="6">
        <v>352646.99999999994</v>
      </c>
      <c r="C21183" s="7">
        <f t="shared" si="330"/>
        <v>352.64699999999993</v>
      </c>
    </row>
    <row r="21184" spans="1:3" x14ac:dyDescent="0.25">
      <c r="A21184" s="2" t="s">
        <v>12842</v>
      </c>
      <c r="B21184" s="6">
        <v>352663.64999999997</v>
      </c>
      <c r="C21184" s="7">
        <f t="shared" si="330"/>
        <v>352.66364999999996</v>
      </c>
    </row>
    <row r="21185" spans="1:3" x14ac:dyDescent="0.25">
      <c r="A21185" s="2" t="s">
        <v>12843</v>
      </c>
      <c r="B21185" s="6">
        <v>352680.3</v>
      </c>
      <c r="C21185" s="7">
        <f t="shared" si="330"/>
        <v>352.68029999999999</v>
      </c>
    </row>
    <row r="21186" spans="1:3" x14ac:dyDescent="0.25">
      <c r="A21186" s="2" t="s">
        <v>12844</v>
      </c>
      <c r="B21186" s="6">
        <v>352696.94999999995</v>
      </c>
      <c r="C21186" s="7">
        <f t="shared" si="330"/>
        <v>352.69694999999996</v>
      </c>
    </row>
    <row r="21187" spans="1:3" x14ac:dyDescent="0.25">
      <c r="A21187" s="2" t="s">
        <v>12845</v>
      </c>
      <c r="B21187" s="6">
        <v>352713.6</v>
      </c>
      <c r="C21187" s="7">
        <f t="shared" ref="C21187:C21250" si="331">B21187/1000</f>
        <v>352.71359999999999</v>
      </c>
    </row>
    <row r="21188" spans="1:3" x14ac:dyDescent="0.25">
      <c r="A21188" s="2" t="s">
        <v>12846</v>
      </c>
      <c r="B21188" s="6">
        <v>352730.24999999994</v>
      </c>
      <c r="C21188" s="7">
        <f t="shared" si="331"/>
        <v>352.73024999999996</v>
      </c>
    </row>
    <row r="21189" spans="1:3" x14ac:dyDescent="0.25">
      <c r="A21189" s="2" t="s">
        <v>12847</v>
      </c>
      <c r="B21189" s="6">
        <v>352746.89999999997</v>
      </c>
      <c r="C21189" s="7">
        <f t="shared" si="331"/>
        <v>352.74689999999998</v>
      </c>
    </row>
    <row r="21190" spans="1:3" x14ac:dyDescent="0.25">
      <c r="A21190" s="2" t="s">
        <v>12848</v>
      </c>
      <c r="B21190" s="6">
        <v>352763.55</v>
      </c>
      <c r="C21190" s="7">
        <f t="shared" si="331"/>
        <v>352.76355000000001</v>
      </c>
    </row>
    <row r="21191" spans="1:3" x14ac:dyDescent="0.25">
      <c r="A21191" s="2" t="s">
        <v>12849</v>
      </c>
      <c r="B21191" s="6">
        <v>352780.19999999995</v>
      </c>
      <c r="C21191" s="7">
        <f t="shared" si="331"/>
        <v>352.78019999999998</v>
      </c>
    </row>
    <row r="21192" spans="1:3" x14ac:dyDescent="0.25">
      <c r="A21192" s="2" t="s">
        <v>12850</v>
      </c>
      <c r="B21192" s="6">
        <v>352796.85</v>
      </c>
      <c r="C21192" s="7">
        <f t="shared" si="331"/>
        <v>352.79684999999995</v>
      </c>
    </row>
    <row r="21193" spans="1:3" x14ac:dyDescent="0.25">
      <c r="A21193" s="2" t="s">
        <v>12851</v>
      </c>
      <c r="B21193" s="6">
        <v>352813.49999999994</v>
      </c>
      <c r="C21193" s="7">
        <f t="shared" si="331"/>
        <v>352.81349999999992</v>
      </c>
    </row>
    <row r="21194" spans="1:3" x14ac:dyDescent="0.25">
      <c r="A21194" s="2" t="s">
        <v>12852</v>
      </c>
      <c r="B21194" s="6">
        <v>352830.14999999997</v>
      </c>
      <c r="C21194" s="7">
        <f t="shared" si="331"/>
        <v>352.83014999999995</v>
      </c>
    </row>
    <row r="21195" spans="1:3" x14ac:dyDescent="0.25">
      <c r="A21195" s="2" t="s">
        <v>12853</v>
      </c>
      <c r="B21195" s="6">
        <v>352846.8</v>
      </c>
      <c r="C21195" s="7">
        <f t="shared" si="331"/>
        <v>352.84679999999997</v>
      </c>
    </row>
    <row r="21196" spans="1:3" x14ac:dyDescent="0.25">
      <c r="A21196" s="2" t="s">
        <v>12854</v>
      </c>
      <c r="B21196" s="6">
        <v>352863.44999999995</v>
      </c>
      <c r="C21196" s="7">
        <f t="shared" si="331"/>
        <v>352.86344999999994</v>
      </c>
    </row>
    <row r="21197" spans="1:3" x14ac:dyDescent="0.25">
      <c r="A21197" s="2" t="s">
        <v>12855</v>
      </c>
      <c r="B21197" s="6">
        <v>352880.1</v>
      </c>
      <c r="C21197" s="7">
        <f t="shared" si="331"/>
        <v>352.88009999999997</v>
      </c>
    </row>
    <row r="21198" spans="1:3" x14ac:dyDescent="0.25">
      <c r="A21198" s="2" t="s">
        <v>12856</v>
      </c>
      <c r="B21198" s="6">
        <v>352896.74999999994</v>
      </c>
      <c r="C21198" s="7">
        <f t="shared" si="331"/>
        <v>352.89674999999994</v>
      </c>
    </row>
    <row r="21199" spans="1:3" x14ac:dyDescent="0.25">
      <c r="A21199" s="2" t="s">
        <v>12857</v>
      </c>
      <c r="B21199" s="6">
        <v>352913.39999999997</v>
      </c>
      <c r="C21199" s="7">
        <f t="shared" si="331"/>
        <v>352.91339999999997</v>
      </c>
    </row>
    <row r="21200" spans="1:3" x14ac:dyDescent="0.25">
      <c r="A21200" s="2" t="s">
        <v>12858</v>
      </c>
      <c r="B21200" s="6">
        <v>352930.05</v>
      </c>
      <c r="C21200" s="7">
        <f t="shared" si="331"/>
        <v>352.93004999999999</v>
      </c>
    </row>
    <row r="21201" spans="1:3" x14ac:dyDescent="0.25">
      <c r="A21201" s="2" t="s">
        <v>12859</v>
      </c>
      <c r="B21201" s="6">
        <v>352946.69999999995</v>
      </c>
      <c r="C21201" s="7">
        <f t="shared" si="331"/>
        <v>352.94669999999996</v>
      </c>
    </row>
    <row r="21202" spans="1:3" x14ac:dyDescent="0.25">
      <c r="A21202" s="2" t="s">
        <v>12860</v>
      </c>
      <c r="B21202" s="6">
        <v>352963.35</v>
      </c>
      <c r="C21202" s="7">
        <f t="shared" si="331"/>
        <v>352.96334999999999</v>
      </c>
    </row>
    <row r="21203" spans="1:3" x14ac:dyDescent="0.25">
      <c r="A21203" s="2" t="s">
        <v>12861</v>
      </c>
      <c r="B21203" s="6">
        <v>352979.99999999994</v>
      </c>
      <c r="C21203" s="7">
        <f t="shared" si="331"/>
        <v>352.97999999999996</v>
      </c>
    </row>
    <row r="21204" spans="1:3" x14ac:dyDescent="0.25">
      <c r="A21204" s="2" t="s">
        <v>12862</v>
      </c>
      <c r="B21204" s="6">
        <v>352996.64999999997</v>
      </c>
      <c r="C21204" s="7">
        <f t="shared" si="331"/>
        <v>352.99664999999999</v>
      </c>
    </row>
    <row r="21205" spans="1:3" x14ac:dyDescent="0.25">
      <c r="A21205" s="2" t="s">
        <v>12863</v>
      </c>
      <c r="B21205" s="6">
        <v>353013.3</v>
      </c>
      <c r="C21205" s="7">
        <f t="shared" si="331"/>
        <v>353.01330000000002</v>
      </c>
    </row>
    <row r="21206" spans="1:3" x14ac:dyDescent="0.25">
      <c r="A21206" s="2" t="s">
        <v>12864</v>
      </c>
      <c r="B21206" s="6">
        <v>353029.94999999995</v>
      </c>
      <c r="C21206" s="7">
        <f t="shared" si="331"/>
        <v>353.02994999999993</v>
      </c>
    </row>
    <row r="21207" spans="1:3" x14ac:dyDescent="0.25">
      <c r="A21207" s="2" t="s">
        <v>12865</v>
      </c>
      <c r="B21207" s="6">
        <v>353046.6</v>
      </c>
      <c r="C21207" s="7">
        <f t="shared" si="331"/>
        <v>353.04659999999996</v>
      </c>
    </row>
    <row r="21208" spans="1:3" x14ac:dyDescent="0.25">
      <c r="A21208" s="2" t="s">
        <v>12866</v>
      </c>
      <c r="B21208" s="6">
        <v>353063.24999999994</v>
      </c>
      <c r="C21208" s="7">
        <f t="shared" si="331"/>
        <v>353.06324999999993</v>
      </c>
    </row>
    <row r="21209" spans="1:3" x14ac:dyDescent="0.25">
      <c r="A21209" s="2" t="s">
        <v>12867</v>
      </c>
      <c r="B21209" s="6">
        <v>353079.89999999997</v>
      </c>
      <c r="C21209" s="7">
        <f t="shared" si="331"/>
        <v>353.07989999999995</v>
      </c>
    </row>
    <row r="21210" spans="1:3" x14ac:dyDescent="0.25">
      <c r="A21210" s="2" t="s">
        <v>12868</v>
      </c>
      <c r="B21210" s="6">
        <v>353096.55</v>
      </c>
      <c r="C21210" s="7">
        <f t="shared" si="331"/>
        <v>353.09654999999998</v>
      </c>
    </row>
    <row r="21211" spans="1:3" x14ac:dyDescent="0.25">
      <c r="A21211" s="2" t="s">
        <v>12869</v>
      </c>
      <c r="B21211" s="6">
        <v>353113.19999999995</v>
      </c>
      <c r="C21211" s="7">
        <f t="shared" si="331"/>
        <v>353.11319999999995</v>
      </c>
    </row>
    <row r="21212" spans="1:3" x14ac:dyDescent="0.25">
      <c r="A21212" s="2" t="s">
        <v>12870</v>
      </c>
      <c r="B21212" s="6">
        <v>353129.85</v>
      </c>
      <c r="C21212" s="7">
        <f t="shared" si="331"/>
        <v>353.12984999999998</v>
      </c>
    </row>
    <row r="21213" spans="1:3" x14ac:dyDescent="0.25">
      <c r="A21213" s="2" t="s">
        <v>12871</v>
      </c>
      <c r="B21213" s="6">
        <v>353146.49999999994</v>
      </c>
      <c r="C21213" s="7">
        <f t="shared" si="331"/>
        <v>353.14649999999995</v>
      </c>
    </row>
    <row r="21214" spans="1:3" x14ac:dyDescent="0.25">
      <c r="A21214" s="2" t="s">
        <v>12872</v>
      </c>
      <c r="B21214" s="6">
        <v>353163.14999999997</v>
      </c>
      <c r="C21214" s="7">
        <f t="shared" si="331"/>
        <v>353.16314999999997</v>
      </c>
    </row>
    <row r="21215" spans="1:3" x14ac:dyDescent="0.25">
      <c r="A21215" s="2" t="s">
        <v>12873</v>
      </c>
      <c r="B21215" s="6">
        <v>353179.8</v>
      </c>
      <c r="C21215" s="7">
        <f t="shared" si="331"/>
        <v>353.1798</v>
      </c>
    </row>
    <row r="21216" spans="1:3" x14ac:dyDescent="0.25">
      <c r="A21216" s="2" t="s">
        <v>12874</v>
      </c>
      <c r="B21216" s="6">
        <v>353196.44999999995</v>
      </c>
      <c r="C21216" s="7">
        <f t="shared" si="331"/>
        <v>353.19644999999997</v>
      </c>
    </row>
    <row r="21217" spans="1:3" x14ac:dyDescent="0.25">
      <c r="A21217" s="2" t="s">
        <v>12875</v>
      </c>
      <c r="B21217" s="6">
        <v>353213.1</v>
      </c>
      <c r="C21217" s="7">
        <f t="shared" si="331"/>
        <v>353.2131</v>
      </c>
    </row>
    <row r="21218" spans="1:3" x14ac:dyDescent="0.25">
      <c r="A21218" s="2" t="s">
        <v>12876</v>
      </c>
      <c r="B21218" s="6">
        <v>353229.74999999994</v>
      </c>
      <c r="C21218" s="7">
        <f t="shared" si="331"/>
        <v>353.22974999999997</v>
      </c>
    </row>
    <row r="21219" spans="1:3" x14ac:dyDescent="0.25">
      <c r="A21219" s="2" t="s">
        <v>12877</v>
      </c>
      <c r="B21219" s="6">
        <v>353246.39999999997</v>
      </c>
      <c r="C21219" s="7">
        <f t="shared" si="331"/>
        <v>353.24639999999994</v>
      </c>
    </row>
    <row r="21220" spans="1:3" x14ac:dyDescent="0.25">
      <c r="A21220" s="2" t="s">
        <v>12878</v>
      </c>
      <c r="B21220" s="6">
        <v>353263.05</v>
      </c>
      <c r="C21220" s="7">
        <f t="shared" si="331"/>
        <v>353.26304999999996</v>
      </c>
    </row>
    <row r="21221" spans="1:3" x14ac:dyDescent="0.25">
      <c r="A21221" s="2" t="s">
        <v>12879</v>
      </c>
      <c r="B21221" s="6">
        <v>353279.69999999995</v>
      </c>
      <c r="C21221" s="7">
        <f t="shared" si="331"/>
        <v>353.27969999999993</v>
      </c>
    </row>
    <row r="21222" spans="1:3" x14ac:dyDescent="0.25">
      <c r="A21222" s="2" t="s">
        <v>12880</v>
      </c>
      <c r="B21222" s="6">
        <v>353296.35</v>
      </c>
      <c r="C21222" s="7">
        <f t="shared" si="331"/>
        <v>353.29634999999996</v>
      </c>
    </row>
    <row r="21223" spans="1:3" x14ac:dyDescent="0.25">
      <c r="A21223" s="2" t="s">
        <v>12881</v>
      </c>
      <c r="B21223" s="6">
        <v>353312.99999999994</v>
      </c>
      <c r="C21223" s="7">
        <f t="shared" si="331"/>
        <v>353.31299999999993</v>
      </c>
    </row>
    <row r="21224" spans="1:3" x14ac:dyDescent="0.25">
      <c r="A21224" s="2" t="s">
        <v>12882</v>
      </c>
      <c r="B21224" s="6">
        <v>353329.64999999997</v>
      </c>
      <c r="C21224" s="7">
        <f t="shared" si="331"/>
        <v>353.32964999999996</v>
      </c>
    </row>
    <row r="21225" spans="1:3" x14ac:dyDescent="0.25">
      <c r="A21225" s="2" t="s">
        <v>12883</v>
      </c>
      <c r="B21225" s="6">
        <v>353346.3</v>
      </c>
      <c r="C21225" s="7">
        <f t="shared" si="331"/>
        <v>353.34629999999999</v>
      </c>
    </row>
    <row r="21226" spans="1:3" x14ac:dyDescent="0.25">
      <c r="A21226" s="2" t="s">
        <v>12884</v>
      </c>
      <c r="B21226" s="6">
        <v>353362.94999999995</v>
      </c>
      <c r="C21226" s="7">
        <f t="shared" si="331"/>
        <v>353.36294999999996</v>
      </c>
    </row>
    <row r="21227" spans="1:3" x14ac:dyDescent="0.25">
      <c r="A21227" s="2" t="s">
        <v>12885</v>
      </c>
      <c r="B21227" s="6">
        <v>353379.6</v>
      </c>
      <c r="C21227" s="7">
        <f t="shared" si="331"/>
        <v>353.37959999999998</v>
      </c>
    </row>
    <row r="21228" spans="1:3" x14ac:dyDescent="0.25">
      <c r="A21228" s="2" t="s">
        <v>12886</v>
      </c>
      <c r="B21228" s="6">
        <v>353396.24999999994</v>
      </c>
      <c r="C21228" s="7">
        <f t="shared" si="331"/>
        <v>353.39624999999995</v>
      </c>
    </row>
    <row r="21229" spans="1:3" x14ac:dyDescent="0.25">
      <c r="A21229" s="2" t="s">
        <v>12887</v>
      </c>
      <c r="B21229" s="6">
        <v>353412.89999999997</v>
      </c>
      <c r="C21229" s="7">
        <f t="shared" si="331"/>
        <v>353.41289999999998</v>
      </c>
    </row>
    <row r="21230" spans="1:3" x14ac:dyDescent="0.25">
      <c r="A21230" s="2" t="s">
        <v>12888</v>
      </c>
      <c r="B21230" s="6">
        <v>353429.55</v>
      </c>
      <c r="C21230" s="7">
        <f t="shared" si="331"/>
        <v>353.42955000000001</v>
      </c>
    </row>
    <row r="21231" spans="1:3" x14ac:dyDescent="0.25">
      <c r="A21231" s="2" t="s">
        <v>12889</v>
      </c>
      <c r="B21231" s="6">
        <v>353446.19999999995</v>
      </c>
      <c r="C21231" s="7">
        <f t="shared" si="331"/>
        <v>353.44619999999998</v>
      </c>
    </row>
    <row r="21232" spans="1:3" x14ac:dyDescent="0.25">
      <c r="A21232" s="2" t="s">
        <v>12890</v>
      </c>
      <c r="B21232" s="6">
        <v>353462.85</v>
      </c>
      <c r="C21232" s="7">
        <f t="shared" si="331"/>
        <v>353.46285</v>
      </c>
    </row>
    <row r="21233" spans="1:3" x14ac:dyDescent="0.25">
      <c r="A21233" s="2" t="s">
        <v>12891</v>
      </c>
      <c r="B21233" s="6">
        <v>353479.49999999994</v>
      </c>
      <c r="C21233" s="7">
        <f t="shared" si="331"/>
        <v>353.47949999999992</v>
      </c>
    </row>
    <row r="21234" spans="1:3" x14ac:dyDescent="0.25">
      <c r="A21234" s="2" t="s">
        <v>12892</v>
      </c>
      <c r="B21234" s="6">
        <v>353496.14999999997</v>
      </c>
      <c r="C21234" s="7">
        <f t="shared" si="331"/>
        <v>353.49614999999994</v>
      </c>
    </row>
    <row r="21235" spans="1:3" x14ac:dyDescent="0.25">
      <c r="A21235" s="2" t="s">
        <v>12893</v>
      </c>
      <c r="B21235" s="6">
        <v>353512.8</v>
      </c>
      <c r="C21235" s="7">
        <f t="shared" si="331"/>
        <v>353.51279999999997</v>
      </c>
    </row>
    <row r="21236" spans="1:3" x14ac:dyDescent="0.25">
      <c r="A21236" s="2" t="s">
        <v>12894</v>
      </c>
      <c r="B21236" s="6">
        <v>353529.44999999995</v>
      </c>
      <c r="C21236" s="7">
        <f t="shared" si="331"/>
        <v>353.52944999999994</v>
      </c>
    </row>
    <row r="21237" spans="1:3" x14ac:dyDescent="0.25">
      <c r="A21237" s="2" t="s">
        <v>12895</v>
      </c>
      <c r="B21237" s="6">
        <v>353546.1</v>
      </c>
      <c r="C21237" s="7">
        <f t="shared" si="331"/>
        <v>353.54609999999997</v>
      </c>
    </row>
    <row r="21238" spans="1:3" x14ac:dyDescent="0.25">
      <c r="A21238" s="2" t="s">
        <v>12896</v>
      </c>
      <c r="B21238" s="6">
        <v>353562.74999999994</v>
      </c>
      <c r="C21238" s="7">
        <f t="shared" si="331"/>
        <v>353.56274999999994</v>
      </c>
    </row>
    <row r="21239" spans="1:3" x14ac:dyDescent="0.25">
      <c r="A21239" s="2" t="s">
        <v>12897</v>
      </c>
      <c r="B21239" s="6">
        <v>353579.39999999997</v>
      </c>
      <c r="C21239" s="7">
        <f t="shared" si="331"/>
        <v>353.57939999999996</v>
      </c>
    </row>
    <row r="21240" spans="1:3" x14ac:dyDescent="0.25">
      <c r="A21240" s="2" t="s">
        <v>12898</v>
      </c>
      <c r="B21240" s="6">
        <v>353596.05</v>
      </c>
      <c r="C21240" s="7">
        <f t="shared" si="331"/>
        <v>353.59604999999999</v>
      </c>
    </row>
    <row r="21241" spans="1:3" x14ac:dyDescent="0.25">
      <c r="A21241" s="2" t="s">
        <v>12899</v>
      </c>
      <c r="B21241" s="6">
        <v>353612.69999999995</v>
      </c>
      <c r="C21241" s="7">
        <f t="shared" si="331"/>
        <v>353.61269999999996</v>
      </c>
    </row>
    <row r="21242" spans="1:3" x14ac:dyDescent="0.25">
      <c r="A21242" s="2" t="s">
        <v>12900</v>
      </c>
      <c r="B21242" s="6">
        <v>353629.35</v>
      </c>
      <c r="C21242" s="7">
        <f t="shared" si="331"/>
        <v>353.62934999999999</v>
      </c>
    </row>
    <row r="21243" spans="1:3" x14ac:dyDescent="0.25">
      <c r="A21243" s="2" t="s">
        <v>12901</v>
      </c>
      <c r="B21243" s="6">
        <v>353645.99999999994</v>
      </c>
      <c r="C21243" s="7">
        <f t="shared" si="331"/>
        <v>353.64599999999996</v>
      </c>
    </row>
    <row r="21244" spans="1:3" x14ac:dyDescent="0.25">
      <c r="A21244" s="2" t="s">
        <v>12902</v>
      </c>
      <c r="B21244" s="6">
        <v>353662.64999999997</v>
      </c>
      <c r="C21244" s="7">
        <f t="shared" si="331"/>
        <v>353.66264999999999</v>
      </c>
    </row>
    <row r="21245" spans="1:3" x14ac:dyDescent="0.25">
      <c r="A21245" s="2" t="s">
        <v>12903</v>
      </c>
      <c r="B21245" s="6">
        <v>353679.3</v>
      </c>
      <c r="C21245" s="7">
        <f t="shared" si="331"/>
        <v>353.67930000000001</v>
      </c>
    </row>
    <row r="21246" spans="1:3" x14ac:dyDescent="0.25">
      <c r="A21246" s="2" t="s">
        <v>12904</v>
      </c>
      <c r="B21246" s="6">
        <v>353695.94999999995</v>
      </c>
      <c r="C21246" s="7">
        <f t="shared" si="331"/>
        <v>353.69594999999993</v>
      </c>
    </row>
    <row r="21247" spans="1:3" x14ac:dyDescent="0.25">
      <c r="A21247" s="2" t="s">
        <v>12905</v>
      </c>
      <c r="B21247" s="6">
        <v>353712.6</v>
      </c>
      <c r="C21247" s="7">
        <f t="shared" si="331"/>
        <v>353.71259999999995</v>
      </c>
    </row>
    <row r="21248" spans="1:3" x14ac:dyDescent="0.25">
      <c r="A21248" s="2" t="s">
        <v>12906</v>
      </c>
      <c r="B21248" s="6">
        <v>353729.24999999994</v>
      </c>
      <c r="C21248" s="7">
        <f t="shared" si="331"/>
        <v>353.72924999999992</v>
      </c>
    </row>
    <row r="21249" spans="1:3" x14ac:dyDescent="0.25">
      <c r="A21249" s="2" t="s">
        <v>12907</v>
      </c>
      <c r="B21249" s="6">
        <v>353745.89999999997</v>
      </c>
      <c r="C21249" s="7">
        <f t="shared" si="331"/>
        <v>353.74589999999995</v>
      </c>
    </row>
    <row r="21250" spans="1:3" x14ac:dyDescent="0.25">
      <c r="A21250" s="2" t="s">
        <v>12908</v>
      </c>
      <c r="B21250" s="6">
        <v>353762.55</v>
      </c>
      <c r="C21250" s="7">
        <f t="shared" si="331"/>
        <v>353.76254999999998</v>
      </c>
    </row>
    <row r="21251" spans="1:3" x14ac:dyDescent="0.25">
      <c r="A21251" s="2" t="s">
        <v>12909</v>
      </c>
      <c r="B21251" s="6">
        <v>353779.19999999995</v>
      </c>
      <c r="C21251" s="7">
        <f t="shared" ref="C21251:C21314" si="332">B21251/1000</f>
        <v>353.77919999999995</v>
      </c>
    </row>
    <row r="21252" spans="1:3" x14ac:dyDescent="0.25">
      <c r="A21252" s="2" t="s">
        <v>12910</v>
      </c>
      <c r="B21252" s="6">
        <v>353795.85</v>
      </c>
      <c r="C21252" s="7">
        <f t="shared" si="332"/>
        <v>353.79584999999997</v>
      </c>
    </row>
    <row r="21253" spans="1:3" x14ac:dyDescent="0.25">
      <c r="A21253" s="2" t="s">
        <v>12911</v>
      </c>
      <c r="B21253" s="6">
        <v>353812.49999999994</v>
      </c>
      <c r="C21253" s="7">
        <f t="shared" si="332"/>
        <v>353.81249999999994</v>
      </c>
    </row>
    <row r="21254" spans="1:3" x14ac:dyDescent="0.25">
      <c r="A21254" s="2" t="s">
        <v>12912</v>
      </c>
      <c r="B21254" s="6">
        <v>353829.14999999997</v>
      </c>
      <c r="C21254" s="7">
        <f t="shared" si="332"/>
        <v>353.82914999999997</v>
      </c>
    </row>
    <row r="21255" spans="1:3" x14ac:dyDescent="0.25">
      <c r="A21255" s="2" t="s">
        <v>12913</v>
      </c>
      <c r="B21255" s="6">
        <v>353845.8</v>
      </c>
      <c r="C21255" s="7">
        <f t="shared" si="332"/>
        <v>353.8458</v>
      </c>
    </row>
    <row r="21256" spans="1:3" x14ac:dyDescent="0.25">
      <c r="A21256" s="2" t="s">
        <v>12914</v>
      </c>
      <c r="B21256" s="6">
        <v>353862.44999999995</v>
      </c>
      <c r="C21256" s="7">
        <f t="shared" si="332"/>
        <v>353.86244999999997</v>
      </c>
    </row>
    <row r="21257" spans="1:3" x14ac:dyDescent="0.25">
      <c r="A21257" s="2" t="s">
        <v>12915</v>
      </c>
      <c r="B21257" s="6">
        <v>353879.1</v>
      </c>
      <c r="C21257" s="7">
        <f t="shared" si="332"/>
        <v>353.87909999999999</v>
      </c>
    </row>
    <row r="21258" spans="1:3" x14ac:dyDescent="0.25">
      <c r="A21258" s="2" t="s">
        <v>12916</v>
      </c>
      <c r="B21258" s="6">
        <v>353895.74999999994</v>
      </c>
      <c r="C21258" s="7">
        <f t="shared" si="332"/>
        <v>353.89574999999996</v>
      </c>
    </row>
    <row r="21259" spans="1:3" x14ac:dyDescent="0.25">
      <c r="A21259" s="2" t="s">
        <v>12917</v>
      </c>
      <c r="B21259" s="6">
        <v>353912.39999999997</v>
      </c>
      <c r="C21259" s="7">
        <f t="shared" si="332"/>
        <v>353.91239999999999</v>
      </c>
    </row>
    <row r="21260" spans="1:3" x14ac:dyDescent="0.25">
      <c r="A21260" s="2" t="s">
        <v>12918</v>
      </c>
      <c r="B21260" s="6">
        <v>353929.05</v>
      </c>
      <c r="C21260" s="7">
        <f t="shared" si="332"/>
        <v>353.92904999999996</v>
      </c>
    </row>
    <row r="21261" spans="1:3" x14ac:dyDescent="0.25">
      <c r="A21261" s="2" t="s">
        <v>12919</v>
      </c>
      <c r="B21261" s="6">
        <v>353945.69999999995</v>
      </c>
      <c r="C21261" s="7">
        <f t="shared" si="332"/>
        <v>353.94569999999993</v>
      </c>
    </row>
    <row r="21262" spans="1:3" x14ac:dyDescent="0.25">
      <c r="A21262" s="2" t="s">
        <v>12920</v>
      </c>
      <c r="B21262" s="6">
        <v>353962.35</v>
      </c>
      <c r="C21262" s="7">
        <f t="shared" si="332"/>
        <v>353.96234999999996</v>
      </c>
    </row>
    <row r="21263" spans="1:3" x14ac:dyDescent="0.25">
      <c r="A21263" s="2" t="s">
        <v>12921</v>
      </c>
      <c r="B21263" s="6">
        <v>353978.99999999994</v>
      </c>
      <c r="C21263" s="7">
        <f t="shared" si="332"/>
        <v>353.97899999999993</v>
      </c>
    </row>
    <row r="21264" spans="1:3" x14ac:dyDescent="0.25">
      <c r="A21264" s="2" t="s">
        <v>12922</v>
      </c>
      <c r="B21264" s="6">
        <v>353995.64999999997</v>
      </c>
      <c r="C21264" s="7">
        <f t="shared" si="332"/>
        <v>353.99564999999996</v>
      </c>
    </row>
    <row r="21265" spans="1:3" x14ac:dyDescent="0.25">
      <c r="A21265" s="2" t="s">
        <v>12923</v>
      </c>
      <c r="B21265" s="6">
        <v>354012.3</v>
      </c>
      <c r="C21265" s="7">
        <f t="shared" si="332"/>
        <v>354.01229999999998</v>
      </c>
    </row>
    <row r="21266" spans="1:3" x14ac:dyDescent="0.25">
      <c r="A21266" s="2" t="s">
        <v>12924</v>
      </c>
      <c r="B21266" s="6">
        <v>354028.94999999995</v>
      </c>
      <c r="C21266" s="7">
        <f t="shared" si="332"/>
        <v>354.02894999999995</v>
      </c>
    </row>
    <row r="21267" spans="1:3" x14ac:dyDescent="0.25">
      <c r="A21267" s="2" t="s">
        <v>12925</v>
      </c>
      <c r="B21267" s="6">
        <v>354045.6</v>
      </c>
      <c r="C21267" s="7">
        <f t="shared" si="332"/>
        <v>354.04559999999998</v>
      </c>
    </row>
    <row r="21268" spans="1:3" x14ac:dyDescent="0.25">
      <c r="A21268" s="2" t="s">
        <v>12926</v>
      </c>
      <c r="B21268" s="6">
        <v>354062.24999999994</v>
      </c>
      <c r="C21268" s="7">
        <f t="shared" si="332"/>
        <v>354.06224999999995</v>
      </c>
    </row>
    <row r="21269" spans="1:3" x14ac:dyDescent="0.25">
      <c r="A21269" s="2" t="s">
        <v>12927</v>
      </c>
      <c r="B21269" s="6">
        <v>354078.89999999997</v>
      </c>
      <c r="C21269" s="7">
        <f t="shared" si="332"/>
        <v>354.07889999999998</v>
      </c>
    </row>
    <row r="21270" spans="1:3" x14ac:dyDescent="0.25">
      <c r="A21270" s="2" t="s">
        <v>12928</v>
      </c>
      <c r="B21270" s="6">
        <v>354095.55</v>
      </c>
      <c r="C21270" s="7">
        <f t="shared" si="332"/>
        <v>354.09555</v>
      </c>
    </row>
    <row r="21271" spans="1:3" x14ac:dyDescent="0.25">
      <c r="A21271" s="2" t="s">
        <v>12929</v>
      </c>
      <c r="B21271" s="6">
        <v>354112.19999999995</v>
      </c>
      <c r="C21271" s="7">
        <f t="shared" si="332"/>
        <v>354.11219999999997</v>
      </c>
    </row>
    <row r="21272" spans="1:3" x14ac:dyDescent="0.25">
      <c r="A21272" s="2" t="s">
        <v>12930</v>
      </c>
      <c r="B21272" s="6">
        <v>354128.85</v>
      </c>
      <c r="C21272" s="7">
        <f t="shared" si="332"/>
        <v>354.12885</v>
      </c>
    </row>
    <row r="21273" spans="1:3" x14ac:dyDescent="0.25">
      <c r="A21273" s="2" t="s">
        <v>12931</v>
      </c>
      <c r="B21273" s="6">
        <v>354145.49999999994</v>
      </c>
      <c r="C21273" s="7">
        <f t="shared" si="332"/>
        <v>354.14549999999997</v>
      </c>
    </row>
    <row r="21274" spans="1:3" x14ac:dyDescent="0.25">
      <c r="A21274" s="2" t="s">
        <v>12932</v>
      </c>
      <c r="B21274" s="6">
        <v>354162.14999999997</v>
      </c>
      <c r="C21274" s="7">
        <f t="shared" si="332"/>
        <v>354.16214999999994</v>
      </c>
    </row>
    <row r="21275" spans="1:3" x14ac:dyDescent="0.25">
      <c r="A21275" s="2" t="s">
        <v>12933</v>
      </c>
      <c r="B21275" s="6">
        <v>354178.8</v>
      </c>
      <c r="C21275" s="7">
        <f t="shared" si="332"/>
        <v>354.17879999999997</v>
      </c>
    </row>
    <row r="21276" spans="1:3" x14ac:dyDescent="0.25">
      <c r="A21276" s="2" t="s">
        <v>12934</v>
      </c>
      <c r="B21276" s="6">
        <v>354195.44999999995</v>
      </c>
      <c r="C21276" s="7">
        <f t="shared" si="332"/>
        <v>354.19544999999994</v>
      </c>
    </row>
    <row r="21277" spans="1:3" x14ac:dyDescent="0.25">
      <c r="A21277" s="2" t="s">
        <v>12935</v>
      </c>
      <c r="B21277" s="6">
        <v>354212.1</v>
      </c>
      <c r="C21277" s="7">
        <f t="shared" si="332"/>
        <v>354.21209999999996</v>
      </c>
    </row>
    <row r="21278" spans="1:3" x14ac:dyDescent="0.25">
      <c r="A21278" s="2" t="s">
        <v>12936</v>
      </c>
      <c r="B21278" s="6">
        <v>354228.74999999994</v>
      </c>
      <c r="C21278" s="7">
        <f t="shared" si="332"/>
        <v>354.22874999999993</v>
      </c>
    </row>
    <row r="21279" spans="1:3" x14ac:dyDescent="0.25">
      <c r="A21279" s="2" t="s">
        <v>12937</v>
      </c>
      <c r="B21279" s="6">
        <v>354245.39999999997</v>
      </c>
      <c r="C21279" s="7">
        <f t="shared" si="332"/>
        <v>354.24539999999996</v>
      </c>
    </row>
    <row r="21280" spans="1:3" x14ac:dyDescent="0.25">
      <c r="A21280" s="2" t="s">
        <v>12938</v>
      </c>
      <c r="B21280" s="6">
        <v>354262.05</v>
      </c>
      <c r="C21280" s="7">
        <f t="shared" si="332"/>
        <v>354.26204999999999</v>
      </c>
    </row>
    <row r="21281" spans="1:3" x14ac:dyDescent="0.25">
      <c r="A21281" s="2" t="s">
        <v>12939</v>
      </c>
      <c r="B21281" s="6">
        <v>354278.69999999995</v>
      </c>
      <c r="C21281" s="7">
        <f t="shared" si="332"/>
        <v>354.27869999999996</v>
      </c>
    </row>
    <row r="21282" spans="1:3" x14ac:dyDescent="0.25">
      <c r="A21282" s="2" t="s">
        <v>12940</v>
      </c>
      <c r="B21282" s="6">
        <v>354295.35</v>
      </c>
      <c r="C21282" s="7">
        <f t="shared" si="332"/>
        <v>354.29534999999998</v>
      </c>
    </row>
    <row r="21283" spans="1:3" x14ac:dyDescent="0.25">
      <c r="A21283" s="2" t="s">
        <v>12941</v>
      </c>
      <c r="B21283" s="6">
        <v>354311.99999999994</v>
      </c>
      <c r="C21283" s="7">
        <f t="shared" si="332"/>
        <v>354.31199999999995</v>
      </c>
    </row>
    <row r="21284" spans="1:3" x14ac:dyDescent="0.25">
      <c r="A21284" s="2" t="s">
        <v>12942</v>
      </c>
      <c r="B21284" s="6">
        <v>354328.64999999997</v>
      </c>
      <c r="C21284" s="7">
        <f t="shared" si="332"/>
        <v>354.32864999999998</v>
      </c>
    </row>
    <row r="21285" spans="1:3" x14ac:dyDescent="0.25">
      <c r="A21285" s="2" t="s">
        <v>12943</v>
      </c>
      <c r="B21285" s="6">
        <v>354345.3</v>
      </c>
      <c r="C21285" s="7">
        <f t="shared" si="332"/>
        <v>354.34530000000001</v>
      </c>
    </row>
    <row r="21286" spans="1:3" x14ac:dyDescent="0.25">
      <c r="A21286" s="2" t="s">
        <v>12944</v>
      </c>
      <c r="B21286" s="6">
        <v>354361.94999999995</v>
      </c>
      <c r="C21286" s="7">
        <f t="shared" si="332"/>
        <v>354.36194999999998</v>
      </c>
    </row>
    <row r="21287" spans="1:3" x14ac:dyDescent="0.25">
      <c r="A21287" s="2" t="s">
        <v>12945</v>
      </c>
      <c r="B21287" s="6">
        <v>354378.6</v>
      </c>
      <c r="C21287" s="7">
        <f t="shared" si="332"/>
        <v>354.37859999999995</v>
      </c>
    </row>
    <row r="21288" spans="1:3" x14ac:dyDescent="0.25">
      <c r="A21288" s="2" t="s">
        <v>12946</v>
      </c>
      <c r="B21288" s="6">
        <v>354395.24999999994</v>
      </c>
      <c r="C21288" s="7">
        <f t="shared" si="332"/>
        <v>354.39524999999992</v>
      </c>
    </row>
    <row r="21289" spans="1:3" x14ac:dyDescent="0.25">
      <c r="A21289" s="2" t="s">
        <v>12947</v>
      </c>
      <c r="B21289" s="6">
        <v>354411.89999999997</v>
      </c>
      <c r="C21289" s="7">
        <f t="shared" si="332"/>
        <v>354.41189999999995</v>
      </c>
    </row>
    <row r="21290" spans="1:3" x14ac:dyDescent="0.25">
      <c r="A21290" s="2" t="s">
        <v>12948</v>
      </c>
      <c r="B21290" s="6">
        <v>354428.55</v>
      </c>
      <c r="C21290" s="7">
        <f t="shared" si="332"/>
        <v>354.42854999999997</v>
      </c>
    </row>
    <row r="21291" spans="1:3" x14ac:dyDescent="0.25">
      <c r="A21291" s="2" t="s">
        <v>12949</v>
      </c>
      <c r="B21291" s="6">
        <v>354445.19999999995</v>
      </c>
      <c r="C21291" s="7">
        <f t="shared" si="332"/>
        <v>354.44519999999994</v>
      </c>
    </row>
    <row r="21292" spans="1:3" x14ac:dyDescent="0.25">
      <c r="A21292" s="2" t="s">
        <v>12950</v>
      </c>
      <c r="B21292" s="6">
        <v>354461.85</v>
      </c>
      <c r="C21292" s="7">
        <f t="shared" si="332"/>
        <v>354.46184999999997</v>
      </c>
    </row>
    <row r="21293" spans="1:3" x14ac:dyDescent="0.25">
      <c r="A21293" s="2" t="s">
        <v>12951</v>
      </c>
      <c r="B21293" s="6">
        <v>354478.49999999994</v>
      </c>
      <c r="C21293" s="7">
        <f t="shared" si="332"/>
        <v>354.47849999999994</v>
      </c>
    </row>
    <row r="21294" spans="1:3" x14ac:dyDescent="0.25">
      <c r="A21294" s="2" t="s">
        <v>12952</v>
      </c>
      <c r="B21294" s="6">
        <v>354495.14999999997</v>
      </c>
      <c r="C21294" s="7">
        <f t="shared" si="332"/>
        <v>354.49514999999997</v>
      </c>
    </row>
    <row r="21295" spans="1:3" x14ac:dyDescent="0.25">
      <c r="A21295" s="2" t="s">
        <v>12953</v>
      </c>
      <c r="B21295" s="6">
        <v>354511.8</v>
      </c>
      <c r="C21295" s="7">
        <f t="shared" si="332"/>
        <v>354.51179999999999</v>
      </c>
    </row>
    <row r="21296" spans="1:3" x14ac:dyDescent="0.25">
      <c r="A21296" s="2" t="s">
        <v>12954</v>
      </c>
      <c r="B21296" s="6">
        <v>354528.44999999995</v>
      </c>
      <c r="C21296" s="7">
        <f t="shared" si="332"/>
        <v>354.52844999999996</v>
      </c>
    </row>
    <row r="21297" spans="1:3" x14ac:dyDescent="0.25">
      <c r="A21297" s="2" t="s">
        <v>12955</v>
      </c>
      <c r="B21297" s="6">
        <v>354545.1</v>
      </c>
      <c r="C21297" s="7">
        <f t="shared" si="332"/>
        <v>354.54509999999999</v>
      </c>
    </row>
    <row r="21298" spans="1:3" x14ac:dyDescent="0.25">
      <c r="A21298" s="2" t="s">
        <v>12956</v>
      </c>
      <c r="B21298" s="6">
        <v>354561.74999999994</v>
      </c>
      <c r="C21298" s="7">
        <f t="shared" si="332"/>
        <v>354.56174999999996</v>
      </c>
    </row>
    <row r="21299" spans="1:3" x14ac:dyDescent="0.25">
      <c r="A21299" s="2" t="s">
        <v>12957</v>
      </c>
      <c r="B21299" s="6">
        <v>354578.39999999997</v>
      </c>
      <c r="C21299" s="7">
        <f t="shared" si="332"/>
        <v>354.57839999999999</v>
      </c>
    </row>
    <row r="21300" spans="1:3" x14ac:dyDescent="0.25">
      <c r="A21300" s="2" t="s">
        <v>12958</v>
      </c>
      <c r="B21300" s="6">
        <v>354595.05</v>
      </c>
      <c r="C21300" s="7">
        <f t="shared" si="332"/>
        <v>354.59505000000001</v>
      </c>
    </row>
    <row r="21301" spans="1:3" x14ac:dyDescent="0.25">
      <c r="A21301" s="2" t="s">
        <v>12959</v>
      </c>
      <c r="B21301" s="6">
        <v>354611.69999999995</v>
      </c>
      <c r="C21301" s="7">
        <f t="shared" si="332"/>
        <v>354.61169999999993</v>
      </c>
    </row>
    <row r="21302" spans="1:3" x14ac:dyDescent="0.25">
      <c r="A21302" s="2" t="s">
        <v>12960</v>
      </c>
      <c r="B21302" s="6">
        <v>354628.35</v>
      </c>
      <c r="C21302" s="7">
        <f t="shared" si="332"/>
        <v>354.62834999999995</v>
      </c>
    </row>
    <row r="21303" spans="1:3" x14ac:dyDescent="0.25">
      <c r="A21303" s="2" t="s">
        <v>12961</v>
      </c>
      <c r="B21303" s="6">
        <v>354644.99999999994</v>
      </c>
      <c r="C21303" s="7">
        <f t="shared" si="332"/>
        <v>354.64499999999992</v>
      </c>
    </row>
    <row r="21304" spans="1:3" x14ac:dyDescent="0.25">
      <c r="A21304" s="2" t="s">
        <v>12962</v>
      </c>
      <c r="B21304" s="6">
        <v>354661.64999999997</v>
      </c>
      <c r="C21304" s="7">
        <f t="shared" si="332"/>
        <v>354.66164999999995</v>
      </c>
    </row>
    <row r="21305" spans="1:3" x14ac:dyDescent="0.25">
      <c r="A21305" s="2" t="s">
        <v>12963</v>
      </c>
      <c r="B21305" s="6">
        <v>354678.3</v>
      </c>
      <c r="C21305" s="7">
        <f t="shared" si="332"/>
        <v>354.67829999999998</v>
      </c>
    </row>
    <row r="21306" spans="1:3" x14ac:dyDescent="0.25">
      <c r="A21306" s="2" t="s">
        <v>12964</v>
      </c>
      <c r="B21306" s="6">
        <v>354694.94999999995</v>
      </c>
      <c r="C21306" s="7">
        <f t="shared" si="332"/>
        <v>354.69494999999995</v>
      </c>
    </row>
    <row r="21307" spans="1:3" x14ac:dyDescent="0.25">
      <c r="A21307" s="2" t="s">
        <v>12965</v>
      </c>
      <c r="B21307" s="6">
        <v>354711.6</v>
      </c>
      <c r="C21307" s="7">
        <f t="shared" si="332"/>
        <v>354.71159999999998</v>
      </c>
    </row>
    <row r="21308" spans="1:3" x14ac:dyDescent="0.25">
      <c r="A21308" s="2" t="s">
        <v>12966</v>
      </c>
      <c r="B21308" s="6">
        <v>354728.24999999994</v>
      </c>
      <c r="C21308" s="7">
        <f t="shared" si="332"/>
        <v>354.72824999999995</v>
      </c>
    </row>
    <row r="21309" spans="1:3" x14ac:dyDescent="0.25">
      <c r="A21309" s="2" t="s">
        <v>12967</v>
      </c>
      <c r="B21309" s="6">
        <v>354744.89999999997</v>
      </c>
      <c r="C21309" s="7">
        <f t="shared" si="332"/>
        <v>354.74489999999997</v>
      </c>
    </row>
    <row r="21310" spans="1:3" x14ac:dyDescent="0.25">
      <c r="A21310" s="2" t="s">
        <v>12968</v>
      </c>
      <c r="B21310" s="6">
        <v>354761.55</v>
      </c>
      <c r="C21310" s="7">
        <f t="shared" si="332"/>
        <v>354.76155</v>
      </c>
    </row>
    <row r="21311" spans="1:3" x14ac:dyDescent="0.25">
      <c r="A21311" s="2" t="s">
        <v>12969</v>
      </c>
      <c r="B21311" s="6">
        <v>354778.19999999995</v>
      </c>
      <c r="C21311" s="7">
        <f t="shared" si="332"/>
        <v>354.77819999999997</v>
      </c>
    </row>
    <row r="21312" spans="1:3" x14ac:dyDescent="0.25">
      <c r="A21312" s="2" t="s">
        <v>12970</v>
      </c>
      <c r="B21312" s="6">
        <v>354794.85</v>
      </c>
      <c r="C21312" s="7">
        <f t="shared" si="332"/>
        <v>354.79485</v>
      </c>
    </row>
    <row r="21313" spans="1:3" x14ac:dyDescent="0.25">
      <c r="A21313" s="2" t="s">
        <v>12971</v>
      </c>
      <c r="B21313" s="6">
        <v>354811.49999999994</v>
      </c>
      <c r="C21313" s="7">
        <f t="shared" si="332"/>
        <v>354.81149999999997</v>
      </c>
    </row>
    <row r="21314" spans="1:3" x14ac:dyDescent="0.25">
      <c r="A21314" s="2" t="s">
        <v>12972</v>
      </c>
      <c r="B21314" s="6">
        <v>354828.14999999997</v>
      </c>
      <c r="C21314" s="7">
        <f t="shared" si="332"/>
        <v>354.82814999999994</v>
      </c>
    </row>
    <row r="21315" spans="1:3" x14ac:dyDescent="0.25">
      <c r="A21315" s="2" t="s">
        <v>12973</v>
      </c>
      <c r="B21315" s="6">
        <v>354844.8</v>
      </c>
      <c r="C21315" s="7">
        <f t="shared" ref="C21315:C21378" si="333">B21315/1000</f>
        <v>354.84479999999996</v>
      </c>
    </row>
    <row r="21316" spans="1:3" x14ac:dyDescent="0.25">
      <c r="A21316" s="2" t="s">
        <v>12974</v>
      </c>
      <c r="B21316" s="6">
        <v>354861.44999999995</v>
      </c>
      <c r="C21316" s="7">
        <f t="shared" si="333"/>
        <v>354.86144999999993</v>
      </c>
    </row>
    <row r="21317" spans="1:3" x14ac:dyDescent="0.25">
      <c r="A21317" s="2" t="s">
        <v>12975</v>
      </c>
      <c r="B21317" s="6">
        <v>354878.1</v>
      </c>
      <c r="C21317" s="7">
        <f t="shared" si="333"/>
        <v>354.87809999999996</v>
      </c>
    </row>
    <row r="21318" spans="1:3" x14ac:dyDescent="0.25">
      <c r="A21318" s="2" t="s">
        <v>12976</v>
      </c>
      <c r="B21318" s="6">
        <v>354894.74999999994</v>
      </c>
      <c r="C21318" s="7">
        <f t="shared" si="333"/>
        <v>354.89474999999993</v>
      </c>
    </row>
    <row r="21319" spans="1:3" x14ac:dyDescent="0.25">
      <c r="A21319" s="2" t="s">
        <v>12977</v>
      </c>
      <c r="B21319" s="6">
        <v>354911.39999999997</v>
      </c>
      <c r="C21319" s="7">
        <f t="shared" si="333"/>
        <v>354.91139999999996</v>
      </c>
    </row>
    <row r="21320" spans="1:3" x14ac:dyDescent="0.25">
      <c r="A21320" s="2" t="s">
        <v>12978</v>
      </c>
      <c r="B21320" s="6">
        <v>354928.05</v>
      </c>
      <c r="C21320" s="7">
        <f t="shared" si="333"/>
        <v>354.92804999999998</v>
      </c>
    </row>
    <row r="21321" spans="1:3" x14ac:dyDescent="0.25">
      <c r="A21321" s="2" t="s">
        <v>12979</v>
      </c>
      <c r="B21321" s="6">
        <v>354944.69999999995</v>
      </c>
      <c r="C21321" s="7">
        <f t="shared" si="333"/>
        <v>354.94469999999995</v>
      </c>
    </row>
    <row r="21322" spans="1:3" x14ac:dyDescent="0.25">
      <c r="A21322" s="2" t="s">
        <v>12980</v>
      </c>
      <c r="B21322" s="6">
        <v>354961.35</v>
      </c>
      <c r="C21322" s="7">
        <f t="shared" si="333"/>
        <v>354.96134999999998</v>
      </c>
    </row>
    <row r="21323" spans="1:3" x14ac:dyDescent="0.25">
      <c r="A21323" s="2" t="s">
        <v>12981</v>
      </c>
      <c r="B21323" s="6">
        <v>354977.99999999994</v>
      </c>
      <c r="C21323" s="7">
        <f t="shared" si="333"/>
        <v>354.97799999999995</v>
      </c>
    </row>
    <row r="21324" spans="1:3" x14ac:dyDescent="0.25">
      <c r="A21324" s="2" t="s">
        <v>12982</v>
      </c>
      <c r="B21324" s="6">
        <v>354994.64999999997</v>
      </c>
      <c r="C21324" s="7">
        <f t="shared" si="333"/>
        <v>354.99464999999998</v>
      </c>
    </row>
    <row r="21325" spans="1:3" x14ac:dyDescent="0.25">
      <c r="A21325" s="2" t="s">
        <v>12983</v>
      </c>
      <c r="B21325" s="6">
        <v>355011.3</v>
      </c>
      <c r="C21325" s="7">
        <f t="shared" si="333"/>
        <v>355.01130000000001</v>
      </c>
    </row>
    <row r="21326" spans="1:3" x14ac:dyDescent="0.25">
      <c r="A21326" s="2" t="s">
        <v>12984</v>
      </c>
      <c r="B21326" s="6">
        <v>355027.94999999995</v>
      </c>
      <c r="C21326" s="7">
        <f t="shared" si="333"/>
        <v>355.02794999999998</v>
      </c>
    </row>
    <row r="21327" spans="1:3" x14ac:dyDescent="0.25">
      <c r="A21327" s="2" t="s">
        <v>12985</v>
      </c>
      <c r="B21327" s="6">
        <v>355044.6</v>
      </c>
      <c r="C21327" s="7">
        <f t="shared" si="333"/>
        <v>355.0446</v>
      </c>
    </row>
    <row r="21328" spans="1:3" x14ac:dyDescent="0.25">
      <c r="A21328" s="2" t="s">
        <v>12986</v>
      </c>
      <c r="B21328" s="6">
        <v>355061.24999999994</v>
      </c>
      <c r="C21328" s="7">
        <f t="shared" si="333"/>
        <v>355.06124999999992</v>
      </c>
    </row>
    <row r="21329" spans="1:3" x14ac:dyDescent="0.25">
      <c r="A21329" s="2" t="s">
        <v>12987</v>
      </c>
      <c r="B21329" s="6">
        <v>355077.89999999997</v>
      </c>
      <c r="C21329" s="7">
        <f t="shared" si="333"/>
        <v>355.07789999999994</v>
      </c>
    </row>
    <row r="21330" spans="1:3" x14ac:dyDescent="0.25">
      <c r="A21330" s="2" t="s">
        <v>12988</v>
      </c>
      <c r="B21330" s="6">
        <v>355094.55</v>
      </c>
      <c r="C21330" s="7">
        <f t="shared" si="333"/>
        <v>355.09454999999997</v>
      </c>
    </row>
    <row r="21331" spans="1:3" x14ac:dyDescent="0.25">
      <c r="A21331" s="2" t="s">
        <v>12989</v>
      </c>
      <c r="B21331" s="6">
        <v>355111.19999999995</v>
      </c>
      <c r="C21331" s="7">
        <f t="shared" si="333"/>
        <v>355.11119999999994</v>
      </c>
    </row>
    <row r="21332" spans="1:3" x14ac:dyDescent="0.25">
      <c r="A21332" s="2" t="s">
        <v>12990</v>
      </c>
      <c r="B21332" s="6">
        <v>355127.85</v>
      </c>
      <c r="C21332" s="7">
        <f t="shared" si="333"/>
        <v>355.12784999999997</v>
      </c>
    </row>
    <row r="21333" spans="1:3" x14ac:dyDescent="0.25">
      <c r="A21333" s="2" t="s">
        <v>12991</v>
      </c>
      <c r="B21333" s="6">
        <v>355144.49999999994</v>
      </c>
      <c r="C21333" s="7">
        <f t="shared" si="333"/>
        <v>355.14449999999994</v>
      </c>
    </row>
    <row r="21334" spans="1:3" x14ac:dyDescent="0.25">
      <c r="A21334" s="2" t="s">
        <v>12992</v>
      </c>
      <c r="B21334" s="6">
        <v>355161.14999999997</v>
      </c>
      <c r="C21334" s="7">
        <f t="shared" si="333"/>
        <v>355.16114999999996</v>
      </c>
    </row>
    <row r="21335" spans="1:3" x14ac:dyDescent="0.25">
      <c r="A21335" s="2" t="s">
        <v>12993</v>
      </c>
      <c r="B21335" s="6">
        <v>355177.8</v>
      </c>
      <c r="C21335" s="7">
        <f t="shared" si="333"/>
        <v>355.17779999999999</v>
      </c>
    </row>
    <row r="21336" spans="1:3" x14ac:dyDescent="0.25">
      <c r="A21336" s="2" t="s">
        <v>12994</v>
      </c>
      <c r="B21336" s="6">
        <v>355194.44999999995</v>
      </c>
      <c r="C21336" s="7">
        <f t="shared" si="333"/>
        <v>355.19444999999996</v>
      </c>
    </row>
    <row r="21337" spans="1:3" x14ac:dyDescent="0.25">
      <c r="A21337" s="2" t="s">
        <v>12995</v>
      </c>
      <c r="B21337" s="6">
        <v>355211.1</v>
      </c>
      <c r="C21337" s="7">
        <f t="shared" si="333"/>
        <v>355.21109999999999</v>
      </c>
    </row>
    <row r="21338" spans="1:3" x14ac:dyDescent="0.25">
      <c r="A21338" s="2" t="s">
        <v>12996</v>
      </c>
      <c r="B21338" s="6">
        <v>355227.74999999994</v>
      </c>
      <c r="C21338" s="7">
        <f t="shared" si="333"/>
        <v>355.22774999999996</v>
      </c>
    </row>
    <row r="21339" spans="1:3" x14ac:dyDescent="0.25">
      <c r="A21339" s="2" t="s">
        <v>12997</v>
      </c>
      <c r="B21339" s="6">
        <v>355244.39999999997</v>
      </c>
      <c r="C21339" s="7">
        <f t="shared" si="333"/>
        <v>355.24439999999998</v>
      </c>
    </row>
    <row r="21340" spans="1:3" x14ac:dyDescent="0.25">
      <c r="A21340" s="2" t="s">
        <v>12998</v>
      </c>
      <c r="B21340" s="6">
        <v>355261.05</v>
      </c>
      <c r="C21340" s="7">
        <f t="shared" si="333"/>
        <v>355.26105000000001</v>
      </c>
    </row>
    <row r="21341" spans="1:3" x14ac:dyDescent="0.25">
      <c r="A21341" s="2" t="s">
        <v>12999</v>
      </c>
      <c r="B21341" s="6">
        <v>355277.69999999995</v>
      </c>
      <c r="C21341" s="7">
        <f t="shared" si="333"/>
        <v>355.27769999999998</v>
      </c>
    </row>
    <row r="21342" spans="1:3" x14ac:dyDescent="0.25">
      <c r="A21342" s="2" t="s">
        <v>13000</v>
      </c>
      <c r="B21342" s="6">
        <v>355294.35</v>
      </c>
      <c r="C21342" s="7">
        <f t="shared" si="333"/>
        <v>355.29434999999995</v>
      </c>
    </row>
    <row r="21343" spans="1:3" x14ac:dyDescent="0.25">
      <c r="A21343" s="2" t="s">
        <v>13001</v>
      </c>
      <c r="B21343" s="6">
        <v>355310.99999999994</v>
      </c>
      <c r="C21343" s="7">
        <f t="shared" si="333"/>
        <v>355.31099999999992</v>
      </c>
    </row>
    <row r="21344" spans="1:3" x14ac:dyDescent="0.25">
      <c r="A21344" s="2" t="s">
        <v>13002</v>
      </c>
      <c r="B21344" s="6">
        <v>355327.64999999997</v>
      </c>
      <c r="C21344" s="7">
        <f t="shared" si="333"/>
        <v>355.32764999999995</v>
      </c>
    </row>
    <row r="21345" spans="1:3" x14ac:dyDescent="0.25">
      <c r="A21345" s="2" t="s">
        <v>13003</v>
      </c>
      <c r="B21345" s="6">
        <v>355344.3</v>
      </c>
      <c r="C21345" s="7">
        <f t="shared" si="333"/>
        <v>355.34429999999998</v>
      </c>
    </row>
    <row r="21346" spans="1:3" x14ac:dyDescent="0.25">
      <c r="A21346" s="2" t="s">
        <v>13004</v>
      </c>
      <c r="B21346" s="6">
        <v>355360.94999999995</v>
      </c>
      <c r="C21346" s="7">
        <f t="shared" si="333"/>
        <v>355.36094999999995</v>
      </c>
    </row>
    <row r="21347" spans="1:3" x14ac:dyDescent="0.25">
      <c r="A21347" s="2" t="s">
        <v>13005</v>
      </c>
      <c r="B21347" s="6">
        <v>355377.6</v>
      </c>
      <c r="C21347" s="7">
        <f t="shared" si="333"/>
        <v>355.37759999999997</v>
      </c>
    </row>
    <row r="21348" spans="1:3" x14ac:dyDescent="0.25">
      <c r="A21348" s="2" t="s">
        <v>13006</v>
      </c>
      <c r="B21348" s="6">
        <v>355394.24999999994</v>
      </c>
      <c r="C21348" s="7">
        <f t="shared" si="333"/>
        <v>355.39424999999994</v>
      </c>
    </row>
    <row r="21349" spans="1:3" x14ac:dyDescent="0.25">
      <c r="A21349" s="2" t="s">
        <v>13007</v>
      </c>
      <c r="B21349" s="6">
        <v>355410.89999999997</v>
      </c>
      <c r="C21349" s="7">
        <f t="shared" si="333"/>
        <v>355.41089999999997</v>
      </c>
    </row>
    <row r="21350" spans="1:3" x14ac:dyDescent="0.25">
      <c r="A21350" s="2" t="s">
        <v>13008</v>
      </c>
      <c r="B21350" s="6">
        <v>355427.55</v>
      </c>
      <c r="C21350" s="7">
        <f t="shared" si="333"/>
        <v>355.42755</v>
      </c>
    </row>
    <row r="21351" spans="1:3" x14ac:dyDescent="0.25">
      <c r="A21351" s="2" t="s">
        <v>13009</v>
      </c>
      <c r="B21351" s="6">
        <v>355444.19999999995</v>
      </c>
      <c r="C21351" s="7">
        <f t="shared" si="333"/>
        <v>355.44419999999997</v>
      </c>
    </row>
    <row r="21352" spans="1:3" x14ac:dyDescent="0.25">
      <c r="A21352" s="2" t="s">
        <v>13010</v>
      </c>
      <c r="B21352" s="6">
        <v>355460.85</v>
      </c>
      <c r="C21352" s="7">
        <f t="shared" si="333"/>
        <v>355.46084999999999</v>
      </c>
    </row>
    <row r="21353" spans="1:3" x14ac:dyDescent="0.25">
      <c r="A21353" s="2" t="s">
        <v>13011</v>
      </c>
      <c r="B21353" s="6">
        <v>355477.49999999994</v>
      </c>
      <c r="C21353" s="7">
        <f t="shared" si="333"/>
        <v>355.47749999999996</v>
      </c>
    </row>
    <row r="21354" spans="1:3" x14ac:dyDescent="0.25">
      <c r="A21354" s="2" t="s">
        <v>13012</v>
      </c>
      <c r="B21354" s="6">
        <v>355494.14999999997</v>
      </c>
      <c r="C21354" s="7">
        <f t="shared" si="333"/>
        <v>355.49414999999999</v>
      </c>
    </row>
    <row r="21355" spans="1:3" x14ac:dyDescent="0.25">
      <c r="A21355" s="2" t="s">
        <v>13013</v>
      </c>
      <c r="B21355" s="6">
        <v>355510.8</v>
      </c>
      <c r="C21355" s="7">
        <f t="shared" si="333"/>
        <v>355.51079999999996</v>
      </c>
    </row>
    <row r="21356" spans="1:3" x14ac:dyDescent="0.25">
      <c r="A21356" s="2" t="s">
        <v>13014</v>
      </c>
      <c r="B21356" s="6">
        <v>355527.44999999995</v>
      </c>
      <c r="C21356" s="7">
        <f t="shared" si="333"/>
        <v>355.52744999999993</v>
      </c>
    </row>
    <row r="21357" spans="1:3" x14ac:dyDescent="0.25">
      <c r="A21357" s="2" t="s">
        <v>13015</v>
      </c>
      <c r="B21357" s="6">
        <v>355544.1</v>
      </c>
      <c r="C21357" s="7">
        <f t="shared" si="333"/>
        <v>355.54409999999996</v>
      </c>
    </row>
    <row r="21358" spans="1:3" x14ac:dyDescent="0.25">
      <c r="A21358" s="2" t="s">
        <v>13016</v>
      </c>
      <c r="B21358" s="6">
        <v>355560.74999999994</v>
      </c>
      <c r="C21358" s="7">
        <f t="shared" si="333"/>
        <v>355.56074999999993</v>
      </c>
    </row>
    <row r="21359" spans="1:3" x14ac:dyDescent="0.25">
      <c r="A21359" s="2" t="s">
        <v>13017</v>
      </c>
      <c r="B21359" s="6">
        <v>355577.39999999997</v>
      </c>
      <c r="C21359" s="7">
        <f t="shared" si="333"/>
        <v>355.57739999999995</v>
      </c>
    </row>
    <row r="21360" spans="1:3" x14ac:dyDescent="0.25">
      <c r="A21360" s="2" t="s">
        <v>13018</v>
      </c>
      <c r="B21360" s="6">
        <v>355594.05</v>
      </c>
      <c r="C21360" s="7">
        <f t="shared" si="333"/>
        <v>355.59404999999998</v>
      </c>
    </row>
    <row r="21361" spans="1:3" x14ac:dyDescent="0.25">
      <c r="A21361" s="2" t="s">
        <v>13019</v>
      </c>
      <c r="B21361" s="6">
        <v>355610.69999999995</v>
      </c>
      <c r="C21361" s="7">
        <f t="shared" si="333"/>
        <v>355.61069999999995</v>
      </c>
    </row>
    <row r="21362" spans="1:3" x14ac:dyDescent="0.25">
      <c r="A21362" s="2" t="s">
        <v>13020</v>
      </c>
      <c r="B21362" s="6">
        <v>355627.35</v>
      </c>
      <c r="C21362" s="7">
        <f t="shared" si="333"/>
        <v>355.62734999999998</v>
      </c>
    </row>
    <row r="21363" spans="1:3" x14ac:dyDescent="0.25">
      <c r="A21363" s="2" t="s">
        <v>13021</v>
      </c>
      <c r="B21363" s="6">
        <v>355643.99999999994</v>
      </c>
      <c r="C21363" s="7">
        <f t="shared" si="333"/>
        <v>355.64399999999995</v>
      </c>
    </row>
    <row r="21364" spans="1:3" x14ac:dyDescent="0.25">
      <c r="A21364" s="2" t="s">
        <v>13022</v>
      </c>
      <c r="B21364" s="6">
        <v>355660.64999999997</v>
      </c>
      <c r="C21364" s="7">
        <f t="shared" si="333"/>
        <v>355.66064999999998</v>
      </c>
    </row>
    <row r="21365" spans="1:3" x14ac:dyDescent="0.25">
      <c r="A21365" s="2" t="s">
        <v>13023</v>
      </c>
      <c r="B21365" s="6">
        <v>355677.3</v>
      </c>
      <c r="C21365" s="7">
        <f t="shared" si="333"/>
        <v>355.6773</v>
      </c>
    </row>
    <row r="21366" spans="1:3" x14ac:dyDescent="0.25">
      <c r="A21366" s="2" t="s">
        <v>13024</v>
      </c>
      <c r="B21366" s="6">
        <v>355693.94999999995</v>
      </c>
      <c r="C21366" s="7">
        <f t="shared" si="333"/>
        <v>355.69394999999997</v>
      </c>
    </row>
    <row r="21367" spans="1:3" x14ac:dyDescent="0.25">
      <c r="A21367" s="2" t="s">
        <v>13025</v>
      </c>
      <c r="B21367" s="6">
        <v>355710.6</v>
      </c>
      <c r="C21367" s="7">
        <f t="shared" si="333"/>
        <v>355.7106</v>
      </c>
    </row>
    <row r="21368" spans="1:3" x14ac:dyDescent="0.25">
      <c r="A21368" s="2" t="s">
        <v>13026</v>
      </c>
      <c r="B21368" s="6">
        <v>355727.24999999994</v>
      </c>
      <c r="C21368" s="7">
        <f t="shared" si="333"/>
        <v>355.72724999999997</v>
      </c>
    </row>
    <row r="21369" spans="1:3" x14ac:dyDescent="0.25">
      <c r="A21369" s="2" t="s">
        <v>13027</v>
      </c>
      <c r="B21369" s="6">
        <v>355743.89999999997</v>
      </c>
      <c r="C21369" s="7">
        <f t="shared" si="333"/>
        <v>355.74389999999994</v>
      </c>
    </row>
    <row r="21370" spans="1:3" x14ac:dyDescent="0.25">
      <c r="A21370" s="2" t="s">
        <v>13028</v>
      </c>
      <c r="B21370" s="6">
        <v>355760.55</v>
      </c>
      <c r="C21370" s="7">
        <f t="shared" si="333"/>
        <v>355.76054999999997</v>
      </c>
    </row>
    <row r="21371" spans="1:3" x14ac:dyDescent="0.25">
      <c r="A21371" s="2" t="s">
        <v>13029</v>
      </c>
      <c r="B21371" s="6">
        <v>355777.19999999995</v>
      </c>
      <c r="C21371" s="7">
        <f t="shared" si="333"/>
        <v>355.77719999999994</v>
      </c>
    </row>
    <row r="21372" spans="1:3" x14ac:dyDescent="0.25">
      <c r="A21372" s="2" t="s">
        <v>13030</v>
      </c>
      <c r="B21372" s="6">
        <v>355793.85</v>
      </c>
      <c r="C21372" s="7">
        <f t="shared" si="333"/>
        <v>355.79384999999996</v>
      </c>
    </row>
    <row r="21373" spans="1:3" x14ac:dyDescent="0.25">
      <c r="A21373" s="2" t="s">
        <v>13031</v>
      </c>
      <c r="B21373" s="6">
        <v>355810.49999999994</v>
      </c>
      <c r="C21373" s="7">
        <f t="shared" si="333"/>
        <v>355.81049999999993</v>
      </c>
    </row>
    <row r="21374" spans="1:3" x14ac:dyDescent="0.25">
      <c r="A21374" s="2" t="s">
        <v>13032</v>
      </c>
      <c r="B21374" s="6">
        <v>355827.14999999997</v>
      </c>
      <c r="C21374" s="7">
        <f t="shared" si="333"/>
        <v>355.82714999999996</v>
      </c>
    </row>
    <row r="21375" spans="1:3" x14ac:dyDescent="0.25">
      <c r="A21375" s="2" t="s">
        <v>13033</v>
      </c>
      <c r="B21375" s="6">
        <v>355843.8</v>
      </c>
      <c r="C21375" s="7">
        <f t="shared" si="333"/>
        <v>355.84379999999999</v>
      </c>
    </row>
    <row r="21376" spans="1:3" x14ac:dyDescent="0.25">
      <c r="A21376" s="2" t="s">
        <v>13034</v>
      </c>
      <c r="B21376" s="6">
        <v>355860.44999999995</v>
      </c>
      <c r="C21376" s="7">
        <f t="shared" si="333"/>
        <v>355.86044999999996</v>
      </c>
    </row>
    <row r="21377" spans="1:3" x14ac:dyDescent="0.25">
      <c r="A21377" s="2" t="s">
        <v>13035</v>
      </c>
      <c r="B21377" s="6">
        <v>355877.1</v>
      </c>
      <c r="C21377" s="7">
        <f t="shared" si="333"/>
        <v>355.87709999999998</v>
      </c>
    </row>
    <row r="21378" spans="1:3" x14ac:dyDescent="0.25">
      <c r="A21378" s="2" t="s">
        <v>13036</v>
      </c>
      <c r="B21378" s="6">
        <v>355893.74999999994</v>
      </c>
      <c r="C21378" s="7">
        <f t="shared" si="333"/>
        <v>355.89374999999995</v>
      </c>
    </row>
    <row r="21379" spans="1:3" x14ac:dyDescent="0.25">
      <c r="A21379" s="2" t="s">
        <v>13037</v>
      </c>
      <c r="B21379" s="6">
        <v>355910.39999999997</v>
      </c>
      <c r="C21379" s="7">
        <f t="shared" ref="C21379:C21442" si="334">B21379/1000</f>
        <v>355.91039999999998</v>
      </c>
    </row>
    <row r="21380" spans="1:3" x14ac:dyDescent="0.25">
      <c r="A21380" s="2" t="s">
        <v>13038</v>
      </c>
      <c r="B21380" s="6">
        <v>355927.05</v>
      </c>
      <c r="C21380" s="7">
        <f t="shared" si="334"/>
        <v>355.92705000000001</v>
      </c>
    </row>
    <row r="21381" spans="1:3" x14ac:dyDescent="0.25">
      <c r="A21381" s="2" t="s">
        <v>13039</v>
      </c>
      <c r="B21381" s="6">
        <v>355943.69999999995</v>
      </c>
      <c r="C21381" s="7">
        <f t="shared" si="334"/>
        <v>355.94369999999998</v>
      </c>
    </row>
    <row r="21382" spans="1:3" x14ac:dyDescent="0.25">
      <c r="A21382" s="2" t="s">
        <v>13040</v>
      </c>
      <c r="B21382" s="6">
        <v>355960.35</v>
      </c>
      <c r="C21382" s="7">
        <f t="shared" si="334"/>
        <v>355.96034999999995</v>
      </c>
    </row>
    <row r="21383" spans="1:3" x14ac:dyDescent="0.25">
      <c r="A21383" s="2" t="s">
        <v>13041</v>
      </c>
      <c r="B21383" s="6">
        <v>355976.99999999994</v>
      </c>
      <c r="C21383" s="7">
        <f t="shared" si="334"/>
        <v>355.97699999999992</v>
      </c>
    </row>
    <row r="21384" spans="1:3" x14ac:dyDescent="0.25">
      <c r="A21384" s="2" t="s">
        <v>13042</v>
      </c>
      <c r="B21384" s="6">
        <v>355993.64999999997</v>
      </c>
      <c r="C21384" s="7">
        <f t="shared" si="334"/>
        <v>355.99364999999995</v>
      </c>
    </row>
    <row r="21385" spans="1:3" x14ac:dyDescent="0.25">
      <c r="A21385" s="2" t="s">
        <v>13043</v>
      </c>
      <c r="B21385" s="6">
        <v>356010.3</v>
      </c>
      <c r="C21385" s="7">
        <f t="shared" si="334"/>
        <v>356.01029999999997</v>
      </c>
    </row>
    <row r="21386" spans="1:3" x14ac:dyDescent="0.25">
      <c r="A21386" s="2" t="s">
        <v>13044</v>
      </c>
      <c r="B21386" s="6">
        <v>356026.94999999995</v>
      </c>
      <c r="C21386" s="7">
        <f t="shared" si="334"/>
        <v>356.02694999999994</v>
      </c>
    </row>
    <row r="21387" spans="1:3" x14ac:dyDescent="0.25">
      <c r="A21387" s="2" t="s">
        <v>13045</v>
      </c>
      <c r="B21387" s="6">
        <v>356043.6</v>
      </c>
      <c r="C21387" s="7">
        <f t="shared" si="334"/>
        <v>356.04359999999997</v>
      </c>
    </row>
    <row r="21388" spans="1:3" x14ac:dyDescent="0.25">
      <c r="A21388" s="2" t="s">
        <v>13046</v>
      </c>
      <c r="B21388" s="6">
        <v>356060.24999999994</v>
      </c>
      <c r="C21388" s="7">
        <f t="shared" si="334"/>
        <v>356.06024999999994</v>
      </c>
    </row>
    <row r="21389" spans="1:3" x14ac:dyDescent="0.25">
      <c r="A21389" s="2" t="s">
        <v>13047</v>
      </c>
      <c r="B21389" s="6">
        <v>356076.89999999997</v>
      </c>
      <c r="C21389" s="7">
        <f t="shared" si="334"/>
        <v>356.07689999999997</v>
      </c>
    </row>
    <row r="21390" spans="1:3" x14ac:dyDescent="0.25">
      <c r="A21390" s="2" t="s">
        <v>13048</v>
      </c>
      <c r="B21390" s="6">
        <v>356093.55</v>
      </c>
      <c r="C21390" s="7">
        <f t="shared" si="334"/>
        <v>356.09354999999999</v>
      </c>
    </row>
    <row r="21391" spans="1:3" x14ac:dyDescent="0.25">
      <c r="A21391" s="2" t="s">
        <v>13049</v>
      </c>
      <c r="B21391" s="6">
        <v>356110.19999999995</v>
      </c>
      <c r="C21391" s="7">
        <f t="shared" si="334"/>
        <v>356.11019999999996</v>
      </c>
    </row>
    <row r="21392" spans="1:3" x14ac:dyDescent="0.25">
      <c r="A21392" s="2" t="s">
        <v>13050</v>
      </c>
      <c r="B21392" s="6">
        <v>356126.85</v>
      </c>
      <c r="C21392" s="7">
        <f t="shared" si="334"/>
        <v>356.12684999999999</v>
      </c>
    </row>
    <row r="21393" spans="1:3" x14ac:dyDescent="0.25">
      <c r="A21393" s="2" t="s">
        <v>13051</v>
      </c>
      <c r="B21393" s="6">
        <v>356143.49999999994</v>
      </c>
      <c r="C21393" s="7">
        <f t="shared" si="334"/>
        <v>356.14349999999996</v>
      </c>
    </row>
    <row r="21394" spans="1:3" x14ac:dyDescent="0.25">
      <c r="A21394" s="2" t="s">
        <v>13052</v>
      </c>
      <c r="B21394" s="6">
        <v>356160.14999999997</v>
      </c>
      <c r="C21394" s="7">
        <f t="shared" si="334"/>
        <v>356.16014999999999</v>
      </c>
    </row>
    <row r="21395" spans="1:3" x14ac:dyDescent="0.25">
      <c r="A21395" s="2" t="s">
        <v>13053</v>
      </c>
      <c r="B21395" s="6">
        <v>356176.8</v>
      </c>
      <c r="C21395" s="7">
        <f t="shared" si="334"/>
        <v>356.17680000000001</v>
      </c>
    </row>
    <row r="21396" spans="1:3" x14ac:dyDescent="0.25">
      <c r="A21396" s="2" t="s">
        <v>13054</v>
      </c>
      <c r="B21396" s="6">
        <v>356193.44999999995</v>
      </c>
      <c r="C21396" s="7">
        <f t="shared" si="334"/>
        <v>356.19344999999993</v>
      </c>
    </row>
    <row r="21397" spans="1:3" x14ac:dyDescent="0.25">
      <c r="A21397" s="2" t="s">
        <v>13055</v>
      </c>
      <c r="B21397" s="6">
        <v>356210.1</v>
      </c>
      <c r="C21397" s="7">
        <f t="shared" si="334"/>
        <v>356.21009999999995</v>
      </c>
    </row>
    <row r="21398" spans="1:3" x14ac:dyDescent="0.25">
      <c r="A21398" s="2" t="s">
        <v>13056</v>
      </c>
      <c r="B21398" s="6">
        <v>356226.74999999994</v>
      </c>
      <c r="C21398" s="7">
        <f t="shared" si="334"/>
        <v>356.22674999999992</v>
      </c>
    </row>
    <row r="21399" spans="1:3" x14ac:dyDescent="0.25">
      <c r="A21399" s="2" t="s">
        <v>13057</v>
      </c>
      <c r="B21399" s="6">
        <v>356243.39999999997</v>
      </c>
      <c r="C21399" s="7">
        <f t="shared" si="334"/>
        <v>356.24339999999995</v>
      </c>
    </row>
    <row r="21400" spans="1:3" x14ac:dyDescent="0.25">
      <c r="A21400" s="2" t="s">
        <v>13058</v>
      </c>
      <c r="B21400" s="6">
        <v>356260.05</v>
      </c>
      <c r="C21400" s="7">
        <f t="shared" si="334"/>
        <v>356.26004999999998</v>
      </c>
    </row>
    <row r="21401" spans="1:3" x14ac:dyDescent="0.25">
      <c r="A21401" s="2" t="s">
        <v>13059</v>
      </c>
      <c r="B21401" s="6">
        <v>356276.69999999995</v>
      </c>
      <c r="C21401" s="7">
        <f t="shared" si="334"/>
        <v>356.27669999999995</v>
      </c>
    </row>
    <row r="21402" spans="1:3" x14ac:dyDescent="0.25">
      <c r="A21402" s="2" t="s">
        <v>13060</v>
      </c>
      <c r="B21402" s="6">
        <v>356293.35</v>
      </c>
      <c r="C21402" s="7">
        <f t="shared" si="334"/>
        <v>356.29334999999998</v>
      </c>
    </row>
    <row r="21403" spans="1:3" x14ac:dyDescent="0.25">
      <c r="A21403" s="2" t="s">
        <v>13061</v>
      </c>
      <c r="B21403" s="6">
        <v>356309.99999999994</v>
      </c>
      <c r="C21403" s="7">
        <f t="shared" si="334"/>
        <v>356.30999999999995</v>
      </c>
    </row>
    <row r="21404" spans="1:3" x14ac:dyDescent="0.25">
      <c r="A21404" s="2" t="s">
        <v>13062</v>
      </c>
      <c r="B21404" s="6">
        <v>356326.64999999997</v>
      </c>
      <c r="C21404" s="7">
        <f t="shared" si="334"/>
        <v>356.32664999999997</v>
      </c>
    </row>
    <row r="21405" spans="1:3" x14ac:dyDescent="0.25">
      <c r="A21405" s="2" t="s">
        <v>13063</v>
      </c>
      <c r="B21405" s="6">
        <v>356343.3</v>
      </c>
      <c r="C21405" s="7">
        <f t="shared" si="334"/>
        <v>356.3433</v>
      </c>
    </row>
    <row r="21406" spans="1:3" x14ac:dyDescent="0.25">
      <c r="A21406" s="2" t="s">
        <v>13064</v>
      </c>
      <c r="B21406" s="6">
        <v>356359.94999999995</v>
      </c>
      <c r="C21406" s="7">
        <f t="shared" si="334"/>
        <v>356.35994999999997</v>
      </c>
    </row>
    <row r="21407" spans="1:3" x14ac:dyDescent="0.25">
      <c r="A21407" s="2" t="s">
        <v>13065</v>
      </c>
      <c r="B21407" s="6">
        <v>356376.6</v>
      </c>
      <c r="C21407" s="7">
        <f t="shared" si="334"/>
        <v>356.3766</v>
      </c>
    </row>
    <row r="21408" spans="1:3" x14ac:dyDescent="0.25">
      <c r="A21408" s="2" t="s">
        <v>13066</v>
      </c>
      <c r="B21408" s="6">
        <v>356393.24999999994</v>
      </c>
      <c r="C21408" s="7">
        <f t="shared" si="334"/>
        <v>356.39324999999997</v>
      </c>
    </row>
    <row r="21409" spans="1:3" x14ac:dyDescent="0.25">
      <c r="A21409" s="2" t="s">
        <v>13067</v>
      </c>
      <c r="B21409" s="6">
        <v>356409.89999999997</v>
      </c>
      <c r="C21409" s="7">
        <f t="shared" si="334"/>
        <v>356.40989999999999</v>
      </c>
    </row>
    <row r="21410" spans="1:3" x14ac:dyDescent="0.25">
      <c r="A21410" s="2" t="s">
        <v>13068</v>
      </c>
      <c r="B21410" s="6">
        <v>356426.55</v>
      </c>
      <c r="C21410" s="7">
        <f t="shared" si="334"/>
        <v>356.42654999999996</v>
      </c>
    </row>
    <row r="21411" spans="1:3" x14ac:dyDescent="0.25">
      <c r="A21411" s="2" t="s">
        <v>13069</v>
      </c>
      <c r="B21411" s="6">
        <v>356443.19999999995</v>
      </c>
      <c r="C21411" s="7">
        <f t="shared" si="334"/>
        <v>356.44319999999993</v>
      </c>
    </row>
    <row r="21412" spans="1:3" x14ac:dyDescent="0.25">
      <c r="A21412" s="2" t="s">
        <v>13070</v>
      </c>
      <c r="B21412" s="6">
        <v>356459.85</v>
      </c>
      <c r="C21412" s="7">
        <f t="shared" si="334"/>
        <v>356.45984999999996</v>
      </c>
    </row>
    <row r="21413" spans="1:3" x14ac:dyDescent="0.25">
      <c r="A21413" s="2" t="s">
        <v>13071</v>
      </c>
      <c r="B21413" s="6">
        <v>356476.49999999994</v>
      </c>
      <c r="C21413" s="7">
        <f t="shared" si="334"/>
        <v>356.47649999999993</v>
      </c>
    </row>
    <row r="21414" spans="1:3" x14ac:dyDescent="0.25">
      <c r="A21414" s="2" t="s">
        <v>13072</v>
      </c>
      <c r="B21414" s="6">
        <v>356493.14999999997</v>
      </c>
      <c r="C21414" s="7">
        <f t="shared" si="334"/>
        <v>356.49314999999996</v>
      </c>
    </row>
    <row r="21415" spans="1:3" x14ac:dyDescent="0.25">
      <c r="A21415" s="2" t="s">
        <v>13073</v>
      </c>
      <c r="B21415" s="6">
        <v>356509.8</v>
      </c>
      <c r="C21415" s="7">
        <f t="shared" si="334"/>
        <v>356.50979999999998</v>
      </c>
    </row>
    <row r="21416" spans="1:3" x14ac:dyDescent="0.25">
      <c r="A21416" s="2" t="s">
        <v>13074</v>
      </c>
      <c r="B21416" s="6">
        <v>356526.44999999995</v>
      </c>
      <c r="C21416" s="7">
        <f t="shared" si="334"/>
        <v>356.52644999999995</v>
      </c>
    </row>
    <row r="21417" spans="1:3" x14ac:dyDescent="0.25">
      <c r="A21417" s="2" t="s">
        <v>13075</v>
      </c>
      <c r="B21417" s="6">
        <v>356543.1</v>
      </c>
      <c r="C21417" s="7">
        <f t="shared" si="334"/>
        <v>356.54309999999998</v>
      </c>
    </row>
    <row r="21418" spans="1:3" x14ac:dyDescent="0.25">
      <c r="A21418" s="2" t="s">
        <v>13076</v>
      </c>
      <c r="B21418" s="6">
        <v>356559.74999999994</v>
      </c>
      <c r="C21418" s="7">
        <f t="shared" si="334"/>
        <v>356.55974999999995</v>
      </c>
    </row>
    <row r="21419" spans="1:3" x14ac:dyDescent="0.25">
      <c r="A21419" s="2" t="s">
        <v>13077</v>
      </c>
      <c r="B21419" s="6">
        <v>356576.39999999997</v>
      </c>
      <c r="C21419" s="7">
        <f t="shared" si="334"/>
        <v>356.57639999999998</v>
      </c>
    </row>
    <row r="21420" spans="1:3" x14ac:dyDescent="0.25">
      <c r="A21420" s="2" t="s">
        <v>13078</v>
      </c>
      <c r="B21420" s="6">
        <v>356593.05</v>
      </c>
      <c r="C21420" s="7">
        <f t="shared" si="334"/>
        <v>356.59305000000001</v>
      </c>
    </row>
    <row r="21421" spans="1:3" x14ac:dyDescent="0.25">
      <c r="A21421" s="2" t="s">
        <v>13079</v>
      </c>
      <c r="B21421" s="6">
        <v>356609.69999999995</v>
      </c>
      <c r="C21421" s="7">
        <f t="shared" si="334"/>
        <v>356.60969999999998</v>
      </c>
    </row>
    <row r="21422" spans="1:3" x14ac:dyDescent="0.25">
      <c r="A21422" s="2" t="s">
        <v>13080</v>
      </c>
      <c r="B21422" s="6">
        <v>356626.35</v>
      </c>
      <c r="C21422" s="7">
        <f t="shared" si="334"/>
        <v>356.62635</v>
      </c>
    </row>
    <row r="21423" spans="1:3" x14ac:dyDescent="0.25">
      <c r="A21423" s="2" t="s">
        <v>13081</v>
      </c>
      <c r="B21423" s="6">
        <v>356642.99999999994</v>
      </c>
      <c r="C21423" s="7">
        <f t="shared" si="334"/>
        <v>356.64299999999992</v>
      </c>
    </row>
    <row r="21424" spans="1:3" x14ac:dyDescent="0.25">
      <c r="A21424" s="2" t="s">
        <v>13082</v>
      </c>
      <c r="B21424" s="6">
        <v>356659.64999999997</v>
      </c>
      <c r="C21424" s="7">
        <f t="shared" si="334"/>
        <v>356.65964999999994</v>
      </c>
    </row>
    <row r="21425" spans="1:3" x14ac:dyDescent="0.25">
      <c r="A21425" s="2" t="s">
        <v>13083</v>
      </c>
      <c r="B21425" s="6">
        <v>356676.3</v>
      </c>
      <c r="C21425" s="7">
        <f t="shared" si="334"/>
        <v>356.67629999999997</v>
      </c>
    </row>
    <row r="21426" spans="1:3" x14ac:dyDescent="0.25">
      <c r="A21426" s="2" t="s">
        <v>13084</v>
      </c>
      <c r="B21426" s="6">
        <v>356692.94999999995</v>
      </c>
      <c r="C21426" s="7">
        <f t="shared" si="334"/>
        <v>356.69294999999994</v>
      </c>
    </row>
    <row r="21427" spans="1:3" x14ac:dyDescent="0.25">
      <c r="A21427" s="2" t="s">
        <v>13085</v>
      </c>
      <c r="B21427" s="6">
        <v>356709.6</v>
      </c>
      <c r="C21427" s="7">
        <f t="shared" si="334"/>
        <v>356.70959999999997</v>
      </c>
    </row>
    <row r="21428" spans="1:3" x14ac:dyDescent="0.25">
      <c r="A21428" s="2" t="s">
        <v>13086</v>
      </c>
      <c r="B21428" s="6">
        <v>356726.24999999994</v>
      </c>
      <c r="C21428" s="7">
        <f t="shared" si="334"/>
        <v>356.72624999999994</v>
      </c>
    </row>
    <row r="21429" spans="1:3" x14ac:dyDescent="0.25">
      <c r="A21429" s="2" t="s">
        <v>13087</v>
      </c>
      <c r="B21429" s="6">
        <v>356742.89999999997</v>
      </c>
      <c r="C21429" s="7">
        <f t="shared" si="334"/>
        <v>356.74289999999996</v>
      </c>
    </row>
    <row r="21430" spans="1:3" x14ac:dyDescent="0.25">
      <c r="A21430" s="2" t="s">
        <v>13088</v>
      </c>
      <c r="B21430" s="6">
        <v>356759.55</v>
      </c>
      <c r="C21430" s="7">
        <f t="shared" si="334"/>
        <v>356.75954999999999</v>
      </c>
    </row>
    <row r="21431" spans="1:3" x14ac:dyDescent="0.25">
      <c r="A21431" s="2" t="s">
        <v>13089</v>
      </c>
      <c r="B21431" s="6">
        <v>356776.19999999995</v>
      </c>
      <c r="C21431" s="7">
        <f t="shared" si="334"/>
        <v>356.77619999999996</v>
      </c>
    </row>
    <row r="21432" spans="1:3" x14ac:dyDescent="0.25">
      <c r="A21432" s="2" t="s">
        <v>13090</v>
      </c>
      <c r="B21432" s="6">
        <v>356792.85</v>
      </c>
      <c r="C21432" s="7">
        <f t="shared" si="334"/>
        <v>356.79284999999999</v>
      </c>
    </row>
    <row r="21433" spans="1:3" x14ac:dyDescent="0.25">
      <c r="A21433" s="2" t="s">
        <v>13091</v>
      </c>
      <c r="B21433" s="6">
        <v>356809.49999999994</v>
      </c>
      <c r="C21433" s="7">
        <f t="shared" si="334"/>
        <v>356.80949999999996</v>
      </c>
    </row>
    <row r="21434" spans="1:3" x14ac:dyDescent="0.25">
      <c r="A21434" s="2" t="s">
        <v>13092</v>
      </c>
      <c r="B21434" s="6">
        <v>356826.14999999997</v>
      </c>
      <c r="C21434" s="7">
        <f t="shared" si="334"/>
        <v>356.82614999999998</v>
      </c>
    </row>
    <row r="21435" spans="1:3" x14ac:dyDescent="0.25">
      <c r="A21435" s="2" t="s">
        <v>13093</v>
      </c>
      <c r="B21435" s="6">
        <v>356842.8</v>
      </c>
      <c r="C21435" s="7">
        <f t="shared" si="334"/>
        <v>356.84280000000001</v>
      </c>
    </row>
    <row r="21436" spans="1:3" x14ac:dyDescent="0.25">
      <c r="A21436" s="2" t="s">
        <v>13094</v>
      </c>
      <c r="B21436" s="6">
        <v>356859.44999999995</v>
      </c>
      <c r="C21436" s="7">
        <f t="shared" si="334"/>
        <v>356.85944999999998</v>
      </c>
    </row>
    <row r="21437" spans="1:3" x14ac:dyDescent="0.25">
      <c r="A21437" s="2" t="s">
        <v>13095</v>
      </c>
      <c r="B21437" s="6">
        <v>356876.1</v>
      </c>
      <c r="C21437" s="7">
        <f t="shared" si="334"/>
        <v>356.87609999999995</v>
      </c>
    </row>
    <row r="21438" spans="1:3" x14ac:dyDescent="0.25">
      <c r="A21438" s="2" t="s">
        <v>13096</v>
      </c>
      <c r="B21438" s="6">
        <v>356892.74999999994</v>
      </c>
      <c r="C21438" s="7">
        <f t="shared" si="334"/>
        <v>356.89274999999992</v>
      </c>
    </row>
    <row r="21439" spans="1:3" x14ac:dyDescent="0.25">
      <c r="A21439" s="2" t="s">
        <v>13097</v>
      </c>
      <c r="B21439" s="6">
        <v>356909.39999999997</v>
      </c>
      <c r="C21439" s="7">
        <f t="shared" si="334"/>
        <v>356.90939999999995</v>
      </c>
    </row>
    <row r="21440" spans="1:3" x14ac:dyDescent="0.25">
      <c r="A21440" s="2" t="s">
        <v>13098</v>
      </c>
      <c r="B21440" s="6">
        <v>356926.05</v>
      </c>
      <c r="C21440" s="7">
        <f t="shared" si="334"/>
        <v>356.92604999999998</v>
      </c>
    </row>
    <row r="21441" spans="1:3" x14ac:dyDescent="0.25">
      <c r="A21441" s="2" t="s">
        <v>13099</v>
      </c>
      <c r="B21441" s="6">
        <v>356942.69999999995</v>
      </c>
      <c r="C21441" s="7">
        <f t="shared" si="334"/>
        <v>356.94269999999995</v>
      </c>
    </row>
    <row r="21442" spans="1:3" x14ac:dyDescent="0.25">
      <c r="A21442" s="2" t="s">
        <v>13100</v>
      </c>
      <c r="B21442" s="6">
        <v>356959.35</v>
      </c>
      <c r="C21442" s="7">
        <f t="shared" si="334"/>
        <v>356.95934999999997</v>
      </c>
    </row>
    <row r="21443" spans="1:3" x14ac:dyDescent="0.25">
      <c r="A21443" s="2" t="s">
        <v>13101</v>
      </c>
      <c r="B21443" s="6">
        <v>356975.99999999994</v>
      </c>
      <c r="C21443" s="7">
        <f t="shared" ref="C21443:C21506" si="335">B21443/1000</f>
        <v>356.97599999999994</v>
      </c>
    </row>
    <row r="21444" spans="1:3" x14ac:dyDescent="0.25">
      <c r="A21444" s="2" t="s">
        <v>13102</v>
      </c>
      <c r="B21444" s="6">
        <v>356992.64999999997</v>
      </c>
      <c r="C21444" s="7">
        <f t="shared" si="335"/>
        <v>356.99264999999997</v>
      </c>
    </row>
    <row r="21445" spans="1:3" x14ac:dyDescent="0.25">
      <c r="A21445" s="2" t="s">
        <v>13103</v>
      </c>
      <c r="B21445" s="6">
        <v>357009.3</v>
      </c>
      <c r="C21445" s="7">
        <f t="shared" si="335"/>
        <v>357.0093</v>
      </c>
    </row>
    <row r="21446" spans="1:3" x14ac:dyDescent="0.25">
      <c r="A21446" s="2" t="s">
        <v>13104</v>
      </c>
      <c r="B21446" s="6">
        <v>357025.94999999995</v>
      </c>
      <c r="C21446" s="7">
        <f t="shared" si="335"/>
        <v>357.02594999999997</v>
      </c>
    </row>
    <row r="21447" spans="1:3" x14ac:dyDescent="0.25">
      <c r="A21447" s="2" t="s">
        <v>13105</v>
      </c>
      <c r="B21447" s="6">
        <v>357042.6</v>
      </c>
      <c r="C21447" s="7">
        <f t="shared" si="335"/>
        <v>357.04259999999999</v>
      </c>
    </row>
    <row r="21448" spans="1:3" x14ac:dyDescent="0.25">
      <c r="A21448" s="2" t="s">
        <v>13106</v>
      </c>
      <c r="B21448" s="6">
        <v>357059.24999999994</v>
      </c>
      <c r="C21448" s="7">
        <f t="shared" si="335"/>
        <v>357.05924999999996</v>
      </c>
    </row>
    <row r="21449" spans="1:3" x14ac:dyDescent="0.25">
      <c r="A21449" s="2" t="s">
        <v>13107</v>
      </c>
      <c r="B21449" s="6">
        <v>357075.89999999997</v>
      </c>
      <c r="C21449" s="7">
        <f t="shared" si="335"/>
        <v>357.07589999999999</v>
      </c>
    </row>
    <row r="21450" spans="1:3" x14ac:dyDescent="0.25">
      <c r="A21450" s="2" t="s">
        <v>13108</v>
      </c>
      <c r="B21450" s="6">
        <v>357092.55</v>
      </c>
      <c r="C21450" s="7">
        <f t="shared" si="335"/>
        <v>357.09254999999996</v>
      </c>
    </row>
    <row r="21451" spans="1:3" x14ac:dyDescent="0.25">
      <c r="A21451" s="2" t="s">
        <v>13109</v>
      </c>
      <c r="B21451" s="6">
        <v>357109.19999999995</v>
      </c>
      <c r="C21451" s="7">
        <f t="shared" si="335"/>
        <v>357.10919999999993</v>
      </c>
    </row>
    <row r="21452" spans="1:3" x14ac:dyDescent="0.25">
      <c r="A21452" s="2" t="s">
        <v>13110</v>
      </c>
      <c r="B21452" s="6">
        <v>357125.85</v>
      </c>
      <c r="C21452" s="7">
        <f t="shared" si="335"/>
        <v>357.12584999999996</v>
      </c>
    </row>
    <row r="21453" spans="1:3" x14ac:dyDescent="0.25">
      <c r="A21453" s="2" t="s">
        <v>13111</v>
      </c>
      <c r="B21453" s="6">
        <v>357142.49999999994</v>
      </c>
      <c r="C21453" s="7">
        <f t="shared" si="335"/>
        <v>357.14249999999993</v>
      </c>
    </row>
    <row r="21454" spans="1:3" x14ac:dyDescent="0.25">
      <c r="A21454" s="2" t="s">
        <v>13112</v>
      </c>
      <c r="B21454" s="6">
        <v>357159.14999999997</v>
      </c>
      <c r="C21454" s="7">
        <f t="shared" si="335"/>
        <v>357.15914999999995</v>
      </c>
    </row>
    <row r="21455" spans="1:3" x14ac:dyDescent="0.25">
      <c r="A21455" s="2" t="s">
        <v>13113</v>
      </c>
      <c r="B21455" s="6">
        <v>357175.8</v>
      </c>
      <c r="C21455" s="7">
        <f t="shared" si="335"/>
        <v>357.17579999999998</v>
      </c>
    </row>
    <row r="21456" spans="1:3" x14ac:dyDescent="0.25">
      <c r="A21456" s="2" t="s">
        <v>13114</v>
      </c>
      <c r="B21456" s="6">
        <v>357192.44999999995</v>
      </c>
      <c r="C21456" s="7">
        <f t="shared" si="335"/>
        <v>357.19244999999995</v>
      </c>
    </row>
    <row r="21457" spans="1:3" x14ac:dyDescent="0.25">
      <c r="A21457" s="2" t="s">
        <v>13115</v>
      </c>
      <c r="B21457" s="6">
        <v>357209.1</v>
      </c>
      <c r="C21457" s="7">
        <f t="shared" si="335"/>
        <v>357.20909999999998</v>
      </c>
    </row>
    <row r="21458" spans="1:3" x14ac:dyDescent="0.25">
      <c r="A21458" s="2" t="s">
        <v>13116</v>
      </c>
      <c r="B21458" s="6">
        <v>357225.74999999994</v>
      </c>
      <c r="C21458" s="7">
        <f t="shared" si="335"/>
        <v>357.22574999999995</v>
      </c>
    </row>
    <row r="21459" spans="1:3" x14ac:dyDescent="0.25">
      <c r="A21459" s="2" t="s">
        <v>13117</v>
      </c>
      <c r="B21459" s="6">
        <v>357242.39999999997</v>
      </c>
      <c r="C21459" s="7">
        <f t="shared" si="335"/>
        <v>357.24239999999998</v>
      </c>
    </row>
    <row r="21460" spans="1:3" x14ac:dyDescent="0.25">
      <c r="A21460" s="2" t="s">
        <v>13118</v>
      </c>
      <c r="B21460" s="6">
        <v>357259.05</v>
      </c>
      <c r="C21460" s="7">
        <f t="shared" si="335"/>
        <v>357.25905</v>
      </c>
    </row>
    <row r="21461" spans="1:3" x14ac:dyDescent="0.25">
      <c r="A21461" s="2" t="s">
        <v>13119</v>
      </c>
      <c r="B21461" s="6">
        <v>357275.69999999995</v>
      </c>
      <c r="C21461" s="7">
        <f t="shared" si="335"/>
        <v>357.27569999999997</v>
      </c>
    </row>
    <row r="21462" spans="1:3" x14ac:dyDescent="0.25">
      <c r="A21462" s="2" t="s">
        <v>13120</v>
      </c>
      <c r="B21462" s="6">
        <v>357292.35</v>
      </c>
      <c r="C21462" s="7">
        <f t="shared" si="335"/>
        <v>357.29235</v>
      </c>
    </row>
    <row r="21463" spans="1:3" x14ac:dyDescent="0.25">
      <c r="A21463" s="2" t="s">
        <v>13121</v>
      </c>
      <c r="B21463" s="6">
        <v>357308.99999999994</v>
      </c>
      <c r="C21463" s="7">
        <f t="shared" si="335"/>
        <v>357.30899999999997</v>
      </c>
    </row>
    <row r="21464" spans="1:3" x14ac:dyDescent="0.25">
      <c r="A21464" s="2" t="s">
        <v>13122</v>
      </c>
      <c r="B21464" s="6">
        <v>357325.64999999997</v>
      </c>
      <c r="C21464" s="7">
        <f t="shared" si="335"/>
        <v>357.32564999999994</v>
      </c>
    </row>
    <row r="21465" spans="1:3" x14ac:dyDescent="0.25">
      <c r="A21465" s="2" t="s">
        <v>13123</v>
      </c>
      <c r="B21465" s="6">
        <v>357342.3</v>
      </c>
      <c r="C21465" s="7">
        <f t="shared" si="335"/>
        <v>357.34229999999997</v>
      </c>
    </row>
    <row r="21466" spans="1:3" x14ac:dyDescent="0.25">
      <c r="A21466" s="2" t="s">
        <v>13124</v>
      </c>
      <c r="B21466" s="6">
        <v>357358.94999999995</v>
      </c>
      <c r="C21466" s="7">
        <f t="shared" si="335"/>
        <v>357.35894999999994</v>
      </c>
    </row>
    <row r="21467" spans="1:3" x14ac:dyDescent="0.25">
      <c r="A21467" s="2" t="s">
        <v>13125</v>
      </c>
      <c r="B21467" s="6">
        <v>357375.6</v>
      </c>
      <c r="C21467" s="7">
        <f t="shared" si="335"/>
        <v>357.37559999999996</v>
      </c>
    </row>
    <row r="21468" spans="1:3" x14ac:dyDescent="0.25">
      <c r="A21468" s="2" t="s">
        <v>13126</v>
      </c>
      <c r="B21468" s="6">
        <v>357392.24999999994</v>
      </c>
      <c r="C21468" s="7">
        <f t="shared" si="335"/>
        <v>357.39224999999993</v>
      </c>
    </row>
    <row r="21469" spans="1:3" x14ac:dyDescent="0.25">
      <c r="A21469" s="2" t="s">
        <v>13127</v>
      </c>
      <c r="B21469" s="6">
        <v>357408.89999999997</v>
      </c>
      <c r="C21469" s="7">
        <f t="shared" si="335"/>
        <v>357.40889999999996</v>
      </c>
    </row>
    <row r="21470" spans="1:3" x14ac:dyDescent="0.25">
      <c r="A21470" s="2" t="s">
        <v>13128</v>
      </c>
      <c r="B21470" s="6">
        <v>357425.55</v>
      </c>
      <c r="C21470" s="7">
        <f t="shared" si="335"/>
        <v>357.42554999999999</v>
      </c>
    </row>
    <row r="21471" spans="1:3" x14ac:dyDescent="0.25">
      <c r="A21471" s="2" t="s">
        <v>13129</v>
      </c>
      <c r="B21471" s="6">
        <v>357442.19999999995</v>
      </c>
      <c r="C21471" s="7">
        <f t="shared" si="335"/>
        <v>357.44219999999996</v>
      </c>
    </row>
    <row r="21472" spans="1:3" x14ac:dyDescent="0.25">
      <c r="A21472" s="2" t="s">
        <v>13130</v>
      </c>
      <c r="B21472" s="6">
        <v>357458.85</v>
      </c>
      <c r="C21472" s="7">
        <f t="shared" si="335"/>
        <v>357.45884999999998</v>
      </c>
    </row>
    <row r="21473" spans="1:3" x14ac:dyDescent="0.25">
      <c r="A21473" s="2" t="s">
        <v>13131</v>
      </c>
      <c r="B21473" s="6">
        <v>357475.49999999994</v>
      </c>
      <c r="C21473" s="7">
        <f t="shared" si="335"/>
        <v>357.47549999999995</v>
      </c>
    </row>
    <row r="21474" spans="1:3" x14ac:dyDescent="0.25">
      <c r="A21474" s="2" t="s">
        <v>13132</v>
      </c>
      <c r="B21474" s="6">
        <v>357492.14999999997</v>
      </c>
      <c r="C21474" s="7">
        <f t="shared" si="335"/>
        <v>357.49214999999998</v>
      </c>
    </row>
    <row r="21475" spans="1:3" x14ac:dyDescent="0.25">
      <c r="A21475" s="2" t="s">
        <v>13133</v>
      </c>
      <c r="B21475" s="6">
        <v>357508.8</v>
      </c>
      <c r="C21475" s="7">
        <f t="shared" si="335"/>
        <v>357.50880000000001</v>
      </c>
    </row>
    <row r="21476" spans="1:3" x14ac:dyDescent="0.25">
      <c r="A21476" s="2" t="s">
        <v>13134</v>
      </c>
      <c r="B21476" s="6">
        <v>357525.44999999995</v>
      </c>
      <c r="C21476" s="7">
        <f t="shared" si="335"/>
        <v>357.52544999999998</v>
      </c>
    </row>
    <row r="21477" spans="1:3" x14ac:dyDescent="0.25">
      <c r="A21477" s="2" t="s">
        <v>13135</v>
      </c>
      <c r="B21477" s="6">
        <v>357542.1</v>
      </c>
      <c r="C21477" s="7">
        <f t="shared" si="335"/>
        <v>357.5421</v>
      </c>
    </row>
    <row r="21478" spans="1:3" x14ac:dyDescent="0.25">
      <c r="A21478" s="2" t="s">
        <v>13136</v>
      </c>
      <c r="B21478" s="6">
        <v>357558.74999999994</v>
      </c>
      <c r="C21478" s="7">
        <f t="shared" si="335"/>
        <v>357.55874999999992</v>
      </c>
    </row>
    <row r="21479" spans="1:3" x14ac:dyDescent="0.25">
      <c r="A21479" s="2" t="s">
        <v>13137</v>
      </c>
      <c r="B21479" s="6">
        <v>357575.39999999997</v>
      </c>
      <c r="C21479" s="7">
        <f t="shared" si="335"/>
        <v>357.57539999999995</v>
      </c>
    </row>
    <row r="21480" spans="1:3" x14ac:dyDescent="0.25">
      <c r="A21480" s="2" t="s">
        <v>13138</v>
      </c>
      <c r="B21480" s="6">
        <v>357592.05</v>
      </c>
      <c r="C21480" s="7">
        <f t="shared" si="335"/>
        <v>357.59204999999997</v>
      </c>
    </row>
    <row r="21481" spans="1:3" x14ac:dyDescent="0.25">
      <c r="A21481" s="2" t="s">
        <v>13139</v>
      </c>
      <c r="B21481" s="6">
        <v>357608.69999999995</v>
      </c>
      <c r="C21481" s="7">
        <f t="shared" si="335"/>
        <v>357.60869999999994</v>
      </c>
    </row>
    <row r="21482" spans="1:3" x14ac:dyDescent="0.25">
      <c r="A21482" s="2" t="s">
        <v>13140</v>
      </c>
      <c r="B21482" s="6">
        <v>357625.35</v>
      </c>
      <c r="C21482" s="7">
        <f t="shared" si="335"/>
        <v>357.62534999999997</v>
      </c>
    </row>
    <row r="21483" spans="1:3" x14ac:dyDescent="0.25">
      <c r="A21483" s="2" t="s">
        <v>13141</v>
      </c>
      <c r="B21483" s="6">
        <v>357641.99999999994</v>
      </c>
      <c r="C21483" s="7">
        <f t="shared" si="335"/>
        <v>357.64199999999994</v>
      </c>
    </row>
    <row r="21484" spans="1:3" x14ac:dyDescent="0.25">
      <c r="A21484" s="2" t="s">
        <v>13142</v>
      </c>
      <c r="B21484" s="6">
        <v>357658.64999999997</v>
      </c>
      <c r="C21484" s="7">
        <f t="shared" si="335"/>
        <v>357.65864999999997</v>
      </c>
    </row>
    <row r="21485" spans="1:3" x14ac:dyDescent="0.25">
      <c r="A21485" s="2" t="s">
        <v>13143</v>
      </c>
      <c r="B21485" s="6">
        <v>357675.3</v>
      </c>
      <c r="C21485" s="7">
        <f t="shared" si="335"/>
        <v>357.67529999999999</v>
      </c>
    </row>
    <row r="21486" spans="1:3" x14ac:dyDescent="0.25">
      <c r="A21486" s="2" t="s">
        <v>13144</v>
      </c>
      <c r="B21486" s="6">
        <v>357691.94999999995</v>
      </c>
      <c r="C21486" s="7">
        <f t="shared" si="335"/>
        <v>357.69194999999996</v>
      </c>
    </row>
    <row r="21487" spans="1:3" x14ac:dyDescent="0.25">
      <c r="A21487" s="2" t="s">
        <v>13145</v>
      </c>
      <c r="B21487" s="6">
        <v>357708.6</v>
      </c>
      <c r="C21487" s="7">
        <f t="shared" si="335"/>
        <v>357.70859999999999</v>
      </c>
    </row>
    <row r="21488" spans="1:3" x14ac:dyDescent="0.25">
      <c r="A21488" s="2" t="s">
        <v>13146</v>
      </c>
      <c r="B21488" s="6">
        <v>357725.24999999994</v>
      </c>
      <c r="C21488" s="7">
        <f t="shared" si="335"/>
        <v>357.72524999999996</v>
      </c>
    </row>
    <row r="21489" spans="1:3" x14ac:dyDescent="0.25">
      <c r="A21489" s="2" t="s">
        <v>13147</v>
      </c>
      <c r="B21489" s="6">
        <v>357741.89999999997</v>
      </c>
      <c r="C21489" s="7">
        <f t="shared" si="335"/>
        <v>357.74189999999999</v>
      </c>
    </row>
    <row r="21490" spans="1:3" x14ac:dyDescent="0.25">
      <c r="A21490" s="2" t="s">
        <v>13148</v>
      </c>
      <c r="B21490" s="6">
        <v>357758.55</v>
      </c>
      <c r="C21490" s="7">
        <f t="shared" si="335"/>
        <v>357.75855000000001</v>
      </c>
    </row>
    <row r="21491" spans="1:3" x14ac:dyDescent="0.25">
      <c r="A21491" s="2" t="s">
        <v>13149</v>
      </c>
      <c r="B21491" s="6">
        <v>357775.19999999995</v>
      </c>
      <c r="C21491" s="7">
        <f t="shared" si="335"/>
        <v>357.77519999999993</v>
      </c>
    </row>
    <row r="21492" spans="1:3" x14ac:dyDescent="0.25">
      <c r="A21492" s="2" t="s">
        <v>13150</v>
      </c>
      <c r="B21492" s="6">
        <v>357791.85</v>
      </c>
      <c r="C21492" s="7">
        <f t="shared" si="335"/>
        <v>357.79184999999995</v>
      </c>
    </row>
    <row r="21493" spans="1:3" x14ac:dyDescent="0.25">
      <c r="A21493" s="2" t="s">
        <v>13151</v>
      </c>
      <c r="B21493" s="6">
        <v>357808.49999999994</v>
      </c>
      <c r="C21493" s="7">
        <f t="shared" si="335"/>
        <v>357.80849999999992</v>
      </c>
    </row>
    <row r="21494" spans="1:3" x14ac:dyDescent="0.25">
      <c r="A21494" s="2" t="s">
        <v>13152</v>
      </c>
      <c r="B21494" s="6">
        <v>357825.14999999997</v>
      </c>
      <c r="C21494" s="7">
        <f t="shared" si="335"/>
        <v>357.82514999999995</v>
      </c>
    </row>
    <row r="21495" spans="1:3" x14ac:dyDescent="0.25">
      <c r="A21495" s="2" t="s">
        <v>13153</v>
      </c>
      <c r="B21495" s="6">
        <v>357841.8</v>
      </c>
      <c r="C21495" s="7">
        <f t="shared" si="335"/>
        <v>357.84179999999998</v>
      </c>
    </row>
    <row r="21496" spans="1:3" x14ac:dyDescent="0.25">
      <c r="A21496" s="2" t="s">
        <v>13154</v>
      </c>
      <c r="B21496" s="6">
        <v>357858.44999999995</v>
      </c>
      <c r="C21496" s="7">
        <f t="shared" si="335"/>
        <v>357.85844999999995</v>
      </c>
    </row>
    <row r="21497" spans="1:3" x14ac:dyDescent="0.25">
      <c r="A21497" s="2" t="s">
        <v>13155</v>
      </c>
      <c r="B21497" s="6">
        <v>357875.1</v>
      </c>
      <c r="C21497" s="7">
        <f t="shared" si="335"/>
        <v>357.87509999999997</v>
      </c>
    </row>
    <row r="21498" spans="1:3" x14ac:dyDescent="0.25">
      <c r="A21498" s="2" t="s">
        <v>13156</v>
      </c>
      <c r="B21498" s="6">
        <v>357891.74999999994</v>
      </c>
      <c r="C21498" s="7">
        <f t="shared" si="335"/>
        <v>357.89174999999994</v>
      </c>
    </row>
    <row r="21499" spans="1:3" x14ac:dyDescent="0.25">
      <c r="A21499" s="2" t="s">
        <v>13157</v>
      </c>
      <c r="B21499" s="6">
        <v>357908.39999999997</v>
      </c>
      <c r="C21499" s="7">
        <f t="shared" si="335"/>
        <v>357.90839999999997</v>
      </c>
    </row>
    <row r="21500" spans="1:3" x14ac:dyDescent="0.25">
      <c r="A21500" s="2" t="s">
        <v>13158</v>
      </c>
      <c r="B21500" s="6">
        <v>357925.05</v>
      </c>
      <c r="C21500" s="7">
        <f t="shared" si="335"/>
        <v>357.92505</v>
      </c>
    </row>
    <row r="21501" spans="1:3" x14ac:dyDescent="0.25">
      <c r="A21501" s="2" t="s">
        <v>13159</v>
      </c>
      <c r="B21501" s="6">
        <v>357941.69999999995</v>
      </c>
      <c r="C21501" s="7">
        <f t="shared" si="335"/>
        <v>357.94169999999997</v>
      </c>
    </row>
    <row r="21502" spans="1:3" x14ac:dyDescent="0.25">
      <c r="A21502" s="2" t="s">
        <v>13160</v>
      </c>
      <c r="B21502" s="6">
        <v>357958.35</v>
      </c>
      <c r="C21502" s="7">
        <f t="shared" si="335"/>
        <v>357.95835</v>
      </c>
    </row>
    <row r="21503" spans="1:3" x14ac:dyDescent="0.25">
      <c r="A21503" s="2" t="s">
        <v>13161</v>
      </c>
      <c r="B21503" s="6">
        <v>357974.99999999994</v>
      </c>
      <c r="C21503" s="7">
        <f t="shared" si="335"/>
        <v>357.97499999999997</v>
      </c>
    </row>
    <row r="21504" spans="1:3" x14ac:dyDescent="0.25">
      <c r="A21504" s="2" t="s">
        <v>13162</v>
      </c>
      <c r="B21504" s="6">
        <v>357991.64999999997</v>
      </c>
      <c r="C21504" s="7">
        <f t="shared" si="335"/>
        <v>357.99164999999999</v>
      </c>
    </row>
    <row r="21505" spans="1:3" x14ac:dyDescent="0.25">
      <c r="A21505" s="2" t="s">
        <v>13163</v>
      </c>
      <c r="B21505" s="6">
        <v>358008.3</v>
      </c>
      <c r="C21505" s="7">
        <f t="shared" si="335"/>
        <v>358.00829999999996</v>
      </c>
    </row>
    <row r="21506" spans="1:3" x14ac:dyDescent="0.25">
      <c r="A21506" s="2" t="s">
        <v>13164</v>
      </c>
      <c r="B21506" s="6">
        <v>358024.94999999995</v>
      </c>
      <c r="C21506" s="7">
        <f t="shared" si="335"/>
        <v>358.02494999999993</v>
      </c>
    </row>
    <row r="21507" spans="1:3" x14ac:dyDescent="0.25">
      <c r="A21507" s="2" t="s">
        <v>13165</v>
      </c>
      <c r="B21507" s="6">
        <v>358041.59999999998</v>
      </c>
      <c r="C21507" s="7">
        <f t="shared" ref="C21507:C21570" si="336">B21507/1000</f>
        <v>358.04159999999996</v>
      </c>
    </row>
    <row r="21508" spans="1:3" x14ac:dyDescent="0.25">
      <c r="A21508" s="2" t="s">
        <v>13166</v>
      </c>
      <c r="B21508" s="6">
        <v>358058.24999999994</v>
      </c>
      <c r="C21508" s="7">
        <f t="shared" si="336"/>
        <v>358.05824999999993</v>
      </c>
    </row>
    <row r="21509" spans="1:3" x14ac:dyDescent="0.25">
      <c r="A21509" s="2" t="s">
        <v>13167</v>
      </c>
      <c r="B21509" s="6">
        <v>358074.89999999997</v>
      </c>
      <c r="C21509" s="7">
        <f t="shared" si="336"/>
        <v>358.07489999999996</v>
      </c>
    </row>
    <row r="21510" spans="1:3" x14ac:dyDescent="0.25">
      <c r="A21510" s="2" t="s">
        <v>13168</v>
      </c>
      <c r="B21510" s="6">
        <v>358091.55</v>
      </c>
      <c r="C21510" s="7">
        <f t="shared" si="336"/>
        <v>358.09154999999998</v>
      </c>
    </row>
    <row r="21511" spans="1:3" x14ac:dyDescent="0.25">
      <c r="A21511" s="2" t="s">
        <v>13169</v>
      </c>
      <c r="B21511" s="6">
        <v>358108.19999999995</v>
      </c>
      <c r="C21511" s="7">
        <f t="shared" si="336"/>
        <v>358.10819999999995</v>
      </c>
    </row>
    <row r="21512" spans="1:3" x14ac:dyDescent="0.25">
      <c r="A21512" s="2" t="s">
        <v>13170</v>
      </c>
      <c r="B21512" s="6">
        <v>358124.85</v>
      </c>
      <c r="C21512" s="7">
        <f t="shared" si="336"/>
        <v>358.12484999999998</v>
      </c>
    </row>
    <row r="21513" spans="1:3" x14ac:dyDescent="0.25">
      <c r="A21513" s="2" t="s">
        <v>13171</v>
      </c>
      <c r="B21513" s="6">
        <v>358141.49999999994</v>
      </c>
      <c r="C21513" s="7">
        <f t="shared" si="336"/>
        <v>358.14149999999995</v>
      </c>
    </row>
    <row r="21514" spans="1:3" x14ac:dyDescent="0.25">
      <c r="A21514" s="2" t="s">
        <v>13172</v>
      </c>
      <c r="B21514" s="6">
        <v>358158.14999999997</v>
      </c>
      <c r="C21514" s="7">
        <f t="shared" si="336"/>
        <v>358.15814999999998</v>
      </c>
    </row>
    <row r="21515" spans="1:3" x14ac:dyDescent="0.25">
      <c r="A21515" s="2" t="s">
        <v>13173</v>
      </c>
      <c r="B21515" s="6">
        <v>358174.8</v>
      </c>
      <c r="C21515" s="7">
        <f t="shared" si="336"/>
        <v>358.1748</v>
      </c>
    </row>
    <row r="21516" spans="1:3" x14ac:dyDescent="0.25">
      <c r="A21516" s="2" t="s">
        <v>13174</v>
      </c>
      <c r="B21516" s="6">
        <v>358191.44999999995</v>
      </c>
      <c r="C21516" s="7">
        <f t="shared" si="336"/>
        <v>358.19144999999997</v>
      </c>
    </row>
    <row r="21517" spans="1:3" x14ac:dyDescent="0.25">
      <c r="A21517" s="2" t="s">
        <v>13175</v>
      </c>
      <c r="B21517" s="6">
        <v>358208.1</v>
      </c>
      <c r="C21517" s="7">
        <f t="shared" si="336"/>
        <v>358.2081</v>
      </c>
    </row>
    <row r="21518" spans="1:3" x14ac:dyDescent="0.25">
      <c r="A21518" s="2" t="s">
        <v>13176</v>
      </c>
      <c r="B21518" s="6">
        <v>358224.74999999994</v>
      </c>
      <c r="C21518" s="7">
        <f t="shared" si="336"/>
        <v>358.22474999999991</v>
      </c>
    </row>
    <row r="21519" spans="1:3" x14ac:dyDescent="0.25">
      <c r="A21519" s="2" t="s">
        <v>13177</v>
      </c>
      <c r="B21519" s="6">
        <v>358241.39999999997</v>
      </c>
      <c r="C21519" s="7">
        <f t="shared" si="336"/>
        <v>358.24139999999994</v>
      </c>
    </row>
    <row r="21520" spans="1:3" x14ac:dyDescent="0.25">
      <c r="A21520" s="2" t="s">
        <v>13178</v>
      </c>
      <c r="B21520" s="6">
        <v>358258.05</v>
      </c>
      <c r="C21520" s="7">
        <f t="shared" si="336"/>
        <v>358.25804999999997</v>
      </c>
    </row>
    <row r="21521" spans="1:3" x14ac:dyDescent="0.25">
      <c r="A21521" s="2" t="s">
        <v>13179</v>
      </c>
      <c r="B21521" s="6">
        <v>358274.69999999995</v>
      </c>
      <c r="C21521" s="7">
        <f t="shared" si="336"/>
        <v>358.27469999999994</v>
      </c>
    </row>
    <row r="21522" spans="1:3" x14ac:dyDescent="0.25">
      <c r="A21522" s="2" t="s">
        <v>13180</v>
      </c>
      <c r="B21522" s="6">
        <v>358291.35</v>
      </c>
      <c r="C21522" s="7">
        <f t="shared" si="336"/>
        <v>358.29134999999997</v>
      </c>
    </row>
    <row r="21523" spans="1:3" x14ac:dyDescent="0.25">
      <c r="A21523" s="2" t="s">
        <v>13181</v>
      </c>
      <c r="B21523" s="6">
        <v>358307.99999999994</v>
      </c>
      <c r="C21523" s="7">
        <f t="shared" si="336"/>
        <v>358.30799999999994</v>
      </c>
    </row>
    <row r="21524" spans="1:3" x14ac:dyDescent="0.25">
      <c r="A21524" s="2" t="s">
        <v>13182</v>
      </c>
      <c r="B21524" s="6">
        <v>358324.64999999997</v>
      </c>
      <c r="C21524" s="7">
        <f t="shared" si="336"/>
        <v>358.32464999999996</v>
      </c>
    </row>
    <row r="21525" spans="1:3" x14ac:dyDescent="0.25">
      <c r="A21525" s="2" t="s">
        <v>13183</v>
      </c>
      <c r="B21525" s="6">
        <v>358341.3</v>
      </c>
      <c r="C21525" s="7">
        <f t="shared" si="336"/>
        <v>358.34129999999999</v>
      </c>
    </row>
    <row r="21526" spans="1:3" x14ac:dyDescent="0.25">
      <c r="A21526" s="2" t="s">
        <v>13184</v>
      </c>
      <c r="B21526" s="6">
        <v>358357.94999999995</v>
      </c>
      <c r="C21526" s="7">
        <f t="shared" si="336"/>
        <v>358.35794999999996</v>
      </c>
    </row>
    <row r="21527" spans="1:3" x14ac:dyDescent="0.25">
      <c r="A21527" s="2" t="s">
        <v>13185</v>
      </c>
      <c r="B21527" s="6">
        <v>358374.6</v>
      </c>
      <c r="C21527" s="7">
        <f t="shared" si="336"/>
        <v>358.37459999999999</v>
      </c>
    </row>
    <row r="21528" spans="1:3" x14ac:dyDescent="0.25">
      <c r="A21528" s="2" t="s">
        <v>13186</v>
      </c>
      <c r="B21528" s="6">
        <v>358391.24999999994</v>
      </c>
      <c r="C21528" s="7">
        <f t="shared" si="336"/>
        <v>358.39124999999996</v>
      </c>
    </row>
    <row r="21529" spans="1:3" x14ac:dyDescent="0.25">
      <c r="A21529" s="2" t="s">
        <v>13187</v>
      </c>
      <c r="B21529" s="6">
        <v>358407.89999999997</v>
      </c>
      <c r="C21529" s="7">
        <f t="shared" si="336"/>
        <v>358.40789999999998</v>
      </c>
    </row>
    <row r="21530" spans="1:3" x14ac:dyDescent="0.25">
      <c r="A21530" s="2" t="s">
        <v>13188</v>
      </c>
      <c r="B21530" s="6">
        <v>358424.55</v>
      </c>
      <c r="C21530" s="7">
        <f t="shared" si="336"/>
        <v>358.42455000000001</v>
      </c>
    </row>
    <row r="21531" spans="1:3" x14ac:dyDescent="0.25">
      <c r="A21531" s="2" t="s">
        <v>13189</v>
      </c>
      <c r="B21531" s="6">
        <v>358441.19999999995</v>
      </c>
      <c r="C21531" s="7">
        <f t="shared" si="336"/>
        <v>358.44119999999998</v>
      </c>
    </row>
    <row r="21532" spans="1:3" x14ac:dyDescent="0.25">
      <c r="A21532" s="2" t="s">
        <v>13190</v>
      </c>
      <c r="B21532" s="6">
        <v>358457.85</v>
      </c>
      <c r="C21532" s="7">
        <f t="shared" si="336"/>
        <v>358.45784999999995</v>
      </c>
    </row>
    <row r="21533" spans="1:3" x14ac:dyDescent="0.25">
      <c r="A21533" s="2" t="s">
        <v>13191</v>
      </c>
      <c r="B21533" s="6">
        <v>358474.49999999994</v>
      </c>
      <c r="C21533" s="7">
        <f t="shared" si="336"/>
        <v>358.47449999999992</v>
      </c>
    </row>
    <row r="21534" spans="1:3" x14ac:dyDescent="0.25">
      <c r="A21534" s="2" t="s">
        <v>13192</v>
      </c>
      <c r="B21534" s="6">
        <v>358491.14999999997</v>
      </c>
      <c r="C21534" s="7">
        <f t="shared" si="336"/>
        <v>358.49114999999995</v>
      </c>
    </row>
    <row r="21535" spans="1:3" x14ac:dyDescent="0.25">
      <c r="A21535" s="2" t="s">
        <v>13193</v>
      </c>
      <c r="B21535" s="6">
        <v>358507.8</v>
      </c>
      <c r="C21535" s="7">
        <f t="shared" si="336"/>
        <v>358.50779999999997</v>
      </c>
    </row>
    <row r="21536" spans="1:3" x14ac:dyDescent="0.25">
      <c r="A21536" s="2" t="s">
        <v>13194</v>
      </c>
      <c r="B21536" s="6">
        <v>358524.44999999995</v>
      </c>
      <c r="C21536" s="7">
        <f t="shared" si="336"/>
        <v>358.52444999999994</v>
      </c>
    </row>
    <row r="21537" spans="1:3" x14ac:dyDescent="0.25">
      <c r="A21537" s="2" t="s">
        <v>13195</v>
      </c>
      <c r="B21537" s="6">
        <v>358541.1</v>
      </c>
      <c r="C21537" s="7">
        <f t="shared" si="336"/>
        <v>358.54109999999997</v>
      </c>
    </row>
    <row r="21538" spans="1:3" x14ac:dyDescent="0.25">
      <c r="A21538" s="2" t="s">
        <v>13196</v>
      </c>
      <c r="B21538" s="6">
        <v>358557.74999999994</v>
      </c>
      <c r="C21538" s="7">
        <f t="shared" si="336"/>
        <v>358.55774999999994</v>
      </c>
    </row>
    <row r="21539" spans="1:3" x14ac:dyDescent="0.25">
      <c r="A21539" s="2" t="s">
        <v>13197</v>
      </c>
      <c r="B21539" s="6">
        <v>358574.39999999997</v>
      </c>
      <c r="C21539" s="7">
        <f t="shared" si="336"/>
        <v>358.57439999999997</v>
      </c>
    </row>
    <row r="21540" spans="1:3" x14ac:dyDescent="0.25">
      <c r="A21540" s="2" t="s">
        <v>13198</v>
      </c>
      <c r="B21540" s="6">
        <v>358591.05</v>
      </c>
      <c r="C21540" s="7">
        <f t="shared" si="336"/>
        <v>358.59105</v>
      </c>
    </row>
    <row r="21541" spans="1:3" x14ac:dyDescent="0.25">
      <c r="A21541" s="2" t="s">
        <v>13199</v>
      </c>
      <c r="B21541" s="6">
        <v>358607.69999999995</v>
      </c>
      <c r="C21541" s="7">
        <f t="shared" si="336"/>
        <v>358.60769999999997</v>
      </c>
    </row>
    <row r="21542" spans="1:3" x14ac:dyDescent="0.25">
      <c r="A21542" s="2" t="s">
        <v>13200</v>
      </c>
      <c r="B21542" s="6">
        <v>358624.35</v>
      </c>
      <c r="C21542" s="7">
        <f t="shared" si="336"/>
        <v>358.62434999999999</v>
      </c>
    </row>
    <row r="21543" spans="1:3" x14ac:dyDescent="0.25">
      <c r="A21543" s="2" t="s">
        <v>13201</v>
      </c>
      <c r="B21543" s="6">
        <v>358640.99999999994</v>
      </c>
      <c r="C21543" s="7">
        <f t="shared" si="336"/>
        <v>358.64099999999996</v>
      </c>
    </row>
    <row r="21544" spans="1:3" x14ac:dyDescent="0.25">
      <c r="A21544" s="2" t="s">
        <v>13202</v>
      </c>
      <c r="B21544" s="6">
        <v>358657.64999999997</v>
      </c>
      <c r="C21544" s="7">
        <f t="shared" si="336"/>
        <v>358.65764999999999</v>
      </c>
    </row>
    <row r="21545" spans="1:3" x14ac:dyDescent="0.25">
      <c r="A21545" s="2" t="s">
        <v>13203</v>
      </c>
      <c r="B21545" s="6">
        <v>358674.3</v>
      </c>
      <c r="C21545" s="7">
        <f t="shared" si="336"/>
        <v>358.67430000000002</v>
      </c>
    </row>
    <row r="21546" spans="1:3" x14ac:dyDescent="0.25">
      <c r="A21546" s="2" t="s">
        <v>13204</v>
      </c>
      <c r="B21546" s="6">
        <v>358690.94999999995</v>
      </c>
      <c r="C21546" s="7">
        <f t="shared" si="336"/>
        <v>358.69094999999993</v>
      </c>
    </row>
    <row r="21547" spans="1:3" x14ac:dyDescent="0.25">
      <c r="A21547" s="2" t="s">
        <v>13205</v>
      </c>
      <c r="B21547" s="6">
        <v>358707.6</v>
      </c>
      <c r="C21547" s="7">
        <f t="shared" si="336"/>
        <v>358.70759999999996</v>
      </c>
    </row>
    <row r="21548" spans="1:3" x14ac:dyDescent="0.25">
      <c r="A21548" s="2" t="s">
        <v>13206</v>
      </c>
      <c r="B21548" s="6">
        <v>358724.24999999994</v>
      </c>
      <c r="C21548" s="7">
        <f t="shared" si="336"/>
        <v>358.72424999999993</v>
      </c>
    </row>
    <row r="21549" spans="1:3" x14ac:dyDescent="0.25">
      <c r="A21549" s="2" t="s">
        <v>13207</v>
      </c>
      <c r="B21549" s="6">
        <v>358740.89999999997</v>
      </c>
      <c r="C21549" s="7">
        <f t="shared" si="336"/>
        <v>358.74089999999995</v>
      </c>
    </row>
    <row r="21550" spans="1:3" x14ac:dyDescent="0.25">
      <c r="A21550" s="2" t="s">
        <v>13208</v>
      </c>
      <c r="B21550" s="6">
        <v>358757.55</v>
      </c>
      <c r="C21550" s="7">
        <f t="shared" si="336"/>
        <v>358.75754999999998</v>
      </c>
    </row>
    <row r="21551" spans="1:3" x14ac:dyDescent="0.25">
      <c r="A21551" s="2" t="s">
        <v>13209</v>
      </c>
      <c r="B21551" s="6">
        <v>358774.19999999995</v>
      </c>
      <c r="C21551" s="7">
        <f t="shared" si="336"/>
        <v>358.77419999999995</v>
      </c>
    </row>
    <row r="21552" spans="1:3" x14ac:dyDescent="0.25">
      <c r="A21552" s="2" t="s">
        <v>13210</v>
      </c>
      <c r="B21552" s="6">
        <v>358790.85</v>
      </c>
      <c r="C21552" s="7">
        <f t="shared" si="336"/>
        <v>358.79084999999998</v>
      </c>
    </row>
    <row r="21553" spans="1:3" x14ac:dyDescent="0.25">
      <c r="A21553" s="2" t="s">
        <v>13211</v>
      </c>
      <c r="B21553" s="6">
        <v>358807.49999999994</v>
      </c>
      <c r="C21553" s="7">
        <f t="shared" si="336"/>
        <v>358.80749999999995</v>
      </c>
    </row>
    <row r="21554" spans="1:3" x14ac:dyDescent="0.25">
      <c r="A21554" s="2" t="s">
        <v>13212</v>
      </c>
      <c r="B21554" s="6">
        <v>358824.14999999997</v>
      </c>
      <c r="C21554" s="7">
        <f t="shared" si="336"/>
        <v>358.82414999999997</v>
      </c>
    </row>
    <row r="21555" spans="1:3" x14ac:dyDescent="0.25">
      <c r="A21555" s="2" t="s">
        <v>13213</v>
      </c>
      <c r="B21555" s="6">
        <v>358840.8</v>
      </c>
      <c r="C21555" s="7">
        <f t="shared" si="336"/>
        <v>358.8408</v>
      </c>
    </row>
    <row r="21556" spans="1:3" x14ac:dyDescent="0.25">
      <c r="A21556" s="2" t="s">
        <v>13214</v>
      </c>
      <c r="B21556" s="6">
        <v>358857.44999999995</v>
      </c>
      <c r="C21556" s="7">
        <f t="shared" si="336"/>
        <v>358.85744999999997</v>
      </c>
    </row>
    <row r="21557" spans="1:3" x14ac:dyDescent="0.25">
      <c r="A21557" s="2" t="s">
        <v>13215</v>
      </c>
      <c r="B21557" s="6">
        <v>358874.1</v>
      </c>
      <c r="C21557" s="7">
        <f t="shared" si="336"/>
        <v>358.8741</v>
      </c>
    </row>
    <row r="21558" spans="1:3" x14ac:dyDescent="0.25">
      <c r="A21558" s="2" t="s">
        <v>13216</v>
      </c>
      <c r="B21558" s="6">
        <v>358890.74999999994</v>
      </c>
      <c r="C21558" s="7">
        <f t="shared" si="336"/>
        <v>358.89074999999997</v>
      </c>
    </row>
    <row r="21559" spans="1:3" x14ac:dyDescent="0.25">
      <c r="A21559" s="2" t="s">
        <v>13217</v>
      </c>
      <c r="B21559" s="6">
        <v>358907.39999999997</v>
      </c>
      <c r="C21559" s="7">
        <f t="shared" si="336"/>
        <v>358.90739999999994</v>
      </c>
    </row>
    <row r="21560" spans="1:3" x14ac:dyDescent="0.25">
      <c r="A21560" s="2" t="s">
        <v>13218</v>
      </c>
      <c r="B21560" s="6">
        <v>358924.05</v>
      </c>
      <c r="C21560" s="7">
        <f t="shared" si="336"/>
        <v>358.92404999999997</v>
      </c>
    </row>
    <row r="21561" spans="1:3" x14ac:dyDescent="0.25">
      <c r="A21561" s="2" t="s">
        <v>13219</v>
      </c>
      <c r="B21561" s="6">
        <v>358940.69999999995</v>
      </c>
      <c r="C21561" s="7">
        <f t="shared" si="336"/>
        <v>358.94069999999994</v>
      </c>
    </row>
    <row r="21562" spans="1:3" x14ac:dyDescent="0.25">
      <c r="A21562" s="2" t="s">
        <v>13220</v>
      </c>
      <c r="B21562" s="6">
        <v>358957.35</v>
      </c>
      <c r="C21562" s="7">
        <f t="shared" si="336"/>
        <v>358.95734999999996</v>
      </c>
    </row>
    <row r="21563" spans="1:3" x14ac:dyDescent="0.25">
      <c r="A21563" s="2" t="s">
        <v>13221</v>
      </c>
      <c r="B21563" s="6">
        <v>358973.99999999994</v>
      </c>
      <c r="C21563" s="7">
        <f t="shared" si="336"/>
        <v>358.97399999999993</v>
      </c>
    </row>
    <row r="21564" spans="1:3" x14ac:dyDescent="0.25">
      <c r="A21564" s="2" t="s">
        <v>13222</v>
      </c>
      <c r="B21564" s="6">
        <v>358990.64999999997</v>
      </c>
      <c r="C21564" s="7">
        <f t="shared" si="336"/>
        <v>358.99064999999996</v>
      </c>
    </row>
    <row r="21565" spans="1:3" x14ac:dyDescent="0.25">
      <c r="A21565" s="2" t="s">
        <v>13223</v>
      </c>
      <c r="B21565" s="6">
        <v>359007.3</v>
      </c>
      <c r="C21565" s="7">
        <f t="shared" si="336"/>
        <v>359.00729999999999</v>
      </c>
    </row>
    <row r="21566" spans="1:3" x14ac:dyDescent="0.25">
      <c r="A21566" s="2" t="s">
        <v>13224</v>
      </c>
      <c r="B21566" s="6">
        <v>359023.94999999995</v>
      </c>
      <c r="C21566" s="7">
        <f t="shared" si="336"/>
        <v>359.02394999999996</v>
      </c>
    </row>
    <row r="21567" spans="1:3" x14ac:dyDescent="0.25">
      <c r="A21567" s="2" t="s">
        <v>13225</v>
      </c>
      <c r="B21567" s="6">
        <v>359040.6</v>
      </c>
      <c r="C21567" s="7">
        <f t="shared" si="336"/>
        <v>359.04059999999998</v>
      </c>
    </row>
    <row r="21568" spans="1:3" x14ac:dyDescent="0.25">
      <c r="A21568" s="2" t="s">
        <v>13226</v>
      </c>
      <c r="B21568" s="6">
        <v>359057.24999999994</v>
      </c>
      <c r="C21568" s="7">
        <f t="shared" si="336"/>
        <v>359.05724999999995</v>
      </c>
    </row>
    <row r="21569" spans="1:3" x14ac:dyDescent="0.25">
      <c r="A21569" s="2" t="s">
        <v>13227</v>
      </c>
      <c r="B21569" s="6">
        <v>359073.89999999997</v>
      </c>
      <c r="C21569" s="7">
        <f t="shared" si="336"/>
        <v>359.07389999999998</v>
      </c>
    </row>
    <row r="21570" spans="1:3" x14ac:dyDescent="0.25">
      <c r="A21570" s="2" t="s">
        <v>13228</v>
      </c>
      <c r="B21570" s="6">
        <v>359090.55</v>
      </c>
      <c r="C21570" s="7">
        <f t="shared" si="336"/>
        <v>359.09055000000001</v>
      </c>
    </row>
    <row r="21571" spans="1:3" x14ac:dyDescent="0.25">
      <c r="A21571" s="2" t="s">
        <v>13229</v>
      </c>
      <c r="B21571" s="6">
        <v>359107.19999999995</v>
      </c>
      <c r="C21571" s="7">
        <f t="shared" ref="C21571:C21634" si="337">B21571/1000</f>
        <v>359.10719999999998</v>
      </c>
    </row>
    <row r="21572" spans="1:3" x14ac:dyDescent="0.25">
      <c r="A21572" s="2" t="s">
        <v>13230</v>
      </c>
      <c r="B21572" s="6">
        <v>359123.85</v>
      </c>
      <c r="C21572" s="7">
        <f t="shared" si="337"/>
        <v>359.12385</v>
      </c>
    </row>
    <row r="21573" spans="1:3" x14ac:dyDescent="0.25">
      <c r="A21573" s="2" t="s">
        <v>13231</v>
      </c>
      <c r="B21573" s="6">
        <v>359140.49999999994</v>
      </c>
      <c r="C21573" s="7">
        <f t="shared" si="337"/>
        <v>359.14049999999992</v>
      </c>
    </row>
    <row r="21574" spans="1:3" x14ac:dyDescent="0.25">
      <c r="A21574" s="2" t="s">
        <v>13232</v>
      </c>
      <c r="B21574" s="6">
        <v>359157.14999999997</v>
      </c>
      <c r="C21574" s="7">
        <f t="shared" si="337"/>
        <v>359.15714999999994</v>
      </c>
    </row>
    <row r="21575" spans="1:3" x14ac:dyDescent="0.25">
      <c r="A21575" s="2" t="s">
        <v>13233</v>
      </c>
      <c r="B21575" s="6">
        <v>359173.8</v>
      </c>
      <c r="C21575" s="7">
        <f t="shared" si="337"/>
        <v>359.17379999999997</v>
      </c>
    </row>
    <row r="21576" spans="1:3" x14ac:dyDescent="0.25">
      <c r="A21576" s="2" t="s">
        <v>13234</v>
      </c>
      <c r="B21576" s="6">
        <v>359190.44999999995</v>
      </c>
      <c r="C21576" s="7">
        <f t="shared" si="337"/>
        <v>359.19044999999994</v>
      </c>
    </row>
    <row r="21577" spans="1:3" x14ac:dyDescent="0.25">
      <c r="A21577" s="2" t="s">
        <v>13235</v>
      </c>
      <c r="B21577" s="6">
        <v>359207.1</v>
      </c>
      <c r="C21577" s="7">
        <f t="shared" si="337"/>
        <v>359.20709999999997</v>
      </c>
    </row>
    <row r="21578" spans="1:3" x14ac:dyDescent="0.25">
      <c r="A21578" s="2" t="s">
        <v>13236</v>
      </c>
      <c r="B21578" s="6">
        <v>359223.74999999994</v>
      </c>
      <c r="C21578" s="7">
        <f t="shared" si="337"/>
        <v>359.22374999999994</v>
      </c>
    </row>
    <row r="21579" spans="1:3" x14ac:dyDescent="0.25">
      <c r="A21579" s="2" t="s">
        <v>13237</v>
      </c>
      <c r="B21579" s="6">
        <v>359240.39999999997</v>
      </c>
      <c r="C21579" s="7">
        <f t="shared" si="337"/>
        <v>359.24039999999997</v>
      </c>
    </row>
    <row r="21580" spans="1:3" x14ac:dyDescent="0.25">
      <c r="A21580" s="2" t="s">
        <v>13238</v>
      </c>
      <c r="B21580" s="6">
        <v>359257.05</v>
      </c>
      <c r="C21580" s="7">
        <f t="shared" si="337"/>
        <v>359.25704999999999</v>
      </c>
    </row>
    <row r="21581" spans="1:3" x14ac:dyDescent="0.25">
      <c r="A21581" s="2" t="s">
        <v>13239</v>
      </c>
      <c r="B21581" s="6">
        <v>359273.69999999995</v>
      </c>
      <c r="C21581" s="7">
        <f t="shared" si="337"/>
        <v>359.27369999999996</v>
      </c>
    </row>
    <row r="21582" spans="1:3" x14ac:dyDescent="0.25">
      <c r="A21582" s="2" t="s">
        <v>13240</v>
      </c>
      <c r="B21582" s="6">
        <v>359290.35</v>
      </c>
      <c r="C21582" s="7">
        <f t="shared" si="337"/>
        <v>359.29034999999999</v>
      </c>
    </row>
    <row r="21583" spans="1:3" x14ac:dyDescent="0.25">
      <c r="A21583" s="2" t="s">
        <v>13241</v>
      </c>
      <c r="B21583" s="6">
        <v>359306.99999999994</v>
      </c>
      <c r="C21583" s="7">
        <f t="shared" si="337"/>
        <v>359.30699999999996</v>
      </c>
    </row>
    <row r="21584" spans="1:3" x14ac:dyDescent="0.25">
      <c r="A21584" s="2" t="s">
        <v>13242</v>
      </c>
      <c r="B21584" s="6">
        <v>359323.64999999997</v>
      </c>
      <c r="C21584" s="7">
        <f t="shared" si="337"/>
        <v>359.32364999999999</v>
      </c>
    </row>
    <row r="21585" spans="1:3" x14ac:dyDescent="0.25">
      <c r="A21585" s="2" t="s">
        <v>13243</v>
      </c>
      <c r="B21585" s="6">
        <v>359340.3</v>
      </c>
      <c r="C21585" s="7">
        <f t="shared" si="337"/>
        <v>359.34030000000001</v>
      </c>
    </row>
    <row r="21586" spans="1:3" x14ac:dyDescent="0.25">
      <c r="A21586" s="2" t="s">
        <v>13244</v>
      </c>
      <c r="B21586" s="6">
        <v>359356.94999999995</v>
      </c>
      <c r="C21586" s="7">
        <f t="shared" si="337"/>
        <v>359.35694999999993</v>
      </c>
    </row>
    <row r="21587" spans="1:3" x14ac:dyDescent="0.25">
      <c r="A21587" s="2" t="s">
        <v>13245</v>
      </c>
      <c r="B21587" s="6">
        <v>359373.6</v>
      </c>
      <c r="C21587" s="7">
        <f t="shared" si="337"/>
        <v>359.37359999999995</v>
      </c>
    </row>
    <row r="21588" spans="1:3" x14ac:dyDescent="0.25">
      <c r="A21588" s="2" t="s">
        <v>13246</v>
      </c>
      <c r="B21588" s="6">
        <v>359390.24999999994</v>
      </c>
      <c r="C21588" s="7">
        <f t="shared" si="337"/>
        <v>359.39024999999992</v>
      </c>
    </row>
    <row r="21589" spans="1:3" x14ac:dyDescent="0.25">
      <c r="A21589" s="2" t="s">
        <v>13247</v>
      </c>
      <c r="B21589" s="6">
        <v>359406.89999999997</v>
      </c>
      <c r="C21589" s="7">
        <f t="shared" si="337"/>
        <v>359.40689999999995</v>
      </c>
    </row>
    <row r="21590" spans="1:3" x14ac:dyDescent="0.25">
      <c r="A21590" s="2" t="s">
        <v>13248</v>
      </c>
      <c r="B21590" s="6">
        <v>359423.55</v>
      </c>
      <c r="C21590" s="7">
        <f t="shared" si="337"/>
        <v>359.42354999999998</v>
      </c>
    </row>
    <row r="21591" spans="1:3" x14ac:dyDescent="0.25">
      <c r="A21591" s="2" t="s">
        <v>13249</v>
      </c>
      <c r="B21591" s="6">
        <v>359440.19999999995</v>
      </c>
      <c r="C21591" s="7">
        <f t="shared" si="337"/>
        <v>359.44019999999995</v>
      </c>
    </row>
    <row r="21592" spans="1:3" x14ac:dyDescent="0.25">
      <c r="A21592" s="2" t="s">
        <v>13250</v>
      </c>
      <c r="B21592" s="6">
        <v>359456.85</v>
      </c>
      <c r="C21592" s="7">
        <f t="shared" si="337"/>
        <v>359.45684999999997</v>
      </c>
    </row>
    <row r="21593" spans="1:3" x14ac:dyDescent="0.25">
      <c r="A21593" s="2" t="s">
        <v>13251</v>
      </c>
      <c r="B21593" s="6">
        <v>359473.49999999994</v>
      </c>
      <c r="C21593" s="7">
        <f t="shared" si="337"/>
        <v>359.47349999999994</v>
      </c>
    </row>
    <row r="21594" spans="1:3" x14ac:dyDescent="0.25">
      <c r="A21594" s="2" t="s">
        <v>13252</v>
      </c>
      <c r="B21594" s="6">
        <v>359490.14999999997</v>
      </c>
      <c r="C21594" s="7">
        <f t="shared" si="337"/>
        <v>359.49014999999997</v>
      </c>
    </row>
    <row r="21595" spans="1:3" x14ac:dyDescent="0.25">
      <c r="A21595" s="2" t="s">
        <v>13253</v>
      </c>
      <c r="B21595" s="6">
        <v>359506.8</v>
      </c>
      <c r="C21595" s="7">
        <f t="shared" si="337"/>
        <v>359.5068</v>
      </c>
    </row>
    <row r="21596" spans="1:3" x14ac:dyDescent="0.25">
      <c r="A21596" s="2" t="s">
        <v>13254</v>
      </c>
      <c r="B21596" s="6">
        <v>359523.44999999995</v>
      </c>
      <c r="C21596" s="7">
        <f t="shared" si="337"/>
        <v>359.52344999999997</v>
      </c>
    </row>
    <row r="21597" spans="1:3" x14ac:dyDescent="0.25">
      <c r="A21597" s="2" t="s">
        <v>13255</v>
      </c>
      <c r="B21597" s="6">
        <v>359540.1</v>
      </c>
      <c r="C21597" s="7">
        <f t="shared" si="337"/>
        <v>359.5401</v>
      </c>
    </row>
    <row r="21598" spans="1:3" x14ac:dyDescent="0.25">
      <c r="A21598" s="2" t="s">
        <v>13256</v>
      </c>
      <c r="B21598" s="6">
        <v>359556.74999999994</v>
      </c>
      <c r="C21598" s="7">
        <f t="shared" si="337"/>
        <v>359.55674999999997</v>
      </c>
    </row>
    <row r="21599" spans="1:3" x14ac:dyDescent="0.25">
      <c r="A21599" s="2" t="s">
        <v>13257</v>
      </c>
      <c r="B21599" s="6">
        <v>359573.39999999997</v>
      </c>
      <c r="C21599" s="7">
        <f t="shared" si="337"/>
        <v>359.57339999999999</v>
      </c>
    </row>
    <row r="21600" spans="1:3" x14ac:dyDescent="0.25">
      <c r="A21600" s="2" t="s">
        <v>13258</v>
      </c>
      <c r="B21600" s="6">
        <v>359590.05</v>
      </c>
      <c r="C21600" s="7">
        <f t="shared" si="337"/>
        <v>359.59004999999996</v>
      </c>
    </row>
    <row r="21601" spans="1:3" x14ac:dyDescent="0.25">
      <c r="A21601" s="2" t="s">
        <v>13259</v>
      </c>
      <c r="B21601" s="6">
        <v>359606.69999999995</v>
      </c>
      <c r="C21601" s="7">
        <f t="shared" si="337"/>
        <v>359.60669999999993</v>
      </c>
    </row>
    <row r="21602" spans="1:3" x14ac:dyDescent="0.25">
      <c r="A21602" s="2" t="s">
        <v>13260</v>
      </c>
      <c r="B21602" s="6">
        <v>359623.35</v>
      </c>
      <c r="C21602" s="7">
        <f t="shared" si="337"/>
        <v>359.62334999999996</v>
      </c>
    </row>
    <row r="21603" spans="1:3" x14ac:dyDescent="0.25">
      <c r="A21603" s="2" t="s">
        <v>13261</v>
      </c>
      <c r="B21603" s="6">
        <v>359639.99999999994</v>
      </c>
      <c r="C21603" s="7">
        <f t="shared" si="337"/>
        <v>359.63999999999993</v>
      </c>
    </row>
    <row r="21604" spans="1:3" x14ac:dyDescent="0.25">
      <c r="A21604" s="2" t="s">
        <v>13262</v>
      </c>
      <c r="B21604" s="6">
        <v>359656.64999999997</v>
      </c>
      <c r="C21604" s="7">
        <f t="shared" si="337"/>
        <v>359.65664999999996</v>
      </c>
    </row>
    <row r="21605" spans="1:3" x14ac:dyDescent="0.25">
      <c r="A21605" s="2" t="s">
        <v>13263</v>
      </c>
      <c r="B21605" s="6">
        <v>359673.3</v>
      </c>
      <c r="C21605" s="7">
        <f t="shared" si="337"/>
        <v>359.67329999999998</v>
      </c>
    </row>
    <row r="21606" spans="1:3" x14ac:dyDescent="0.25">
      <c r="A21606" s="2" t="s">
        <v>13264</v>
      </c>
      <c r="B21606" s="6">
        <v>359689.94999999995</v>
      </c>
      <c r="C21606" s="7">
        <f t="shared" si="337"/>
        <v>359.68994999999995</v>
      </c>
    </row>
    <row r="21607" spans="1:3" x14ac:dyDescent="0.25">
      <c r="A21607" s="2" t="s">
        <v>13265</v>
      </c>
      <c r="B21607" s="6">
        <v>359706.6</v>
      </c>
      <c r="C21607" s="7">
        <f t="shared" si="337"/>
        <v>359.70659999999998</v>
      </c>
    </row>
    <row r="21608" spans="1:3" x14ac:dyDescent="0.25">
      <c r="A21608" s="2" t="s">
        <v>13266</v>
      </c>
      <c r="B21608" s="6">
        <v>359723.24999999994</v>
      </c>
      <c r="C21608" s="7">
        <f t="shared" si="337"/>
        <v>359.72324999999995</v>
      </c>
    </row>
    <row r="21609" spans="1:3" x14ac:dyDescent="0.25">
      <c r="A21609" s="2" t="s">
        <v>13267</v>
      </c>
      <c r="B21609" s="6">
        <v>359739.89999999997</v>
      </c>
      <c r="C21609" s="7">
        <f t="shared" si="337"/>
        <v>359.73989999999998</v>
      </c>
    </row>
    <row r="21610" spans="1:3" x14ac:dyDescent="0.25">
      <c r="A21610" s="2" t="s">
        <v>13268</v>
      </c>
      <c r="B21610" s="6">
        <v>359756.55</v>
      </c>
      <c r="C21610" s="7">
        <f t="shared" si="337"/>
        <v>359.75655</v>
      </c>
    </row>
    <row r="21611" spans="1:3" x14ac:dyDescent="0.25">
      <c r="A21611" s="2" t="s">
        <v>13269</v>
      </c>
      <c r="B21611" s="6">
        <v>359773.19999999995</v>
      </c>
      <c r="C21611" s="7">
        <f t="shared" si="337"/>
        <v>359.77319999999997</v>
      </c>
    </row>
    <row r="21612" spans="1:3" x14ac:dyDescent="0.25">
      <c r="A21612" s="2" t="s">
        <v>13270</v>
      </c>
      <c r="B21612" s="6">
        <v>359789.85</v>
      </c>
      <c r="C21612" s="7">
        <f t="shared" si="337"/>
        <v>359.78985</v>
      </c>
    </row>
    <row r="21613" spans="1:3" x14ac:dyDescent="0.25">
      <c r="A21613" s="2" t="s">
        <v>13271</v>
      </c>
      <c r="B21613" s="6">
        <v>359806.49999999994</v>
      </c>
      <c r="C21613" s="7">
        <f t="shared" si="337"/>
        <v>359.80649999999991</v>
      </c>
    </row>
    <row r="21614" spans="1:3" x14ac:dyDescent="0.25">
      <c r="A21614" s="2" t="s">
        <v>13272</v>
      </c>
      <c r="B21614" s="6">
        <v>359823.14999999997</v>
      </c>
      <c r="C21614" s="7">
        <f t="shared" si="337"/>
        <v>359.82314999999994</v>
      </c>
    </row>
    <row r="21615" spans="1:3" x14ac:dyDescent="0.25">
      <c r="A21615" s="2" t="s">
        <v>13273</v>
      </c>
      <c r="B21615" s="6">
        <v>359839.8</v>
      </c>
      <c r="C21615" s="7">
        <f t="shared" si="337"/>
        <v>359.83979999999997</v>
      </c>
    </row>
    <row r="21616" spans="1:3" x14ac:dyDescent="0.25">
      <c r="A21616" s="2" t="s">
        <v>13274</v>
      </c>
      <c r="B21616" s="6">
        <v>359856.44999999995</v>
      </c>
      <c r="C21616" s="7">
        <f t="shared" si="337"/>
        <v>359.85644999999994</v>
      </c>
    </row>
    <row r="21617" spans="1:3" x14ac:dyDescent="0.25">
      <c r="A21617" s="2" t="s">
        <v>13275</v>
      </c>
      <c r="B21617" s="6">
        <v>359873.1</v>
      </c>
      <c r="C21617" s="7">
        <f t="shared" si="337"/>
        <v>359.87309999999997</v>
      </c>
    </row>
    <row r="21618" spans="1:3" x14ac:dyDescent="0.25">
      <c r="A21618" s="2" t="s">
        <v>13276</v>
      </c>
      <c r="B21618" s="6">
        <v>359889.74999999994</v>
      </c>
      <c r="C21618" s="7">
        <f t="shared" si="337"/>
        <v>359.88974999999994</v>
      </c>
    </row>
    <row r="21619" spans="1:3" x14ac:dyDescent="0.25">
      <c r="A21619" s="2" t="s">
        <v>13277</v>
      </c>
      <c r="B21619" s="6">
        <v>359906.39999999997</v>
      </c>
      <c r="C21619" s="7">
        <f t="shared" si="337"/>
        <v>359.90639999999996</v>
      </c>
    </row>
    <row r="21620" spans="1:3" x14ac:dyDescent="0.25">
      <c r="A21620" s="2" t="s">
        <v>13278</v>
      </c>
      <c r="B21620" s="6">
        <v>359923.05</v>
      </c>
      <c r="C21620" s="7">
        <f t="shared" si="337"/>
        <v>359.92304999999999</v>
      </c>
    </row>
    <row r="21621" spans="1:3" x14ac:dyDescent="0.25">
      <c r="A21621" s="2" t="s">
        <v>13279</v>
      </c>
      <c r="B21621" s="6">
        <v>359939.69999999995</v>
      </c>
      <c r="C21621" s="7">
        <f t="shared" si="337"/>
        <v>359.93969999999996</v>
      </c>
    </row>
    <row r="21622" spans="1:3" x14ac:dyDescent="0.25">
      <c r="A21622" s="2" t="s">
        <v>13280</v>
      </c>
      <c r="B21622" s="6">
        <v>359956.35</v>
      </c>
      <c r="C21622" s="7">
        <f t="shared" si="337"/>
        <v>359.95634999999999</v>
      </c>
    </row>
    <row r="21623" spans="1:3" x14ac:dyDescent="0.25">
      <c r="A21623" s="2" t="s">
        <v>13281</v>
      </c>
      <c r="B21623" s="6">
        <v>359972.99999999994</v>
      </c>
      <c r="C21623" s="7">
        <f t="shared" si="337"/>
        <v>359.97299999999996</v>
      </c>
    </row>
    <row r="21624" spans="1:3" x14ac:dyDescent="0.25">
      <c r="A21624" s="2" t="s">
        <v>13282</v>
      </c>
      <c r="B21624" s="6">
        <v>359989.64999999997</v>
      </c>
      <c r="C21624" s="7">
        <f t="shared" si="337"/>
        <v>359.98964999999998</v>
      </c>
    </row>
    <row r="21625" spans="1:3" x14ac:dyDescent="0.25">
      <c r="A21625" s="2" t="s">
        <v>13283</v>
      </c>
      <c r="B21625" s="6">
        <v>360006.3</v>
      </c>
      <c r="C21625" s="7">
        <f t="shared" si="337"/>
        <v>360.00630000000001</v>
      </c>
    </row>
    <row r="21626" spans="1:3" x14ac:dyDescent="0.25">
      <c r="A21626" s="2" t="s">
        <v>13284</v>
      </c>
      <c r="B21626" s="6">
        <v>360022.94999999995</v>
      </c>
      <c r="C21626" s="7">
        <f t="shared" si="337"/>
        <v>360.02294999999998</v>
      </c>
    </row>
    <row r="21627" spans="1:3" x14ac:dyDescent="0.25">
      <c r="A21627" s="2" t="s">
        <v>13285</v>
      </c>
      <c r="B21627" s="6">
        <v>360039.6</v>
      </c>
      <c r="C21627" s="7">
        <f t="shared" si="337"/>
        <v>360.03959999999995</v>
      </c>
    </row>
    <row r="21628" spans="1:3" x14ac:dyDescent="0.25">
      <c r="A21628" s="2" t="s">
        <v>13286</v>
      </c>
      <c r="B21628" s="6">
        <v>360056.24999999994</v>
      </c>
      <c r="C21628" s="7">
        <f t="shared" si="337"/>
        <v>360.05624999999992</v>
      </c>
    </row>
    <row r="21629" spans="1:3" x14ac:dyDescent="0.25">
      <c r="A21629" s="2" t="s">
        <v>13287</v>
      </c>
      <c r="B21629" s="6">
        <v>360072.89999999997</v>
      </c>
      <c r="C21629" s="7">
        <f t="shared" si="337"/>
        <v>360.07289999999995</v>
      </c>
    </row>
    <row r="21630" spans="1:3" x14ac:dyDescent="0.25">
      <c r="A21630" s="2" t="s">
        <v>13288</v>
      </c>
      <c r="B21630" s="6">
        <v>360089.55</v>
      </c>
      <c r="C21630" s="7">
        <f t="shared" si="337"/>
        <v>360.08954999999997</v>
      </c>
    </row>
    <row r="21631" spans="1:3" x14ac:dyDescent="0.25">
      <c r="A21631" s="2" t="s">
        <v>13289</v>
      </c>
      <c r="B21631" s="6">
        <v>360106.19999999995</v>
      </c>
      <c r="C21631" s="7">
        <f t="shared" si="337"/>
        <v>360.10619999999994</v>
      </c>
    </row>
    <row r="21632" spans="1:3" x14ac:dyDescent="0.25">
      <c r="A21632" s="2" t="s">
        <v>13290</v>
      </c>
      <c r="B21632" s="6">
        <v>360122.85</v>
      </c>
      <c r="C21632" s="7">
        <f t="shared" si="337"/>
        <v>360.12284999999997</v>
      </c>
    </row>
    <row r="21633" spans="1:3" x14ac:dyDescent="0.25">
      <c r="A21633" s="2" t="s">
        <v>13291</v>
      </c>
      <c r="B21633" s="6">
        <v>360139.49999999994</v>
      </c>
      <c r="C21633" s="7">
        <f t="shared" si="337"/>
        <v>360.13949999999994</v>
      </c>
    </row>
    <row r="21634" spans="1:3" x14ac:dyDescent="0.25">
      <c r="A21634" s="2" t="s">
        <v>13292</v>
      </c>
      <c r="B21634" s="6">
        <v>360156.14999999997</v>
      </c>
      <c r="C21634" s="7">
        <f t="shared" si="337"/>
        <v>360.15614999999997</v>
      </c>
    </row>
    <row r="21635" spans="1:3" x14ac:dyDescent="0.25">
      <c r="A21635" s="2" t="s">
        <v>13293</v>
      </c>
      <c r="B21635" s="6">
        <v>360172.79999999999</v>
      </c>
      <c r="C21635" s="7">
        <f t="shared" ref="C21635:C21698" si="338">B21635/1000</f>
        <v>360.1728</v>
      </c>
    </row>
    <row r="21636" spans="1:3" x14ac:dyDescent="0.25">
      <c r="A21636" s="2" t="s">
        <v>13294</v>
      </c>
      <c r="B21636" s="6">
        <v>360189.44999999995</v>
      </c>
      <c r="C21636" s="7">
        <f t="shared" si="338"/>
        <v>360.18944999999997</v>
      </c>
    </row>
    <row r="21637" spans="1:3" x14ac:dyDescent="0.25">
      <c r="A21637" s="2" t="s">
        <v>13295</v>
      </c>
      <c r="B21637" s="6">
        <v>360206.1</v>
      </c>
      <c r="C21637" s="7">
        <f t="shared" si="338"/>
        <v>360.20609999999999</v>
      </c>
    </row>
    <row r="21638" spans="1:3" x14ac:dyDescent="0.25">
      <c r="A21638" s="2" t="s">
        <v>13296</v>
      </c>
      <c r="B21638" s="6">
        <v>360222.74999999994</v>
      </c>
      <c r="C21638" s="7">
        <f t="shared" si="338"/>
        <v>360.22274999999996</v>
      </c>
    </row>
    <row r="21639" spans="1:3" x14ac:dyDescent="0.25">
      <c r="A21639" s="2" t="s">
        <v>13297</v>
      </c>
      <c r="B21639" s="6">
        <v>360239.39999999997</v>
      </c>
      <c r="C21639" s="7">
        <f t="shared" si="338"/>
        <v>360.23939999999999</v>
      </c>
    </row>
    <row r="21640" spans="1:3" x14ac:dyDescent="0.25">
      <c r="A21640" s="2" t="s">
        <v>13298</v>
      </c>
      <c r="B21640" s="6">
        <v>360256.05</v>
      </c>
      <c r="C21640" s="7">
        <f t="shared" si="338"/>
        <v>360.25605000000002</v>
      </c>
    </row>
    <row r="21641" spans="1:3" x14ac:dyDescent="0.25">
      <c r="A21641" s="2" t="s">
        <v>13299</v>
      </c>
      <c r="B21641" s="6">
        <v>360272.69999999995</v>
      </c>
      <c r="C21641" s="7">
        <f t="shared" si="338"/>
        <v>360.27269999999993</v>
      </c>
    </row>
    <row r="21642" spans="1:3" x14ac:dyDescent="0.25">
      <c r="A21642" s="2" t="s">
        <v>13300</v>
      </c>
      <c r="B21642" s="6">
        <v>360289.35</v>
      </c>
      <c r="C21642" s="7">
        <f t="shared" si="338"/>
        <v>360.28934999999996</v>
      </c>
    </row>
    <row r="21643" spans="1:3" x14ac:dyDescent="0.25">
      <c r="A21643" s="2" t="s">
        <v>13301</v>
      </c>
      <c r="B21643" s="6">
        <v>360305.99999999994</v>
      </c>
      <c r="C21643" s="7">
        <f t="shared" si="338"/>
        <v>360.30599999999993</v>
      </c>
    </row>
    <row r="21644" spans="1:3" x14ac:dyDescent="0.25">
      <c r="A21644" s="2" t="s">
        <v>13302</v>
      </c>
      <c r="B21644" s="6">
        <v>360322.64999999997</v>
      </c>
      <c r="C21644" s="7">
        <f t="shared" si="338"/>
        <v>360.32264999999995</v>
      </c>
    </row>
    <row r="21645" spans="1:3" x14ac:dyDescent="0.25">
      <c r="A21645" s="2" t="s">
        <v>13303</v>
      </c>
      <c r="B21645" s="6">
        <v>360339.3</v>
      </c>
      <c r="C21645" s="7">
        <f t="shared" si="338"/>
        <v>360.33929999999998</v>
      </c>
    </row>
    <row r="21646" spans="1:3" x14ac:dyDescent="0.25">
      <c r="A21646" s="2" t="s">
        <v>13304</v>
      </c>
      <c r="B21646" s="6">
        <v>360355.94999999995</v>
      </c>
      <c r="C21646" s="7">
        <f t="shared" si="338"/>
        <v>360.35594999999995</v>
      </c>
    </row>
    <row r="21647" spans="1:3" x14ac:dyDescent="0.25">
      <c r="A21647" s="2" t="s">
        <v>13305</v>
      </c>
      <c r="B21647" s="6">
        <v>360372.6</v>
      </c>
      <c r="C21647" s="7">
        <f t="shared" si="338"/>
        <v>360.37259999999998</v>
      </c>
    </row>
    <row r="21648" spans="1:3" x14ac:dyDescent="0.25">
      <c r="A21648" s="2" t="s">
        <v>13306</v>
      </c>
      <c r="B21648" s="6">
        <v>360389.24999999994</v>
      </c>
      <c r="C21648" s="7">
        <f t="shared" si="338"/>
        <v>360.38924999999995</v>
      </c>
    </row>
    <row r="21649" spans="1:3" x14ac:dyDescent="0.25">
      <c r="A21649" s="2" t="s">
        <v>13307</v>
      </c>
      <c r="B21649" s="6">
        <v>360405.89999999997</v>
      </c>
      <c r="C21649" s="7">
        <f t="shared" si="338"/>
        <v>360.40589999999997</v>
      </c>
    </row>
    <row r="21650" spans="1:3" x14ac:dyDescent="0.25">
      <c r="A21650" s="2" t="s">
        <v>13308</v>
      </c>
      <c r="B21650" s="6">
        <v>360422.55</v>
      </c>
      <c r="C21650" s="7">
        <f t="shared" si="338"/>
        <v>360.42255</v>
      </c>
    </row>
    <row r="21651" spans="1:3" x14ac:dyDescent="0.25">
      <c r="A21651" s="2" t="s">
        <v>13309</v>
      </c>
      <c r="B21651" s="6">
        <v>360439.19999999995</v>
      </c>
      <c r="C21651" s="7">
        <f t="shared" si="338"/>
        <v>360.43919999999997</v>
      </c>
    </row>
    <row r="21652" spans="1:3" x14ac:dyDescent="0.25">
      <c r="A21652" s="2" t="s">
        <v>13310</v>
      </c>
      <c r="B21652" s="6">
        <v>360455.85</v>
      </c>
      <c r="C21652" s="7">
        <f t="shared" si="338"/>
        <v>360.45585</v>
      </c>
    </row>
    <row r="21653" spans="1:3" x14ac:dyDescent="0.25">
      <c r="A21653" s="2" t="s">
        <v>13311</v>
      </c>
      <c r="B21653" s="6">
        <v>360472.49999999994</v>
      </c>
      <c r="C21653" s="7">
        <f t="shared" si="338"/>
        <v>360.47249999999997</v>
      </c>
    </row>
    <row r="21654" spans="1:3" x14ac:dyDescent="0.25">
      <c r="A21654" s="2" t="s">
        <v>13312</v>
      </c>
      <c r="B21654" s="6">
        <v>360489.14999999997</v>
      </c>
      <c r="C21654" s="7">
        <f t="shared" si="338"/>
        <v>360.48914999999994</v>
      </c>
    </row>
    <row r="21655" spans="1:3" x14ac:dyDescent="0.25">
      <c r="A21655" s="2" t="s">
        <v>13313</v>
      </c>
      <c r="B21655" s="6">
        <v>360505.8</v>
      </c>
      <c r="C21655" s="7">
        <f t="shared" si="338"/>
        <v>360.50579999999997</v>
      </c>
    </row>
    <row r="21656" spans="1:3" x14ac:dyDescent="0.25">
      <c r="A21656" s="2" t="s">
        <v>13314</v>
      </c>
      <c r="B21656" s="6">
        <v>360522.44999999995</v>
      </c>
      <c r="C21656" s="7">
        <f t="shared" si="338"/>
        <v>360.52244999999994</v>
      </c>
    </row>
    <row r="21657" spans="1:3" x14ac:dyDescent="0.25">
      <c r="A21657" s="2" t="s">
        <v>13315</v>
      </c>
      <c r="B21657" s="6">
        <v>360539.1</v>
      </c>
      <c r="C21657" s="7">
        <f t="shared" si="338"/>
        <v>360.53909999999996</v>
      </c>
    </row>
    <row r="21658" spans="1:3" x14ac:dyDescent="0.25">
      <c r="A21658" s="2" t="s">
        <v>13316</v>
      </c>
      <c r="B21658" s="6">
        <v>360555.74999999994</v>
      </c>
      <c r="C21658" s="7">
        <f t="shared" si="338"/>
        <v>360.55574999999993</v>
      </c>
    </row>
    <row r="21659" spans="1:3" x14ac:dyDescent="0.25">
      <c r="A21659" s="2" t="s">
        <v>13317</v>
      </c>
      <c r="B21659" s="6">
        <v>360572.39999999997</v>
      </c>
      <c r="C21659" s="7">
        <f t="shared" si="338"/>
        <v>360.57239999999996</v>
      </c>
    </row>
    <row r="21660" spans="1:3" x14ac:dyDescent="0.25">
      <c r="A21660" s="2" t="s">
        <v>13318</v>
      </c>
      <c r="B21660" s="6">
        <v>360589.05</v>
      </c>
      <c r="C21660" s="7">
        <f t="shared" si="338"/>
        <v>360.58904999999999</v>
      </c>
    </row>
    <row r="21661" spans="1:3" x14ac:dyDescent="0.25">
      <c r="A21661" s="2" t="s">
        <v>13319</v>
      </c>
      <c r="B21661" s="6">
        <v>360605.69999999995</v>
      </c>
      <c r="C21661" s="7">
        <f t="shared" si="338"/>
        <v>360.60569999999996</v>
      </c>
    </row>
    <row r="21662" spans="1:3" x14ac:dyDescent="0.25">
      <c r="A21662" s="2" t="s">
        <v>13320</v>
      </c>
      <c r="B21662" s="6">
        <v>360622.35</v>
      </c>
      <c r="C21662" s="7">
        <f t="shared" si="338"/>
        <v>360.62234999999998</v>
      </c>
    </row>
    <row r="21663" spans="1:3" x14ac:dyDescent="0.25">
      <c r="A21663" s="2" t="s">
        <v>13321</v>
      </c>
      <c r="B21663" s="6">
        <v>360638.99999999994</v>
      </c>
      <c r="C21663" s="7">
        <f t="shared" si="338"/>
        <v>360.63899999999995</v>
      </c>
    </row>
    <row r="21664" spans="1:3" x14ac:dyDescent="0.25">
      <c r="A21664" s="2" t="s">
        <v>13322</v>
      </c>
      <c r="B21664" s="6">
        <v>360655.64999999997</v>
      </c>
      <c r="C21664" s="7">
        <f t="shared" si="338"/>
        <v>360.65564999999998</v>
      </c>
    </row>
    <row r="21665" spans="1:3" x14ac:dyDescent="0.25">
      <c r="A21665" s="2" t="s">
        <v>13323</v>
      </c>
      <c r="B21665" s="6">
        <v>360672.3</v>
      </c>
      <c r="C21665" s="7">
        <f t="shared" si="338"/>
        <v>360.67230000000001</v>
      </c>
    </row>
    <row r="21666" spans="1:3" x14ac:dyDescent="0.25">
      <c r="A21666" s="2" t="s">
        <v>13324</v>
      </c>
      <c r="B21666" s="6">
        <v>360688.94999999995</v>
      </c>
      <c r="C21666" s="7">
        <f t="shared" si="338"/>
        <v>360.68894999999998</v>
      </c>
    </row>
    <row r="21667" spans="1:3" x14ac:dyDescent="0.25">
      <c r="A21667" s="2" t="s">
        <v>13325</v>
      </c>
      <c r="B21667" s="6">
        <v>360705.6</v>
      </c>
      <c r="C21667" s="7">
        <f t="shared" si="338"/>
        <v>360.7056</v>
      </c>
    </row>
    <row r="21668" spans="1:3" x14ac:dyDescent="0.25">
      <c r="A21668" s="2" t="s">
        <v>13326</v>
      </c>
      <c r="B21668" s="6">
        <v>360722.24999999994</v>
      </c>
      <c r="C21668" s="7">
        <f t="shared" si="338"/>
        <v>360.72224999999992</v>
      </c>
    </row>
    <row r="21669" spans="1:3" x14ac:dyDescent="0.25">
      <c r="A21669" s="2" t="s">
        <v>13327</v>
      </c>
      <c r="B21669" s="6">
        <v>360738.89999999997</v>
      </c>
      <c r="C21669" s="7">
        <f t="shared" si="338"/>
        <v>360.73889999999994</v>
      </c>
    </row>
    <row r="21670" spans="1:3" x14ac:dyDescent="0.25">
      <c r="A21670" s="2" t="s">
        <v>13328</v>
      </c>
      <c r="B21670" s="6">
        <v>360755.55</v>
      </c>
      <c r="C21670" s="7">
        <f t="shared" si="338"/>
        <v>360.75554999999997</v>
      </c>
    </row>
    <row r="21671" spans="1:3" x14ac:dyDescent="0.25">
      <c r="A21671" s="2" t="s">
        <v>13329</v>
      </c>
      <c r="B21671" s="6">
        <v>360772.19999999995</v>
      </c>
      <c r="C21671" s="7">
        <f t="shared" si="338"/>
        <v>360.77219999999994</v>
      </c>
    </row>
    <row r="21672" spans="1:3" x14ac:dyDescent="0.25">
      <c r="A21672" s="2" t="s">
        <v>13330</v>
      </c>
      <c r="B21672" s="6">
        <v>360788.85</v>
      </c>
      <c r="C21672" s="7">
        <f t="shared" si="338"/>
        <v>360.78884999999997</v>
      </c>
    </row>
    <row r="21673" spans="1:3" x14ac:dyDescent="0.25">
      <c r="A21673" s="2" t="s">
        <v>13331</v>
      </c>
      <c r="B21673" s="6">
        <v>360805.49999999994</v>
      </c>
      <c r="C21673" s="7">
        <f t="shared" si="338"/>
        <v>360.80549999999994</v>
      </c>
    </row>
    <row r="21674" spans="1:3" x14ac:dyDescent="0.25">
      <c r="A21674" s="2" t="s">
        <v>13332</v>
      </c>
      <c r="B21674" s="6">
        <v>360822.14999999997</v>
      </c>
      <c r="C21674" s="7">
        <f t="shared" si="338"/>
        <v>360.82214999999997</v>
      </c>
    </row>
    <row r="21675" spans="1:3" x14ac:dyDescent="0.25">
      <c r="A21675" s="2" t="s">
        <v>13333</v>
      </c>
      <c r="B21675" s="6">
        <v>360838.8</v>
      </c>
      <c r="C21675" s="7">
        <f t="shared" si="338"/>
        <v>360.83879999999999</v>
      </c>
    </row>
    <row r="21676" spans="1:3" x14ac:dyDescent="0.25">
      <c r="A21676" s="2" t="s">
        <v>13334</v>
      </c>
      <c r="B21676" s="6">
        <v>360855.44999999995</v>
      </c>
      <c r="C21676" s="7">
        <f t="shared" si="338"/>
        <v>360.85544999999996</v>
      </c>
    </row>
    <row r="21677" spans="1:3" x14ac:dyDescent="0.25">
      <c r="A21677" s="2" t="s">
        <v>13335</v>
      </c>
      <c r="B21677" s="6">
        <v>360872.1</v>
      </c>
      <c r="C21677" s="7">
        <f t="shared" si="338"/>
        <v>360.87209999999999</v>
      </c>
    </row>
    <row r="21678" spans="1:3" x14ac:dyDescent="0.25">
      <c r="A21678" s="2" t="s">
        <v>13336</v>
      </c>
      <c r="B21678" s="6">
        <v>360888.74999999994</v>
      </c>
      <c r="C21678" s="7">
        <f t="shared" si="338"/>
        <v>360.88874999999996</v>
      </c>
    </row>
    <row r="21679" spans="1:3" x14ac:dyDescent="0.25">
      <c r="A21679" s="2" t="s">
        <v>13337</v>
      </c>
      <c r="B21679" s="6">
        <v>360905.39999999997</v>
      </c>
      <c r="C21679" s="7">
        <f t="shared" si="338"/>
        <v>360.90539999999999</v>
      </c>
    </row>
    <row r="21680" spans="1:3" x14ac:dyDescent="0.25">
      <c r="A21680" s="2" t="s">
        <v>13338</v>
      </c>
      <c r="B21680" s="6">
        <v>360922.05</v>
      </c>
      <c r="C21680" s="7">
        <f t="shared" si="338"/>
        <v>360.92205000000001</v>
      </c>
    </row>
    <row r="21681" spans="1:3" x14ac:dyDescent="0.25">
      <c r="A21681" s="2" t="s">
        <v>13339</v>
      </c>
      <c r="B21681" s="6">
        <v>360938.69999999995</v>
      </c>
      <c r="C21681" s="7">
        <f t="shared" si="338"/>
        <v>360.93869999999993</v>
      </c>
    </row>
    <row r="21682" spans="1:3" x14ac:dyDescent="0.25">
      <c r="A21682" s="2" t="s">
        <v>13340</v>
      </c>
      <c r="B21682" s="6">
        <v>360955.35</v>
      </c>
      <c r="C21682" s="7">
        <f t="shared" si="338"/>
        <v>360.95534999999995</v>
      </c>
    </row>
    <row r="21683" spans="1:3" x14ac:dyDescent="0.25">
      <c r="A21683" s="2" t="s">
        <v>13341</v>
      </c>
      <c r="B21683" s="6">
        <v>360971.99999999994</v>
      </c>
      <c r="C21683" s="7">
        <f t="shared" si="338"/>
        <v>360.97199999999992</v>
      </c>
    </row>
    <row r="21684" spans="1:3" x14ac:dyDescent="0.25">
      <c r="A21684" s="2" t="s">
        <v>13342</v>
      </c>
      <c r="B21684" s="6">
        <v>360988.64999999997</v>
      </c>
      <c r="C21684" s="7">
        <f t="shared" si="338"/>
        <v>360.98864999999995</v>
      </c>
    </row>
    <row r="21685" spans="1:3" x14ac:dyDescent="0.25">
      <c r="A21685" s="2" t="s">
        <v>13343</v>
      </c>
      <c r="B21685" s="6">
        <v>361005.3</v>
      </c>
      <c r="C21685" s="7">
        <f t="shared" si="338"/>
        <v>361.00529999999998</v>
      </c>
    </row>
    <row r="21686" spans="1:3" x14ac:dyDescent="0.25">
      <c r="A21686" s="2" t="s">
        <v>13344</v>
      </c>
      <c r="B21686" s="6">
        <v>361021.94999999995</v>
      </c>
      <c r="C21686" s="7">
        <f t="shared" si="338"/>
        <v>361.02194999999995</v>
      </c>
    </row>
    <row r="21687" spans="1:3" x14ac:dyDescent="0.25">
      <c r="A21687" s="2" t="s">
        <v>13345</v>
      </c>
      <c r="B21687" s="6">
        <v>361038.6</v>
      </c>
      <c r="C21687" s="7">
        <f t="shared" si="338"/>
        <v>361.03859999999997</v>
      </c>
    </row>
    <row r="21688" spans="1:3" x14ac:dyDescent="0.25">
      <c r="A21688" s="2" t="s">
        <v>13346</v>
      </c>
      <c r="B21688" s="6">
        <v>361055.24999999994</v>
      </c>
      <c r="C21688" s="7">
        <f t="shared" si="338"/>
        <v>361.05524999999994</v>
      </c>
    </row>
    <row r="21689" spans="1:3" x14ac:dyDescent="0.25">
      <c r="A21689" s="2" t="s">
        <v>13347</v>
      </c>
      <c r="B21689" s="6">
        <v>361071.89999999997</v>
      </c>
      <c r="C21689" s="7">
        <f t="shared" si="338"/>
        <v>361.07189999999997</v>
      </c>
    </row>
    <row r="21690" spans="1:3" x14ac:dyDescent="0.25">
      <c r="A21690" s="2" t="s">
        <v>13348</v>
      </c>
      <c r="B21690" s="6">
        <v>361088.55</v>
      </c>
      <c r="C21690" s="7">
        <f t="shared" si="338"/>
        <v>361.08855</v>
      </c>
    </row>
    <row r="21691" spans="1:3" x14ac:dyDescent="0.25">
      <c r="A21691" s="2" t="s">
        <v>13349</v>
      </c>
      <c r="B21691" s="6">
        <v>361105.19999999995</v>
      </c>
      <c r="C21691" s="7">
        <f t="shared" si="338"/>
        <v>361.10519999999997</v>
      </c>
    </row>
    <row r="21692" spans="1:3" x14ac:dyDescent="0.25">
      <c r="A21692" s="2" t="s">
        <v>13350</v>
      </c>
      <c r="B21692" s="6">
        <v>361121.85</v>
      </c>
      <c r="C21692" s="7">
        <f t="shared" si="338"/>
        <v>361.12184999999999</v>
      </c>
    </row>
    <row r="21693" spans="1:3" x14ac:dyDescent="0.25">
      <c r="A21693" s="2" t="s">
        <v>13351</v>
      </c>
      <c r="B21693" s="6">
        <v>361138.49999999994</v>
      </c>
      <c r="C21693" s="7">
        <f t="shared" si="338"/>
        <v>361.13849999999996</v>
      </c>
    </row>
    <row r="21694" spans="1:3" x14ac:dyDescent="0.25">
      <c r="A21694" s="2" t="s">
        <v>13352</v>
      </c>
      <c r="B21694" s="6">
        <v>361155.14999999997</v>
      </c>
      <c r="C21694" s="7">
        <f t="shared" si="338"/>
        <v>361.15514999999999</v>
      </c>
    </row>
    <row r="21695" spans="1:3" x14ac:dyDescent="0.25">
      <c r="A21695" s="2" t="s">
        <v>13353</v>
      </c>
      <c r="B21695" s="6">
        <v>361171.8</v>
      </c>
      <c r="C21695" s="7">
        <f t="shared" si="338"/>
        <v>361.17179999999996</v>
      </c>
    </row>
    <row r="21696" spans="1:3" x14ac:dyDescent="0.25">
      <c r="A21696" s="2" t="s">
        <v>13354</v>
      </c>
      <c r="B21696" s="6">
        <v>361188.44999999995</v>
      </c>
      <c r="C21696" s="7">
        <f t="shared" si="338"/>
        <v>361.18844999999993</v>
      </c>
    </row>
    <row r="21697" spans="1:3" x14ac:dyDescent="0.25">
      <c r="A21697" s="2" t="s">
        <v>13355</v>
      </c>
      <c r="B21697" s="6">
        <v>361205.1</v>
      </c>
      <c r="C21697" s="7">
        <f t="shared" si="338"/>
        <v>361.20509999999996</v>
      </c>
    </row>
    <row r="21698" spans="1:3" x14ac:dyDescent="0.25">
      <c r="A21698" s="2" t="s">
        <v>13356</v>
      </c>
      <c r="B21698" s="6">
        <v>361221.74999999994</v>
      </c>
      <c r="C21698" s="7">
        <f t="shared" si="338"/>
        <v>361.22174999999993</v>
      </c>
    </row>
    <row r="21699" spans="1:3" x14ac:dyDescent="0.25">
      <c r="A21699" s="2" t="s">
        <v>13357</v>
      </c>
      <c r="B21699" s="6">
        <v>361238.39999999997</v>
      </c>
      <c r="C21699" s="7">
        <f t="shared" ref="C21699:C21762" si="339">B21699/1000</f>
        <v>361.23839999999996</v>
      </c>
    </row>
    <row r="21700" spans="1:3" x14ac:dyDescent="0.25">
      <c r="A21700" s="2" t="s">
        <v>13358</v>
      </c>
      <c r="B21700" s="6">
        <v>361255.05</v>
      </c>
      <c r="C21700" s="7">
        <f t="shared" si="339"/>
        <v>361.25504999999998</v>
      </c>
    </row>
    <row r="21701" spans="1:3" x14ac:dyDescent="0.25">
      <c r="A21701" s="2" t="s">
        <v>13359</v>
      </c>
      <c r="B21701" s="6">
        <v>361271.69999999995</v>
      </c>
      <c r="C21701" s="7">
        <f t="shared" si="339"/>
        <v>361.27169999999995</v>
      </c>
    </row>
    <row r="21702" spans="1:3" x14ac:dyDescent="0.25">
      <c r="A21702" s="2" t="s">
        <v>13360</v>
      </c>
      <c r="B21702" s="6">
        <v>361288.35</v>
      </c>
      <c r="C21702" s="7">
        <f t="shared" si="339"/>
        <v>361.28834999999998</v>
      </c>
    </row>
    <row r="21703" spans="1:3" x14ac:dyDescent="0.25">
      <c r="A21703" s="2" t="s">
        <v>13361</v>
      </c>
      <c r="B21703" s="6">
        <v>361304.99999999994</v>
      </c>
      <c r="C21703" s="7">
        <f t="shared" si="339"/>
        <v>361.30499999999995</v>
      </c>
    </row>
    <row r="21704" spans="1:3" x14ac:dyDescent="0.25">
      <c r="A21704" s="2" t="s">
        <v>13362</v>
      </c>
      <c r="B21704" s="6">
        <v>361321.64999999997</v>
      </c>
      <c r="C21704" s="7">
        <f t="shared" si="339"/>
        <v>361.32164999999998</v>
      </c>
    </row>
    <row r="21705" spans="1:3" x14ac:dyDescent="0.25">
      <c r="A21705" s="2" t="s">
        <v>13363</v>
      </c>
      <c r="B21705" s="6">
        <v>361338.3</v>
      </c>
      <c r="C21705" s="7">
        <f t="shared" si="339"/>
        <v>361.3383</v>
      </c>
    </row>
    <row r="21706" spans="1:3" x14ac:dyDescent="0.25">
      <c r="A21706" s="2" t="s">
        <v>13364</v>
      </c>
      <c r="B21706" s="6">
        <v>361354.94999999995</v>
      </c>
      <c r="C21706" s="7">
        <f t="shared" si="339"/>
        <v>361.35494999999997</v>
      </c>
    </row>
    <row r="21707" spans="1:3" x14ac:dyDescent="0.25">
      <c r="A21707" s="2" t="s">
        <v>13365</v>
      </c>
      <c r="B21707" s="6">
        <v>361371.6</v>
      </c>
      <c r="C21707" s="7">
        <f t="shared" si="339"/>
        <v>361.3716</v>
      </c>
    </row>
    <row r="21708" spans="1:3" x14ac:dyDescent="0.25">
      <c r="A21708" s="2" t="s">
        <v>13366</v>
      </c>
      <c r="B21708" s="6">
        <v>361388.24999999994</v>
      </c>
      <c r="C21708" s="7">
        <f t="shared" si="339"/>
        <v>361.38824999999991</v>
      </c>
    </row>
    <row r="21709" spans="1:3" x14ac:dyDescent="0.25">
      <c r="A21709" s="2" t="s">
        <v>13367</v>
      </c>
      <c r="B21709" s="6">
        <v>361404.89999999997</v>
      </c>
      <c r="C21709" s="7">
        <f t="shared" si="339"/>
        <v>361.40489999999994</v>
      </c>
    </row>
    <row r="21710" spans="1:3" x14ac:dyDescent="0.25">
      <c r="A21710" s="2" t="s">
        <v>13368</v>
      </c>
      <c r="B21710" s="6">
        <v>361421.55</v>
      </c>
      <c r="C21710" s="7">
        <f t="shared" si="339"/>
        <v>361.42154999999997</v>
      </c>
    </row>
    <row r="21711" spans="1:3" x14ac:dyDescent="0.25">
      <c r="A21711" s="2" t="s">
        <v>13369</v>
      </c>
      <c r="B21711" s="6">
        <v>361438.19999999995</v>
      </c>
      <c r="C21711" s="7">
        <f t="shared" si="339"/>
        <v>361.43819999999994</v>
      </c>
    </row>
    <row r="21712" spans="1:3" x14ac:dyDescent="0.25">
      <c r="A21712" s="2" t="s">
        <v>13370</v>
      </c>
      <c r="B21712" s="6">
        <v>361454.85</v>
      </c>
      <c r="C21712" s="7">
        <f t="shared" si="339"/>
        <v>361.45484999999996</v>
      </c>
    </row>
    <row r="21713" spans="1:3" x14ac:dyDescent="0.25">
      <c r="A21713" s="2" t="s">
        <v>13371</v>
      </c>
      <c r="B21713" s="6">
        <v>361471.49999999994</v>
      </c>
      <c r="C21713" s="7">
        <f t="shared" si="339"/>
        <v>361.47149999999993</v>
      </c>
    </row>
    <row r="21714" spans="1:3" x14ac:dyDescent="0.25">
      <c r="A21714" s="2" t="s">
        <v>13372</v>
      </c>
      <c r="B21714" s="6">
        <v>361488.14999999997</v>
      </c>
      <c r="C21714" s="7">
        <f t="shared" si="339"/>
        <v>361.48814999999996</v>
      </c>
    </row>
    <row r="21715" spans="1:3" x14ac:dyDescent="0.25">
      <c r="A21715" s="2" t="s">
        <v>13373</v>
      </c>
      <c r="B21715" s="6">
        <v>361504.8</v>
      </c>
      <c r="C21715" s="7">
        <f t="shared" si="339"/>
        <v>361.50479999999999</v>
      </c>
    </row>
    <row r="21716" spans="1:3" x14ac:dyDescent="0.25">
      <c r="A21716" s="2" t="s">
        <v>13374</v>
      </c>
      <c r="B21716" s="6">
        <v>361521.44999999995</v>
      </c>
      <c r="C21716" s="7">
        <f t="shared" si="339"/>
        <v>361.52144999999996</v>
      </c>
    </row>
    <row r="21717" spans="1:3" x14ac:dyDescent="0.25">
      <c r="A21717" s="2" t="s">
        <v>13375</v>
      </c>
      <c r="B21717" s="6">
        <v>361538.1</v>
      </c>
      <c r="C21717" s="7">
        <f t="shared" si="339"/>
        <v>361.53809999999999</v>
      </c>
    </row>
    <row r="21718" spans="1:3" x14ac:dyDescent="0.25">
      <c r="A21718" s="2" t="s">
        <v>13376</v>
      </c>
      <c r="B21718" s="6">
        <v>361554.74999999994</v>
      </c>
      <c r="C21718" s="7">
        <f t="shared" si="339"/>
        <v>361.55474999999996</v>
      </c>
    </row>
    <row r="21719" spans="1:3" x14ac:dyDescent="0.25">
      <c r="A21719" s="2" t="s">
        <v>13377</v>
      </c>
      <c r="B21719" s="6">
        <v>361571.39999999997</v>
      </c>
      <c r="C21719" s="7">
        <f t="shared" si="339"/>
        <v>361.57139999999998</v>
      </c>
    </row>
    <row r="21720" spans="1:3" x14ac:dyDescent="0.25">
      <c r="A21720" s="2" t="s">
        <v>13378</v>
      </c>
      <c r="B21720" s="6">
        <v>361588.05</v>
      </c>
      <c r="C21720" s="7">
        <f t="shared" si="339"/>
        <v>361.58805000000001</v>
      </c>
    </row>
    <row r="21721" spans="1:3" x14ac:dyDescent="0.25">
      <c r="A21721" s="2" t="s">
        <v>13379</v>
      </c>
      <c r="B21721" s="6">
        <v>361604.69999999995</v>
      </c>
      <c r="C21721" s="7">
        <f t="shared" si="339"/>
        <v>361.60469999999998</v>
      </c>
    </row>
    <row r="21722" spans="1:3" x14ac:dyDescent="0.25">
      <c r="A21722" s="2" t="s">
        <v>13380</v>
      </c>
      <c r="B21722" s="6">
        <v>361621.35</v>
      </c>
      <c r="C21722" s="7">
        <f t="shared" si="339"/>
        <v>361.62134999999995</v>
      </c>
    </row>
    <row r="21723" spans="1:3" x14ac:dyDescent="0.25">
      <c r="A21723" s="2" t="s">
        <v>13381</v>
      </c>
      <c r="B21723" s="6">
        <v>361637.99999999994</v>
      </c>
      <c r="C21723" s="7">
        <f t="shared" si="339"/>
        <v>361.63799999999992</v>
      </c>
    </row>
    <row r="21724" spans="1:3" x14ac:dyDescent="0.25">
      <c r="A21724" s="2" t="s">
        <v>13382</v>
      </c>
      <c r="B21724" s="6">
        <v>361654.64999999997</v>
      </c>
      <c r="C21724" s="7">
        <f t="shared" si="339"/>
        <v>361.65464999999995</v>
      </c>
    </row>
    <row r="21725" spans="1:3" x14ac:dyDescent="0.25">
      <c r="A21725" s="2" t="s">
        <v>13383</v>
      </c>
      <c r="B21725" s="6">
        <v>361671.3</v>
      </c>
      <c r="C21725" s="7">
        <f t="shared" si="339"/>
        <v>361.67129999999997</v>
      </c>
    </row>
    <row r="21726" spans="1:3" x14ac:dyDescent="0.25">
      <c r="A21726" s="2" t="s">
        <v>13384</v>
      </c>
      <c r="B21726" s="6">
        <v>361687.94999999995</v>
      </c>
      <c r="C21726" s="7">
        <f t="shared" si="339"/>
        <v>361.68794999999994</v>
      </c>
    </row>
    <row r="21727" spans="1:3" x14ac:dyDescent="0.25">
      <c r="A21727" s="2" t="s">
        <v>13385</v>
      </c>
      <c r="B21727" s="6">
        <v>361704.6</v>
      </c>
      <c r="C21727" s="7">
        <f t="shared" si="339"/>
        <v>361.70459999999997</v>
      </c>
    </row>
    <row r="21728" spans="1:3" x14ac:dyDescent="0.25">
      <c r="A21728" s="2" t="s">
        <v>13386</v>
      </c>
      <c r="B21728" s="6">
        <v>361721.24999999994</v>
      </c>
      <c r="C21728" s="7">
        <f t="shared" si="339"/>
        <v>361.72124999999994</v>
      </c>
    </row>
    <row r="21729" spans="1:3" x14ac:dyDescent="0.25">
      <c r="A21729" s="2" t="s">
        <v>13387</v>
      </c>
      <c r="B21729" s="6">
        <v>361737.89999999997</v>
      </c>
      <c r="C21729" s="7">
        <f t="shared" si="339"/>
        <v>361.73789999999997</v>
      </c>
    </row>
    <row r="21730" spans="1:3" x14ac:dyDescent="0.25">
      <c r="A21730" s="2" t="s">
        <v>13388</v>
      </c>
      <c r="B21730" s="6">
        <v>361754.55</v>
      </c>
      <c r="C21730" s="7">
        <f t="shared" si="339"/>
        <v>361.75454999999999</v>
      </c>
    </row>
    <row r="21731" spans="1:3" x14ac:dyDescent="0.25">
      <c r="A21731" s="2" t="s">
        <v>13389</v>
      </c>
      <c r="B21731" s="6">
        <v>361771.19999999995</v>
      </c>
      <c r="C21731" s="7">
        <f t="shared" si="339"/>
        <v>361.77119999999996</v>
      </c>
    </row>
    <row r="21732" spans="1:3" x14ac:dyDescent="0.25">
      <c r="A21732" s="2" t="s">
        <v>13390</v>
      </c>
      <c r="B21732" s="6">
        <v>361787.85</v>
      </c>
      <c r="C21732" s="7">
        <f t="shared" si="339"/>
        <v>361.78784999999999</v>
      </c>
    </row>
    <row r="21733" spans="1:3" x14ac:dyDescent="0.25">
      <c r="A21733" s="2" t="s">
        <v>13391</v>
      </c>
      <c r="B21733" s="6">
        <v>361804.49999999994</v>
      </c>
      <c r="C21733" s="7">
        <f t="shared" si="339"/>
        <v>361.80449999999996</v>
      </c>
    </row>
    <row r="21734" spans="1:3" x14ac:dyDescent="0.25">
      <c r="A21734" s="2" t="s">
        <v>13392</v>
      </c>
      <c r="B21734" s="6">
        <v>361821.14999999997</v>
      </c>
      <c r="C21734" s="7">
        <f t="shared" si="339"/>
        <v>361.82114999999999</v>
      </c>
    </row>
    <row r="21735" spans="1:3" x14ac:dyDescent="0.25">
      <c r="A21735" s="2" t="s">
        <v>13393</v>
      </c>
      <c r="B21735" s="6">
        <v>361837.8</v>
      </c>
      <c r="C21735" s="7">
        <f t="shared" si="339"/>
        <v>361.83780000000002</v>
      </c>
    </row>
    <row r="21736" spans="1:3" x14ac:dyDescent="0.25">
      <c r="A21736" s="2" t="s">
        <v>13394</v>
      </c>
      <c r="B21736" s="6">
        <v>361854.44999999995</v>
      </c>
      <c r="C21736" s="7">
        <f t="shared" si="339"/>
        <v>361.85444999999993</v>
      </c>
    </row>
    <row r="21737" spans="1:3" x14ac:dyDescent="0.25">
      <c r="A21737" s="2" t="s">
        <v>13395</v>
      </c>
      <c r="B21737" s="6">
        <v>361871.1</v>
      </c>
      <c r="C21737" s="7">
        <f t="shared" si="339"/>
        <v>361.87109999999996</v>
      </c>
    </row>
    <row r="21738" spans="1:3" x14ac:dyDescent="0.25">
      <c r="A21738" s="2" t="s">
        <v>13396</v>
      </c>
      <c r="B21738" s="6">
        <v>361887.74999999994</v>
      </c>
      <c r="C21738" s="7">
        <f t="shared" si="339"/>
        <v>361.88774999999993</v>
      </c>
    </row>
    <row r="21739" spans="1:3" x14ac:dyDescent="0.25">
      <c r="A21739" s="2" t="s">
        <v>13397</v>
      </c>
      <c r="B21739" s="6">
        <v>361904.39999999997</v>
      </c>
      <c r="C21739" s="7">
        <f t="shared" si="339"/>
        <v>361.90439999999995</v>
      </c>
    </row>
    <row r="21740" spans="1:3" x14ac:dyDescent="0.25">
      <c r="A21740" s="2" t="s">
        <v>13398</v>
      </c>
      <c r="B21740" s="6">
        <v>361921.05</v>
      </c>
      <c r="C21740" s="7">
        <f t="shared" si="339"/>
        <v>361.92104999999998</v>
      </c>
    </row>
    <row r="21741" spans="1:3" x14ac:dyDescent="0.25">
      <c r="A21741" s="2" t="s">
        <v>13399</v>
      </c>
      <c r="B21741" s="6">
        <v>361937.69999999995</v>
      </c>
      <c r="C21741" s="7">
        <f t="shared" si="339"/>
        <v>361.93769999999995</v>
      </c>
    </row>
    <row r="21742" spans="1:3" x14ac:dyDescent="0.25">
      <c r="A21742" s="2" t="s">
        <v>13400</v>
      </c>
      <c r="B21742" s="6">
        <v>361954.35</v>
      </c>
      <c r="C21742" s="7">
        <f t="shared" si="339"/>
        <v>361.95434999999998</v>
      </c>
    </row>
    <row r="21743" spans="1:3" x14ac:dyDescent="0.25">
      <c r="A21743" s="2" t="s">
        <v>13401</v>
      </c>
      <c r="B21743" s="6">
        <v>361970.99999999994</v>
      </c>
      <c r="C21743" s="7">
        <f t="shared" si="339"/>
        <v>361.97099999999995</v>
      </c>
    </row>
    <row r="21744" spans="1:3" x14ac:dyDescent="0.25">
      <c r="A21744" s="2" t="s">
        <v>13402</v>
      </c>
      <c r="B21744" s="6">
        <v>361987.64999999997</v>
      </c>
      <c r="C21744" s="7">
        <f t="shared" si="339"/>
        <v>361.98764999999997</v>
      </c>
    </row>
    <row r="21745" spans="1:3" x14ac:dyDescent="0.25">
      <c r="A21745" s="2" t="s">
        <v>13403</v>
      </c>
      <c r="B21745" s="6">
        <v>362004.3</v>
      </c>
      <c r="C21745" s="7">
        <f t="shared" si="339"/>
        <v>362.0043</v>
      </c>
    </row>
    <row r="21746" spans="1:3" x14ac:dyDescent="0.25">
      <c r="A21746" s="2" t="s">
        <v>13404</v>
      </c>
      <c r="B21746" s="6">
        <v>362020.94999999995</v>
      </c>
      <c r="C21746" s="7">
        <f t="shared" si="339"/>
        <v>362.02094999999997</v>
      </c>
    </row>
    <row r="21747" spans="1:3" x14ac:dyDescent="0.25">
      <c r="A21747" s="2" t="s">
        <v>13405</v>
      </c>
      <c r="B21747" s="6">
        <v>362037.6</v>
      </c>
      <c r="C21747" s="7">
        <f t="shared" si="339"/>
        <v>362.0376</v>
      </c>
    </row>
    <row r="21748" spans="1:3" x14ac:dyDescent="0.25">
      <c r="A21748" s="2" t="s">
        <v>13406</v>
      </c>
      <c r="B21748" s="6">
        <v>362054.24999999994</v>
      </c>
      <c r="C21748" s="7">
        <f t="shared" si="339"/>
        <v>362.05424999999997</v>
      </c>
    </row>
    <row r="21749" spans="1:3" x14ac:dyDescent="0.25">
      <c r="A21749" s="2" t="s">
        <v>13407</v>
      </c>
      <c r="B21749" s="6">
        <v>362070.89999999997</v>
      </c>
      <c r="C21749" s="7">
        <f t="shared" si="339"/>
        <v>362.07089999999994</v>
      </c>
    </row>
    <row r="21750" spans="1:3" x14ac:dyDescent="0.25">
      <c r="A21750" s="2" t="s">
        <v>13408</v>
      </c>
      <c r="B21750" s="6">
        <v>362087.55</v>
      </c>
      <c r="C21750" s="7">
        <f t="shared" si="339"/>
        <v>362.08754999999996</v>
      </c>
    </row>
    <row r="21751" spans="1:3" x14ac:dyDescent="0.25">
      <c r="A21751" s="2" t="s">
        <v>13409</v>
      </c>
      <c r="B21751" s="6">
        <v>362104.19999999995</v>
      </c>
      <c r="C21751" s="7">
        <f t="shared" si="339"/>
        <v>362.10419999999993</v>
      </c>
    </row>
    <row r="21752" spans="1:3" x14ac:dyDescent="0.25">
      <c r="A21752" s="2" t="s">
        <v>13410</v>
      </c>
      <c r="B21752" s="6">
        <v>362120.85</v>
      </c>
      <c r="C21752" s="7">
        <f t="shared" si="339"/>
        <v>362.12084999999996</v>
      </c>
    </row>
    <row r="21753" spans="1:3" x14ac:dyDescent="0.25">
      <c r="A21753" s="2" t="s">
        <v>13411</v>
      </c>
      <c r="B21753" s="6">
        <v>362137.49999999994</v>
      </c>
      <c r="C21753" s="7">
        <f t="shared" si="339"/>
        <v>362.13749999999993</v>
      </c>
    </row>
    <row r="21754" spans="1:3" x14ac:dyDescent="0.25">
      <c r="A21754" s="2" t="s">
        <v>13412</v>
      </c>
      <c r="B21754" s="6">
        <v>362154.14999999997</v>
      </c>
      <c r="C21754" s="7">
        <f t="shared" si="339"/>
        <v>362.15414999999996</v>
      </c>
    </row>
    <row r="21755" spans="1:3" x14ac:dyDescent="0.25">
      <c r="A21755" s="2" t="s">
        <v>13413</v>
      </c>
      <c r="B21755" s="6">
        <v>362170.8</v>
      </c>
      <c r="C21755" s="7">
        <f t="shared" si="339"/>
        <v>362.17079999999999</v>
      </c>
    </row>
    <row r="21756" spans="1:3" x14ac:dyDescent="0.25">
      <c r="A21756" s="2" t="s">
        <v>13414</v>
      </c>
      <c r="B21756" s="6">
        <v>362187.44999999995</v>
      </c>
      <c r="C21756" s="7">
        <f t="shared" si="339"/>
        <v>362.18744999999996</v>
      </c>
    </row>
    <row r="21757" spans="1:3" x14ac:dyDescent="0.25">
      <c r="A21757" s="2" t="s">
        <v>13415</v>
      </c>
      <c r="B21757" s="6">
        <v>362204.1</v>
      </c>
      <c r="C21757" s="7">
        <f t="shared" si="339"/>
        <v>362.20409999999998</v>
      </c>
    </row>
    <row r="21758" spans="1:3" x14ac:dyDescent="0.25">
      <c r="A21758" s="2" t="s">
        <v>13416</v>
      </c>
      <c r="B21758" s="6">
        <v>362220.74999999994</v>
      </c>
      <c r="C21758" s="7">
        <f t="shared" si="339"/>
        <v>362.22074999999995</v>
      </c>
    </row>
    <row r="21759" spans="1:3" x14ac:dyDescent="0.25">
      <c r="A21759" s="2" t="s">
        <v>13417</v>
      </c>
      <c r="B21759" s="6">
        <v>362237.39999999997</v>
      </c>
      <c r="C21759" s="7">
        <f t="shared" si="339"/>
        <v>362.23739999999998</v>
      </c>
    </row>
    <row r="21760" spans="1:3" x14ac:dyDescent="0.25">
      <c r="A21760" s="2" t="s">
        <v>13418</v>
      </c>
      <c r="B21760" s="6">
        <v>362254.05</v>
      </c>
      <c r="C21760" s="7">
        <f t="shared" si="339"/>
        <v>362.25405000000001</v>
      </c>
    </row>
    <row r="21761" spans="1:3" x14ac:dyDescent="0.25">
      <c r="A21761" s="2" t="s">
        <v>13419</v>
      </c>
      <c r="B21761" s="6">
        <v>362270.69999999995</v>
      </c>
      <c r="C21761" s="7">
        <f t="shared" si="339"/>
        <v>362.27069999999998</v>
      </c>
    </row>
    <row r="21762" spans="1:3" x14ac:dyDescent="0.25">
      <c r="A21762" s="2" t="s">
        <v>13420</v>
      </c>
      <c r="B21762" s="6">
        <v>362287.35</v>
      </c>
      <c r="C21762" s="7">
        <f t="shared" si="339"/>
        <v>362.28735</v>
      </c>
    </row>
    <row r="21763" spans="1:3" x14ac:dyDescent="0.25">
      <c r="A21763" s="2" t="s">
        <v>13421</v>
      </c>
      <c r="B21763" s="6">
        <v>362303.99999999994</v>
      </c>
      <c r="C21763" s="7">
        <f t="shared" ref="C21763:C21826" si="340">B21763/1000</f>
        <v>362.30399999999992</v>
      </c>
    </row>
    <row r="21764" spans="1:3" x14ac:dyDescent="0.25">
      <c r="A21764" s="2" t="s">
        <v>13422</v>
      </c>
      <c r="B21764" s="6">
        <v>362320.64999999997</v>
      </c>
      <c r="C21764" s="7">
        <f t="shared" si="340"/>
        <v>362.32064999999994</v>
      </c>
    </row>
    <row r="21765" spans="1:3" x14ac:dyDescent="0.25">
      <c r="A21765" s="2" t="s">
        <v>13423</v>
      </c>
      <c r="B21765" s="6">
        <v>362337.3</v>
      </c>
      <c r="C21765" s="7">
        <f t="shared" si="340"/>
        <v>362.33729999999997</v>
      </c>
    </row>
    <row r="21766" spans="1:3" x14ac:dyDescent="0.25">
      <c r="A21766" s="2" t="s">
        <v>13424</v>
      </c>
      <c r="B21766" s="6">
        <v>362353.94999999995</v>
      </c>
      <c r="C21766" s="7">
        <f t="shared" si="340"/>
        <v>362.35394999999994</v>
      </c>
    </row>
    <row r="21767" spans="1:3" x14ac:dyDescent="0.25">
      <c r="A21767" s="2" t="s">
        <v>13425</v>
      </c>
      <c r="B21767" s="6">
        <v>362370.6</v>
      </c>
      <c r="C21767" s="7">
        <f t="shared" si="340"/>
        <v>362.37059999999997</v>
      </c>
    </row>
    <row r="21768" spans="1:3" x14ac:dyDescent="0.25">
      <c r="A21768" s="2" t="s">
        <v>13426</v>
      </c>
      <c r="B21768" s="6">
        <v>362387.24999999994</v>
      </c>
      <c r="C21768" s="7">
        <f t="shared" si="340"/>
        <v>362.38724999999994</v>
      </c>
    </row>
    <row r="21769" spans="1:3" x14ac:dyDescent="0.25">
      <c r="A21769" s="2" t="s">
        <v>13427</v>
      </c>
      <c r="B21769" s="6">
        <v>362403.89999999997</v>
      </c>
      <c r="C21769" s="7">
        <f t="shared" si="340"/>
        <v>362.40389999999996</v>
      </c>
    </row>
    <row r="21770" spans="1:3" x14ac:dyDescent="0.25">
      <c r="A21770" s="2" t="s">
        <v>13428</v>
      </c>
      <c r="B21770" s="6">
        <v>362420.55</v>
      </c>
      <c r="C21770" s="7">
        <f t="shared" si="340"/>
        <v>362.42054999999999</v>
      </c>
    </row>
    <row r="21771" spans="1:3" x14ac:dyDescent="0.25">
      <c r="A21771" s="2" t="s">
        <v>13429</v>
      </c>
      <c r="B21771" s="6">
        <v>362437.19999999995</v>
      </c>
      <c r="C21771" s="7">
        <f t="shared" si="340"/>
        <v>362.43719999999996</v>
      </c>
    </row>
    <row r="21772" spans="1:3" x14ac:dyDescent="0.25">
      <c r="A21772" s="2" t="s">
        <v>13430</v>
      </c>
      <c r="B21772" s="6">
        <v>362453.85</v>
      </c>
      <c r="C21772" s="7">
        <f t="shared" si="340"/>
        <v>362.45384999999999</v>
      </c>
    </row>
    <row r="21773" spans="1:3" x14ac:dyDescent="0.25">
      <c r="A21773" s="2" t="s">
        <v>13431</v>
      </c>
      <c r="B21773" s="6">
        <v>362470.49999999994</v>
      </c>
      <c r="C21773" s="7">
        <f t="shared" si="340"/>
        <v>362.47049999999996</v>
      </c>
    </row>
    <row r="21774" spans="1:3" x14ac:dyDescent="0.25">
      <c r="A21774" s="2" t="s">
        <v>13432</v>
      </c>
      <c r="B21774" s="6">
        <v>362487.14999999997</v>
      </c>
      <c r="C21774" s="7">
        <f t="shared" si="340"/>
        <v>362.48714999999999</v>
      </c>
    </row>
    <row r="21775" spans="1:3" x14ac:dyDescent="0.25">
      <c r="A21775" s="2" t="s">
        <v>13433</v>
      </c>
      <c r="B21775" s="6">
        <v>362503.8</v>
      </c>
      <c r="C21775" s="7">
        <f t="shared" si="340"/>
        <v>362.50380000000001</v>
      </c>
    </row>
    <row r="21776" spans="1:3" x14ac:dyDescent="0.25">
      <c r="A21776" s="2" t="s">
        <v>13434</v>
      </c>
      <c r="B21776" s="6">
        <v>362520.44999999995</v>
      </c>
      <c r="C21776" s="7">
        <f t="shared" si="340"/>
        <v>362.52044999999993</v>
      </c>
    </row>
    <row r="21777" spans="1:3" x14ac:dyDescent="0.25">
      <c r="A21777" s="2" t="s">
        <v>13435</v>
      </c>
      <c r="B21777" s="6">
        <v>362537.1</v>
      </c>
      <c r="C21777" s="7">
        <f t="shared" si="340"/>
        <v>362.53709999999995</v>
      </c>
    </row>
    <row r="21778" spans="1:3" x14ac:dyDescent="0.25">
      <c r="A21778" s="2" t="s">
        <v>13436</v>
      </c>
      <c r="B21778" s="6">
        <v>362553.74999999994</v>
      </c>
      <c r="C21778" s="7">
        <f t="shared" si="340"/>
        <v>362.55374999999992</v>
      </c>
    </row>
    <row r="21779" spans="1:3" x14ac:dyDescent="0.25">
      <c r="A21779" s="2" t="s">
        <v>13437</v>
      </c>
      <c r="B21779" s="6">
        <v>362570.39999999997</v>
      </c>
      <c r="C21779" s="7">
        <f t="shared" si="340"/>
        <v>362.57039999999995</v>
      </c>
    </row>
    <row r="21780" spans="1:3" x14ac:dyDescent="0.25">
      <c r="A21780" s="2" t="s">
        <v>13438</v>
      </c>
      <c r="B21780" s="6">
        <v>362587.05</v>
      </c>
      <c r="C21780" s="7">
        <f t="shared" si="340"/>
        <v>362.58704999999998</v>
      </c>
    </row>
    <row r="21781" spans="1:3" x14ac:dyDescent="0.25">
      <c r="A21781" s="2" t="s">
        <v>13439</v>
      </c>
      <c r="B21781" s="6">
        <v>362603.69999999995</v>
      </c>
      <c r="C21781" s="7">
        <f t="shared" si="340"/>
        <v>362.60369999999995</v>
      </c>
    </row>
    <row r="21782" spans="1:3" x14ac:dyDescent="0.25">
      <c r="A21782" s="2" t="s">
        <v>13440</v>
      </c>
      <c r="B21782" s="6">
        <v>362620.35</v>
      </c>
      <c r="C21782" s="7">
        <f t="shared" si="340"/>
        <v>362.62034999999997</v>
      </c>
    </row>
    <row r="21783" spans="1:3" x14ac:dyDescent="0.25">
      <c r="A21783" s="2" t="s">
        <v>13441</v>
      </c>
      <c r="B21783" s="6">
        <v>362636.99999999994</v>
      </c>
      <c r="C21783" s="7">
        <f t="shared" si="340"/>
        <v>362.63699999999994</v>
      </c>
    </row>
    <row r="21784" spans="1:3" x14ac:dyDescent="0.25">
      <c r="A21784" s="2" t="s">
        <v>13442</v>
      </c>
      <c r="B21784" s="6">
        <v>362653.64999999997</v>
      </c>
      <c r="C21784" s="7">
        <f t="shared" si="340"/>
        <v>362.65364999999997</v>
      </c>
    </row>
    <row r="21785" spans="1:3" x14ac:dyDescent="0.25">
      <c r="A21785" s="2" t="s">
        <v>13443</v>
      </c>
      <c r="B21785" s="6">
        <v>362670.3</v>
      </c>
      <c r="C21785" s="7">
        <f t="shared" si="340"/>
        <v>362.6703</v>
      </c>
    </row>
    <row r="21786" spans="1:3" x14ac:dyDescent="0.25">
      <c r="A21786" s="2" t="s">
        <v>13444</v>
      </c>
      <c r="B21786" s="6">
        <v>362686.94999999995</v>
      </c>
      <c r="C21786" s="7">
        <f t="shared" si="340"/>
        <v>362.68694999999997</v>
      </c>
    </row>
    <row r="21787" spans="1:3" x14ac:dyDescent="0.25">
      <c r="A21787" s="2" t="s">
        <v>13445</v>
      </c>
      <c r="B21787" s="6">
        <v>362703.6</v>
      </c>
      <c r="C21787" s="7">
        <f t="shared" si="340"/>
        <v>362.70359999999999</v>
      </c>
    </row>
    <row r="21788" spans="1:3" x14ac:dyDescent="0.25">
      <c r="A21788" s="2" t="s">
        <v>13446</v>
      </c>
      <c r="B21788" s="6">
        <v>362720.24999999994</v>
      </c>
      <c r="C21788" s="7">
        <f t="shared" si="340"/>
        <v>362.72024999999996</v>
      </c>
    </row>
    <row r="21789" spans="1:3" x14ac:dyDescent="0.25">
      <c r="A21789" s="2" t="s">
        <v>13447</v>
      </c>
      <c r="B21789" s="6">
        <v>362736.89999999997</v>
      </c>
      <c r="C21789" s="7">
        <f t="shared" si="340"/>
        <v>362.73689999999999</v>
      </c>
    </row>
    <row r="21790" spans="1:3" x14ac:dyDescent="0.25">
      <c r="A21790" s="2" t="s">
        <v>13448</v>
      </c>
      <c r="B21790" s="6">
        <v>362753.55</v>
      </c>
      <c r="C21790" s="7">
        <f t="shared" si="340"/>
        <v>362.75354999999996</v>
      </c>
    </row>
    <row r="21791" spans="1:3" x14ac:dyDescent="0.25">
      <c r="A21791" s="2" t="s">
        <v>13449</v>
      </c>
      <c r="B21791" s="6">
        <v>362770.19999999995</v>
      </c>
      <c r="C21791" s="7">
        <f t="shared" si="340"/>
        <v>362.77019999999993</v>
      </c>
    </row>
    <row r="21792" spans="1:3" x14ac:dyDescent="0.25">
      <c r="A21792" s="2" t="s">
        <v>13450</v>
      </c>
      <c r="B21792" s="6">
        <v>362786.85</v>
      </c>
      <c r="C21792" s="7">
        <f t="shared" si="340"/>
        <v>362.78684999999996</v>
      </c>
    </row>
    <row r="21793" spans="1:3" x14ac:dyDescent="0.25">
      <c r="A21793" s="2" t="s">
        <v>13451</v>
      </c>
      <c r="B21793" s="6">
        <v>362803.49999999994</v>
      </c>
      <c r="C21793" s="7">
        <f t="shared" si="340"/>
        <v>362.80349999999993</v>
      </c>
    </row>
    <row r="21794" spans="1:3" x14ac:dyDescent="0.25">
      <c r="A21794" s="2" t="s">
        <v>13452</v>
      </c>
      <c r="B21794" s="6">
        <v>362820.14999999997</v>
      </c>
      <c r="C21794" s="7">
        <f t="shared" si="340"/>
        <v>362.82014999999996</v>
      </c>
    </row>
    <row r="21795" spans="1:3" x14ac:dyDescent="0.25">
      <c r="A21795" s="2" t="s">
        <v>13453</v>
      </c>
      <c r="B21795" s="6">
        <v>362836.8</v>
      </c>
      <c r="C21795" s="7">
        <f t="shared" si="340"/>
        <v>362.83679999999998</v>
      </c>
    </row>
    <row r="21796" spans="1:3" x14ac:dyDescent="0.25">
      <c r="A21796" s="2" t="s">
        <v>13454</v>
      </c>
      <c r="B21796" s="6">
        <v>362853.44999999995</v>
      </c>
      <c r="C21796" s="7">
        <f t="shared" si="340"/>
        <v>362.85344999999995</v>
      </c>
    </row>
    <row r="21797" spans="1:3" x14ac:dyDescent="0.25">
      <c r="A21797" s="2" t="s">
        <v>13455</v>
      </c>
      <c r="B21797" s="6">
        <v>362870.1</v>
      </c>
      <c r="C21797" s="7">
        <f t="shared" si="340"/>
        <v>362.87009999999998</v>
      </c>
    </row>
    <row r="21798" spans="1:3" x14ac:dyDescent="0.25">
      <c r="A21798" s="2" t="s">
        <v>13456</v>
      </c>
      <c r="B21798" s="6">
        <v>362886.74999999994</v>
      </c>
      <c r="C21798" s="7">
        <f t="shared" si="340"/>
        <v>362.88674999999995</v>
      </c>
    </row>
    <row r="21799" spans="1:3" x14ac:dyDescent="0.25">
      <c r="A21799" s="2" t="s">
        <v>13457</v>
      </c>
      <c r="B21799" s="6">
        <v>362903.39999999997</v>
      </c>
      <c r="C21799" s="7">
        <f t="shared" si="340"/>
        <v>362.90339999999998</v>
      </c>
    </row>
    <row r="21800" spans="1:3" x14ac:dyDescent="0.25">
      <c r="A21800" s="2" t="s">
        <v>13458</v>
      </c>
      <c r="B21800" s="6">
        <v>362920.05</v>
      </c>
      <c r="C21800" s="7">
        <f t="shared" si="340"/>
        <v>362.92005</v>
      </c>
    </row>
    <row r="21801" spans="1:3" x14ac:dyDescent="0.25">
      <c r="A21801" s="2" t="s">
        <v>13459</v>
      </c>
      <c r="B21801" s="6">
        <v>362936.69999999995</v>
      </c>
      <c r="C21801" s="7">
        <f t="shared" si="340"/>
        <v>362.93669999999997</v>
      </c>
    </row>
    <row r="21802" spans="1:3" x14ac:dyDescent="0.25">
      <c r="A21802" s="2" t="s">
        <v>13460</v>
      </c>
      <c r="B21802" s="6">
        <v>362953.35</v>
      </c>
      <c r="C21802" s="7">
        <f t="shared" si="340"/>
        <v>362.95335</v>
      </c>
    </row>
    <row r="21803" spans="1:3" x14ac:dyDescent="0.25">
      <c r="A21803" s="2" t="s">
        <v>13461</v>
      </c>
      <c r="B21803" s="6">
        <v>362969.99999999994</v>
      </c>
      <c r="C21803" s="7">
        <f t="shared" si="340"/>
        <v>362.96999999999991</v>
      </c>
    </row>
    <row r="21804" spans="1:3" x14ac:dyDescent="0.25">
      <c r="A21804" s="2" t="s">
        <v>13462</v>
      </c>
      <c r="B21804" s="6">
        <v>362986.64999999997</v>
      </c>
      <c r="C21804" s="7">
        <f t="shared" si="340"/>
        <v>362.98664999999994</v>
      </c>
    </row>
    <row r="21805" spans="1:3" x14ac:dyDescent="0.25">
      <c r="A21805" s="2" t="s">
        <v>13463</v>
      </c>
      <c r="B21805" s="6">
        <v>363003.3</v>
      </c>
      <c r="C21805" s="7">
        <f t="shared" si="340"/>
        <v>363.00329999999997</v>
      </c>
    </row>
    <row r="21806" spans="1:3" x14ac:dyDescent="0.25">
      <c r="A21806" s="2" t="s">
        <v>13464</v>
      </c>
      <c r="B21806" s="6">
        <v>363019.94999999995</v>
      </c>
      <c r="C21806" s="7">
        <f t="shared" si="340"/>
        <v>363.01994999999994</v>
      </c>
    </row>
    <row r="21807" spans="1:3" x14ac:dyDescent="0.25">
      <c r="A21807" s="2" t="s">
        <v>13465</v>
      </c>
      <c r="B21807" s="6">
        <v>363036.6</v>
      </c>
      <c r="C21807" s="7">
        <f t="shared" si="340"/>
        <v>363.03659999999996</v>
      </c>
    </row>
    <row r="21808" spans="1:3" x14ac:dyDescent="0.25">
      <c r="A21808" s="2" t="s">
        <v>13466</v>
      </c>
      <c r="B21808" s="6">
        <v>363053.24999999994</v>
      </c>
      <c r="C21808" s="7">
        <f t="shared" si="340"/>
        <v>363.05324999999993</v>
      </c>
    </row>
    <row r="21809" spans="1:3" x14ac:dyDescent="0.25">
      <c r="A21809" s="2" t="s">
        <v>13467</v>
      </c>
      <c r="B21809" s="6">
        <v>363069.89999999997</v>
      </c>
      <c r="C21809" s="7">
        <f t="shared" si="340"/>
        <v>363.06989999999996</v>
      </c>
    </row>
    <row r="21810" spans="1:3" x14ac:dyDescent="0.25">
      <c r="A21810" s="2" t="s">
        <v>13468</v>
      </c>
      <c r="B21810" s="6">
        <v>363086.55</v>
      </c>
      <c r="C21810" s="7">
        <f t="shared" si="340"/>
        <v>363.08654999999999</v>
      </c>
    </row>
    <row r="21811" spans="1:3" x14ac:dyDescent="0.25">
      <c r="A21811" s="2" t="s">
        <v>13469</v>
      </c>
      <c r="B21811" s="6">
        <v>363103.19999999995</v>
      </c>
      <c r="C21811" s="7">
        <f t="shared" si="340"/>
        <v>363.10319999999996</v>
      </c>
    </row>
    <row r="21812" spans="1:3" x14ac:dyDescent="0.25">
      <c r="A21812" s="2" t="s">
        <v>13470</v>
      </c>
      <c r="B21812" s="6">
        <v>363119.85</v>
      </c>
      <c r="C21812" s="7">
        <f t="shared" si="340"/>
        <v>363.11984999999999</v>
      </c>
    </row>
    <row r="21813" spans="1:3" x14ac:dyDescent="0.25">
      <c r="A21813" s="2" t="s">
        <v>13471</v>
      </c>
      <c r="B21813" s="6">
        <v>363136.49999999994</v>
      </c>
      <c r="C21813" s="7">
        <f t="shared" si="340"/>
        <v>363.13649999999996</v>
      </c>
    </row>
    <row r="21814" spans="1:3" x14ac:dyDescent="0.25">
      <c r="A21814" s="2" t="s">
        <v>13472</v>
      </c>
      <c r="B21814" s="6">
        <v>363153.14999999997</v>
      </c>
      <c r="C21814" s="7">
        <f t="shared" si="340"/>
        <v>363.15314999999998</v>
      </c>
    </row>
    <row r="21815" spans="1:3" x14ac:dyDescent="0.25">
      <c r="A21815" s="2" t="s">
        <v>13473</v>
      </c>
      <c r="B21815" s="6">
        <v>363169.8</v>
      </c>
      <c r="C21815" s="7">
        <f t="shared" si="340"/>
        <v>363.16980000000001</v>
      </c>
    </row>
    <row r="21816" spans="1:3" x14ac:dyDescent="0.25">
      <c r="A21816" s="2" t="s">
        <v>13474</v>
      </c>
      <c r="B21816" s="6">
        <v>363186.44999999995</v>
      </c>
      <c r="C21816" s="7">
        <f t="shared" si="340"/>
        <v>363.18644999999998</v>
      </c>
    </row>
    <row r="21817" spans="1:3" x14ac:dyDescent="0.25">
      <c r="A21817" s="2" t="s">
        <v>13475</v>
      </c>
      <c r="B21817" s="6">
        <v>363203.1</v>
      </c>
      <c r="C21817" s="7">
        <f t="shared" si="340"/>
        <v>363.20309999999995</v>
      </c>
    </row>
    <row r="21818" spans="1:3" x14ac:dyDescent="0.25">
      <c r="A21818" s="2" t="s">
        <v>13476</v>
      </c>
      <c r="B21818" s="6">
        <v>363219.74999999994</v>
      </c>
      <c r="C21818" s="7">
        <f t="shared" si="340"/>
        <v>363.21974999999992</v>
      </c>
    </row>
    <row r="21819" spans="1:3" x14ac:dyDescent="0.25">
      <c r="A21819" s="2" t="s">
        <v>13477</v>
      </c>
      <c r="B21819" s="6">
        <v>363236.39999999997</v>
      </c>
      <c r="C21819" s="7">
        <f t="shared" si="340"/>
        <v>363.23639999999995</v>
      </c>
    </row>
    <row r="21820" spans="1:3" x14ac:dyDescent="0.25">
      <c r="A21820" s="2" t="s">
        <v>13478</v>
      </c>
      <c r="B21820" s="6">
        <v>363253.05</v>
      </c>
      <c r="C21820" s="7">
        <f t="shared" si="340"/>
        <v>363.25304999999997</v>
      </c>
    </row>
    <row r="21821" spans="1:3" x14ac:dyDescent="0.25">
      <c r="A21821" s="2" t="s">
        <v>13479</v>
      </c>
      <c r="B21821" s="6">
        <v>363269.69999999995</v>
      </c>
      <c r="C21821" s="7">
        <f t="shared" si="340"/>
        <v>363.26969999999994</v>
      </c>
    </row>
    <row r="21822" spans="1:3" x14ac:dyDescent="0.25">
      <c r="A21822" s="2" t="s">
        <v>13480</v>
      </c>
      <c r="B21822" s="6">
        <v>363286.35</v>
      </c>
      <c r="C21822" s="7">
        <f t="shared" si="340"/>
        <v>363.28634999999997</v>
      </c>
    </row>
    <row r="21823" spans="1:3" x14ac:dyDescent="0.25">
      <c r="A21823" s="2" t="s">
        <v>13481</v>
      </c>
      <c r="B21823" s="6">
        <v>363302.99999999994</v>
      </c>
      <c r="C21823" s="7">
        <f t="shared" si="340"/>
        <v>363.30299999999994</v>
      </c>
    </row>
    <row r="21824" spans="1:3" x14ac:dyDescent="0.25">
      <c r="A21824" s="2" t="s">
        <v>13482</v>
      </c>
      <c r="B21824" s="6">
        <v>363319.64999999997</v>
      </c>
      <c r="C21824" s="7">
        <f t="shared" si="340"/>
        <v>363.31964999999997</v>
      </c>
    </row>
    <row r="21825" spans="1:3" x14ac:dyDescent="0.25">
      <c r="A21825" s="2" t="s">
        <v>13483</v>
      </c>
      <c r="B21825" s="6">
        <v>363336.3</v>
      </c>
      <c r="C21825" s="7">
        <f t="shared" si="340"/>
        <v>363.33629999999999</v>
      </c>
    </row>
    <row r="21826" spans="1:3" x14ac:dyDescent="0.25">
      <c r="A21826" s="2" t="s">
        <v>13484</v>
      </c>
      <c r="B21826" s="6">
        <v>363352.94999999995</v>
      </c>
      <c r="C21826" s="7">
        <f t="shared" si="340"/>
        <v>363.35294999999996</v>
      </c>
    </row>
    <row r="21827" spans="1:3" x14ac:dyDescent="0.25">
      <c r="A21827" s="2" t="s">
        <v>13485</v>
      </c>
      <c r="B21827" s="6">
        <v>363369.6</v>
      </c>
      <c r="C21827" s="7">
        <f t="shared" ref="C21827:C21890" si="341">B21827/1000</f>
        <v>363.36959999999999</v>
      </c>
    </row>
    <row r="21828" spans="1:3" x14ac:dyDescent="0.25">
      <c r="A21828" s="2" t="s">
        <v>13486</v>
      </c>
      <c r="B21828" s="6">
        <v>363386.24999999994</v>
      </c>
      <c r="C21828" s="7">
        <f t="shared" si="341"/>
        <v>363.38624999999996</v>
      </c>
    </row>
    <row r="21829" spans="1:3" x14ac:dyDescent="0.25">
      <c r="A21829" s="2" t="s">
        <v>13487</v>
      </c>
      <c r="B21829" s="6">
        <v>363402.89999999997</v>
      </c>
      <c r="C21829" s="7">
        <f t="shared" si="341"/>
        <v>363.40289999999999</v>
      </c>
    </row>
    <row r="21830" spans="1:3" x14ac:dyDescent="0.25">
      <c r="A21830" s="2" t="s">
        <v>13488</v>
      </c>
      <c r="B21830" s="6">
        <v>363419.55</v>
      </c>
      <c r="C21830" s="7">
        <f t="shared" si="341"/>
        <v>363.41955000000002</v>
      </c>
    </row>
    <row r="21831" spans="1:3" x14ac:dyDescent="0.25">
      <c r="A21831" s="2" t="s">
        <v>13489</v>
      </c>
      <c r="B21831" s="6">
        <v>363436.19999999995</v>
      </c>
      <c r="C21831" s="7">
        <f t="shared" si="341"/>
        <v>363.43619999999993</v>
      </c>
    </row>
    <row r="21832" spans="1:3" x14ac:dyDescent="0.25">
      <c r="A21832" s="2" t="s">
        <v>13490</v>
      </c>
      <c r="B21832" s="6">
        <v>363452.85</v>
      </c>
      <c r="C21832" s="7">
        <f t="shared" si="341"/>
        <v>363.45284999999996</v>
      </c>
    </row>
    <row r="21833" spans="1:3" x14ac:dyDescent="0.25">
      <c r="A21833" s="2" t="s">
        <v>13491</v>
      </c>
      <c r="B21833" s="6">
        <v>363469.49999999994</v>
      </c>
      <c r="C21833" s="7">
        <f t="shared" si="341"/>
        <v>363.46949999999993</v>
      </c>
    </row>
    <row r="21834" spans="1:3" x14ac:dyDescent="0.25">
      <c r="A21834" s="2" t="s">
        <v>13492</v>
      </c>
      <c r="B21834" s="6">
        <v>363486.14999999997</v>
      </c>
      <c r="C21834" s="7">
        <f t="shared" si="341"/>
        <v>363.48614999999995</v>
      </c>
    </row>
    <row r="21835" spans="1:3" x14ac:dyDescent="0.25">
      <c r="A21835" s="2" t="s">
        <v>13493</v>
      </c>
      <c r="B21835" s="6">
        <v>363502.8</v>
      </c>
      <c r="C21835" s="7">
        <f t="shared" si="341"/>
        <v>363.50279999999998</v>
      </c>
    </row>
    <row r="21836" spans="1:3" x14ac:dyDescent="0.25">
      <c r="A21836" s="2" t="s">
        <v>13494</v>
      </c>
      <c r="B21836" s="6">
        <v>363519.44999999995</v>
      </c>
      <c r="C21836" s="7">
        <f t="shared" si="341"/>
        <v>363.51944999999995</v>
      </c>
    </row>
    <row r="21837" spans="1:3" x14ac:dyDescent="0.25">
      <c r="A21837" s="2" t="s">
        <v>13495</v>
      </c>
      <c r="B21837" s="6">
        <v>363536.1</v>
      </c>
      <c r="C21837" s="7">
        <f t="shared" si="341"/>
        <v>363.53609999999998</v>
      </c>
    </row>
    <row r="21838" spans="1:3" x14ac:dyDescent="0.25">
      <c r="A21838" s="2" t="s">
        <v>13496</v>
      </c>
      <c r="B21838" s="6">
        <v>363552.74999999994</v>
      </c>
      <c r="C21838" s="7">
        <f t="shared" si="341"/>
        <v>363.55274999999995</v>
      </c>
    </row>
    <row r="21839" spans="1:3" x14ac:dyDescent="0.25">
      <c r="A21839" s="2" t="s">
        <v>13497</v>
      </c>
      <c r="B21839" s="6">
        <v>363569.39999999997</v>
      </c>
      <c r="C21839" s="7">
        <f t="shared" si="341"/>
        <v>363.56939999999997</v>
      </c>
    </row>
    <row r="21840" spans="1:3" x14ac:dyDescent="0.25">
      <c r="A21840" s="2" t="s">
        <v>13498</v>
      </c>
      <c r="B21840" s="6">
        <v>363586.05</v>
      </c>
      <c r="C21840" s="7">
        <f t="shared" si="341"/>
        <v>363.58605</v>
      </c>
    </row>
    <row r="21841" spans="1:3" x14ac:dyDescent="0.25">
      <c r="A21841" s="2" t="s">
        <v>13499</v>
      </c>
      <c r="B21841" s="6">
        <v>363602.69999999995</v>
      </c>
      <c r="C21841" s="7">
        <f t="shared" si="341"/>
        <v>363.60269999999997</v>
      </c>
    </row>
    <row r="21842" spans="1:3" x14ac:dyDescent="0.25">
      <c r="A21842" s="2" t="s">
        <v>13500</v>
      </c>
      <c r="B21842" s="6">
        <v>363619.35</v>
      </c>
      <c r="C21842" s="7">
        <f t="shared" si="341"/>
        <v>363.61935</v>
      </c>
    </row>
    <row r="21843" spans="1:3" x14ac:dyDescent="0.25">
      <c r="A21843" s="2" t="s">
        <v>13501</v>
      </c>
      <c r="B21843" s="6">
        <v>363635.99999999994</v>
      </c>
      <c r="C21843" s="7">
        <f t="shared" si="341"/>
        <v>363.63599999999997</v>
      </c>
    </row>
    <row r="21844" spans="1:3" x14ac:dyDescent="0.25">
      <c r="A21844" s="2" t="s">
        <v>13502</v>
      </c>
      <c r="B21844" s="6">
        <v>363652.64999999997</v>
      </c>
      <c r="C21844" s="7">
        <f t="shared" si="341"/>
        <v>363.65264999999994</v>
      </c>
    </row>
    <row r="21845" spans="1:3" x14ac:dyDescent="0.25">
      <c r="A21845" s="2" t="s">
        <v>13503</v>
      </c>
      <c r="B21845" s="6">
        <v>363669.3</v>
      </c>
      <c r="C21845" s="7">
        <f t="shared" si="341"/>
        <v>363.66929999999996</v>
      </c>
    </row>
    <row r="21846" spans="1:3" x14ac:dyDescent="0.25">
      <c r="A21846" s="2" t="s">
        <v>13504</v>
      </c>
      <c r="B21846" s="6">
        <v>363685.94999999995</v>
      </c>
      <c r="C21846" s="7">
        <f t="shared" si="341"/>
        <v>363.68594999999993</v>
      </c>
    </row>
    <row r="21847" spans="1:3" x14ac:dyDescent="0.25">
      <c r="A21847" s="2" t="s">
        <v>13505</v>
      </c>
      <c r="B21847" s="6">
        <v>363702.6</v>
      </c>
      <c r="C21847" s="7">
        <f t="shared" si="341"/>
        <v>363.70259999999996</v>
      </c>
    </row>
    <row r="21848" spans="1:3" x14ac:dyDescent="0.25">
      <c r="A21848" s="2" t="s">
        <v>13506</v>
      </c>
      <c r="B21848" s="6">
        <v>363719.24999999994</v>
      </c>
      <c r="C21848" s="7">
        <f t="shared" si="341"/>
        <v>363.71924999999993</v>
      </c>
    </row>
    <row r="21849" spans="1:3" x14ac:dyDescent="0.25">
      <c r="A21849" s="2" t="s">
        <v>13507</v>
      </c>
      <c r="B21849" s="6">
        <v>363735.89999999997</v>
      </c>
      <c r="C21849" s="7">
        <f t="shared" si="341"/>
        <v>363.73589999999996</v>
      </c>
    </row>
    <row r="21850" spans="1:3" x14ac:dyDescent="0.25">
      <c r="A21850" s="2" t="s">
        <v>13508</v>
      </c>
      <c r="B21850" s="6">
        <v>363752.55</v>
      </c>
      <c r="C21850" s="7">
        <f t="shared" si="341"/>
        <v>363.75254999999999</v>
      </c>
    </row>
    <row r="21851" spans="1:3" x14ac:dyDescent="0.25">
      <c r="A21851" s="2" t="s">
        <v>13509</v>
      </c>
      <c r="B21851" s="6">
        <v>363769.19999999995</v>
      </c>
      <c r="C21851" s="7">
        <f t="shared" si="341"/>
        <v>363.76919999999996</v>
      </c>
    </row>
    <row r="21852" spans="1:3" x14ac:dyDescent="0.25">
      <c r="A21852" s="2" t="s">
        <v>13510</v>
      </c>
      <c r="B21852" s="6">
        <v>363785.85</v>
      </c>
      <c r="C21852" s="7">
        <f t="shared" si="341"/>
        <v>363.78584999999998</v>
      </c>
    </row>
    <row r="21853" spans="1:3" x14ac:dyDescent="0.25">
      <c r="A21853" s="2" t="s">
        <v>13511</v>
      </c>
      <c r="B21853" s="6">
        <v>363802.49999999994</v>
      </c>
      <c r="C21853" s="7">
        <f t="shared" si="341"/>
        <v>363.80249999999995</v>
      </c>
    </row>
    <row r="21854" spans="1:3" x14ac:dyDescent="0.25">
      <c r="A21854" s="2" t="s">
        <v>13512</v>
      </c>
      <c r="B21854" s="6">
        <v>363819.14999999997</v>
      </c>
      <c r="C21854" s="7">
        <f t="shared" si="341"/>
        <v>363.81914999999998</v>
      </c>
    </row>
    <row r="21855" spans="1:3" x14ac:dyDescent="0.25">
      <c r="A21855" s="2" t="s">
        <v>13513</v>
      </c>
      <c r="B21855" s="6">
        <v>363835.8</v>
      </c>
      <c r="C21855" s="7">
        <f t="shared" si="341"/>
        <v>363.83580000000001</v>
      </c>
    </row>
    <row r="21856" spans="1:3" x14ac:dyDescent="0.25">
      <c r="A21856" s="2" t="s">
        <v>13514</v>
      </c>
      <c r="B21856" s="6">
        <v>363852.44999999995</v>
      </c>
      <c r="C21856" s="7">
        <f t="shared" si="341"/>
        <v>363.85244999999998</v>
      </c>
    </row>
    <row r="21857" spans="1:3" x14ac:dyDescent="0.25">
      <c r="A21857" s="2" t="s">
        <v>13515</v>
      </c>
      <c r="B21857" s="6">
        <v>363869.1</v>
      </c>
      <c r="C21857" s="7">
        <f t="shared" si="341"/>
        <v>363.8691</v>
      </c>
    </row>
    <row r="21858" spans="1:3" x14ac:dyDescent="0.25">
      <c r="A21858" s="2" t="s">
        <v>13516</v>
      </c>
      <c r="B21858" s="6">
        <v>363885.74999999994</v>
      </c>
      <c r="C21858" s="7">
        <f t="shared" si="341"/>
        <v>363.88574999999992</v>
      </c>
    </row>
    <row r="21859" spans="1:3" x14ac:dyDescent="0.25">
      <c r="A21859" s="2" t="s">
        <v>13517</v>
      </c>
      <c r="B21859" s="6">
        <v>363902.39999999997</v>
      </c>
      <c r="C21859" s="7">
        <f t="shared" si="341"/>
        <v>363.90239999999994</v>
      </c>
    </row>
    <row r="21860" spans="1:3" x14ac:dyDescent="0.25">
      <c r="A21860" s="2" t="s">
        <v>13518</v>
      </c>
      <c r="B21860" s="6">
        <v>363919.05</v>
      </c>
      <c r="C21860" s="7">
        <f t="shared" si="341"/>
        <v>363.91904999999997</v>
      </c>
    </row>
    <row r="21861" spans="1:3" x14ac:dyDescent="0.25">
      <c r="A21861" s="2" t="s">
        <v>13519</v>
      </c>
      <c r="B21861" s="6">
        <v>363935.69999999995</v>
      </c>
      <c r="C21861" s="7">
        <f t="shared" si="341"/>
        <v>363.93569999999994</v>
      </c>
    </row>
    <row r="21862" spans="1:3" x14ac:dyDescent="0.25">
      <c r="A21862" s="2" t="s">
        <v>13520</v>
      </c>
      <c r="B21862" s="6">
        <v>363952.35</v>
      </c>
      <c r="C21862" s="7">
        <f t="shared" si="341"/>
        <v>363.95234999999997</v>
      </c>
    </row>
    <row r="21863" spans="1:3" x14ac:dyDescent="0.25">
      <c r="A21863" s="2" t="s">
        <v>13521</v>
      </c>
      <c r="B21863" s="6">
        <v>363968.99999999994</v>
      </c>
      <c r="C21863" s="7">
        <f t="shared" si="341"/>
        <v>363.96899999999994</v>
      </c>
    </row>
    <row r="21864" spans="1:3" x14ac:dyDescent="0.25">
      <c r="A21864" s="2" t="s">
        <v>13522</v>
      </c>
      <c r="B21864" s="6">
        <v>363985.64999999997</v>
      </c>
      <c r="C21864" s="7">
        <f t="shared" si="341"/>
        <v>363.98564999999996</v>
      </c>
    </row>
    <row r="21865" spans="1:3" x14ac:dyDescent="0.25">
      <c r="A21865" s="2" t="s">
        <v>13523</v>
      </c>
      <c r="B21865" s="6">
        <v>364002.3</v>
      </c>
      <c r="C21865" s="7">
        <f t="shared" si="341"/>
        <v>364.00229999999999</v>
      </c>
    </row>
    <row r="21866" spans="1:3" x14ac:dyDescent="0.25">
      <c r="A21866" s="2" t="s">
        <v>13524</v>
      </c>
      <c r="B21866" s="6">
        <v>364018.94999999995</v>
      </c>
      <c r="C21866" s="7">
        <f t="shared" si="341"/>
        <v>364.01894999999996</v>
      </c>
    </row>
    <row r="21867" spans="1:3" x14ac:dyDescent="0.25">
      <c r="A21867" s="2" t="s">
        <v>13525</v>
      </c>
      <c r="B21867" s="6">
        <v>364035.6</v>
      </c>
      <c r="C21867" s="7">
        <f t="shared" si="341"/>
        <v>364.03559999999999</v>
      </c>
    </row>
    <row r="21868" spans="1:3" x14ac:dyDescent="0.25">
      <c r="A21868" s="2" t="s">
        <v>13526</v>
      </c>
      <c r="B21868" s="6">
        <v>364052.24999999994</v>
      </c>
      <c r="C21868" s="7">
        <f t="shared" si="341"/>
        <v>364.05224999999996</v>
      </c>
    </row>
    <row r="21869" spans="1:3" x14ac:dyDescent="0.25">
      <c r="A21869" s="2" t="s">
        <v>13527</v>
      </c>
      <c r="B21869" s="6">
        <v>364068.89999999997</v>
      </c>
      <c r="C21869" s="7">
        <f t="shared" si="341"/>
        <v>364.06889999999999</v>
      </c>
    </row>
    <row r="21870" spans="1:3" x14ac:dyDescent="0.25">
      <c r="A21870" s="2" t="s">
        <v>13528</v>
      </c>
      <c r="B21870" s="6">
        <v>364085.55</v>
      </c>
      <c r="C21870" s="7">
        <f t="shared" si="341"/>
        <v>364.08555000000001</v>
      </c>
    </row>
    <row r="21871" spans="1:3" x14ac:dyDescent="0.25">
      <c r="A21871" s="2" t="s">
        <v>13529</v>
      </c>
      <c r="B21871" s="6">
        <v>364102.19999999995</v>
      </c>
      <c r="C21871" s="7">
        <f t="shared" si="341"/>
        <v>364.10219999999993</v>
      </c>
    </row>
    <row r="21872" spans="1:3" x14ac:dyDescent="0.25">
      <c r="A21872" s="2" t="s">
        <v>13530</v>
      </c>
      <c r="B21872" s="6">
        <v>364118.85</v>
      </c>
      <c r="C21872" s="7">
        <f t="shared" si="341"/>
        <v>364.11884999999995</v>
      </c>
    </row>
    <row r="21873" spans="1:3" x14ac:dyDescent="0.25">
      <c r="A21873" s="2" t="s">
        <v>13531</v>
      </c>
      <c r="B21873" s="6">
        <v>364135.49999999994</v>
      </c>
      <c r="C21873" s="7">
        <f t="shared" si="341"/>
        <v>364.13549999999992</v>
      </c>
    </row>
    <row r="21874" spans="1:3" x14ac:dyDescent="0.25">
      <c r="A21874" s="2" t="s">
        <v>13532</v>
      </c>
      <c r="B21874" s="6">
        <v>364152.14999999997</v>
      </c>
      <c r="C21874" s="7">
        <f t="shared" si="341"/>
        <v>364.15214999999995</v>
      </c>
    </row>
    <row r="21875" spans="1:3" x14ac:dyDescent="0.25">
      <c r="A21875" s="2" t="s">
        <v>13533</v>
      </c>
      <c r="B21875" s="6">
        <v>364168.8</v>
      </c>
      <c r="C21875" s="7">
        <f t="shared" si="341"/>
        <v>364.16879999999998</v>
      </c>
    </row>
    <row r="21876" spans="1:3" x14ac:dyDescent="0.25">
      <c r="A21876" s="2" t="s">
        <v>13534</v>
      </c>
      <c r="B21876" s="6">
        <v>364185.44999999995</v>
      </c>
      <c r="C21876" s="7">
        <f t="shared" si="341"/>
        <v>364.18544999999995</v>
      </c>
    </row>
    <row r="21877" spans="1:3" x14ac:dyDescent="0.25">
      <c r="A21877" s="2" t="s">
        <v>13535</v>
      </c>
      <c r="B21877" s="6">
        <v>364202.1</v>
      </c>
      <c r="C21877" s="7">
        <f t="shared" si="341"/>
        <v>364.20209999999997</v>
      </c>
    </row>
    <row r="21878" spans="1:3" x14ac:dyDescent="0.25">
      <c r="A21878" s="2" t="s">
        <v>13536</v>
      </c>
      <c r="B21878" s="6">
        <v>364218.74999999994</v>
      </c>
      <c r="C21878" s="7">
        <f t="shared" si="341"/>
        <v>364.21874999999994</v>
      </c>
    </row>
    <row r="21879" spans="1:3" x14ac:dyDescent="0.25">
      <c r="A21879" s="2" t="s">
        <v>13537</v>
      </c>
      <c r="B21879" s="6">
        <v>364235.39999999997</v>
      </c>
      <c r="C21879" s="7">
        <f t="shared" si="341"/>
        <v>364.23539999999997</v>
      </c>
    </row>
    <row r="21880" spans="1:3" x14ac:dyDescent="0.25">
      <c r="A21880" s="2" t="s">
        <v>13538</v>
      </c>
      <c r="B21880" s="6">
        <v>364252.05</v>
      </c>
      <c r="C21880" s="7">
        <f t="shared" si="341"/>
        <v>364.25205</v>
      </c>
    </row>
    <row r="21881" spans="1:3" x14ac:dyDescent="0.25">
      <c r="A21881" s="2" t="s">
        <v>13539</v>
      </c>
      <c r="B21881" s="6">
        <v>364268.69999999995</v>
      </c>
      <c r="C21881" s="7">
        <f t="shared" si="341"/>
        <v>364.26869999999997</v>
      </c>
    </row>
    <row r="21882" spans="1:3" x14ac:dyDescent="0.25">
      <c r="A21882" s="2" t="s">
        <v>13540</v>
      </c>
      <c r="B21882" s="6">
        <v>364285.35</v>
      </c>
      <c r="C21882" s="7">
        <f t="shared" si="341"/>
        <v>364.28534999999999</v>
      </c>
    </row>
    <row r="21883" spans="1:3" x14ac:dyDescent="0.25">
      <c r="A21883" s="2" t="s">
        <v>13541</v>
      </c>
      <c r="B21883" s="6">
        <v>364301.99999999994</v>
      </c>
      <c r="C21883" s="7">
        <f t="shared" si="341"/>
        <v>364.30199999999996</v>
      </c>
    </row>
    <row r="21884" spans="1:3" x14ac:dyDescent="0.25">
      <c r="A21884" s="2" t="s">
        <v>13542</v>
      </c>
      <c r="B21884" s="6">
        <v>364318.64999999997</v>
      </c>
      <c r="C21884" s="7">
        <f t="shared" si="341"/>
        <v>364.31864999999999</v>
      </c>
    </row>
    <row r="21885" spans="1:3" x14ac:dyDescent="0.25">
      <c r="A21885" s="2" t="s">
        <v>13543</v>
      </c>
      <c r="B21885" s="6">
        <v>364335.3</v>
      </c>
      <c r="C21885" s="7">
        <f t="shared" si="341"/>
        <v>364.33529999999996</v>
      </c>
    </row>
    <row r="21886" spans="1:3" x14ac:dyDescent="0.25">
      <c r="A21886" s="2" t="s">
        <v>13544</v>
      </c>
      <c r="B21886" s="6">
        <v>364351.94999999995</v>
      </c>
      <c r="C21886" s="7">
        <f t="shared" si="341"/>
        <v>364.35194999999993</v>
      </c>
    </row>
    <row r="21887" spans="1:3" x14ac:dyDescent="0.25">
      <c r="A21887" s="2" t="s">
        <v>13545</v>
      </c>
      <c r="B21887" s="6">
        <v>364368.6</v>
      </c>
      <c r="C21887" s="7">
        <f t="shared" si="341"/>
        <v>364.36859999999996</v>
      </c>
    </row>
    <row r="21888" spans="1:3" x14ac:dyDescent="0.25">
      <c r="A21888" s="2" t="s">
        <v>13546</v>
      </c>
      <c r="B21888" s="6">
        <v>364385.24999999994</v>
      </c>
      <c r="C21888" s="7">
        <f t="shared" si="341"/>
        <v>364.38524999999993</v>
      </c>
    </row>
    <row r="21889" spans="1:3" x14ac:dyDescent="0.25">
      <c r="A21889" s="2" t="s">
        <v>13547</v>
      </c>
      <c r="B21889" s="6">
        <v>364401.89999999997</v>
      </c>
      <c r="C21889" s="7">
        <f t="shared" si="341"/>
        <v>364.40189999999996</v>
      </c>
    </row>
    <row r="21890" spans="1:3" x14ac:dyDescent="0.25">
      <c r="A21890" s="2" t="s">
        <v>13548</v>
      </c>
      <c r="B21890" s="6">
        <v>364418.55</v>
      </c>
      <c r="C21890" s="7">
        <f t="shared" si="341"/>
        <v>364.41854999999998</v>
      </c>
    </row>
    <row r="21891" spans="1:3" x14ac:dyDescent="0.25">
      <c r="A21891" s="2" t="s">
        <v>13549</v>
      </c>
      <c r="B21891" s="6">
        <v>364435.19999999995</v>
      </c>
      <c r="C21891" s="7">
        <f t="shared" ref="C21891:C21954" si="342">B21891/1000</f>
        <v>364.43519999999995</v>
      </c>
    </row>
    <row r="21892" spans="1:3" x14ac:dyDescent="0.25">
      <c r="A21892" s="2" t="s">
        <v>13550</v>
      </c>
      <c r="B21892" s="6">
        <v>364451.85</v>
      </c>
      <c r="C21892" s="7">
        <f t="shared" si="342"/>
        <v>364.45184999999998</v>
      </c>
    </row>
    <row r="21893" spans="1:3" x14ac:dyDescent="0.25">
      <c r="A21893" s="2" t="s">
        <v>13551</v>
      </c>
      <c r="B21893" s="6">
        <v>364468.49999999994</v>
      </c>
      <c r="C21893" s="7">
        <f t="shared" si="342"/>
        <v>364.46849999999995</v>
      </c>
    </row>
    <row r="21894" spans="1:3" x14ac:dyDescent="0.25">
      <c r="A21894" s="2" t="s">
        <v>13552</v>
      </c>
      <c r="B21894" s="6">
        <v>364485.14999999997</v>
      </c>
      <c r="C21894" s="7">
        <f t="shared" si="342"/>
        <v>364.48514999999998</v>
      </c>
    </row>
    <row r="21895" spans="1:3" x14ac:dyDescent="0.25">
      <c r="A21895" s="2" t="s">
        <v>13553</v>
      </c>
      <c r="B21895" s="6">
        <v>364501.8</v>
      </c>
      <c r="C21895" s="7">
        <f t="shared" si="342"/>
        <v>364.5018</v>
      </c>
    </row>
    <row r="21896" spans="1:3" x14ac:dyDescent="0.25">
      <c r="A21896" s="2" t="s">
        <v>13554</v>
      </c>
      <c r="B21896" s="6">
        <v>364518.44999999995</v>
      </c>
      <c r="C21896" s="7">
        <f t="shared" si="342"/>
        <v>364.51844999999997</v>
      </c>
    </row>
    <row r="21897" spans="1:3" x14ac:dyDescent="0.25">
      <c r="A21897" s="2" t="s">
        <v>13555</v>
      </c>
      <c r="B21897" s="6">
        <v>364535.1</v>
      </c>
      <c r="C21897" s="7">
        <f t="shared" si="342"/>
        <v>364.5351</v>
      </c>
    </row>
    <row r="21898" spans="1:3" x14ac:dyDescent="0.25">
      <c r="A21898" s="2" t="s">
        <v>13556</v>
      </c>
      <c r="B21898" s="6">
        <v>364551.74999999994</v>
      </c>
      <c r="C21898" s="7">
        <f t="shared" si="342"/>
        <v>364.55174999999997</v>
      </c>
    </row>
    <row r="21899" spans="1:3" x14ac:dyDescent="0.25">
      <c r="A21899" s="2" t="s">
        <v>13557</v>
      </c>
      <c r="B21899" s="6">
        <v>364568.39999999997</v>
      </c>
      <c r="C21899" s="7">
        <f t="shared" si="342"/>
        <v>364.56839999999994</v>
      </c>
    </row>
    <row r="21900" spans="1:3" x14ac:dyDescent="0.25">
      <c r="A21900" s="2" t="s">
        <v>13558</v>
      </c>
      <c r="B21900" s="6">
        <v>364585.05</v>
      </c>
      <c r="C21900" s="7">
        <f t="shared" si="342"/>
        <v>364.58504999999997</v>
      </c>
    </row>
    <row r="21901" spans="1:3" x14ac:dyDescent="0.25">
      <c r="A21901" s="2" t="s">
        <v>13559</v>
      </c>
      <c r="B21901" s="6">
        <v>364601.69999999995</v>
      </c>
      <c r="C21901" s="7">
        <f t="shared" si="342"/>
        <v>364.60169999999994</v>
      </c>
    </row>
    <row r="21902" spans="1:3" x14ac:dyDescent="0.25">
      <c r="A21902" s="2" t="s">
        <v>13560</v>
      </c>
      <c r="B21902" s="6">
        <v>364618.35</v>
      </c>
      <c r="C21902" s="7">
        <f t="shared" si="342"/>
        <v>364.61834999999996</v>
      </c>
    </row>
    <row r="21903" spans="1:3" x14ac:dyDescent="0.25">
      <c r="A21903" s="2" t="s">
        <v>13561</v>
      </c>
      <c r="B21903" s="6">
        <v>364634.99999999994</v>
      </c>
      <c r="C21903" s="7">
        <f t="shared" si="342"/>
        <v>364.63499999999993</v>
      </c>
    </row>
    <row r="21904" spans="1:3" x14ac:dyDescent="0.25">
      <c r="A21904" s="2" t="s">
        <v>13562</v>
      </c>
      <c r="B21904" s="6">
        <v>364651.64999999997</v>
      </c>
      <c r="C21904" s="7">
        <f t="shared" si="342"/>
        <v>364.65164999999996</v>
      </c>
    </row>
    <row r="21905" spans="1:3" x14ac:dyDescent="0.25">
      <c r="A21905" s="2" t="s">
        <v>13563</v>
      </c>
      <c r="B21905" s="6">
        <v>364668.3</v>
      </c>
      <c r="C21905" s="7">
        <f t="shared" si="342"/>
        <v>364.66829999999999</v>
      </c>
    </row>
    <row r="21906" spans="1:3" x14ac:dyDescent="0.25">
      <c r="A21906" s="2" t="s">
        <v>13564</v>
      </c>
      <c r="B21906" s="6">
        <v>364684.94999999995</v>
      </c>
      <c r="C21906" s="7">
        <f t="shared" si="342"/>
        <v>364.68494999999996</v>
      </c>
    </row>
    <row r="21907" spans="1:3" x14ac:dyDescent="0.25">
      <c r="A21907" s="2" t="s">
        <v>13565</v>
      </c>
      <c r="B21907" s="6">
        <v>364701.6</v>
      </c>
      <c r="C21907" s="7">
        <f t="shared" si="342"/>
        <v>364.70159999999998</v>
      </c>
    </row>
    <row r="21908" spans="1:3" x14ac:dyDescent="0.25">
      <c r="A21908" s="2" t="s">
        <v>13566</v>
      </c>
      <c r="B21908" s="6">
        <v>364718.24999999994</v>
      </c>
      <c r="C21908" s="7">
        <f t="shared" si="342"/>
        <v>364.71824999999995</v>
      </c>
    </row>
    <row r="21909" spans="1:3" x14ac:dyDescent="0.25">
      <c r="A21909" s="2" t="s">
        <v>13567</v>
      </c>
      <c r="B21909" s="6">
        <v>364734.89999999997</v>
      </c>
      <c r="C21909" s="7">
        <f t="shared" si="342"/>
        <v>364.73489999999998</v>
      </c>
    </row>
    <row r="21910" spans="1:3" x14ac:dyDescent="0.25">
      <c r="A21910" s="2" t="s">
        <v>13568</v>
      </c>
      <c r="B21910" s="6">
        <v>364751.55</v>
      </c>
      <c r="C21910" s="7">
        <f t="shared" si="342"/>
        <v>364.75155000000001</v>
      </c>
    </row>
    <row r="21911" spans="1:3" x14ac:dyDescent="0.25">
      <c r="A21911" s="2" t="s">
        <v>13569</v>
      </c>
      <c r="B21911" s="6">
        <v>364768.19999999995</v>
      </c>
      <c r="C21911" s="7">
        <f t="shared" si="342"/>
        <v>364.76819999999998</v>
      </c>
    </row>
    <row r="21912" spans="1:3" x14ac:dyDescent="0.25">
      <c r="A21912" s="2" t="s">
        <v>13570</v>
      </c>
      <c r="B21912" s="6">
        <v>364784.85</v>
      </c>
      <c r="C21912" s="7">
        <f t="shared" si="342"/>
        <v>364.78484999999995</v>
      </c>
    </row>
    <row r="21913" spans="1:3" x14ac:dyDescent="0.25">
      <c r="A21913" s="2" t="s">
        <v>13571</v>
      </c>
      <c r="B21913" s="6">
        <v>364801.49999999994</v>
      </c>
      <c r="C21913" s="7">
        <f t="shared" si="342"/>
        <v>364.80149999999992</v>
      </c>
    </row>
    <row r="21914" spans="1:3" x14ac:dyDescent="0.25">
      <c r="A21914" s="2" t="s">
        <v>13572</v>
      </c>
      <c r="B21914" s="6">
        <v>364818.14999999997</v>
      </c>
      <c r="C21914" s="7">
        <f t="shared" si="342"/>
        <v>364.81814999999995</v>
      </c>
    </row>
    <row r="21915" spans="1:3" x14ac:dyDescent="0.25">
      <c r="A21915" s="2" t="s">
        <v>13573</v>
      </c>
      <c r="B21915" s="6">
        <v>364834.8</v>
      </c>
      <c r="C21915" s="7">
        <f t="shared" si="342"/>
        <v>364.83479999999997</v>
      </c>
    </row>
    <row r="21916" spans="1:3" x14ac:dyDescent="0.25">
      <c r="A21916" s="2" t="s">
        <v>13574</v>
      </c>
      <c r="B21916" s="6">
        <v>364851.44999999995</v>
      </c>
      <c r="C21916" s="7">
        <f t="shared" si="342"/>
        <v>364.85144999999994</v>
      </c>
    </row>
    <row r="21917" spans="1:3" x14ac:dyDescent="0.25">
      <c r="A21917" s="2" t="s">
        <v>13575</v>
      </c>
      <c r="B21917" s="6">
        <v>364868.1</v>
      </c>
      <c r="C21917" s="7">
        <f t="shared" si="342"/>
        <v>364.86809999999997</v>
      </c>
    </row>
    <row r="21918" spans="1:3" x14ac:dyDescent="0.25">
      <c r="A21918" s="2" t="s">
        <v>13576</v>
      </c>
      <c r="B21918" s="6">
        <v>364884.74999999994</v>
      </c>
      <c r="C21918" s="7">
        <f t="shared" si="342"/>
        <v>364.88474999999994</v>
      </c>
    </row>
    <row r="21919" spans="1:3" x14ac:dyDescent="0.25">
      <c r="A21919" s="2" t="s">
        <v>13577</v>
      </c>
      <c r="B21919" s="6">
        <v>364901.39999999997</v>
      </c>
      <c r="C21919" s="7">
        <f t="shared" si="342"/>
        <v>364.90139999999997</v>
      </c>
    </row>
    <row r="21920" spans="1:3" x14ac:dyDescent="0.25">
      <c r="A21920" s="2" t="s">
        <v>13578</v>
      </c>
      <c r="B21920" s="6">
        <v>364918.05</v>
      </c>
      <c r="C21920" s="7">
        <f t="shared" si="342"/>
        <v>364.91804999999999</v>
      </c>
    </row>
    <row r="21921" spans="1:3" x14ac:dyDescent="0.25">
      <c r="A21921" s="2" t="s">
        <v>13579</v>
      </c>
      <c r="B21921" s="6">
        <v>364934.69999999995</v>
      </c>
      <c r="C21921" s="7">
        <f t="shared" si="342"/>
        <v>364.93469999999996</v>
      </c>
    </row>
    <row r="21922" spans="1:3" x14ac:dyDescent="0.25">
      <c r="A21922" s="2" t="s">
        <v>13580</v>
      </c>
      <c r="B21922" s="6">
        <v>364951.35</v>
      </c>
      <c r="C21922" s="7">
        <f t="shared" si="342"/>
        <v>364.95134999999999</v>
      </c>
    </row>
    <row r="21923" spans="1:3" x14ac:dyDescent="0.25">
      <c r="A21923" s="2" t="s">
        <v>13581</v>
      </c>
      <c r="B21923" s="6">
        <v>364967.99999999994</v>
      </c>
      <c r="C21923" s="7">
        <f t="shared" si="342"/>
        <v>364.96799999999996</v>
      </c>
    </row>
    <row r="21924" spans="1:3" x14ac:dyDescent="0.25">
      <c r="A21924" s="2" t="s">
        <v>13582</v>
      </c>
      <c r="B21924" s="6">
        <v>364984.64999999997</v>
      </c>
      <c r="C21924" s="7">
        <f t="shared" si="342"/>
        <v>364.98464999999999</v>
      </c>
    </row>
    <row r="21925" spans="1:3" x14ac:dyDescent="0.25">
      <c r="A21925" s="2" t="s">
        <v>13583</v>
      </c>
      <c r="B21925" s="6">
        <v>365001.3</v>
      </c>
      <c r="C21925" s="7">
        <f t="shared" si="342"/>
        <v>365.00130000000001</v>
      </c>
    </row>
    <row r="21926" spans="1:3" x14ac:dyDescent="0.25">
      <c r="A21926" s="2" t="s">
        <v>13584</v>
      </c>
      <c r="B21926" s="6">
        <v>365017.94999999995</v>
      </c>
      <c r="C21926" s="7">
        <f t="shared" si="342"/>
        <v>365.01794999999993</v>
      </c>
    </row>
    <row r="21927" spans="1:3" x14ac:dyDescent="0.25">
      <c r="A21927" s="2" t="s">
        <v>13585</v>
      </c>
      <c r="B21927" s="6">
        <v>365034.6</v>
      </c>
      <c r="C21927" s="7">
        <f t="shared" si="342"/>
        <v>365.03459999999995</v>
      </c>
    </row>
    <row r="21928" spans="1:3" x14ac:dyDescent="0.25">
      <c r="A21928" s="2" t="s">
        <v>13586</v>
      </c>
      <c r="B21928" s="6">
        <v>365051.24999999994</v>
      </c>
      <c r="C21928" s="7">
        <f t="shared" si="342"/>
        <v>365.05124999999992</v>
      </c>
    </row>
    <row r="21929" spans="1:3" x14ac:dyDescent="0.25">
      <c r="A21929" s="2" t="s">
        <v>13587</v>
      </c>
      <c r="B21929" s="6">
        <v>365067.89999999997</v>
      </c>
      <c r="C21929" s="7">
        <f t="shared" si="342"/>
        <v>365.06789999999995</v>
      </c>
    </row>
    <row r="21930" spans="1:3" x14ac:dyDescent="0.25">
      <c r="A21930" s="2" t="s">
        <v>13588</v>
      </c>
      <c r="B21930" s="6">
        <v>365084.55</v>
      </c>
      <c r="C21930" s="7">
        <f t="shared" si="342"/>
        <v>365.08454999999998</v>
      </c>
    </row>
    <row r="21931" spans="1:3" x14ac:dyDescent="0.25">
      <c r="A21931" s="2" t="s">
        <v>13589</v>
      </c>
      <c r="B21931" s="6">
        <v>365101.19999999995</v>
      </c>
      <c r="C21931" s="7">
        <f t="shared" si="342"/>
        <v>365.10119999999995</v>
      </c>
    </row>
    <row r="21932" spans="1:3" x14ac:dyDescent="0.25">
      <c r="A21932" s="2" t="s">
        <v>13590</v>
      </c>
      <c r="B21932" s="6">
        <v>365117.85</v>
      </c>
      <c r="C21932" s="7">
        <f t="shared" si="342"/>
        <v>365.11784999999998</v>
      </c>
    </row>
    <row r="21933" spans="1:3" x14ac:dyDescent="0.25">
      <c r="A21933" s="2" t="s">
        <v>13591</v>
      </c>
      <c r="B21933" s="6">
        <v>365134.49999999994</v>
      </c>
      <c r="C21933" s="7">
        <f t="shared" si="342"/>
        <v>365.13449999999995</v>
      </c>
    </row>
    <row r="21934" spans="1:3" x14ac:dyDescent="0.25">
      <c r="A21934" s="2" t="s">
        <v>13592</v>
      </c>
      <c r="B21934" s="6">
        <v>365151.14999999997</v>
      </c>
      <c r="C21934" s="7">
        <f t="shared" si="342"/>
        <v>365.15114999999997</v>
      </c>
    </row>
    <row r="21935" spans="1:3" x14ac:dyDescent="0.25">
      <c r="A21935" s="2" t="s">
        <v>13593</v>
      </c>
      <c r="B21935" s="6">
        <v>365167.8</v>
      </c>
      <c r="C21935" s="7">
        <f t="shared" si="342"/>
        <v>365.1678</v>
      </c>
    </row>
    <row r="21936" spans="1:3" x14ac:dyDescent="0.25">
      <c r="A21936" s="2" t="s">
        <v>13594</v>
      </c>
      <c r="B21936" s="6">
        <v>365184.44999999995</v>
      </c>
      <c r="C21936" s="7">
        <f t="shared" si="342"/>
        <v>365.18444999999997</v>
      </c>
    </row>
    <row r="21937" spans="1:3" x14ac:dyDescent="0.25">
      <c r="A21937" s="2" t="s">
        <v>13595</v>
      </c>
      <c r="B21937" s="6">
        <v>365201.1</v>
      </c>
      <c r="C21937" s="7">
        <f t="shared" si="342"/>
        <v>365.2011</v>
      </c>
    </row>
    <row r="21938" spans="1:3" x14ac:dyDescent="0.25">
      <c r="A21938" s="2" t="s">
        <v>13596</v>
      </c>
      <c r="B21938" s="6">
        <v>365217.74999999994</v>
      </c>
      <c r="C21938" s="7">
        <f t="shared" si="342"/>
        <v>365.21774999999997</v>
      </c>
    </row>
    <row r="21939" spans="1:3" x14ac:dyDescent="0.25">
      <c r="A21939" s="2" t="s">
        <v>13597</v>
      </c>
      <c r="B21939" s="6">
        <v>365234.39999999997</v>
      </c>
      <c r="C21939" s="7">
        <f t="shared" si="342"/>
        <v>365.23439999999994</v>
      </c>
    </row>
    <row r="21940" spans="1:3" x14ac:dyDescent="0.25">
      <c r="A21940" s="2" t="s">
        <v>13598</v>
      </c>
      <c r="B21940" s="6">
        <v>365251.05</v>
      </c>
      <c r="C21940" s="7">
        <f t="shared" si="342"/>
        <v>365.25104999999996</v>
      </c>
    </row>
    <row r="21941" spans="1:3" x14ac:dyDescent="0.25">
      <c r="A21941" s="2" t="s">
        <v>13599</v>
      </c>
      <c r="B21941" s="6">
        <v>365267.69999999995</v>
      </c>
      <c r="C21941" s="7">
        <f t="shared" si="342"/>
        <v>365.26769999999993</v>
      </c>
    </row>
    <row r="21942" spans="1:3" x14ac:dyDescent="0.25">
      <c r="A21942" s="2" t="s">
        <v>13600</v>
      </c>
      <c r="B21942" s="6">
        <v>365284.35</v>
      </c>
      <c r="C21942" s="7">
        <f t="shared" si="342"/>
        <v>365.28434999999996</v>
      </c>
    </row>
    <row r="21943" spans="1:3" x14ac:dyDescent="0.25">
      <c r="A21943" s="2" t="s">
        <v>13601</v>
      </c>
      <c r="B21943" s="6">
        <v>365300.99999999994</v>
      </c>
      <c r="C21943" s="7">
        <f t="shared" si="342"/>
        <v>365.30099999999993</v>
      </c>
    </row>
    <row r="21944" spans="1:3" x14ac:dyDescent="0.25">
      <c r="A21944" s="2" t="s">
        <v>13602</v>
      </c>
      <c r="B21944" s="6">
        <v>365317.64999999997</v>
      </c>
      <c r="C21944" s="7">
        <f t="shared" si="342"/>
        <v>365.31764999999996</v>
      </c>
    </row>
    <row r="21945" spans="1:3" x14ac:dyDescent="0.25">
      <c r="A21945" s="2" t="s">
        <v>13603</v>
      </c>
      <c r="B21945" s="6">
        <v>365334.3</v>
      </c>
      <c r="C21945" s="7">
        <f t="shared" si="342"/>
        <v>365.33429999999998</v>
      </c>
    </row>
    <row r="21946" spans="1:3" x14ac:dyDescent="0.25">
      <c r="A21946" s="2" t="s">
        <v>13604</v>
      </c>
      <c r="B21946" s="6">
        <v>365350.94999999995</v>
      </c>
      <c r="C21946" s="7">
        <f t="shared" si="342"/>
        <v>365.35094999999995</v>
      </c>
    </row>
    <row r="21947" spans="1:3" x14ac:dyDescent="0.25">
      <c r="A21947" s="2" t="s">
        <v>13605</v>
      </c>
      <c r="B21947" s="6">
        <v>365367.6</v>
      </c>
      <c r="C21947" s="7">
        <f t="shared" si="342"/>
        <v>365.36759999999998</v>
      </c>
    </row>
    <row r="21948" spans="1:3" x14ac:dyDescent="0.25">
      <c r="A21948" s="2" t="s">
        <v>13606</v>
      </c>
      <c r="B21948" s="6">
        <v>365384.24999999994</v>
      </c>
      <c r="C21948" s="7">
        <f t="shared" si="342"/>
        <v>365.38424999999995</v>
      </c>
    </row>
    <row r="21949" spans="1:3" x14ac:dyDescent="0.25">
      <c r="A21949" s="2" t="s">
        <v>13607</v>
      </c>
      <c r="B21949" s="6">
        <v>365400.89999999997</v>
      </c>
      <c r="C21949" s="7">
        <f t="shared" si="342"/>
        <v>365.40089999999998</v>
      </c>
    </row>
    <row r="21950" spans="1:3" x14ac:dyDescent="0.25">
      <c r="A21950" s="2" t="s">
        <v>13608</v>
      </c>
      <c r="B21950" s="6">
        <v>365417.55</v>
      </c>
      <c r="C21950" s="7">
        <f t="shared" si="342"/>
        <v>365.41755000000001</v>
      </c>
    </row>
    <row r="21951" spans="1:3" x14ac:dyDescent="0.25">
      <c r="A21951" s="2" t="s">
        <v>13609</v>
      </c>
      <c r="B21951" s="6">
        <v>365434.19999999995</v>
      </c>
      <c r="C21951" s="7">
        <f t="shared" si="342"/>
        <v>365.43419999999998</v>
      </c>
    </row>
    <row r="21952" spans="1:3" x14ac:dyDescent="0.25">
      <c r="A21952" s="2" t="s">
        <v>13610</v>
      </c>
      <c r="B21952" s="6">
        <v>365450.85</v>
      </c>
      <c r="C21952" s="7">
        <f t="shared" si="342"/>
        <v>365.45085</v>
      </c>
    </row>
    <row r="21953" spans="1:9" x14ac:dyDescent="0.25">
      <c r="A21953" s="2" t="s">
        <v>13611</v>
      </c>
      <c r="B21953" s="6">
        <v>365467.49999999994</v>
      </c>
      <c r="C21953" s="7">
        <f t="shared" si="342"/>
        <v>365.46749999999992</v>
      </c>
    </row>
    <row r="21954" spans="1:9" x14ac:dyDescent="0.25">
      <c r="A21954" s="2" t="s">
        <v>13612</v>
      </c>
      <c r="B21954" s="6">
        <v>365484.14999999997</v>
      </c>
      <c r="C21954" s="7">
        <f t="shared" si="342"/>
        <v>365.48414999999994</v>
      </c>
    </row>
    <row r="21955" spans="1:9" x14ac:dyDescent="0.25">
      <c r="A21955" s="2" t="s">
        <v>13613</v>
      </c>
      <c r="B21955" s="6">
        <v>365500.8</v>
      </c>
      <c r="C21955" s="7">
        <f t="shared" ref="C21955:C22018" si="343">B21955/1000</f>
        <v>365.50079999999997</v>
      </c>
    </row>
    <row r="21956" spans="1:9" x14ac:dyDescent="0.25">
      <c r="A21956" s="2" t="s">
        <v>13614</v>
      </c>
      <c r="B21956" s="6">
        <v>365517.44999999995</v>
      </c>
      <c r="C21956" s="7">
        <f t="shared" si="343"/>
        <v>365.51744999999994</v>
      </c>
    </row>
    <row r="21957" spans="1:9" x14ac:dyDescent="0.25">
      <c r="A21957" s="2" t="s">
        <v>13615</v>
      </c>
      <c r="B21957" s="6">
        <v>365534.1</v>
      </c>
      <c r="C21957" s="7">
        <f t="shared" si="343"/>
        <v>365.53409999999997</v>
      </c>
    </row>
    <row r="21958" spans="1:9" x14ac:dyDescent="0.25">
      <c r="A21958" s="2" t="s">
        <v>13616</v>
      </c>
      <c r="B21958" s="6">
        <v>365550.74999999994</v>
      </c>
      <c r="C21958" s="7">
        <f t="shared" si="343"/>
        <v>365.55074999999994</v>
      </c>
    </row>
    <row r="21959" spans="1:9" x14ac:dyDescent="0.25">
      <c r="A21959" s="2" t="s">
        <v>13617</v>
      </c>
      <c r="B21959" s="6">
        <v>365567.39999999997</v>
      </c>
      <c r="C21959" s="7">
        <f t="shared" si="343"/>
        <v>365.56739999999996</v>
      </c>
    </row>
    <row r="21960" spans="1:9" x14ac:dyDescent="0.25">
      <c r="A21960" s="2" t="s">
        <v>13618</v>
      </c>
      <c r="B21960" s="6">
        <v>365584.05</v>
      </c>
      <c r="C21960" s="7">
        <f t="shared" si="343"/>
        <v>365.58404999999999</v>
      </c>
    </row>
    <row r="21961" spans="1:9" x14ac:dyDescent="0.25">
      <c r="A21961" s="2" t="s">
        <v>13619</v>
      </c>
      <c r="B21961" s="6">
        <v>365600.69999999995</v>
      </c>
      <c r="C21961" s="7">
        <f t="shared" si="343"/>
        <v>365.60069999999996</v>
      </c>
    </row>
    <row r="21962" spans="1:9" x14ac:dyDescent="0.25">
      <c r="A21962" s="3">
        <v>41645.274270833332</v>
      </c>
      <c r="B21962" s="6">
        <v>365617.35</v>
      </c>
      <c r="C21962" s="7">
        <f t="shared" si="343"/>
        <v>365.61734999999999</v>
      </c>
      <c r="I21962" s="1"/>
    </row>
    <row r="21963" spans="1:9" x14ac:dyDescent="0.25">
      <c r="A21963" s="3">
        <v>41645.274363425924</v>
      </c>
      <c r="B21963" s="6">
        <v>365633.99999999994</v>
      </c>
      <c r="C21963" s="7">
        <f t="shared" si="343"/>
        <v>365.63399999999996</v>
      </c>
      <c r="I21963" s="1"/>
    </row>
    <row r="21964" spans="1:9" x14ac:dyDescent="0.25">
      <c r="A21964" s="3">
        <v>41645.299027777779</v>
      </c>
      <c r="B21964" s="6">
        <v>365650.64999999997</v>
      </c>
      <c r="C21964" s="7">
        <f t="shared" si="343"/>
        <v>365.65064999999998</v>
      </c>
      <c r="I21964" s="1"/>
    </row>
    <row r="21965" spans="1:9" x14ac:dyDescent="0.25">
      <c r="A21965" s="3">
        <v>41645.29928240741</v>
      </c>
      <c r="B21965" s="6">
        <v>365667.3</v>
      </c>
      <c r="C21965" s="7">
        <f t="shared" si="343"/>
        <v>365.66730000000001</v>
      </c>
      <c r="I21965" s="1"/>
    </row>
    <row r="21966" spans="1:9" x14ac:dyDescent="0.25">
      <c r="A21966" s="3">
        <v>41645.355219907404</v>
      </c>
      <c r="B21966" s="6">
        <v>365683.94999999995</v>
      </c>
      <c r="C21966" s="7">
        <f t="shared" si="343"/>
        <v>365.68394999999998</v>
      </c>
      <c r="I21966" s="1"/>
    </row>
    <row r="21967" spans="1:9" x14ac:dyDescent="0.25">
      <c r="A21967" s="3">
        <v>41645.356087962966</v>
      </c>
      <c r="B21967" s="6">
        <v>365700.6</v>
      </c>
      <c r="C21967" s="7">
        <f t="shared" si="343"/>
        <v>365.70059999999995</v>
      </c>
      <c r="I21967" s="1"/>
    </row>
    <row r="21968" spans="1:9" x14ac:dyDescent="0.25">
      <c r="A21968" s="3">
        <v>41645.367337962962</v>
      </c>
      <c r="B21968" s="6">
        <v>365717.24999999994</v>
      </c>
      <c r="C21968" s="7">
        <f t="shared" si="343"/>
        <v>365.71724999999992</v>
      </c>
      <c r="I21968" s="1"/>
    </row>
    <row r="21969" spans="1:9" x14ac:dyDescent="0.25">
      <c r="A21969" s="3">
        <v>41645.367465277777</v>
      </c>
      <c r="B21969" s="6">
        <v>365733.89999999997</v>
      </c>
      <c r="C21969" s="7">
        <f t="shared" si="343"/>
        <v>365.73389999999995</v>
      </c>
      <c r="I21969" s="1"/>
    </row>
    <row r="21970" spans="1:9" x14ac:dyDescent="0.25">
      <c r="A21970" s="3">
        <v>41645.376226851855</v>
      </c>
      <c r="B21970" s="6">
        <v>365750.55</v>
      </c>
      <c r="C21970" s="7">
        <f t="shared" si="343"/>
        <v>365.75054999999998</v>
      </c>
      <c r="I21970" s="1"/>
    </row>
    <row r="21971" spans="1:9" x14ac:dyDescent="0.25">
      <c r="A21971" s="3">
        <v>41645.376319444447</v>
      </c>
      <c r="B21971" s="6">
        <v>365767.19999999995</v>
      </c>
      <c r="C21971" s="7">
        <f t="shared" si="343"/>
        <v>365.76719999999995</v>
      </c>
      <c r="I21971" s="1"/>
    </row>
    <row r="21972" spans="1:9" x14ac:dyDescent="0.25">
      <c r="A21972" s="3">
        <v>41645.378622685188</v>
      </c>
      <c r="B21972" s="6">
        <v>365783.85</v>
      </c>
      <c r="C21972" s="7">
        <f t="shared" si="343"/>
        <v>365.78384999999997</v>
      </c>
      <c r="I21972" s="1"/>
    </row>
    <row r="21973" spans="1:9" x14ac:dyDescent="0.25">
      <c r="A21973" s="3">
        <v>41645.378750000003</v>
      </c>
      <c r="B21973" s="6">
        <v>365800.49999999994</v>
      </c>
      <c r="C21973" s="7">
        <f t="shared" si="343"/>
        <v>365.80049999999994</v>
      </c>
      <c r="I21973" s="1"/>
    </row>
    <row r="21974" spans="1:9" x14ac:dyDescent="0.25">
      <c r="A21974" s="3">
        <v>41645.381562499999</v>
      </c>
      <c r="B21974" s="6">
        <v>365817.14999999997</v>
      </c>
      <c r="C21974" s="7">
        <f t="shared" si="343"/>
        <v>365.81714999999997</v>
      </c>
      <c r="I21974" s="1"/>
    </row>
    <row r="21975" spans="1:9" x14ac:dyDescent="0.25">
      <c r="A21975" s="3">
        <v>41645.382384259261</v>
      </c>
      <c r="B21975" s="6">
        <v>365833.8</v>
      </c>
      <c r="C21975" s="7">
        <f t="shared" si="343"/>
        <v>365.8338</v>
      </c>
      <c r="I21975" s="1"/>
    </row>
    <row r="21976" spans="1:9" x14ac:dyDescent="0.25">
      <c r="A21976" s="3">
        <v>41645.385011574072</v>
      </c>
      <c r="B21976" s="6">
        <v>365850.44999999995</v>
      </c>
      <c r="C21976" s="7">
        <f t="shared" si="343"/>
        <v>365.85044999999997</v>
      </c>
      <c r="I21976" s="1"/>
    </row>
    <row r="21977" spans="1:9" x14ac:dyDescent="0.25">
      <c r="A21977" s="3">
        <v>41645.385127314818</v>
      </c>
      <c r="B21977" s="6">
        <v>365867.1</v>
      </c>
      <c r="C21977" s="7">
        <f t="shared" si="343"/>
        <v>365.86709999999999</v>
      </c>
      <c r="I21977" s="1"/>
    </row>
    <row r="21978" spans="1:9" x14ac:dyDescent="0.25">
      <c r="A21978" s="3">
        <v>41645.38585648148</v>
      </c>
      <c r="B21978" s="6">
        <v>365883.74999999994</v>
      </c>
      <c r="C21978" s="7">
        <f t="shared" si="343"/>
        <v>365.88374999999996</v>
      </c>
      <c r="I21978" s="1"/>
    </row>
    <row r="21979" spans="1:9" x14ac:dyDescent="0.25">
      <c r="A21979" s="3">
        <v>41645.385925925926</v>
      </c>
      <c r="B21979" s="6">
        <v>365900.39999999997</v>
      </c>
      <c r="C21979" s="7">
        <f t="shared" si="343"/>
        <v>365.90039999999999</v>
      </c>
      <c r="I21979" s="1"/>
    </row>
    <row r="21980" spans="1:9" x14ac:dyDescent="0.25">
      <c r="A21980" s="3">
        <v>41645.388090277775</v>
      </c>
      <c r="B21980" s="6">
        <v>365917.05</v>
      </c>
      <c r="C21980" s="7">
        <f t="shared" si="343"/>
        <v>365.91704999999996</v>
      </c>
      <c r="I21980" s="1"/>
    </row>
    <row r="21981" spans="1:9" x14ac:dyDescent="0.25">
      <c r="A21981" s="3">
        <v>41645.388194444444</v>
      </c>
      <c r="B21981" s="6">
        <v>365933.69999999995</v>
      </c>
      <c r="C21981" s="7">
        <f t="shared" si="343"/>
        <v>365.93369999999993</v>
      </c>
      <c r="I21981" s="1"/>
    </row>
    <row r="21982" spans="1:9" x14ac:dyDescent="0.25">
      <c r="A21982" s="3">
        <v>41645.390625</v>
      </c>
      <c r="B21982" s="6">
        <v>365950.35</v>
      </c>
      <c r="C21982" s="7">
        <f t="shared" si="343"/>
        <v>365.95034999999996</v>
      </c>
      <c r="I21982" s="1"/>
    </row>
    <row r="21983" spans="1:9" x14ac:dyDescent="0.25">
      <c r="A21983" s="3">
        <v>41645.390844907408</v>
      </c>
      <c r="B21983" s="6">
        <v>365966.99999999994</v>
      </c>
      <c r="C21983" s="7">
        <f t="shared" si="343"/>
        <v>365.96699999999993</v>
      </c>
      <c r="I21983" s="1"/>
    </row>
    <row r="21984" spans="1:9" x14ac:dyDescent="0.25">
      <c r="A21984" s="3">
        <v>41645.393622685187</v>
      </c>
      <c r="B21984" s="6">
        <v>365983.64999999997</v>
      </c>
      <c r="C21984" s="7">
        <f t="shared" si="343"/>
        <v>365.98364999999995</v>
      </c>
      <c r="I21984" s="1"/>
    </row>
    <row r="21985" spans="1:9" x14ac:dyDescent="0.25">
      <c r="A21985" s="3">
        <v>41645.393692129626</v>
      </c>
      <c r="B21985" s="6">
        <v>366000.3</v>
      </c>
      <c r="C21985" s="7">
        <f t="shared" si="343"/>
        <v>366.00029999999998</v>
      </c>
      <c r="I21985" s="1"/>
    </row>
    <row r="21986" spans="1:9" x14ac:dyDescent="0.25">
      <c r="A21986" s="3">
        <v>41645.394976851851</v>
      </c>
      <c r="B21986" s="6">
        <v>366016.94999999995</v>
      </c>
      <c r="C21986" s="7">
        <f t="shared" si="343"/>
        <v>366.01694999999995</v>
      </c>
      <c r="I21986" s="1"/>
    </row>
    <row r="21987" spans="1:9" x14ac:dyDescent="0.25">
      <c r="A21987" s="3">
        <v>41645.39508101852</v>
      </c>
      <c r="B21987" s="6">
        <v>366033.6</v>
      </c>
      <c r="C21987" s="7">
        <f t="shared" si="343"/>
        <v>366.03359999999998</v>
      </c>
      <c r="I21987" s="1"/>
    </row>
    <row r="21988" spans="1:9" x14ac:dyDescent="0.25">
      <c r="A21988" s="3">
        <v>41645.395787037036</v>
      </c>
      <c r="B21988" s="6">
        <v>366050.24999999994</v>
      </c>
      <c r="C21988" s="7">
        <f t="shared" si="343"/>
        <v>366.05024999999995</v>
      </c>
      <c r="I21988" s="1"/>
    </row>
    <row r="21989" spans="1:9" x14ac:dyDescent="0.25">
      <c r="A21989" s="3">
        <v>41645.395856481482</v>
      </c>
      <c r="B21989" s="6">
        <v>366066.89999999997</v>
      </c>
      <c r="C21989" s="7">
        <f t="shared" si="343"/>
        <v>366.06689999999998</v>
      </c>
      <c r="I21989" s="1"/>
    </row>
    <row r="21990" spans="1:9" x14ac:dyDescent="0.25">
      <c r="A21990" s="3">
        <v>41645.398680555554</v>
      </c>
      <c r="B21990" s="6">
        <v>366083.55</v>
      </c>
      <c r="C21990" s="7">
        <f t="shared" si="343"/>
        <v>366.08355</v>
      </c>
      <c r="I21990" s="1"/>
    </row>
    <row r="21991" spans="1:9" x14ac:dyDescent="0.25">
      <c r="A21991" s="3">
        <v>41645.398784722223</v>
      </c>
      <c r="B21991" s="6">
        <v>366100.19999999995</v>
      </c>
      <c r="C21991" s="7">
        <f t="shared" si="343"/>
        <v>366.10019999999997</v>
      </c>
      <c r="I21991" s="1"/>
    </row>
    <row r="21992" spans="1:9" x14ac:dyDescent="0.25">
      <c r="A21992" s="3">
        <v>41645.401979166665</v>
      </c>
      <c r="B21992" s="6">
        <v>366116.85</v>
      </c>
      <c r="C21992" s="7">
        <f t="shared" si="343"/>
        <v>366.11685</v>
      </c>
      <c r="I21992" s="1"/>
    </row>
    <row r="21993" spans="1:9" x14ac:dyDescent="0.25">
      <c r="A21993" s="3">
        <v>41645.402222222219</v>
      </c>
      <c r="B21993" s="6">
        <v>366133.49999999994</v>
      </c>
      <c r="C21993" s="7">
        <f t="shared" si="343"/>
        <v>366.13349999999997</v>
      </c>
      <c r="I21993" s="1"/>
    </row>
    <row r="21994" spans="1:9" x14ac:dyDescent="0.25">
      <c r="A21994" s="3">
        <v>41645.40284722222</v>
      </c>
      <c r="B21994" s="6">
        <v>366150.14999999997</v>
      </c>
      <c r="C21994" s="7">
        <f t="shared" si="343"/>
        <v>366.15014999999994</v>
      </c>
      <c r="I21994" s="1"/>
    </row>
    <row r="21995" spans="1:9" x14ac:dyDescent="0.25">
      <c r="A21995" s="3">
        <v>41645.402928240743</v>
      </c>
      <c r="B21995" s="6">
        <v>366166.8</v>
      </c>
      <c r="C21995" s="7">
        <f t="shared" si="343"/>
        <v>366.16679999999997</v>
      </c>
      <c r="I21995" s="1"/>
    </row>
    <row r="21996" spans="1:9" x14ac:dyDescent="0.25">
      <c r="A21996" s="3">
        <v>41645.403773148151</v>
      </c>
      <c r="B21996" s="6">
        <v>366183.44999999995</v>
      </c>
      <c r="C21996" s="7">
        <f t="shared" si="343"/>
        <v>366.18344999999994</v>
      </c>
      <c r="I21996" s="1"/>
    </row>
    <row r="21997" spans="1:9" x14ac:dyDescent="0.25">
      <c r="A21997" s="3">
        <v>41645.40388888889</v>
      </c>
      <c r="B21997" s="6">
        <v>366200.1</v>
      </c>
      <c r="C21997" s="7">
        <f t="shared" si="343"/>
        <v>366.20009999999996</v>
      </c>
      <c r="I21997" s="1"/>
    </row>
    <row r="21998" spans="1:9" x14ac:dyDescent="0.25">
      <c r="A21998" s="3">
        <v>41645.40556712963</v>
      </c>
      <c r="B21998" s="6">
        <v>366216.74999999994</v>
      </c>
      <c r="C21998" s="7">
        <f t="shared" si="343"/>
        <v>366.21674999999993</v>
      </c>
      <c r="I21998" s="1"/>
    </row>
    <row r="21999" spans="1:9" x14ac:dyDescent="0.25">
      <c r="A21999" s="3">
        <v>41645.405659722222</v>
      </c>
      <c r="B21999" s="6">
        <v>366233.39999999997</v>
      </c>
      <c r="C21999" s="7">
        <f t="shared" si="343"/>
        <v>366.23339999999996</v>
      </c>
      <c r="I21999" s="1"/>
    </row>
    <row r="22000" spans="1:9" x14ac:dyDescent="0.25">
      <c r="A22000" s="3">
        <v>41645.407731481479</v>
      </c>
      <c r="B22000" s="6">
        <v>366250.05</v>
      </c>
      <c r="C22000" s="7">
        <f t="shared" si="343"/>
        <v>366.25004999999999</v>
      </c>
      <c r="I22000" s="1"/>
    </row>
    <row r="22001" spans="1:9" x14ac:dyDescent="0.25">
      <c r="A22001" s="3">
        <v>41645.407881944448</v>
      </c>
      <c r="B22001" s="6">
        <v>366266.69999999995</v>
      </c>
      <c r="C22001" s="7">
        <f t="shared" si="343"/>
        <v>366.26669999999996</v>
      </c>
      <c r="I22001" s="1"/>
    </row>
    <row r="22002" spans="1:9" x14ac:dyDescent="0.25">
      <c r="A22002" s="3">
        <v>41645.409328703703</v>
      </c>
      <c r="B22002" s="6">
        <v>366283.35</v>
      </c>
      <c r="C22002" s="7">
        <f t="shared" si="343"/>
        <v>366.28334999999998</v>
      </c>
      <c r="I22002" s="1"/>
    </row>
    <row r="22003" spans="1:9" x14ac:dyDescent="0.25">
      <c r="A22003" s="3">
        <v>41645.409444444442</v>
      </c>
      <c r="B22003" s="6">
        <v>366299.99999999994</v>
      </c>
      <c r="C22003" s="7">
        <f t="shared" si="343"/>
        <v>366.29999999999995</v>
      </c>
      <c r="I22003" s="1"/>
    </row>
    <row r="22004" spans="1:9" x14ac:dyDescent="0.25">
      <c r="A22004" s="3">
        <v>41645.411226851851</v>
      </c>
      <c r="B22004" s="6">
        <v>366316.64999999997</v>
      </c>
      <c r="C22004" s="7">
        <f t="shared" si="343"/>
        <v>366.31664999999998</v>
      </c>
      <c r="I22004" s="1"/>
    </row>
    <row r="22005" spans="1:9" x14ac:dyDescent="0.25">
      <c r="A22005" s="3">
        <v>41645.411365740743</v>
      </c>
      <c r="B22005" s="6">
        <v>366333.3</v>
      </c>
      <c r="C22005" s="7">
        <f t="shared" si="343"/>
        <v>366.33330000000001</v>
      </c>
      <c r="I22005" s="1"/>
    </row>
    <row r="22006" spans="1:9" x14ac:dyDescent="0.25">
      <c r="A22006" s="3">
        <v>41645.412476851852</v>
      </c>
      <c r="B22006" s="6">
        <v>366349.94999999995</v>
      </c>
      <c r="C22006" s="7">
        <f t="shared" si="343"/>
        <v>366.34994999999998</v>
      </c>
      <c r="I22006" s="1"/>
    </row>
    <row r="22007" spans="1:9" x14ac:dyDescent="0.25">
      <c r="A22007" s="3">
        <v>41645.412546296298</v>
      </c>
      <c r="B22007" s="6">
        <v>366366.6</v>
      </c>
      <c r="C22007" s="7">
        <f t="shared" si="343"/>
        <v>366.36659999999995</v>
      </c>
      <c r="I22007" s="1"/>
    </row>
    <row r="22008" spans="1:9" x14ac:dyDescent="0.25">
      <c r="A22008" s="3">
        <v>41645.413622685184</v>
      </c>
      <c r="B22008" s="6">
        <v>366383.24999999994</v>
      </c>
      <c r="C22008" s="7">
        <f t="shared" si="343"/>
        <v>366.38324999999992</v>
      </c>
      <c r="I22008" s="1"/>
    </row>
    <row r="22009" spans="1:9" x14ac:dyDescent="0.25">
      <c r="A22009" s="3">
        <v>41645.413703703707</v>
      </c>
      <c r="B22009" s="6">
        <v>366399.89999999997</v>
      </c>
      <c r="C22009" s="7">
        <f t="shared" si="343"/>
        <v>366.39989999999995</v>
      </c>
      <c r="I22009" s="1"/>
    </row>
    <row r="22010" spans="1:9" x14ac:dyDescent="0.25">
      <c r="A22010" s="3">
        <v>41645.414606481485</v>
      </c>
      <c r="B22010" s="6">
        <v>366416.55</v>
      </c>
      <c r="C22010" s="7">
        <f t="shared" si="343"/>
        <v>366.41654999999997</v>
      </c>
      <c r="I22010" s="1"/>
    </row>
    <row r="22011" spans="1:9" x14ac:dyDescent="0.25">
      <c r="A22011" s="3">
        <v>41645.414884259262</v>
      </c>
      <c r="B22011" s="6">
        <v>366433.19999999995</v>
      </c>
      <c r="C22011" s="7">
        <f t="shared" si="343"/>
        <v>366.43319999999994</v>
      </c>
      <c r="I22011" s="1"/>
    </row>
    <row r="22012" spans="1:9" x14ac:dyDescent="0.25">
      <c r="A22012" s="3">
        <v>41645.415636574071</v>
      </c>
      <c r="B22012" s="6">
        <v>366449.85</v>
      </c>
      <c r="C22012" s="7">
        <f t="shared" si="343"/>
        <v>366.44984999999997</v>
      </c>
      <c r="I22012" s="1"/>
    </row>
    <row r="22013" spans="1:9" x14ac:dyDescent="0.25">
      <c r="A22013" s="3">
        <v>41645.415763888886</v>
      </c>
      <c r="B22013" s="6">
        <v>366466.49999999994</v>
      </c>
      <c r="C22013" s="7">
        <f t="shared" si="343"/>
        <v>366.46649999999994</v>
      </c>
      <c r="I22013" s="1"/>
    </row>
    <row r="22014" spans="1:9" x14ac:dyDescent="0.25">
      <c r="A22014" s="3">
        <v>41645.416678240741</v>
      </c>
      <c r="B22014" s="6">
        <v>366483.14999999997</v>
      </c>
      <c r="C22014" s="7">
        <f t="shared" si="343"/>
        <v>366.48314999999997</v>
      </c>
      <c r="I22014" s="1"/>
    </row>
    <row r="22015" spans="1:9" x14ac:dyDescent="0.25">
      <c r="A22015" s="3">
        <v>41645.41673611111</v>
      </c>
      <c r="B22015" s="6">
        <v>366499.8</v>
      </c>
      <c r="C22015" s="7">
        <f t="shared" si="343"/>
        <v>366.49979999999999</v>
      </c>
      <c r="I22015" s="1"/>
    </row>
    <row r="22016" spans="1:9" x14ac:dyDescent="0.25">
      <c r="A22016" s="3">
        <v>41645.417407407411</v>
      </c>
      <c r="B22016" s="6">
        <v>366516.44999999995</v>
      </c>
      <c r="C22016" s="7">
        <f t="shared" si="343"/>
        <v>366.51644999999996</v>
      </c>
      <c r="I22016" s="1"/>
    </row>
    <row r="22017" spans="1:9" x14ac:dyDescent="0.25">
      <c r="A22017" s="3">
        <v>41645.417488425926</v>
      </c>
      <c r="B22017" s="6">
        <v>366533.1</v>
      </c>
      <c r="C22017" s="7">
        <f t="shared" si="343"/>
        <v>366.53309999999999</v>
      </c>
      <c r="I22017" s="1"/>
    </row>
    <row r="22018" spans="1:9" x14ac:dyDescent="0.25">
      <c r="A22018" s="3">
        <v>41645.41851851852</v>
      </c>
      <c r="B22018" s="6">
        <v>366549.74999999994</v>
      </c>
      <c r="C22018" s="7">
        <f t="shared" si="343"/>
        <v>366.54974999999996</v>
      </c>
      <c r="I22018" s="1"/>
    </row>
    <row r="22019" spans="1:9" x14ac:dyDescent="0.25">
      <c r="A22019" s="3">
        <v>41645.418599537035</v>
      </c>
      <c r="B22019" s="6">
        <v>366566.39999999997</v>
      </c>
      <c r="C22019" s="7">
        <f t="shared" ref="C22019:C22082" si="344">B22019/1000</f>
        <v>366.56639999999999</v>
      </c>
      <c r="I22019" s="1"/>
    </row>
    <row r="22020" spans="1:9" x14ac:dyDescent="0.25">
      <c r="A22020" s="3">
        <v>41645.419895833336</v>
      </c>
      <c r="B22020" s="6">
        <v>366583.05</v>
      </c>
      <c r="C22020" s="7">
        <f t="shared" si="344"/>
        <v>366.58305000000001</v>
      </c>
      <c r="I22020" s="1"/>
    </row>
    <row r="22021" spans="1:9" x14ac:dyDescent="0.25">
      <c r="A22021" s="3">
        <v>41645.420057870368</v>
      </c>
      <c r="B22021" s="6">
        <v>366599.69999999995</v>
      </c>
      <c r="C22021" s="7">
        <f t="shared" si="344"/>
        <v>366.59969999999993</v>
      </c>
      <c r="I22021" s="1"/>
    </row>
    <row r="22022" spans="1:9" x14ac:dyDescent="0.25">
      <c r="A22022" s="3">
        <v>41645.421319444446</v>
      </c>
      <c r="B22022" s="6">
        <v>366616.35</v>
      </c>
      <c r="C22022" s="7">
        <f t="shared" si="344"/>
        <v>366.61634999999995</v>
      </c>
      <c r="I22022" s="1"/>
    </row>
    <row r="22023" spans="1:9" x14ac:dyDescent="0.25">
      <c r="A22023" s="3">
        <v>41645.421377314815</v>
      </c>
      <c r="B22023" s="6">
        <v>366632.99999999994</v>
      </c>
      <c r="C22023" s="7">
        <f t="shared" si="344"/>
        <v>366.63299999999992</v>
      </c>
      <c r="I22023" s="1"/>
    </row>
    <row r="22024" spans="1:9" x14ac:dyDescent="0.25">
      <c r="A22024" s="3">
        <v>41645.421990740739</v>
      </c>
      <c r="B22024" s="6">
        <v>366649.64999999997</v>
      </c>
      <c r="C22024" s="7">
        <f t="shared" si="344"/>
        <v>366.64964999999995</v>
      </c>
      <c r="I22024" s="1"/>
    </row>
    <row r="22025" spans="1:9" x14ac:dyDescent="0.25">
      <c r="A22025" s="3">
        <v>41645.422083333331</v>
      </c>
      <c r="B22025" s="6">
        <v>366666.3</v>
      </c>
      <c r="C22025" s="7">
        <f t="shared" si="344"/>
        <v>366.66629999999998</v>
      </c>
      <c r="I22025" s="1"/>
    </row>
    <row r="22026" spans="1:9" x14ac:dyDescent="0.25">
      <c r="A22026" s="3">
        <v>41645.422800925924</v>
      </c>
      <c r="B22026" s="6">
        <v>366682.94999999995</v>
      </c>
      <c r="C22026" s="7">
        <f t="shared" si="344"/>
        <v>366.68294999999995</v>
      </c>
      <c r="I22026" s="1"/>
    </row>
    <row r="22027" spans="1:9" x14ac:dyDescent="0.25">
      <c r="A22027" s="3">
        <v>41645.422858796293</v>
      </c>
      <c r="B22027" s="6">
        <v>366699.6</v>
      </c>
      <c r="C22027" s="7">
        <f t="shared" si="344"/>
        <v>366.69959999999998</v>
      </c>
      <c r="I22027" s="1"/>
    </row>
    <row r="22028" spans="1:9" x14ac:dyDescent="0.25">
      <c r="A22028" s="3">
        <v>41645.423796296294</v>
      </c>
      <c r="B22028" s="6">
        <v>366716.24999999994</v>
      </c>
      <c r="C22028" s="7">
        <f t="shared" si="344"/>
        <v>366.71624999999995</v>
      </c>
      <c r="I22028" s="1"/>
    </row>
    <row r="22029" spans="1:9" x14ac:dyDescent="0.25">
      <c r="A22029" s="3">
        <v>41645.423888888887</v>
      </c>
      <c r="B22029" s="6">
        <v>366732.89999999997</v>
      </c>
      <c r="C22029" s="7">
        <f t="shared" si="344"/>
        <v>366.73289999999997</v>
      </c>
      <c r="I22029" s="1"/>
    </row>
    <row r="22030" spans="1:9" x14ac:dyDescent="0.25">
      <c r="A22030" s="3">
        <v>41645.425439814811</v>
      </c>
      <c r="B22030" s="6">
        <v>366749.55</v>
      </c>
      <c r="C22030" s="7">
        <f t="shared" si="344"/>
        <v>366.74955</v>
      </c>
      <c r="I22030" s="1"/>
    </row>
    <row r="22031" spans="1:9" x14ac:dyDescent="0.25">
      <c r="A22031" s="3">
        <v>41645.425520833334</v>
      </c>
      <c r="B22031" s="6">
        <v>366766.19999999995</v>
      </c>
      <c r="C22031" s="7">
        <f t="shared" si="344"/>
        <v>366.76619999999997</v>
      </c>
      <c r="I22031" s="1"/>
    </row>
    <row r="22032" spans="1:9" x14ac:dyDescent="0.25">
      <c r="A22032" s="3">
        <v>41645.426828703705</v>
      </c>
      <c r="B22032" s="6">
        <v>366782.85</v>
      </c>
      <c r="C22032" s="7">
        <f t="shared" si="344"/>
        <v>366.78285</v>
      </c>
      <c r="I22032" s="1"/>
    </row>
    <row r="22033" spans="1:9" x14ac:dyDescent="0.25">
      <c r="A22033" s="3">
        <v>41645.427118055559</v>
      </c>
      <c r="B22033" s="6">
        <v>366799.49999999994</v>
      </c>
      <c r="C22033" s="7">
        <f t="shared" si="344"/>
        <v>366.79949999999997</v>
      </c>
      <c r="I22033" s="1"/>
    </row>
    <row r="22034" spans="1:9" x14ac:dyDescent="0.25">
      <c r="A22034" s="3">
        <v>41645.429768518516</v>
      </c>
      <c r="B22034" s="6">
        <v>366816.14999999997</v>
      </c>
      <c r="C22034" s="7">
        <f t="shared" si="344"/>
        <v>366.81614999999999</v>
      </c>
      <c r="I22034" s="1"/>
    </row>
    <row r="22035" spans="1:9" x14ac:dyDescent="0.25">
      <c r="A22035" s="3">
        <v>41645.429884259262</v>
      </c>
      <c r="B22035" s="6">
        <v>366832.8</v>
      </c>
      <c r="C22035" s="7">
        <f t="shared" si="344"/>
        <v>366.83279999999996</v>
      </c>
      <c r="I22035" s="1"/>
    </row>
    <row r="22036" spans="1:9" x14ac:dyDescent="0.25">
      <c r="A22036" s="3">
        <v>41645.430601851855</v>
      </c>
      <c r="B22036" s="6">
        <v>366849.44999999995</v>
      </c>
      <c r="C22036" s="7">
        <f t="shared" si="344"/>
        <v>366.84944999999993</v>
      </c>
      <c r="I22036" s="1"/>
    </row>
    <row r="22037" spans="1:9" x14ac:dyDescent="0.25">
      <c r="A22037" s="3">
        <v>41645.430671296293</v>
      </c>
      <c r="B22037" s="6">
        <v>366866.1</v>
      </c>
      <c r="C22037" s="7">
        <f t="shared" si="344"/>
        <v>366.86609999999996</v>
      </c>
      <c r="I22037" s="1"/>
    </row>
    <row r="22038" spans="1:9" x14ac:dyDescent="0.25">
      <c r="A22038" s="3">
        <v>41645.431331018517</v>
      </c>
      <c r="B22038" s="6">
        <v>366882.74999999994</v>
      </c>
      <c r="C22038" s="7">
        <f t="shared" si="344"/>
        <v>366.88274999999993</v>
      </c>
      <c r="I22038" s="1"/>
    </row>
    <row r="22039" spans="1:9" x14ac:dyDescent="0.25">
      <c r="A22039" s="3">
        <v>41645.431493055556</v>
      </c>
      <c r="B22039" s="6">
        <v>366899.39999999997</v>
      </c>
      <c r="C22039" s="7">
        <f t="shared" si="344"/>
        <v>366.89939999999996</v>
      </c>
      <c r="I22039" s="1"/>
    </row>
    <row r="22040" spans="1:9" x14ac:dyDescent="0.25">
      <c r="A22040" s="3">
        <v>41645.433055555557</v>
      </c>
      <c r="B22040" s="6">
        <v>366916.05</v>
      </c>
      <c r="C22040" s="7">
        <f t="shared" si="344"/>
        <v>366.91604999999998</v>
      </c>
      <c r="I22040" s="1"/>
    </row>
    <row r="22041" spans="1:9" x14ac:dyDescent="0.25">
      <c r="A22041" s="3">
        <v>41645.433263888888</v>
      </c>
      <c r="B22041" s="6">
        <v>366932.69999999995</v>
      </c>
      <c r="C22041" s="7">
        <f t="shared" si="344"/>
        <v>366.93269999999995</v>
      </c>
      <c r="I22041" s="1"/>
    </row>
    <row r="22042" spans="1:9" x14ac:dyDescent="0.25">
      <c r="A22042" s="3">
        <v>41645.435416666667</v>
      </c>
      <c r="B22042" s="6">
        <v>366949.35</v>
      </c>
      <c r="C22042" s="7">
        <f t="shared" si="344"/>
        <v>366.94934999999998</v>
      </c>
      <c r="I22042" s="1"/>
    </row>
    <row r="22043" spans="1:9" x14ac:dyDescent="0.25">
      <c r="A22043" s="3">
        <v>41645.435555555552</v>
      </c>
      <c r="B22043" s="6">
        <v>366965.99999999994</v>
      </c>
      <c r="C22043" s="7">
        <f t="shared" si="344"/>
        <v>366.96599999999995</v>
      </c>
      <c r="I22043" s="1"/>
    </row>
    <row r="22044" spans="1:9" x14ac:dyDescent="0.25">
      <c r="A22044" s="3">
        <v>41645.436493055553</v>
      </c>
      <c r="B22044" s="6">
        <v>366982.64999999997</v>
      </c>
      <c r="C22044" s="7">
        <f t="shared" si="344"/>
        <v>366.98264999999998</v>
      </c>
      <c r="I22044" s="1"/>
    </row>
    <row r="22045" spans="1:9" x14ac:dyDescent="0.25">
      <c r="A22045" s="3">
        <v>41645.436701388891</v>
      </c>
      <c r="B22045" s="6">
        <v>366999.3</v>
      </c>
      <c r="C22045" s="7">
        <f t="shared" si="344"/>
        <v>366.99930000000001</v>
      </c>
      <c r="I22045" s="1"/>
    </row>
    <row r="22046" spans="1:9" x14ac:dyDescent="0.25">
      <c r="A22046" s="3">
        <v>41645.438483796293</v>
      </c>
      <c r="B22046" s="6">
        <v>367015.94999999995</v>
      </c>
      <c r="C22046" s="7">
        <f t="shared" si="344"/>
        <v>367.01594999999998</v>
      </c>
      <c r="I22046" s="1"/>
    </row>
    <row r="22047" spans="1:9" x14ac:dyDescent="0.25">
      <c r="A22047" s="3">
        <v>41645.438657407409</v>
      </c>
      <c r="B22047" s="6">
        <v>367032.6</v>
      </c>
      <c r="C22047" s="7">
        <f t="shared" si="344"/>
        <v>367.0326</v>
      </c>
      <c r="I22047" s="1"/>
    </row>
    <row r="22048" spans="1:9" x14ac:dyDescent="0.25">
      <c r="A22048" s="3">
        <v>41645.440358796295</v>
      </c>
      <c r="B22048" s="6">
        <v>367049.24999999994</v>
      </c>
      <c r="C22048" s="7">
        <f t="shared" si="344"/>
        <v>367.04924999999992</v>
      </c>
      <c r="I22048" s="1"/>
    </row>
    <row r="22049" spans="1:9" x14ac:dyDescent="0.25">
      <c r="A22049" s="3">
        <v>41645.440497685187</v>
      </c>
      <c r="B22049" s="6">
        <v>367065.89999999997</v>
      </c>
      <c r="C22049" s="7">
        <f t="shared" si="344"/>
        <v>367.06589999999994</v>
      </c>
      <c r="I22049" s="1"/>
    </row>
    <row r="22050" spans="1:9" x14ac:dyDescent="0.25">
      <c r="A22050" s="3">
        <v>41645.441851851851</v>
      </c>
      <c r="B22050" s="6">
        <v>367082.55</v>
      </c>
      <c r="C22050" s="7">
        <f t="shared" si="344"/>
        <v>367.08254999999997</v>
      </c>
      <c r="I22050" s="1"/>
    </row>
    <row r="22051" spans="1:9" x14ac:dyDescent="0.25">
      <c r="A22051" s="3">
        <v>41645.441921296297</v>
      </c>
      <c r="B22051" s="6">
        <v>367099.19999999995</v>
      </c>
      <c r="C22051" s="7">
        <f t="shared" si="344"/>
        <v>367.09919999999994</v>
      </c>
      <c r="I22051" s="1"/>
    </row>
    <row r="22052" spans="1:9" x14ac:dyDescent="0.25">
      <c r="A22052" s="3">
        <v>41645.442881944444</v>
      </c>
      <c r="B22052" s="6">
        <v>367115.85</v>
      </c>
      <c r="C22052" s="7">
        <f t="shared" si="344"/>
        <v>367.11584999999997</v>
      </c>
      <c r="I22052" s="1"/>
    </row>
    <row r="22053" spans="1:9" x14ac:dyDescent="0.25">
      <c r="A22053" s="3">
        <v>41645.44295138889</v>
      </c>
      <c r="B22053" s="6">
        <v>367132.49999999994</v>
      </c>
      <c r="C22053" s="7">
        <f t="shared" si="344"/>
        <v>367.13249999999994</v>
      </c>
      <c r="I22053" s="1"/>
    </row>
    <row r="22054" spans="1:9" x14ac:dyDescent="0.25">
      <c r="A22054" s="3">
        <v>41645.443958333337</v>
      </c>
      <c r="B22054" s="6">
        <v>367149.14999999997</v>
      </c>
      <c r="C22054" s="7">
        <f t="shared" si="344"/>
        <v>367.14914999999996</v>
      </c>
      <c r="I22054" s="1"/>
    </row>
    <row r="22055" spans="1:9" x14ac:dyDescent="0.25">
      <c r="A22055" s="3">
        <v>41645.444328703707</v>
      </c>
      <c r="B22055" s="6">
        <v>367165.8</v>
      </c>
      <c r="C22055" s="7">
        <f t="shared" si="344"/>
        <v>367.16579999999999</v>
      </c>
      <c r="I22055" s="1"/>
    </row>
    <row r="22056" spans="1:9" x14ac:dyDescent="0.25">
      <c r="A22056" s="3">
        <v>41645.450439814813</v>
      </c>
      <c r="B22056" s="6">
        <v>367182.44999999995</v>
      </c>
      <c r="C22056" s="7">
        <f t="shared" si="344"/>
        <v>367.18244999999996</v>
      </c>
      <c r="I22056" s="1"/>
    </row>
    <row r="22057" spans="1:9" x14ac:dyDescent="0.25">
      <c r="A22057" s="3">
        <v>41645.451145833336</v>
      </c>
      <c r="B22057" s="6">
        <v>367199.1</v>
      </c>
      <c r="C22057" s="7">
        <f t="shared" si="344"/>
        <v>367.19909999999999</v>
      </c>
      <c r="I22057" s="1"/>
    </row>
    <row r="22058" spans="1:9" x14ac:dyDescent="0.25">
      <c r="A22058" s="3">
        <v>41645.456122685187</v>
      </c>
      <c r="B22058" s="6">
        <v>367215.74999999994</v>
      </c>
      <c r="C22058" s="7">
        <f t="shared" si="344"/>
        <v>367.21574999999996</v>
      </c>
      <c r="I22058" s="1"/>
    </row>
    <row r="22059" spans="1:9" x14ac:dyDescent="0.25">
      <c r="A22059" s="3">
        <v>41645.45653935185</v>
      </c>
      <c r="B22059" s="6">
        <v>367232.39999999997</v>
      </c>
      <c r="C22059" s="7">
        <f t="shared" si="344"/>
        <v>367.23239999999998</v>
      </c>
      <c r="I22059" s="1"/>
    </row>
    <row r="22060" spans="1:9" x14ac:dyDescent="0.25">
      <c r="A22060" s="3">
        <v>41645.469710648147</v>
      </c>
      <c r="B22060" s="6">
        <v>367249.05</v>
      </c>
      <c r="C22060" s="7">
        <f t="shared" si="344"/>
        <v>367.24905000000001</v>
      </c>
      <c r="I22060" s="1"/>
    </row>
    <row r="22061" spans="1:9" x14ac:dyDescent="0.25">
      <c r="A22061" s="3">
        <v>41645.470069444447</v>
      </c>
      <c r="B22061" s="6">
        <v>367265.69999999995</v>
      </c>
      <c r="C22061" s="7">
        <f t="shared" si="344"/>
        <v>367.26569999999998</v>
      </c>
      <c r="I22061" s="1"/>
    </row>
    <row r="22062" spans="1:9" x14ac:dyDescent="0.25">
      <c r="A22062" s="3">
        <v>41645.472256944442</v>
      </c>
      <c r="B22062" s="6">
        <v>367282.35</v>
      </c>
      <c r="C22062" s="7">
        <f t="shared" si="344"/>
        <v>367.28234999999995</v>
      </c>
      <c r="I22062" s="1"/>
    </row>
    <row r="22063" spans="1:9" x14ac:dyDescent="0.25">
      <c r="A22063" s="3">
        <v>41645.472372685188</v>
      </c>
      <c r="B22063" s="6">
        <v>367298.99999999994</v>
      </c>
      <c r="C22063" s="7">
        <f t="shared" si="344"/>
        <v>367.29899999999992</v>
      </c>
      <c r="I22063" s="1"/>
    </row>
    <row r="22064" spans="1:9" x14ac:dyDescent="0.25">
      <c r="A22064" s="3">
        <v>41645.475428240738</v>
      </c>
      <c r="B22064" s="6">
        <v>367315.64999999997</v>
      </c>
      <c r="C22064" s="7">
        <f t="shared" si="344"/>
        <v>367.31564999999995</v>
      </c>
      <c r="I22064" s="1"/>
    </row>
    <row r="22065" spans="1:9" x14ac:dyDescent="0.25">
      <c r="A22065" s="3">
        <v>41645.475636574076</v>
      </c>
      <c r="B22065" s="6">
        <v>367332.3</v>
      </c>
      <c r="C22065" s="7">
        <f t="shared" si="344"/>
        <v>367.33229999999998</v>
      </c>
      <c r="I22065" s="1"/>
    </row>
    <row r="22066" spans="1:9" x14ac:dyDescent="0.25">
      <c r="A22066" s="3">
        <v>41645.478796296295</v>
      </c>
      <c r="B22066" s="6">
        <v>367348.94999999995</v>
      </c>
      <c r="C22066" s="7">
        <f t="shared" si="344"/>
        <v>367.34894999999995</v>
      </c>
      <c r="I22066" s="1"/>
    </row>
    <row r="22067" spans="1:9" x14ac:dyDescent="0.25">
      <c r="A22067" s="3">
        <v>41645.479560185187</v>
      </c>
      <c r="B22067" s="6">
        <v>367365.6</v>
      </c>
      <c r="C22067" s="7">
        <f t="shared" si="344"/>
        <v>367.36559999999997</v>
      </c>
      <c r="I22067" s="1"/>
    </row>
    <row r="22068" spans="1:9" x14ac:dyDescent="0.25">
      <c r="A22068" s="3">
        <v>41645.487511574072</v>
      </c>
      <c r="B22068" s="6">
        <v>367382.24999999994</v>
      </c>
      <c r="C22068" s="7">
        <f t="shared" si="344"/>
        <v>367.38224999999994</v>
      </c>
      <c r="I22068" s="1"/>
    </row>
    <row r="22069" spans="1:9" x14ac:dyDescent="0.25">
      <c r="A22069" s="3">
        <v>41645.489525462966</v>
      </c>
      <c r="B22069" s="6">
        <v>367398.89999999997</v>
      </c>
      <c r="C22069" s="7">
        <f t="shared" si="344"/>
        <v>367.39889999999997</v>
      </c>
      <c r="I22069" s="1"/>
    </row>
    <row r="22070" spans="1:9" x14ac:dyDescent="0.25">
      <c r="A22070" s="3">
        <v>41645.491550925923</v>
      </c>
      <c r="B22070" s="6">
        <v>367415.55</v>
      </c>
      <c r="C22070" s="7">
        <f t="shared" si="344"/>
        <v>367.41555</v>
      </c>
      <c r="I22070" s="1"/>
    </row>
    <row r="22071" spans="1:9" x14ac:dyDescent="0.25">
      <c r="A22071" s="3">
        <v>41645.493321759262</v>
      </c>
      <c r="B22071" s="6">
        <v>367432.19999999995</v>
      </c>
      <c r="C22071" s="7">
        <f t="shared" si="344"/>
        <v>367.43219999999997</v>
      </c>
      <c r="I22071" s="1"/>
    </row>
    <row r="22072" spans="1:9" x14ac:dyDescent="0.25">
      <c r="A22072" s="3">
        <v>41645.49695601852</v>
      </c>
      <c r="B22072" s="6">
        <v>367448.85</v>
      </c>
      <c r="C22072" s="7">
        <f t="shared" si="344"/>
        <v>367.44884999999999</v>
      </c>
      <c r="I22072" s="1"/>
    </row>
    <row r="22073" spans="1:9" x14ac:dyDescent="0.25">
      <c r="A22073" s="3">
        <v>41645.497118055559</v>
      </c>
      <c r="B22073" s="6">
        <v>367465.49999999994</v>
      </c>
      <c r="C22073" s="7">
        <f t="shared" si="344"/>
        <v>367.46549999999996</v>
      </c>
      <c r="I22073" s="1"/>
    </row>
    <row r="22074" spans="1:9" x14ac:dyDescent="0.25">
      <c r="A22074" s="3">
        <v>41645.498935185184</v>
      </c>
      <c r="B22074" s="6">
        <v>367482.14999999997</v>
      </c>
      <c r="C22074" s="7">
        <f t="shared" si="344"/>
        <v>367.48214999999999</v>
      </c>
      <c r="I22074" s="1"/>
    </row>
    <row r="22075" spans="1:9" x14ac:dyDescent="0.25">
      <c r="A22075" s="3">
        <v>41645.499097222222</v>
      </c>
      <c r="B22075" s="6">
        <v>367498.8</v>
      </c>
      <c r="C22075" s="7">
        <f t="shared" si="344"/>
        <v>367.49879999999996</v>
      </c>
      <c r="I22075" s="1"/>
    </row>
    <row r="22076" spans="1:9" x14ac:dyDescent="0.25">
      <c r="A22076" s="3">
        <v>41645.502106481479</v>
      </c>
      <c r="B22076" s="6">
        <v>367515.44999999995</v>
      </c>
      <c r="C22076" s="7">
        <f t="shared" si="344"/>
        <v>367.51544999999993</v>
      </c>
      <c r="I22076" s="1"/>
    </row>
    <row r="22077" spans="1:9" x14ac:dyDescent="0.25">
      <c r="A22077" s="3">
        <v>41645.502314814818</v>
      </c>
      <c r="B22077" s="6">
        <v>367532.1</v>
      </c>
      <c r="C22077" s="7">
        <f t="shared" si="344"/>
        <v>367.53209999999996</v>
      </c>
      <c r="I22077" s="1"/>
    </row>
    <row r="22078" spans="1:9" x14ac:dyDescent="0.25">
      <c r="A22078" s="3">
        <v>41645.506249999999</v>
      </c>
      <c r="B22078" s="6">
        <v>367548.74999999994</v>
      </c>
      <c r="C22078" s="7">
        <f t="shared" si="344"/>
        <v>367.54874999999993</v>
      </c>
      <c r="I22078" s="1"/>
    </row>
    <row r="22079" spans="1:9" x14ac:dyDescent="0.25">
      <c r="A22079" s="3">
        <v>41645.506574074076</v>
      </c>
      <c r="B22079" s="6">
        <v>367565.39999999997</v>
      </c>
      <c r="C22079" s="7">
        <f t="shared" si="344"/>
        <v>367.56539999999995</v>
      </c>
      <c r="I22079" s="1"/>
    </row>
    <row r="22080" spans="1:9" x14ac:dyDescent="0.25">
      <c r="A22080" s="3">
        <v>41645.508043981485</v>
      </c>
      <c r="B22080" s="6">
        <v>367582.05</v>
      </c>
      <c r="C22080" s="7">
        <f t="shared" si="344"/>
        <v>367.58204999999998</v>
      </c>
      <c r="I22080" s="1"/>
    </row>
    <row r="22081" spans="1:9" x14ac:dyDescent="0.25">
      <c r="A22081" s="3">
        <v>41645.508240740739</v>
      </c>
      <c r="B22081" s="6">
        <v>367598.69999999995</v>
      </c>
      <c r="C22081" s="7">
        <f t="shared" si="344"/>
        <v>367.59869999999995</v>
      </c>
      <c r="I22081" s="1"/>
    </row>
    <row r="22082" spans="1:9" x14ac:dyDescent="0.25">
      <c r="A22082" s="3">
        <v>41645.50953703704</v>
      </c>
      <c r="B22082" s="6">
        <v>367615.35</v>
      </c>
      <c r="C22082" s="7">
        <f t="shared" si="344"/>
        <v>367.61534999999998</v>
      </c>
      <c r="I22082" s="1"/>
    </row>
    <row r="22083" spans="1:9" x14ac:dyDescent="0.25">
      <c r="A22083" s="3">
        <v>41645.510243055556</v>
      </c>
      <c r="B22083" s="6">
        <v>367631.99999999994</v>
      </c>
      <c r="C22083" s="7">
        <f t="shared" ref="C22083:C22146" si="345">B22083/1000</f>
        <v>367.63199999999995</v>
      </c>
      <c r="I22083" s="1"/>
    </row>
    <row r="22084" spans="1:9" x14ac:dyDescent="0.25">
      <c r="A22084" s="3">
        <v>41645.511793981481</v>
      </c>
      <c r="B22084" s="6">
        <v>367648.64999999997</v>
      </c>
      <c r="C22084" s="7">
        <f t="shared" si="345"/>
        <v>367.64864999999998</v>
      </c>
      <c r="I22084" s="1"/>
    </row>
    <row r="22085" spans="1:9" x14ac:dyDescent="0.25">
      <c r="A22085" s="3">
        <v>41645.511990740742</v>
      </c>
      <c r="B22085" s="6">
        <v>367665.3</v>
      </c>
      <c r="C22085" s="7">
        <f t="shared" si="345"/>
        <v>367.6653</v>
      </c>
      <c r="I22085" s="1"/>
    </row>
    <row r="22086" spans="1:9" x14ac:dyDescent="0.25">
      <c r="A22086" s="3">
        <v>41645.513252314813</v>
      </c>
      <c r="B22086" s="6">
        <v>367681.94999999995</v>
      </c>
      <c r="C22086" s="7">
        <f t="shared" si="345"/>
        <v>367.68194999999997</v>
      </c>
      <c r="I22086" s="1"/>
    </row>
    <row r="22087" spans="1:9" x14ac:dyDescent="0.25">
      <c r="A22087" s="3">
        <v>41645.513483796298</v>
      </c>
      <c r="B22087" s="6">
        <v>367698.6</v>
      </c>
      <c r="C22087" s="7">
        <f t="shared" si="345"/>
        <v>367.6986</v>
      </c>
      <c r="I22087" s="1"/>
    </row>
    <row r="22088" spans="1:9" x14ac:dyDescent="0.25">
      <c r="A22088" s="3">
        <v>41645.515300925923</v>
      </c>
      <c r="B22088" s="6">
        <v>367715.24999999994</v>
      </c>
      <c r="C22088" s="7">
        <f t="shared" si="345"/>
        <v>367.71524999999997</v>
      </c>
      <c r="I22088" s="1"/>
    </row>
    <row r="22089" spans="1:9" x14ac:dyDescent="0.25">
      <c r="A22089" s="3">
        <v>41645.515451388892</v>
      </c>
      <c r="B22089" s="6">
        <v>367731.89999999997</v>
      </c>
      <c r="C22089" s="7">
        <f t="shared" si="345"/>
        <v>367.73189999999994</v>
      </c>
      <c r="I22089" s="1"/>
    </row>
    <row r="22090" spans="1:9" x14ac:dyDescent="0.25">
      <c r="A22090" s="3">
        <v>41645.517268518517</v>
      </c>
      <c r="B22090" s="6">
        <v>367748.55</v>
      </c>
      <c r="C22090" s="7">
        <f t="shared" si="345"/>
        <v>367.74854999999997</v>
      </c>
      <c r="I22090" s="1"/>
    </row>
    <row r="22091" spans="1:9" x14ac:dyDescent="0.25">
      <c r="A22091" s="3">
        <v>41645.517430555556</v>
      </c>
      <c r="B22091" s="6">
        <v>367765.19999999995</v>
      </c>
      <c r="C22091" s="7">
        <f t="shared" si="345"/>
        <v>367.76519999999994</v>
      </c>
      <c r="I22091" s="1"/>
    </row>
    <row r="22092" spans="1:9" x14ac:dyDescent="0.25">
      <c r="A22092" s="3">
        <v>41645.518518518518</v>
      </c>
      <c r="B22092" s="6">
        <v>367781.85</v>
      </c>
      <c r="C22092" s="7">
        <f t="shared" si="345"/>
        <v>367.78184999999996</v>
      </c>
      <c r="I22092" s="1"/>
    </row>
    <row r="22093" spans="1:9" x14ac:dyDescent="0.25">
      <c r="A22093" s="3">
        <v>41645.518680555557</v>
      </c>
      <c r="B22093" s="6">
        <v>367798.49999999994</v>
      </c>
      <c r="C22093" s="7">
        <f t="shared" si="345"/>
        <v>367.79849999999993</v>
      </c>
      <c r="I22093" s="1"/>
    </row>
    <row r="22094" spans="1:9" x14ac:dyDescent="0.25">
      <c r="A22094" s="3">
        <v>41645.520312499997</v>
      </c>
      <c r="B22094" s="6">
        <v>367815.14999999997</v>
      </c>
      <c r="C22094" s="7">
        <f t="shared" si="345"/>
        <v>367.81514999999996</v>
      </c>
      <c r="I22094" s="1"/>
    </row>
    <row r="22095" spans="1:9" x14ac:dyDescent="0.25">
      <c r="A22095" s="3">
        <v>41645.520416666666</v>
      </c>
      <c r="B22095" s="6">
        <v>367831.8</v>
      </c>
      <c r="C22095" s="7">
        <f t="shared" si="345"/>
        <v>367.83179999999999</v>
      </c>
      <c r="I22095" s="1"/>
    </row>
    <row r="22096" spans="1:9" x14ac:dyDescent="0.25">
      <c r="A22096" s="3">
        <v>41645.523356481484</v>
      </c>
      <c r="B22096" s="6">
        <v>367848.44999999995</v>
      </c>
      <c r="C22096" s="7">
        <f t="shared" si="345"/>
        <v>367.84844999999996</v>
      </c>
      <c r="I22096" s="1"/>
    </row>
    <row r="22097" spans="1:9" x14ac:dyDescent="0.25">
      <c r="A22097" s="3">
        <v>41645.523564814815</v>
      </c>
      <c r="B22097" s="6">
        <v>367865.1</v>
      </c>
      <c r="C22097" s="7">
        <f t="shared" si="345"/>
        <v>367.86509999999998</v>
      </c>
      <c r="I22097" s="1"/>
    </row>
    <row r="22098" spans="1:9" x14ac:dyDescent="0.25">
      <c r="A22098" s="3">
        <v>41645.527256944442</v>
      </c>
      <c r="B22098" s="6">
        <v>367881.74999999994</v>
      </c>
      <c r="C22098" s="7">
        <f t="shared" si="345"/>
        <v>367.88174999999995</v>
      </c>
      <c r="I22098" s="1"/>
    </row>
    <row r="22099" spans="1:9" x14ac:dyDescent="0.25">
      <c r="A22099" s="3">
        <v>41645.527974537035</v>
      </c>
      <c r="B22099" s="6">
        <v>367898.39999999997</v>
      </c>
      <c r="C22099" s="7">
        <f t="shared" si="345"/>
        <v>367.89839999999998</v>
      </c>
      <c r="I22099" s="1"/>
    </row>
    <row r="22100" spans="1:9" x14ac:dyDescent="0.25">
      <c r="A22100" s="3">
        <v>41645.53</v>
      </c>
      <c r="B22100" s="6">
        <v>367915.05</v>
      </c>
      <c r="C22100" s="7">
        <f t="shared" si="345"/>
        <v>367.91505000000001</v>
      </c>
      <c r="I22100" s="1"/>
    </row>
    <row r="22101" spans="1:9" x14ac:dyDescent="0.25">
      <c r="A22101" s="3">
        <v>41645.530289351853</v>
      </c>
      <c r="B22101" s="6">
        <v>367931.69999999995</v>
      </c>
      <c r="C22101" s="7">
        <f t="shared" si="345"/>
        <v>367.93169999999998</v>
      </c>
      <c r="I22101" s="1"/>
    </row>
    <row r="22102" spans="1:9" x14ac:dyDescent="0.25">
      <c r="A22102" s="3">
        <v>41645.531666666669</v>
      </c>
      <c r="B22102" s="6">
        <v>367948.35</v>
      </c>
      <c r="C22102" s="7">
        <f t="shared" si="345"/>
        <v>367.94835</v>
      </c>
      <c r="I22102" s="1"/>
    </row>
    <row r="22103" spans="1:9" x14ac:dyDescent="0.25">
      <c r="A22103" s="3">
        <v>41645.531863425924</v>
      </c>
      <c r="B22103" s="6">
        <v>367964.99999999994</v>
      </c>
      <c r="C22103" s="7">
        <f t="shared" si="345"/>
        <v>367.96499999999992</v>
      </c>
      <c r="I22103" s="1"/>
    </row>
    <row r="22104" spans="1:9" x14ac:dyDescent="0.25">
      <c r="A22104" s="3">
        <v>41645.534780092596</v>
      </c>
      <c r="B22104" s="6">
        <v>367981.64999999997</v>
      </c>
      <c r="C22104" s="7">
        <f t="shared" si="345"/>
        <v>367.98164999999995</v>
      </c>
      <c r="I22104" s="1"/>
    </row>
    <row r="22105" spans="1:9" x14ac:dyDescent="0.25">
      <c r="A22105" s="3">
        <v>41645.535034722219</v>
      </c>
      <c r="B22105" s="6">
        <v>367998.3</v>
      </c>
      <c r="C22105" s="7">
        <f t="shared" si="345"/>
        <v>367.99829999999997</v>
      </c>
      <c r="I22105" s="1"/>
    </row>
    <row r="22106" spans="1:9" x14ac:dyDescent="0.25">
      <c r="A22106" s="3">
        <v>41645.536539351851</v>
      </c>
      <c r="B22106" s="6">
        <v>368014.94999999995</v>
      </c>
      <c r="C22106" s="7">
        <f t="shared" si="345"/>
        <v>368.01494999999994</v>
      </c>
      <c r="I22106" s="1"/>
    </row>
    <row r="22107" spans="1:9" x14ac:dyDescent="0.25">
      <c r="A22107" s="3">
        <v>41645.536678240744</v>
      </c>
      <c r="B22107" s="6">
        <v>368031.6</v>
      </c>
      <c r="C22107" s="7">
        <f t="shared" si="345"/>
        <v>368.03159999999997</v>
      </c>
      <c r="I22107" s="1"/>
    </row>
    <row r="22108" spans="1:9" x14ac:dyDescent="0.25">
      <c r="A22108" s="3">
        <v>41645.537777777776</v>
      </c>
      <c r="B22108" s="6">
        <v>368048.24999999994</v>
      </c>
      <c r="C22108" s="7">
        <f t="shared" si="345"/>
        <v>368.04824999999994</v>
      </c>
      <c r="I22108" s="1"/>
    </row>
    <row r="22109" spans="1:9" x14ac:dyDescent="0.25">
      <c r="A22109" s="3">
        <v>41645.53806712963</v>
      </c>
      <c r="B22109" s="6">
        <v>368064.89999999997</v>
      </c>
      <c r="C22109" s="7">
        <f t="shared" si="345"/>
        <v>368.06489999999997</v>
      </c>
      <c r="I22109" s="1"/>
    </row>
    <row r="22110" spans="1:9" x14ac:dyDescent="0.25">
      <c r="A22110" s="3">
        <v>41645.541574074072</v>
      </c>
      <c r="B22110" s="6">
        <v>368081.55</v>
      </c>
      <c r="C22110" s="7">
        <f t="shared" si="345"/>
        <v>368.08154999999999</v>
      </c>
      <c r="I22110" s="1"/>
    </row>
    <row r="22111" spans="1:9" x14ac:dyDescent="0.25">
      <c r="A22111" s="3">
        <v>41645.541689814818</v>
      </c>
      <c r="B22111" s="6">
        <v>368098.19999999995</v>
      </c>
      <c r="C22111" s="7">
        <f t="shared" si="345"/>
        <v>368.09819999999996</v>
      </c>
      <c r="I22111" s="1"/>
    </row>
    <row r="22112" spans="1:9" x14ac:dyDescent="0.25">
      <c r="A22112" s="3">
        <v>41645.544340277775</v>
      </c>
      <c r="B22112" s="6">
        <v>368114.85</v>
      </c>
      <c r="C22112" s="7">
        <f t="shared" si="345"/>
        <v>368.11484999999999</v>
      </c>
      <c r="I22112" s="1"/>
    </row>
    <row r="22113" spans="1:9" x14ac:dyDescent="0.25">
      <c r="A22113" s="3">
        <v>41645.544432870367</v>
      </c>
      <c r="B22113" s="6">
        <v>368131.49999999994</v>
      </c>
      <c r="C22113" s="7">
        <f t="shared" si="345"/>
        <v>368.13149999999996</v>
      </c>
      <c r="I22113" s="1"/>
    </row>
    <row r="22114" spans="1:9" x14ac:dyDescent="0.25">
      <c r="A22114" s="3">
        <v>41645.545254629629</v>
      </c>
      <c r="B22114" s="6">
        <v>368148.14999999997</v>
      </c>
      <c r="C22114" s="7">
        <f t="shared" si="345"/>
        <v>368.14814999999999</v>
      </c>
      <c r="I22114" s="1"/>
    </row>
    <row r="22115" spans="1:9" x14ac:dyDescent="0.25">
      <c r="A22115" s="3">
        <v>41645.545416666668</v>
      </c>
      <c r="B22115" s="6">
        <v>368164.8</v>
      </c>
      <c r="C22115" s="7">
        <f t="shared" si="345"/>
        <v>368.16480000000001</v>
      </c>
      <c r="I22115" s="1"/>
    </row>
    <row r="22116" spans="1:9" x14ac:dyDescent="0.25">
      <c r="A22116" s="3">
        <v>41645.548958333333</v>
      </c>
      <c r="B22116" s="6">
        <v>368181.44999999995</v>
      </c>
      <c r="C22116" s="7">
        <f t="shared" si="345"/>
        <v>368.18144999999993</v>
      </c>
      <c r="I22116" s="1"/>
    </row>
    <row r="22117" spans="1:9" x14ac:dyDescent="0.25">
      <c r="A22117" s="3">
        <v>41645.549780092595</v>
      </c>
      <c r="B22117" s="6">
        <v>368198.1</v>
      </c>
      <c r="C22117" s="7">
        <f t="shared" si="345"/>
        <v>368.19809999999995</v>
      </c>
      <c r="I22117" s="1"/>
    </row>
    <row r="22118" spans="1:9" x14ac:dyDescent="0.25">
      <c r="A22118" s="3">
        <v>41645.552141203705</v>
      </c>
      <c r="B22118" s="6">
        <v>368214.74999999994</v>
      </c>
      <c r="C22118" s="7">
        <f t="shared" si="345"/>
        <v>368.21474999999992</v>
      </c>
      <c r="I22118" s="1"/>
    </row>
    <row r="22119" spans="1:9" x14ac:dyDescent="0.25">
      <c r="A22119" s="3">
        <v>41645.552256944444</v>
      </c>
      <c r="B22119" s="6">
        <v>368231.39999999997</v>
      </c>
      <c r="C22119" s="7">
        <f t="shared" si="345"/>
        <v>368.23139999999995</v>
      </c>
      <c r="I22119" s="1"/>
    </row>
    <row r="22120" spans="1:9" x14ac:dyDescent="0.25">
      <c r="A22120" s="3">
        <v>41645.553807870368</v>
      </c>
      <c r="B22120" s="6">
        <v>368248.05</v>
      </c>
      <c r="C22120" s="7">
        <f t="shared" si="345"/>
        <v>368.24804999999998</v>
      </c>
      <c r="I22120" s="1"/>
    </row>
    <row r="22121" spans="1:9" x14ac:dyDescent="0.25">
      <c r="A22121" s="3">
        <v>41645.553935185184</v>
      </c>
      <c r="B22121" s="6">
        <v>368264.69999999995</v>
      </c>
      <c r="C22121" s="7">
        <f t="shared" si="345"/>
        <v>368.26469999999995</v>
      </c>
      <c r="I22121" s="1"/>
    </row>
    <row r="22122" spans="1:9" x14ac:dyDescent="0.25">
      <c r="A22122" s="3">
        <v>41645.556388888886</v>
      </c>
      <c r="B22122" s="6">
        <v>368281.35</v>
      </c>
      <c r="C22122" s="7">
        <f t="shared" si="345"/>
        <v>368.28134999999997</v>
      </c>
      <c r="I22122" s="1"/>
    </row>
    <row r="22123" spans="1:9" x14ac:dyDescent="0.25">
      <c r="A22123" s="3">
        <v>41645.556493055556</v>
      </c>
      <c r="B22123" s="6">
        <v>368297.99999999994</v>
      </c>
      <c r="C22123" s="7">
        <f t="shared" si="345"/>
        <v>368.29799999999994</v>
      </c>
      <c r="I22123" s="1"/>
    </row>
    <row r="22124" spans="1:9" x14ac:dyDescent="0.25">
      <c r="A22124" s="3">
        <v>41645.558032407411</v>
      </c>
      <c r="B22124" s="6">
        <v>368314.64999999997</v>
      </c>
      <c r="C22124" s="7">
        <f t="shared" si="345"/>
        <v>368.31464999999997</v>
      </c>
      <c r="I22124" s="1"/>
    </row>
    <row r="22125" spans="1:9" x14ac:dyDescent="0.25">
      <c r="A22125" s="3">
        <v>41645.558240740742</v>
      </c>
      <c r="B22125" s="6">
        <v>368331.3</v>
      </c>
      <c r="C22125" s="7">
        <f t="shared" si="345"/>
        <v>368.3313</v>
      </c>
      <c r="I22125" s="1"/>
    </row>
    <row r="22126" spans="1:9" x14ac:dyDescent="0.25">
      <c r="A22126" s="3">
        <v>41645.560983796298</v>
      </c>
      <c r="B22126" s="6">
        <v>368347.94999999995</v>
      </c>
      <c r="C22126" s="7">
        <f t="shared" si="345"/>
        <v>368.34794999999997</v>
      </c>
      <c r="I22126" s="1"/>
    </row>
    <row r="22127" spans="1:9" x14ac:dyDescent="0.25">
      <c r="A22127" s="3">
        <v>41645.561203703706</v>
      </c>
      <c r="B22127" s="6">
        <v>368364.6</v>
      </c>
      <c r="C22127" s="7">
        <f t="shared" si="345"/>
        <v>368.3646</v>
      </c>
      <c r="I22127" s="1"/>
    </row>
    <row r="22128" spans="1:9" x14ac:dyDescent="0.25">
      <c r="A22128" s="3">
        <v>41645.562314814815</v>
      </c>
      <c r="B22128" s="6">
        <v>368381.24999999994</v>
      </c>
      <c r="C22128" s="7">
        <f t="shared" si="345"/>
        <v>368.38124999999997</v>
      </c>
      <c r="I22128" s="1"/>
    </row>
    <row r="22129" spans="1:9" x14ac:dyDescent="0.25">
      <c r="A22129" s="3">
        <v>41645.562592592592</v>
      </c>
      <c r="B22129" s="6">
        <v>368397.89999999997</v>
      </c>
      <c r="C22129" s="7">
        <f t="shared" si="345"/>
        <v>368.39789999999999</v>
      </c>
      <c r="I22129" s="1"/>
    </row>
    <row r="22130" spans="1:9" x14ac:dyDescent="0.25">
      <c r="A22130" s="3">
        <v>41645.567233796297</v>
      </c>
      <c r="B22130" s="6">
        <v>368414.55</v>
      </c>
      <c r="C22130" s="7">
        <f t="shared" si="345"/>
        <v>368.41454999999996</v>
      </c>
      <c r="I22130" s="1"/>
    </row>
    <row r="22131" spans="1:9" x14ac:dyDescent="0.25">
      <c r="A22131" s="3">
        <v>41645.56759259259</v>
      </c>
      <c r="B22131" s="6">
        <v>368431.19999999995</v>
      </c>
      <c r="C22131" s="7">
        <f t="shared" si="345"/>
        <v>368.43119999999993</v>
      </c>
      <c r="I22131" s="1"/>
    </row>
    <row r="22132" spans="1:9" x14ac:dyDescent="0.25">
      <c r="A22132" s="3">
        <v>41645.570659722223</v>
      </c>
      <c r="B22132" s="6">
        <v>368447.85</v>
      </c>
      <c r="C22132" s="7">
        <f t="shared" si="345"/>
        <v>368.44784999999996</v>
      </c>
      <c r="I22132" s="1"/>
    </row>
    <row r="22133" spans="1:9" x14ac:dyDescent="0.25">
      <c r="A22133" s="3">
        <v>41645.570752314816</v>
      </c>
      <c r="B22133" s="6">
        <v>368464.49999999994</v>
      </c>
      <c r="C22133" s="7">
        <f t="shared" si="345"/>
        <v>368.46449999999993</v>
      </c>
      <c r="I22133" s="1"/>
    </row>
    <row r="22134" spans="1:9" x14ac:dyDescent="0.25">
      <c r="A22134" s="3">
        <v>41645.573275462964</v>
      </c>
      <c r="B22134" s="6">
        <v>368481.14999999997</v>
      </c>
      <c r="C22134" s="7">
        <f t="shared" si="345"/>
        <v>368.48114999999996</v>
      </c>
      <c r="I22134" s="1"/>
    </row>
    <row r="22135" spans="1:9" x14ac:dyDescent="0.25">
      <c r="A22135" s="3">
        <v>41645.574189814812</v>
      </c>
      <c r="B22135" s="6">
        <v>368497.8</v>
      </c>
      <c r="C22135" s="7">
        <f t="shared" si="345"/>
        <v>368.49779999999998</v>
      </c>
      <c r="I22135" s="1"/>
    </row>
    <row r="22136" spans="1:9" x14ac:dyDescent="0.25">
      <c r="A22136" s="3">
        <v>41645.57607638889</v>
      </c>
      <c r="B22136" s="6">
        <v>368514.44999999995</v>
      </c>
      <c r="C22136" s="7">
        <f t="shared" si="345"/>
        <v>368.51444999999995</v>
      </c>
      <c r="I22136" s="1"/>
    </row>
    <row r="22137" spans="1:9" x14ac:dyDescent="0.25">
      <c r="A22137" s="3">
        <v>41645.576180555552</v>
      </c>
      <c r="B22137" s="6">
        <v>368531.1</v>
      </c>
      <c r="C22137" s="7">
        <f t="shared" si="345"/>
        <v>368.53109999999998</v>
      </c>
      <c r="I22137" s="1"/>
    </row>
    <row r="22138" spans="1:9" x14ac:dyDescent="0.25">
      <c r="A22138" s="3">
        <v>41645.578067129631</v>
      </c>
      <c r="B22138" s="6">
        <v>368547.74999999994</v>
      </c>
      <c r="C22138" s="7">
        <f t="shared" si="345"/>
        <v>368.54774999999995</v>
      </c>
      <c r="I22138" s="1"/>
    </row>
    <row r="22139" spans="1:9" x14ac:dyDescent="0.25">
      <c r="A22139" s="3">
        <v>41645.578298611108</v>
      </c>
      <c r="B22139" s="6">
        <v>368564.39999999997</v>
      </c>
      <c r="C22139" s="7">
        <f t="shared" si="345"/>
        <v>368.56439999999998</v>
      </c>
      <c r="I22139" s="1"/>
    </row>
    <row r="22140" spans="1:9" x14ac:dyDescent="0.25">
      <c r="A22140" s="3">
        <v>41645.579895833333</v>
      </c>
      <c r="B22140" s="6">
        <v>368581.05</v>
      </c>
      <c r="C22140" s="7">
        <f t="shared" si="345"/>
        <v>368.58105</v>
      </c>
      <c r="I22140" s="1"/>
    </row>
    <row r="22141" spans="1:9" x14ac:dyDescent="0.25">
      <c r="A22141" s="3">
        <v>41645.579953703702</v>
      </c>
      <c r="B22141" s="6">
        <v>368597.69999999995</v>
      </c>
      <c r="C22141" s="7">
        <f t="shared" si="345"/>
        <v>368.59769999999997</v>
      </c>
      <c r="I22141" s="1"/>
    </row>
    <row r="22142" spans="1:9" x14ac:dyDescent="0.25">
      <c r="A22142" s="3">
        <v>41645.581377314818</v>
      </c>
      <c r="B22142" s="6">
        <v>368614.35</v>
      </c>
      <c r="C22142" s="7">
        <f t="shared" si="345"/>
        <v>368.61435</v>
      </c>
      <c r="I22142" s="1"/>
    </row>
    <row r="22143" spans="1:9" x14ac:dyDescent="0.25">
      <c r="A22143" s="3">
        <v>41645.581504629627</v>
      </c>
      <c r="B22143" s="6">
        <v>368630.99999999994</v>
      </c>
      <c r="C22143" s="7">
        <f t="shared" si="345"/>
        <v>368.63099999999991</v>
      </c>
      <c r="I22143" s="1"/>
    </row>
    <row r="22144" spans="1:9" x14ac:dyDescent="0.25">
      <c r="A22144" s="3">
        <v>41645.583761574075</v>
      </c>
      <c r="B22144" s="6">
        <v>368647.64999999997</v>
      </c>
      <c r="C22144" s="7">
        <f t="shared" si="345"/>
        <v>368.64764999999994</v>
      </c>
      <c r="I22144" s="1"/>
    </row>
    <row r="22145" spans="1:9" x14ac:dyDescent="0.25">
      <c r="A22145" s="3">
        <v>41645.584178240744</v>
      </c>
      <c r="B22145" s="6">
        <v>368664.3</v>
      </c>
      <c r="C22145" s="7">
        <f t="shared" si="345"/>
        <v>368.66429999999997</v>
      </c>
      <c r="I22145" s="1"/>
    </row>
    <row r="22146" spans="1:9" x14ac:dyDescent="0.25">
      <c r="A22146" s="3">
        <v>41645.585243055553</v>
      </c>
      <c r="B22146" s="6">
        <v>368680.94999999995</v>
      </c>
      <c r="C22146" s="7">
        <f t="shared" si="345"/>
        <v>368.68094999999994</v>
      </c>
      <c r="I22146" s="1"/>
    </row>
    <row r="22147" spans="1:9" x14ac:dyDescent="0.25">
      <c r="A22147" s="3">
        <v>41645.585370370369</v>
      </c>
      <c r="B22147" s="6">
        <v>368697.59999999998</v>
      </c>
      <c r="C22147" s="7">
        <f t="shared" ref="C22147:C22210" si="346">B22147/1000</f>
        <v>368.69759999999997</v>
      </c>
      <c r="I22147" s="1"/>
    </row>
    <row r="22148" spans="1:9" x14ac:dyDescent="0.25">
      <c r="A22148" s="3">
        <v>41645.586805555555</v>
      </c>
      <c r="B22148" s="6">
        <v>368714.24999999994</v>
      </c>
      <c r="C22148" s="7">
        <f t="shared" si="346"/>
        <v>368.71424999999994</v>
      </c>
      <c r="I22148" s="1"/>
    </row>
    <row r="22149" spans="1:9" x14ac:dyDescent="0.25">
      <c r="A22149" s="3">
        <v>41645.58697916667</v>
      </c>
      <c r="B22149" s="6">
        <v>368730.89999999997</v>
      </c>
      <c r="C22149" s="7">
        <f t="shared" si="346"/>
        <v>368.73089999999996</v>
      </c>
      <c r="I22149" s="1"/>
    </row>
    <row r="22150" spans="1:9" x14ac:dyDescent="0.25">
      <c r="A22150" s="3">
        <v>41645.589305555557</v>
      </c>
      <c r="B22150" s="6">
        <v>368747.55</v>
      </c>
      <c r="C22150" s="7">
        <f t="shared" si="346"/>
        <v>368.74754999999999</v>
      </c>
      <c r="I22150" s="1"/>
    </row>
    <row r="22151" spans="1:9" x14ac:dyDescent="0.25">
      <c r="A22151" s="3">
        <v>41645.589537037034</v>
      </c>
      <c r="B22151" s="6">
        <v>368764.19999999995</v>
      </c>
      <c r="C22151" s="7">
        <f t="shared" si="346"/>
        <v>368.76419999999996</v>
      </c>
      <c r="I22151" s="1"/>
    </row>
    <row r="22152" spans="1:9" x14ac:dyDescent="0.25">
      <c r="A22152" s="3">
        <v>41645.591678240744</v>
      </c>
      <c r="B22152" s="6">
        <v>368780.85</v>
      </c>
      <c r="C22152" s="7">
        <f t="shared" si="346"/>
        <v>368.78084999999999</v>
      </c>
      <c r="I22152" s="1"/>
    </row>
    <row r="22153" spans="1:9" x14ac:dyDescent="0.25">
      <c r="A22153" s="3">
        <v>41645.591944444444</v>
      </c>
      <c r="B22153" s="6">
        <v>368797.49999999994</v>
      </c>
      <c r="C22153" s="7">
        <f t="shared" si="346"/>
        <v>368.79749999999996</v>
      </c>
      <c r="I22153" s="1"/>
    </row>
    <row r="22154" spans="1:9" x14ac:dyDescent="0.25">
      <c r="A22154" s="3">
        <v>41645.593877314815</v>
      </c>
      <c r="B22154" s="6">
        <v>368814.14999999997</v>
      </c>
      <c r="C22154" s="7">
        <f t="shared" si="346"/>
        <v>368.81414999999998</v>
      </c>
      <c r="I22154" s="1"/>
    </row>
    <row r="22155" spans="1:9" x14ac:dyDescent="0.25">
      <c r="A22155" s="3">
        <v>41645.594502314816</v>
      </c>
      <c r="B22155" s="6">
        <v>368830.8</v>
      </c>
      <c r="C22155" s="7">
        <f t="shared" si="346"/>
        <v>368.83080000000001</v>
      </c>
      <c r="I22155" s="1"/>
    </row>
    <row r="22156" spans="1:9" x14ac:dyDescent="0.25">
      <c r="A22156" s="3">
        <v>41645.59715277778</v>
      </c>
      <c r="B22156" s="6">
        <v>368847.44999999995</v>
      </c>
      <c r="C22156" s="7">
        <f t="shared" si="346"/>
        <v>368.84744999999998</v>
      </c>
      <c r="I22156" s="1"/>
    </row>
    <row r="22157" spans="1:9" x14ac:dyDescent="0.25">
      <c r="A22157" s="3">
        <v>41645.597314814811</v>
      </c>
      <c r="B22157" s="6">
        <v>368864.1</v>
      </c>
      <c r="C22157" s="7">
        <f t="shared" si="346"/>
        <v>368.86409999999995</v>
      </c>
      <c r="I22157" s="1"/>
    </row>
    <row r="22158" spans="1:9" x14ac:dyDescent="0.25">
      <c r="A22158" s="3">
        <v>41645.598483796297</v>
      </c>
      <c r="B22158" s="6">
        <v>368880.74999999994</v>
      </c>
      <c r="C22158" s="7">
        <f t="shared" si="346"/>
        <v>368.88074999999992</v>
      </c>
      <c r="I22158" s="1"/>
    </row>
    <row r="22159" spans="1:9" x14ac:dyDescent="0.25">
      <c r="A22159" s="3">
        <v>41645.598599537036</v>
      </c>
      <c r="B22159" s="6">
        <v>368897.39999999997</v>
      </c>
      <c r="C22159" s="7">
        <f t="shared" si="346"/>
        <v>368.89739999999995</v>
      </c>
      <c r="I22159" s="1"/>
    </row>
    <row r="22160" spans="1:9" x14ac:dyDescent="0.25">
      <c r="A22160" s="3">
        <v>41645.600300925929</v>
      </c>
      <c r="B22160" s="6">
        <v>368914.05</v>
      </c>
      <c r="C22160" s="7">
        <f t="shared" si="346"/>
        <v>368.91404999999997</v>
      </c>
      <c r="I22160" s="1"/>
    </row>
    <row r="22161" spans="1:9" x14ac:dyDescent="0.25">
      <c r="A22161" s="3">
        <v>41645.600474537037</v>
      </c>
      <c r="B22161" s="6">
        <v>368930.69999999995</v>
      </c>
      <c r="C22161" s="7">
        <f t="shared" si="346"/>
        <v>368.93069999999994</v>
      </c>
      <c r="I22161" s="1"/>
    </row>
    <row r="22162" spans="1:9" x14ac:dyDescent="0.25">
      <c r="A22162" s="3">
        <v>41645.601481481484</v>
      </c>
      <c r="B22162" s="6">
        <v>368947.35</v>
      </c>
      <c r="C22162" s="7">
        <f t="shared" si="346"/>
        <v>368.94734999999997</v>
      </c>
      <c r="I22162" s="1"/>
    </row>
    <row r="22163" spans="1:9" x14ac:dyDescent="0.25">
      <c r="A22163" s="3">
        <v>41645.601574074077</v>
      </c>
      <c r="B22163" s="6">
        <v>368963.99999999994</v>
      </c>
      <c r="C22163" s="7">
        <f t="shared" si="346"/>
        <v>368.96399999999994</v>
      </c>
      <c r="I22163" s="1"/>
    </row>
    <row r="22164" spans="1:9" x14ac:dyDescent="0.25">
      <c r="A22164" s="3">
        <v>41645.60255787037</v>
      </c>
      <c r="B22164" s="6">
        <v>368980.64999999997</v>
      </c>
      <c r="C22164" s="7">
        <f t="shared" si="346"/>
        <v>368.98064999999997</v>
      </c>
      <c r="I22164" s="1"/>
    </row>
    <row r="22165" spans="1:9" x14ac:dyDescent="0.25">
      <c r="A22165" s="3">
        <v>41645.602638888886</v>
      </c>
      <c r="B22165" s="6">
        <v>368997.3</v>
      </c>
      <c r="C22165" s="7">
        <f t="shared" si="346"/>
        <v>368.9973</v>
      </c>
      <c r="I22165" s="1"/>
    </row>
    <row r="22166" spans="1:9" x14ac:dyDescent="0.25">
      <c r="A22166" s="3">
        <v>41645.603854166664</v>
      </c>
      <c r="B22166" s="6">
        <v>369013.94999999995</v>
      </c>
      <c r="C22166" s="7">
        <f t="shared" si="346"/>
        <v>369.01394999999997</v>
      </c>
      <c r="I22166" s="1"/>
    </row>
    <row r="22167" spans="1:9" x14ac:dyDescent="0.25">
      <c r="A22167" s="3">
        <v>41645.604039351849</v>
      </c>
      <c r="B22167" s="6">
        <v>369030.6</v>
      </c>
      <c r="C22167" s="7">
        <f t="shared" si="346"/>
        <v>369.03059999999999</v>
      </c>
      <c r="I22167" s="1"/>
    </row>
    <row r="22168" spans="1:9" x14ac:dyDescent="0.25">
      <c r="A22168" s="3">
        <v>41645.605671296296</v>
      </c>
      <c r="B22168" s="6">
        <v>369047.24999999994</v>
      </c>
      <c r="C22168" s="7">
        <f t="shared" si="346"/>
        <v>369.04724999999996</v>
      </c>
      <c r="I22168" s="1"/>
    </row>
    <row r="22169" spans="1:9" x14ac:dyDescent="0.25">
      <c r="A22169" s="3">
        <v>41645.605856481481</v>
      </c>
      <c r="B22169" s="6">
        <v>369063.89999999997</v>
      </c>
      <c r="C22169" s="7">
        <f t="shared" si="346"/>
        <v>369.06389999999999</v>
      </c>
      <c r="I22169" s="1"/>
    </row>
    <row r="22170" spans="1:9" x14ac:dyDescent="0.25">
      <c r="A22170" s="3">
        <v>41645.608518518522</v>
      </c>
      <c r="B22170" s="6">
        <v>369080.55</v>
      </c>
      <c r="C22170" s="7">
        <f t="shared" si="346"/>
        <v>369.08055000000002</v>
      </c>
      <c r="I22170" s="1"/>
    </row>
    <row r="22171" spans="1:9" x14ac:dyDescent="0.25">
      <c r="A22171" s="3">
        <v>41645.608842592592</v>
      </c>
      <c r="B22171" s="6">
        <v>369097.19999999995</v>
      </c>
      <c r="C22171" s="7">
        <f t="shared" si="346"/>
        <v>369.09719999999993</v>
      </c>
      <c r="I22171" s="1"/>
    </row>
    <row r="22172" spans="1:9" x14ac:dyDescent="0.25">
      <c r="A22172" s="3">
        <v>41645.610636574071</v>
      </c>
      <c r="B22172" s="6">
        <v>369113.85</v>
      </c>
      <c r="C22172" s="7">
        <f t="shared" si="346"/>
        <v>369.11384999999996</v>
      </c>
      <c r="I22172" s="1"/>
    </row>
    <row r="22173" spans="1:9" x14ac:dyDescent="0.25">
      <c r="A22173" s="3">
        <v>41645.611041666663</v>
      </c>
      <c r="B22173" s="6">
        <v>369130.49999999994</v>
      </c>
      <c r="C22173" s="7">
        <f t="shared" si="346"/>
        <v>369.13049999999993</v>
      </c>
      <c r="I22173" s="1"/>
    </row>
    <row r="22174" spans="1:9" x14ac:dyDescent="0.25">
      <c r="A22174" s="3">
        <v>41645.613321759258</v>
      </c>
      <c r="B22174" s="6">
        <v>369147.14999999997</v>
      </c>
      <c r="C22174" s="7">
        <f t="shared" si="346"/>
        <v>369.14714999999995</v>
      </c>
      <c r="I22174" s="1"/>
    </row>
    <row r="22175" spans="1:9" x14ac:dyDescent="0.25">
      <c r="A22175" s="3">
        <v>41645.613530092596</v>
      </c>
      <c r="B22175" s="6">
        <v>369163.8</v>
      </c>
      <c r="C22175" s="7">
        <f t="shared" si="346"/>
        <v>369.16379999999998</v>
      </c>
      <c r="I22175" s="1"/>
    </row>
    <row r="22176" spans="1:9" x14ac:dyDescent="0.25">
      <c r="A22176" s="3">
        <v>41645.615335648145</v>
      </c>
      <c r="B22176" s="6">
        <v>369180.44999999995</v>
      </c>
      <c r="C22176" s="7">
        <f t="shared" si="346"/>
        <v>369.18044999999995</v>
      </c>
      <c r="I22176" s="1"/>
    </row>
    <row r="22177" spans="1:9" x14ac:dyDescent="0.25">
      <c r="A22177" s="3">
        <v>41645.61550925926</v>
      </c>
      <c r="B22177" s="6">
        <v>369197.1</v>
      </c>
      <c r="C22177" s="7">
        <f t="shared" si="346"/>
        <v>369.19709999999998</v>
      </c>
      <c r="I22177" s="1"/>
    </row>
    <row r="22178" spans="1:9" x14ac:dyDescent="0.25">
      <c r="A22178" s="3">
        <v>41645.618587962963</v>
      </c>
      <c r="B22178" s="6">
        <v>369213.74999999994</v>
      </c>
      <c r="C22178" s="7">
        <f t="shared" si="346"/>
        <v>369.21374999999995</v>
      </c>
      <c r="I22178" s="1"/>
    </row>
    <row r="22179" spans="1:9" x14ac:dyDescent="0.25">
      <c r="A22179" s="3">
        <v>41645.618657407409</v>
      </c>
      <c r="B22179" s="6">
        <v>369230.39999999997</v>
      </c>
      <c r="C22179" s="7">
        <f t="shared" si="346"/>
        <v>369.23039999999997</v>
      </c>
      <c r="I22179" s="1"/>
    </row>
    <row r="22180" spans="1:9" x14ac:dyDescent="0.25">
      <c r="A22180" s="3">
        <v>41645.620034722226</v>
      </c>
      <c r="B22180" s="6">
        <v>369247.05</v>
      </c>
      <c r="C22180" s="7">
        <f t="shared" si="346"/>
        <v>369.24705</v>
      </c>
      <c r="I22180" s="1"/>
    </row>
    <row r="22181" spans="1:9" x14ac:dyDescent="0.25">
      <c r="A22181" s="3">
        <v>41645.620150462964</v>
      </c>
      <c r="B22181" s="6">
        <v>369263.69999999995</v>
      </c>
      <c r="C22181" s="7">
        <f t="shared" si="346"/>
        <v>369.26369999999997</v>
      </c>
      <c r="I22181" s="1"/>
    </row>
    <row r="22182" spans="1:9" x14ac:dyDescent="0.25">
      <c r="A22182" s="3">
        <v>41645.621261574073</v>
      </c>
      <c r="B22182" s="6">
        <v>369280.35</v>
      </c>
      <c r="C22182" s="7">
        <f t="shared" si="346"/>
        <v>369.28035</v>
      </c>
      <c r="I22182" s="1"/>
    </row>
    <row r="22183" spans="1:9" x14ac:dyDescent="0.25">
      <c r="A22183" s="3">
        <v>41645.621493055558</v>
      </c>
      <c r="B22183" s="6">
        <v>369296.99999999994</v>
      </c>
      <c r="C22183" s="7">
        <f t="shared" si="346"/>
        <v>369.29699999999997</v>
      </c>
      <c r="I22183" s="1"/>
    </row>
    <row r="22184" spans="1:9" x14ac:dyDescent="0.25">
      <c r="A22184" s="3">
        <v>41645.623692129629</v>
      </c>
      <c r="B22184" s="6">
        <v>369313.64999999997</v>
      </c>
      <c r="C22184" s="7">
        <f t="shared" si="346"/>
        <v>369.31364999999994</v>
      </c>
      <c r="I22184" s="1"/>
    </row>
    <row r="22185" spans="1:9" x14ac:dyDescent="0.25">
      <c r="A22185" s="3">
        <v>41645.623784722222</v>
      </c>
      <c r="B22185" s="6">
        <v>369330.3</v>
      </c>
      <c r="C22185" s="7">
        <f t="shared" si="346"/>
        <v>369.33029999999997</v>
      </c>
      <c r="I22185" s="1"/>
    </row>
    <row r="22186" spans="1:9" x14ac:dyDescent="0.25">
      <c r="A22186" s="3">
        <v>41645.624675925923</v>
      </c>
      <c r="B22186" s="6">
        <v>369346.94999999995</v>
      </c>
      <c r="C22186" s="7">
        <f t="shared" si="346"/>
        <v>369.34694999999994</v>
      </c>
      <c r="I22186" s="1"/>
    </row>
    <row r="22187" spans="1:9" x14ac:dyDescent="0.25">
      <c r="A22187" s="3">
        <v>41645.624745370369</v>
      </c>
      <c r="B22187" s="6">
        <v>369363.6</v>
      </c>
      <c r="C22187" s="7">
        <f t="shared" si="346"/>
        <v>369.36359999999996</v>
      </c>
      <c r="I22187" s="1"/>
    </row>
    <row r="22188" spans="1:9" x14ac:dyDescent="0.25">
      <c r="A22188" s="3">
        <v>41645.625868055555</v>
      </c>
      <c r="B22188" s="6">
        <v>369380.24999999994</v>
      </c>
      <c r="C22188" s="7">
        <f t="shared" si="346"/>
        <v>369.38024999999993</v>
      </c>
      <c r="I22188" s="1"/>
    </row>
    <row r="22189" spans="1:9" x14ac:dyDescent="0.25">
      <c r="A22189" s="3">
        <v>41645.625949074078</v>
      </c>
      <c r="B22189" s="6">
        <v>369396.89999999997</v>
      </c>
      <c r="C22189" s="7">
        <f t="shared" si="346"/>
        <v>369.39689999999996</v>
      </c>
      <c r="I22189" s="1"/>
    </row>
    <row r="22190" spans="1:9" x14ac:dyDescent="0.25">
      <c r="A22190" s="3">
        <v>41645.627708333333</v>
      </c>
      <c r="B22190" s="6">
        <v>369413.55</v>
      </c>
      <c r="C22190" s="7">
        <f t="shared" si="346"/>
        <v>369.41354999999999</v>
      </c>
      <c r="I22190" s="1"/>
    </row>
    <row r="22191" spans="1:9" x14ac:dyDescent="0.25">
      <c r="A22191" s="3">
        <v>41645.627962962964</v>
      </c>
      <c r="B22191" s="6">
        <v>369430.19999999995</v>
      </c>
      <c r="C22191" s="7">
        <f t="shared" si="346"/>
        <v>369.43019999999996</v>
      </c>
      <c r="I22191" s="1"/>
    </row>
    <row r="22192" spans="1:9" x14ac:dyDescent="0.25">
      <c r="A22192" s="3">
        <v>41645.629861111112</v>
      </c>
      <c r="B22192" s="6">
        <v>369446.85</v>
      </c>
      <c r="C22192" s="7">
        <f t="shared" si="346"/>
        <v>369.44684999999998</v>
      </c>
      <c r="I22192" s="1"/>
    </row>
    <row r="22193" spans="1:9" x14ac:dyDescent="0.25">
      <c r="A22193" s="3">
        <v>41645.63003472222</v>
      </c>
      <c r="B22193" s="6">
        <v>369463.49999999994</v>
      </c>
      <c r="C22193" s="7">
        <f t="shared" si="346"/>
        <v>369.46349999999995</v>
      </c>
      <c r="I22193" s="1"/>
    </row>
    <row r="22194" spans="1:9" x14ac:dyDescent="0.25">
      <c r="A22194" s="3">
        <v>41645.631226851852</v>
      </c>
      <c r="B22194" s="6">
        <v>369480.14999999997</v>
      </c>
      <c r="C22194" s="7">
        <f t="shared" si="346"/>
        <v>369.48014999999998</v>
      </c>
      <c r="I22194" s="1"/>
    </row>
    <row r="22195" spans="1:9" x14ac:dyDescent="0.25">
      <c r="A22195" s="3">
        <v>41645.63144675926</v>
      </c>
      <c r="B22195" s="6">
        <v>369496.8</v>
      </c>
      <c r="C22195" s="7">
        <f t="shared" si="346"/>
        <v>369.49680000000001</v>
      </c>
      <c r="I22195" s="1"/>
    </row>
    <row r="22196" spans="1:9" x14ac:dyDescent="0.25">
      <c r="A22196" s="3">
        <v>41645.632800925923</v>
      </c>
      <c r="B22196" s="6">
        <v>369513.44999999995</v>
      </c>
      <c r="C22196" s="7">
        <f t="shared" si="346"/>
        <v>369.51344999999998</v>
      </c>
      <c r="I22196" s="1"/>
    </row>
    <row r="22197" spans="1:9" x14ac:dyDescent="0.25">
      <c r="A22197" s="3">
        <v>41645.632893518516</v>
      </c>
      <c r="B22197" s="6">
        <v>369530.1</v>
      </c>
      <c r="C22197" s="7">
        <f t="shared" si="346"/>
        <v>369.5301</v>
      </c>
      <c r="I22197" s="1"/>
    </row>
    <row r="22198" spans="1:9" x14ac:dyDescent="0.25">
      <c r="A22198" s="3">
        <v>41645.63449074074</v>
      </c>
      <c r="B22198" s="6">
        <v>369546.74999999994</v>
      </c>
      <c r="C22198" s="7">
        <f t="shared" si="346"/>
        <v>369.54674999999992</v>
      </c>
      <c r="I22198" s="1"/>
    </row>
    <row r="22199" spans="1:9" x14ac:dyDescent="0.25">
      <c r="A22199" s="3">
        <v>41645.634606481479</v>
      </c>
      <c r="B22199" s="6">
        <v>369563.39999999997</v>
      </c>
      <c r="C22199" s="7">
        <f t="shared" si="346"/>
        <v>369.56339999999994</v>
      </c>
      <c r="I22199" s="1"/>
    </row>
    <row r="22200" spans="1:9" x14ac:dyDescent="0.25">
      <c r="A22200" s="3">
        <v>41645.636689814812</v>
      </c>
      <c r="B22200" s="6">
        <v>369580.05</v>
      </c>
      <c r="C22200" s="7">
        <f t="shared" si="346"/>
        <v>369.58004999999997</v>
      </c>
      <c r="I22200" s="1"/>
    </row>
    <row r="22201" spans="1:9" x14ac:dyDescent="0.25">
      <c r="A22201" s="3">
        <v>41645.636747685188</v>
      </c>
      <c r="B22201" s="6">
        <v>369596.69999999995</v>
      </c>
      <c r="C22201" s="7">
        <f t="shared" si="346"/>
        <v>369.59669999999994</v>
      </c>
      <c r="I22201" s="1"/>
    </row>
    <row r="22202" spans="1:9" x14ac:dyDescent="0.25">
      <c r="A22202" s="3">
        <v>41645.638182870367</v>
      </c>
      <c r="B22202" s="6">
        <v>369613.35</v>
      </c>
      <c r="C22202" s="7">
        <f t="shared" si="346"/>
        <v>369.61334999999997</v>
      </c>
      <c r="I22202" s="1"/>
    </row>
    <row r="22203" spans="1:9" x14ac:dyDescent="0.25">
      <c r="A22203" s="3">
        <v>41645.638275462959</v>
      </c>
      <c r="B22203" s="6">
        <v>369629.99999999994</v>
      </c>
      <c r="C22203" s="7">
        <f t="shared" si="346"/>
        <v>369.62999999999994</v>
      </c>
      <c r="I22203" s="1"/>
    </row>
    <row r="22204" spans="1:9" x14ac:dyDescent="0.25">
      <c r="A22204" s="3">
        <v>41645.639861111114</v>
      </c>
      <c r="B22204" s="6">
        <v>369646.64999999997</v>
      </c>
      <c r="C22204" s="7">
        <f t="shared" si="346"/>
        <v>369.64664999999997</v>
      </c>
      <c r="I22204" s="1"/>
    </row>
    <row r="22205" spans="1:9" x14ac:dyDescent="0.25">
      <c r="A22205" s="3">
        <v>41645.63994212963</v>
      </c>
      <c r="B22205" s="6">
        <v>369663.3</v>
      </c>
      <c r="C22205" s="7">
        <f t="shared" si="346"/>
        <v>369.66329999999999</v>
      </c>
      <c r="I22205" s="1"/>
    </row>
    <row r="22206" spans="1:9" x14ac:dyDescent="0.25">
      <c r="A22206" s="3">
        <v>41645.641261574077</v>
      </c>
      <c r="B22206" s="6">
        <v>369679.94999999995</v>
      </c>
      <c r="C22206" s="7">
        <f t="shared" si="346"/>
        <v>369.67994999999996</v>
      </c>
      <c r="I22206" s="1"/>
    </row>
    <row r="22207" spans="1:9" x14ac:dyDescent="0.25">
      <c r="A22207" s="3">
        <v>41645.641446759262</v>
      </c>
      <c r="B22207" s="6">
        <v>369696.6</v>
      </c>
      <c r="C22207" s="7">
        <f t="shared" si="346"/>
        <v>369.69659999999999</v>
      </c>
      <c r="I22207" s="1"/>
    </row>
    <row r="22208" spans="1:9" x14ac:dyDescent="0.25">
      <c r="A22208" s="3">
        <v>41645.644120370373</v>
      </c>
      <c r="B22208" s="6">
        <v>369713.24999999994</v>
      </c>
      <c r="C22208" s="7">
        <f t="shared" si="346"/>
        <v>369.71324999999996</v>
      </c>
      <c r="I22208" s="1"/>
    </row>
    <row r="22209" spans="1:9" x14ac:dyDescent="0.25">
      <c r="A22209" s="3">
        <v>41645.645127314812</v>
      </c>
      <c r="B22209" s="6">
        <v>369729.89999999997</v>
      </c>
      <c r="C22209" s="7">
        <f t="shared" si="346"/>
        <v>369.72989999999999</v>
      </c>
      <c r="I22209" s="1"/>
    </row>
    <row r="22210" spans="1:9" x14ac:dyDescent="0.25">
      <c r="A22210" s="3">
        <v>41645.648159722223</v>
      </c>
      <c r="B22210" s="6">
        <v>369746.55</v>
      </c>
      <c r="C22210" s="7">
        <f t="shared" si="346"/>
        <v>369.74655000000001</v>
      </c>
      <c r="I22210" s="1"/>
    </row>
    <row r="22211" spans="1:9" x14ac:dyDescent="0.25">
      <c r="A22211" s="3">
        <v>41645.648217592592</v>
      </c>
      <c r="B22211" s="6">
        <v>369763.19999999995</v>
      </c>
      <c r="C22211" s="7">
        <f t="shared" ref="C22211:C22274" si="347">B22211/1000</f>
        <v>369.76319999999993</v>
      </c>
      <c r="I22211" s="1"/>
    </row>
    <row r="22212" spans="1:9" x14ac:dyDescent="0.25">
      <c r="A22212" s="3">
        <v>41645.648958333331</v>
      </c>
      <c r="B22212" s="6">
        <v>369779.85</v>
      </c>
      <c r="C22212" s="7">
        <f t="shared" si="347"/>
        <v>369.77984999999995</v>
      </c>
      <c r="I22212" s="1"/>
    </row>
    <row r="22213" spans="1:9" x14ac:dyDescent="0.25">
      <c r="A22213" s="3">
        <v>41645.649027777778</v>
      </c>
      <c r="B22213" s="6">
        <v>369796.49999999994</v>
      </c>
      <c r="C22213" s="7">
        <f t="shared" si="347"/>
        <v>369.79649999999992</v>
      </c>
      <c r="I22213" s="1"/>
    </row>
    <row r="22214" spans="1:9" x14ac:dyDescent="0.25">
      <c r="A22214" s="3">
        <v>41645.650266203702</v>
      </c>
      <c r="B22214" s="6">
        <v>369813.14999999997</v>
      </c>
      <c r="C22214" s="7">
        <f t="shared" si="347"/>
        <v>369.81314999999995</v>
      </c>
      <c r="I22214" s="1"/>
    </row>
    <row r="22215" spans="1:9" x14ac:dyDescent="0.25">
      <c r="A22215" s="3">
        <v>41645.650381944448</v>
      </c>
      <c r="B22215" s="6">
        <v>369829.8</v>
      </c>
      <c r="C22215" s="7">
        <f t="shared" si="347"/>
        <v>369.82979999999998</v>
      </c>
      <c r="I22215" s="1"/>
    </row>
    <row r="22216" spans="1:9" x14ac:dyDescent="0.25">
      <c r="A22216" s="3">
        <v>41645.651365740741</v>
      </c>
      <c r="B22216" s="6">
        <v>369846.44999999995</v>
      </c>
      <c r="C22216" s="7">
        <f t="shared" si="347"/>
        <v>369.84644999999995</v>
      </c>
      <c r="I22216" s="1"/>
    </row>
    <row r="22217" spans="1:9" x14ac:dyDescent="0.25">
      <c r="A22217" s="3">
        <v>41645.651597222219</v>
      </c>
      <c r="B22217" s="6">
        <v>369863.1</v>
      </c>
      <c r="C22217" s="7">
        <f t="shared" si="347"/>
        <v>369.86309999999997</v>
      </c>
      <c r="I22217" s="1"/>
    </row>
    <row r="22218" spans="1:9" x14ac:dyDescent="0.25">
      <c r="A22218" s="3">
        <v>41645.652650462966</v>
      </c>
      <c r="B22218" s="6">
        <v>369879.74999999994</v>
      </c>
      <c r="C22218" s="7">
        <f t="shared" si="347"/>
        <v>369.87974999999994</v>
      </c>
      <c r="I22218" s="1"/>
    </row>
    <row r="22219" spans="1:9" x14ac:dyDescent="0.25">
      <c r="A22219" s="3">
        <v>41645.652766203704</v>
      </c>
      <c r="B22219" s="6">
        <v>369896.39999999997</v>
      </c>
      <c r="C22219" s="7">
        <f t="shared" si="347"/>
        <v>369.89639999999997</v>
      </c>
      <c r="I22219" s="1"/>
    </row>
    <row r="22220" spans="1:9" x14ac:dyDescent="0.25">
      <c r="A22220" s="3">
        <v>41645.65351851852</v>
      </c>
      <c r="B22220" s="6">
        <v>369913.05</v>
      </c>
      <c r="C22220" s="7">
        <f t="shared" si="347"/>
        <v>369.91305</v>
      </c>
      <c r="I22220" s="1"/>
    </row>
    <row r="22221" spans="1:9" x14ac:dyDescent="0.25">
      <c r="A22221" s="3">
        <v>41645.653807870367</v>
      </c>
      <c r="B22221" s="6">
        <v>369929.69999999995</v>
      </c>
      <c r="C22221" s="7">
        <f t="shared" si="347"/>
        <v>369.92969999999997</v>
      </c>
      <c r="I22221" s="1"/>
    </row>
    <row r="22222" spans="1:9" x14ac:dyDescent="0.25">
      <c r="A22222" s="3">
        <v>41645.655069444445</v>
      </c>
      <c r="B22222" s="6">
        <v>369946.35</v>
      </c>
      <c r="C22222" s="7">
        <f t="shared" si="347"/>
        <v>369.94635</v>
      </c>
      <c r="I22222" s="1"/>
    </row>
    <row r="22223" spans="1:9" x14ac:dyDescent="0.25">
      <c r="A22223" s="3">
        <v>41645.655173611114</v>
      </c>
      <c r="B22223" s="6">
        <v>369962.99999999994</v>
      </c>
      <c r="C22223" s="7">
        <f t="shared" si="347"/>
        <v>369.96299999999997</v>
      </c>
      <c r="I22223" s="1"/>
    </row>
    <row r="22224" spans="1:9" x14ac:dyDescent="0.25">
      <c r="A22224" s="3">
        <v>41645.656076388892</v>
      </c>
      <c r="B22224" s="6">
        <v>369979.64999999997</v>
      </c>
      <c r="C22224" s="7">
        <f t="shared" si="347"/>
        <v>369.97964999999999</v>
      </c>
      <c r="I22224" s="1"/>
    </row>
    <row r="22225" spans="1:9" x14ac:dyDescent="0.25">
      <c r="A22225" s="3">
        <v>41645.656481481485</v>
      </c>
      <c r="B22225" s="6">
        <v>369996.3</v>
      </c>
      <c r="C22225" s="7">
        <f t="shared" si="347"/>
        <v>369.99629999999996</v>
      </c>
      <c r="I22225" s="1"/>
    </row>
    <row r="22226" spans="1:9" x14ac:dyDescent="0.25">
      <c r="A22226" s="3">
        <v>41645.657743055555</v>
      </c>
      <c r="B22226" s="6">
        <v>370012.94999999995</v>
      </c>
      <c r="C22226" s="7">
        <f t="shared" si="347"/>
        <v>370.01294999999993</v>
      </c>
      <c r="I22226" s="1"/>
    </row>
    <row r="22227" spans="1:9" x14ac:dyDescent="0.25">
      <c r="A22227" s="3">
        <v>41645.657824074071</v>
      </c>
      <c r="B22227" s="6">
        <v>370029.6</v>
      </c>
      <c r="C22227" s="7">
        <f t="shared" si="347"/>
        <v>370.02959999999996</v>
      </c>
      <c r="I22227" s="1"/>
    </row>
    <row r="22228" spans="1:9" x14ac:dyDescent="0.25">
      <c r="A22228" s="3">
        <v>41645.658784722225</v>
      </c>
      <c r="B22228" s="6">
        <v>370046.24999999994</v>
      </c>
      <c r="C22228" s="7">
        <f t="shared" si="347"/>
        <v>370.04624999999993</v>
      </c>
      <c r="I22228" s="1"/>
    </row>
    <row r="22229" spans="1:9" x14ac:dyDescent="0.25">
      <c r="A22229" s="3">
        <v>41645.658865740741</v>
      </c>
      <c r="B22229" s="6">
        <v>370062.89999999997</v>
      </c>
      <c r="C22229" s="7">
        <f t="shared" si="347"/>
        <v>370.06289999999996</v>
      </c>
      <c r="I22229" s="1"/>
    </row>
    <row r="22230" spans="1:9" x14ac:dyDescent="0.25">
      <c r="A22230" s="3">
        <v>41645.660150462965</v>
      </c>
      <c r="B22230" s="6">
        <v>370079.55</v>
      </c>
      <c r="C22230" s="7">
        <f t="shared" si="347"/>
        <v>370.07954999999998</v>
      </c>
      <c r="I22230" s="1"/>
    </row>
    <row r="22231" spans="1:9" x14ac:dyDescent="0.25">
      <c r="A22231" s="3">
        <v>41645.660243055558</v>
      </c>
      <c r="B22231" s="6">
        <v>370096.19999999995</v>
      </c>
      <c r="C22231" s="7">
        <f t="shared" si="347"/>
        <v>370.09619999999995</v>
      </c>
      <c r="I22231" s="1"/>
    </row>
    <row r="22232" spans="1:9" x14ac:dyDescent="0.25">
      <c r="A22232" s="3">
        <v>41645.661203703705</v>
      </c>
      <c r="B22232" s="6">
        <v>370112.85</v>
      </c>
      <c r="C22232" s="7">
        <f t="shared" si="347"/>
        <v>370.11284999999998</v>
      </c>
      <c r="I22232" s="1"/>
    </row>
    <row r="22233" spans="1:9" x14ac:dyDescent="0.25">
      <c r="A22233" s="3">
        <v>41645.661261574074</v>
      </c>
      <c r="B22233" s="6">
        <v>370129.49999999994</v>
      </c>
      <c r="C22233" s="7">
        <f t="shared" si="347"/>
        <v>370.12949999999995</v>
      </c>
      <c r="I22233" s="1"/>
    </row>
    <row r="22234" spans="1:9" x14ac:dyDescent="0.25">
      <c r="A22234" s="3">
        <v>41645.662349537037</v>
      </c>
      <c r="B22234" s="6">
        <v>370146.14999999997</v>
      </c>
      <c r="C22234" s="7">
        <f t="shared" si="347"/>
        <v>370.14614999999998</v>
      </c>
      <c r="I22234" s="1"/>
    </row>
    <row r="22235" spans="1:9" x14ac:dyDescent="0.25">
      <c r="A22235" s="3">
        <v>41645.662430555552</v>
      </c>
      <c r="B22235" s="6">
        <v>370162.8</v>
      </c>
      <c r="C22235" s="7">
        <f t="shared" si="347"/>
        <v>370.1628</v>
      </c>
      <c r="I22235" s="1"/>
    </row>
    <row r="22236" spans="1:9" x14ac:dyDescent="0.25">
      <c r="A22236" s="3">
        <v>41645.663842592592</v>
      </c>
      <c r="B22236" s="6">
        <v>370179.44999999995</v>
      </c>
      <c r="C22236" s="7">
        <f t="shared" si="347"/>
        <v>370.17944999999997</v>
      </c>
      <c r="I22236" s="1"/>
    </row>
    <row r="22237" spans="1:9" x14ac:dyDescent="0.25">
      <c r="A22237" s="3">
        <v>41645.663935185185</v>
      </c>
      <c r="B22237" s="6">
        <v>370196.1</v>
      </c>
      <c r="C22237" s="7">
        <f t="shared" si="347"/>
        <v>370.1961</v>
      </c>
      <c r="I22237" s="1"/>
    </row>
    <row r="22238" spans="1:9" x14ac:dyDescent="0.25">
      <c r="A22238" s="3">
        <v>41645.66678240741</v>
      </c>
      <c r="B22238" s="6">
        <v>370212.74999999994</v>
      </c>
      <c r="C22238" s="7">
        <f t="shared" si="347"/>
        <v>370.21274999999991</v>
      </c>
      <c r="I22238" s="1"/>
    </row>
    <row r="22239" spans="1:9" x14ac:dyDescent="0.25">
      <c r="A22239" s="3">
        <v>41645.666851851849</v>
      </c>
      <c r="B22239" s="6">
        <v>370229.39999999997</v>
      </c>
      <c r="C22239" s="7">
        <f t="shared" si="347"/>
        <v>370.22939999999994</v>
      </c>
      <c r="I22239" s="1"/>
    </row>
    <row r="22240" spans="1:9" x14ac:dyDescent="0.25">
      <c r="A22240" s="3">
        <v>41645.668356481481</v>
      </c>
      <c r="B22240" s="6">
        <v>370246.05</v>
      </c>
      <c r="C22240" s="7">
        <f t="shared" si="347"/>
        <v>370.24604999999997</v>
      </c>
      <c r="I22240" s="1"/>
    </row>
    <row r="22241" spans="1:9" x14ac:dyDescent="0.25">
      <c r="A22241" s="3">
        <v>41645.66847222222</v>
      </c>
      <c r="B22241" s="6">
        <v>370262.69999999995</v>
      </c>
      <c r="C22241" s="7">
        <f t="shared" si="347"/>
        <v>370.26269999999994</v>
      </c>
      <c r="I22241" s="1"/>
    </row>
    <row r="22242" spans="1:9" x14ac:dyDescent="0.25">
      <c r="A22242" s="3">
        <v>41645.669756944444</v>
      </c>
      <c r="B22242" s="6">
        <v>370279.35</v>
      </c>
      <c r="C22242" s="7">
        <f t="shared" si="347"/>
        <v>370.27934999999997</v>
      </c>
      <c r="I22242" s="1"/>
    </row>
    <row r="22243" spans="1:9" x14ac:dyDescent="0.25">
      <c r="A22243" s="3">
        <v>41645.669872685183</v>
      </c>
      <c r="B22243" s="6">
        <v>370295.99999999994</v>
      </c>
      <c r="C22243" s="7">
        <f t="shared" si="347"/>
        <v>370.29599999999994</v>
      </c>
      <c r="I22243" s="1"/>
    </row>
    <row r="22244" spans="1:9" x14ac:dyDescent="0.25">
      <c r="A22244" s="3">
        <v>41645.67046296296</v>
      </c>
      <c r="B22244" s="6">
        <v>370312.64999999997</v>
      </c>
      <c r="C22244" s="7">
        <f t="shared" si="347"/>
        <v>370.31264999999996</v>
      </c>
      <c r="I22244" s="1"/>
    </row>
    <row r="22245" spans="1:9" x14ac:dyDescent="0.25">
      <c r="A22245" s="3">
        <v>41645.670567129629</v>
      </c>
      <c r="B22245" s="6">
        <v>370329.3</v>
      </c>
      <c r="C22245" s="7">
        <f t="shared" si="347"/>
        <v>370.32929999999999</v>
      </c>
      <c r="I22245" s="1"/>
    </row>
    <row r="22246" spans="1:9" x14ac:dyDescent="0.25">
      <c r="A22246" s="3">
        <v>41645.671747685185</v>
      </c>
      <c r="B22246" s="6">
        <v>370345.94999999995</v>
      </c>
      <c r="C22246" s="7">
        <f t="shared" si="347"/>
        <v>370.34594999999996</v>
      </c>
      <c r="I22246" s="1"/>
    </row>
    <row r="22247" spans="1:9" x14ac:dyDescent="0.25">
      <c r="A22247" s="3">
        <v>41645.671793981484</v>
      </c>
      <c r="B22247" s="6">
        <v>370362.6</v>
      </c>
      <c r="C22247" s="7">
        <f t="shared" si="347"/>
        <v>370.36259999999999</v>
      </c>
      <c r="I22247" s="1"/>
    </row>
    <row r="22248" spans="1:9" x14ac:dyDescent="0.25">
      <c r="A22248" s="3">
        <v>41645.672847222224</v>
      </c>
      <c r="B22248" s="6">
        <v>370379.24999999994</v>
      </c>
      <c r="C22248" s="7">
        <f t="shared" si="347"/>
        <v>370.37924999999996</v>
      </c>
      <c r="I22248" s="1"/>
    </row>
    <row r="22249" spans="1:9" x14ac:dyDescent="0.25">
      <c r="A22249" s="3">
        <v>41645.67292824074</v>
      </c>
      <c r="B22249" s="6">
        <v>370395.89999999997</v>
      </c>
      <c r="C22249" s="7">
        <f t="shared" si="347"/>
        <v>370.39589999999998</v>
      </c>
      <c r="I22249" s="1"/>
    </row>
    <row r="22250" spans="1:9" x14ac:dyDescent="0.25">
      <c r="A22250" s="3">
        <v>41645.674502314818</v>
      </c>
      <c r="B22250" s="6">
        <v>370412.55</v>
      </c>
      <c r="C22250" s="7">
        <f t="shared" si="347"/>
        <v>370.41255000000001</v>
      </c>
      <c r="I22250" s="1"/>
    </row>
    <row r="22251" spans="1:9" x14ac:dyDescent="0.25">
      <c r="A22251" s="3">
        <v>41645.674756944441</v>
      </c>
      <c r="B22251" s="6">
        <v>370429.19999999995</v>
      </c>
      <c r="C22251" s="7">
        <f t="shared" si="347"/>
        <v>370.42919999999998</v>
      </c>
      <c r="I22251" s="1"/>
    </row>
    <row r="22252" spans="1:9" x14ac:dyDescent="0.25">
      <c r="A22252" s="3">
        <v>41645.675763888888</v>
      </c>
      <c r="B22252" s="6">
        <v>370445.85</v>
      </c>
      <c r="C22252" s="7">
        <f t="shared" si="347"/>
        <v>370.44584999999995</v>
      </c>
      <c r="I22252" s="1"/>
    </row>
    <row r="22253" spans="1:9" x14ac:dyDescent="0.25">
      <c r="A22253" s="3">
        <v>41645.675810185188</v>
      </c>
      <c r="B22253" s="6">
        <v>370462.49999999994</v>
      </c>
      <c r="C22253" s="7">
        <f t="shared" si="347"/>
        <v>370.46249999999992</v>
      </c>
      <c r="I22253" s="1"/>
    </row>
    <row r="22254" spans="1:9" x14ac:dyDescent="0.25">
      <c r="A22254" s="3">
        <v>41645.676296296297</v>
      </c>
      <c r="B22254" s="6">
        <v>370479.14999999997</v>
      </c>
      <c r="C22254" s="7">
        <f t="shared" si="347"/>
        <v>370.47914999999995</v>
      </c>
      <c r="I22254" s="1"/>
    </row>
    <row r="22255" spans="1:9" x14ac:dyDescent="0.25">
      <c r="A22255" s="3">
        <v>41645.676354166666</v>
      </c>
      <c r="B22255" s="6">
        <v>370495.8</v>
      </c>
      <c r="C22255" s="7">
        <f t="shared" si="347"/>
        <v>370.49579999999997</v>
      </c>
      <c r="I22255" s="1"/>
    </row>
    <row r="22256" spans="1:9" x14ac:dyDescent="0.25">
      <c r="A22256" s="3">
        <v>41645.676828703705</v>
      </c>
      <c r="B22256" s="6">
        <v>370512.44999999995</v>
      </c>
      <c r="C22256" s="7">
        <f t="shared" si="347"/>
        <v>370.51244999999994</v>
      </c>
      <c r="I22256" s="1"/>
    </row>
    <row r="22257" spans="1:9" x14ac:dyDescent="0.25">
      <c r="A22257" s="3">
        <v>41645.676932870374</v>
      </c>
      <c r="B22257" s="6">
        <v>370529.1</v>
      </c>
      <c r="C22257" s="7">
        <f t="shared" si="347"/>
        <v>370.52909999999997</v>
      </c>
      <c r="I22257" s="1"/>
    </row>
    <row r="22258" spans="1:9" x14ac:dyDescent="0.25">
      <c r="A22258" s="3">
        <v>41645.677604166667</v>
      </c>
      <c r="B22258" s="6">
        <v>370545.74999999994</v>
      </c>
      <c r="C22258" s="7">
        <f t="shared" si="347"/>
        <v>370.54574999999994</v>
      </c>
      <c r="I22258" s="1"/>
    </row>
    <row r="22259" spans="1:9" x14ac:dyDescent="0.25">
      <c r="A22259" s="3">
        <v>41645.67769675926</v>
      </c>
      <c r="B22259" s="6">
        <v>370562.39999999997</v>
      </c>
      <c r="C22259" s="7">
        <f t="shared" si="347"/>
        <v>370.56239999999997</v>
      </c>
      <c r="I22259" s="1"/>
    </row>
    <row r="22260" spans="1:9" x14ac:dyDescent="0.25">
      <c r="A22260" s="3">
        <v>41645.678981481484</v>
      </c>
      <c r="B22260" s="6">
        <v>370579.05</v>
      </c>
      <c r="C22260" s="7">
        <f t="shared" si="347"/>
        <v>370.57905</v>
      </c>
      <c r="I22260" s="1"/>
    </row>
    <row r="22261" spans="1:9" x14ac:dyDescent="0.25">
      <c r="A22261" s="3">
        <v>41645.679074074076</v>
      </c>
      <c r="B22261" s="6">
        <v>370595.69999999995</v>
      </c>
      <c r="C22261" s="7">
        <f t="shared" si="347"/>
        <v>370.59569999999997</v>
      </c>
      <c r="I22261" s="1"/>
    </row>
    <row r="22262" spans="1:9" x14ac:dyDescent="0.25">
      <c r="A22262" s="3">
        <v>41645.679594907408</v>
      </c>
      <c r="B22262" s="6">
        <v>370612.35</v>
      </c>
      <c r="C22262" s="7">
        <f t="shared" si="347"/>
        <v>370.61234999999999</v>
      </c>
      <c r="I22262" s="1"/>
    </row>
    <row r="22263" spans="1:9" x14ac:dyDescent="0.25">
      <c r="A22263" s="3">
        <v>41645.6796875</v>
      </c>
      <c r="B22263" s="6">
        <v>370628.99999999994</v>
      </c>
      <c r="C22263" s="7">
        <f t="shared" si="347"/>
        <v>370.62899999999996</v>
      </c>
      <c r="I22263" s="1"/>
    </row>
    <row r="22264" spans="1:9" x14ac:dyDescent="0.25">
      <c r="A22264" s="3">
        <v>41645.680185185185</v>
      </c>
      <c r="B22264" s="6">
        <v>370645.64999999997</v>
      </c>
      <c r="C22264" s="7">
        <f t="shared" si="347"/>
        <v>370.64564999999999</v>
      </c>
      <c r="I22264" s="1"/>
    </row>
    <row r="22265" spans="1:9" x14ac:dyDescent="0.25">
      <c r="A22265" s="3">
        <v>41645.680266203701</v>
      </c>
      <c r="B22265" s="6">
        <v>370662.3</v>
      </c>
      <c r="C22265" s="7">
        <f t="shared" si="347"/>
        <v>370.66230000000002</v>
      </c>
      <c r="I22265" s="1"/>
    </row>
    <row r="22266" spans="1:9" x14ac:dyDescent="0.25">
      <c r="A22266" s="3">
        <v>41645.681076388886</v>
      </c>
      <c r="B22266" s="6">
        <v>370678.94999999995</v>
      </c>
      <c r="C22266" s="7">
        <f t="shared" si="347"/>
        <v>370.67894999999993</v>
      </c>
      <c r="I22266" s="1"/>
    </row>
    <row r="22267" spans="1:9" x14ac:dyDescent="0.25">
      <c r="A22267" s="3">
        <v>41645.681145833332</v>
      </c>
      <c r="B22267" s="6">
        <v>370695.6</v>
      </c>
      <c r="C22267" s="7">
        <f t="shared" si="347"/>
        <v>370.69559999999996</v>
      </c>
      <c r="I22267" s="1"/>
    </row>
    <row r="22268" spans="1:9" x14ac:dyDescent="0.25">
      <c r="A22268" s="3">
        <v>41645.682280092595</v>
      </c>
      <c r="B22268" s="6">
        <v>370712.24999999994</v>
      </c>
      <c r="C22268" s="7">
        <f t="shared" si="347"/>
        <v>370.71224999999993</v>
      </c>
      <c r="I22268" s="1"/>
    </row>
    <row r="22269" spans="1:9" x14ac:dyDescent="0.25">
      <c r="A22269" s="3">
        <v>41645.68236111111</v>
      </c>
      <c r="B22269" s="6">
        <v>370728.89999999997</v>
      </c>
      <c r="C22269" s="7">
        <f t="shared" si="347"/>
        <v>370.72889999999995</v>
      </c>
      <c r="I22269" s="1"/>
    </row>
    <row r="22270" spans="1:9" x14ac:dyDescent="0.25">
      <c r="A22270" s="3">
        <v>41645.683611111112</v>
      </c>
      <c r="B22270" s="6">
        <v>370745.55</v>
      </c>
      <c r="C22270" s="7">
        <f t="shared" si="347"/>
        <v>370.74554999999998</v>
      </c>
      <c r="I22270" s="1"/>
    </row>
    <row r="22271" spans="1:9" x14ac:dyDescent="0.25">
      <c r="A22271" s="3">
        <v>41645.683877314812</v>
      </c>
      <c r="B22271" s="6">
        <v>370762.19999999995</v>
      </c>
      <c r="C22271" s="7">
        <f t="shared" si="347"/>
        <v>370.76219999999995</v>
      </c>
      <c r="I22271" s="1"/>
    </row>
    <row r="22272" spans="1:9" x14ac:dyDescent="0.25">
      <c r="A22272" s="3">
        <v>41645.684571759259</v>
      </c>
      <c r="B22272" s="6">
        <v>370778.85</v>
      </c>
      <c r="C22272" s="7">
        <f t="shared" si="347"/>
        <v>370.77884999999998</v>
      </c>
      <c r="I22272" s="1"/>
    </row>
    <row r="22273" spans="1:9" x14ac:dyDescent="0.25">
      <c r="A22273" s="3">
        <v>41645.684664351851</v>
      </c>
      <c r="B22273" s="6">
        <v>370795.49999999994</v>
      </c>
      <c r="C22273" s="7">
        <f t="shared" si="347"/>
        <v>370.79549999999995</v>
      </c>
      <c r="I22273" s="1"/>
    </row>
    <row r="22274" spans="1:9" x14ac:dyDescent="0.25">
      <c r="A22274" s="3">
        <v>41645.686562499999</v>
      </c>
      <c r="B22274" s="6">
        <v>370812.14999999997</v>
      </c>
      <c r="C22274" s="7">
        <f t="shared" si="347"/>
        <v>370.81214999999997</v>
      </c>
      <c r="I22274" s="1"/>
    </row>
    <row r="22275" spans="1:9" x14ac:dyDescent="0.25">
      <c r="A22275" s="3">
        <v>41645.686643518522</v>
      </c>
      <c r="B22275" s="6">
        <v>370828.79999999999</v>
      </c>
      <c r="C22275" s="7">
        <f t="shared" ref="C22275:C22338" si="348">B22275/1000</f>
        <v>370.8288</v>
      </c>
      <c r="I22275" s="1"/>
    </row>
    <row r="22276" spans="1:9" x14ac:dyDescent="0.25">
      <c r="A22276" s="3">
        <v>41645.687638888892</v>
      </c>
      <c r="B22276" s="6">
        <v>370845.44999999995</v>
      </c>
      <c r="C22276" s="7">
        <f t="shared" si="348"/>
        <v>370.84544999999997</v>
      </c>
      <c r="I22276" s="1"/>
    </row>
    <row r="22277" spans="1:9" x14ac:dyDescent="0.25">
      <c r="A22277" s="3">
        <v>41645.687847222223</v>
      </c>
      <c r="B22277" s="6">
        <v>370862.1</v>
      </c>
      <c r="C22277" s="7">
        <f t="shared" si="348"/>
        <v>370.8621</v>
      </c>
      <c r="I22277" s="1"/>
    </row>
    <row r="22278" spans="1:9" x14ac:dyDescent="0.25">
      <c r="A22278" s="3">
        <v>41645.688981481479</v>
      </c>
      <c r="B22278" s="6">
        <v>370878.74999999994</v>
      </c>
      <c r="C22278" s="7">
        <f t="shared" si="348"/>
        <v>370.87874999999997</v>
      </c>
      <c r="I22278" s="1"/>
    </row>
    <row r="22279" spans="1:9" x14ac:dyDescent="0.25">
      <c r="A22279" s="3">
        <v>41645.689085648148</v>
      </c>
      <c r="B22279" s="6">
        <v>370895.39999999997</v>
      </c>
      <c r="C22279" s="7">
        <f t="shared" si="348"/>
        <v>370.89539999999994</v>
      </c>
      <c r="I22279" s="1"/>
    </row>
    <row r="22280" spans="1:9" x14ac:dyDescent="0.25">
      <c r="A22280" s="3">
        <v>41645.69023148148</v>
      </c>
      <c r="B22280" s="6">
        <v>370912.05</v>
      </c>
      <c r="C22280" s="7">
        <f t="shared" si="348"/>
        <v>370.91204999999997</v>
      </c>
      <c r="I22280" s="1"/>
    </row>
    <row r="22281" spans="1:9" x14ac:dyDescent="0.25">
      <c r="A22281" s="3">
        <v>41645.690300925926</v>
      </c>
      <c r="B22281" s="6">
        <v>370928.69999999995</v>
      </c>
      <c r="C22281" s="7">
        <f t="shared" si="348"/>
        <v>370.92869999999994</v>
      </c>
      <c r="I22281" s="1"/>
    </row>
    <row r="22282" spans="1:9" x14ac:dyDescent="0.25">
      <c r="A22282" s="3">
        <v>41645.690983796296</v>
      </c>
      <c r="B22282" s="6">
        <v>370945.35</v>
      </c>
      <c r="C22282" s="7">
        <f t="shared" si="348"/>
        <v>370.94534999999996</v>
      </c>
      <c r="I22282" s="1"/>
    </row>
    <row r="22283" spans="1:9" x14ac:dyDescent="0.25">
      <c r="A22283" s="3">
        <v>41645.691076388888</v>
      </c>
      <c r="B22283" s="6">
        <v>370961.99999999994</v>
      </c>
      <c r="C22283" s="7">
        <f t="shared" si="348"/>
        <v>370.96199999999993</v>
      </c>
      <c r="I22283" s="1"/>
    </row>
    <row r="22284" spans="1:9" x14ac:dyDescent="0.25">
      <c r="A22284" s="3">
        <v>41645.691921296297</v>
      </c>
      <c r="B22284" s="6">
        <v>370978.64999999997</v>
      </c>
      <c r="C22284" s="7">
        <f t="shared" si="348"/>
        <v>370.97864999999996</v>
      </c>
      <c r="I22284" s="1"/>
    </row>
    <row r="22285" spans="1:9" x14ac:dyDescent="0.25">
      <c r="A22285" s="3">
        <v>41645.691967592589</v>
      </c>
      <c r="B22285" s="6">
        <v>370995.3</v>
      </c>
      <c r="C22285" s="7">
        <f t="shared" si="348"/>
        <v>370.99529999999999</v>
      </c>
      <c r="I22285" s="1"/>
    </row>
    <row r="22286" spans="1:9" x14ac:dyDescent="0.25">
      <c r="A22286" s="3">
        <v>41645.692546296297</v>
      </c>
      <c r="B22286" s="6">
        <v>371011.94999999995</v>
      </c>
      <c r="C22286" s="7">
        <f t="shared" si="348"/>
        <v>371.01194999999996</v>
      </c>
      <c r="I22286" s="1"/>
    </row>
    <row r="22287" spans="1:9" x14ac:dyDescent="0.25">
      <c r="A22287" s="3">
        <v>41645.69259259259</v>
      </c>
      <c r="B22287" s="6">
        <v>371028.6</v>
      </c>
      <c r="C22287" s="7">
        <f t="shared" si="348"/>
        <v>371.02859999999998</v>
      </c>
      <c r="I22287" s="1"/>
    </row>
    <row r="22288" spans="1:9" x14ac:dyDescent="0.25">
      <c r="A22288" s="3">
        <v>41645.693518518521</v>
      </c>
      <c r="B22288" s="6">
        <v>371045.24999999994</v>
      </c>
      <c r="C22288" s="7">
        <f t="shared" si="348"/>
        <v>371.04524999999995</v>
      </c>
      <c r="I22288" s="1"/>
    </row>
    <row r="22289" spans="1:9" x14ac:dyDescent="0.25">
      <c r="A22289" s="3">
        <v>41645.693611111114</v>
      </c>
      <c r="B22289" s="6">
        <v>371061.89999999997</v>
      </c>
      <c r="C22289" s="7">
        <f t="shared" si="348"/>
        <v>371.06189999999998</v>
      </c>
      <c r="I22289" s="1"/>
    </row>
    <row r="22290" spans="1:9" x14ac:dyDescent="0.25">
      <c r="A22290" s="3">
        <v>41645.69427083333</v>
      </c>
      <c r="B22290" s="6">
        <v>371078.55</v>
      </c>
      <c r="C22290" s="7">
        <f t="shared" si="348"/>
        <v>371.07855000000001</v>
      </c>
      <c r="I22290" s="1"/>
    </row>
    <row r="22291" spans="1:9" x14ac:dyDescent="0.25">
      <c r="A22291" s="3">
        <v>41645.694710648146</v>
      </c>
      <c r="B22291" s="6">
        <v>371095.19999999995</v>
      </c>
      <c r="C22291" s="7">
        <f t="shared" si="348"/>
        <v>371.09519999999998</v>
      </c>
      <c r="I22291" s="1"/>
    </row>
    <row r="22292" spans="1:9" x14ac:dyDescent="0.25">
      <c r="A22292" s="3">
        <v>41645.695451388892</v>
      </c>
      <c r="B22292" s="6">
        <v>371111.85</v>
      </c>
      <c r="C22292" s="7">
        <f t="shared" si="348"/>
        <v>371.11185</v>
      </c>
      <c r="I22292" s="1"/>
    </row>
    <row r="22293" spans="1:9" x14ac:dyDescent="0.25">
      <c r="A22293" s="3">
        <v>41645.695925925924</v>
      </c>
      <c r="B22293" s="6">
        <v>371128.49999999994</v>
      </c>
      <c r="C22293" s="7">
        <f t="shared" si="348"/>
        <v>371.12849999999992</v>
      </c>
      <c r="I22293" s="1"/>
    </row>
    <row r="22294" spans="1:9" x14ac:dyDescent="0.25">
      <c r="A22294" s="3">
        <v>41645.69730324074</v>
      </c>
      <c r="B22294" s="6">
        <v>371145.14999999997</v>
      </c>
      <c r="C22294" s="7">
        <f t="shared" si="348"/>
        <v>371.14514999999994</v>
      </c>
      <c r="I22294" s="1"/>
    </row>
    <row r="22295" spans="1:9" x14ac:dyDescent="0.25">
      <c r="A22295" s="3">
        <v>41645.697384259256</v>
      </c>
      <c r="B22295" s="6">
        <v>371161.8</v>
      </c>
      <c r="C22295" s="7">
        <f t="shared" si="348"/>
        <v>371.16179999999997</v>
      </c>
      <c r="I22295" s="1"/>
    </row>
    <row r="22296" spans="1:9" x14ac:dyDescent="0.25">
      <c r="A22296" s="3">
        <v>41645.69835648148</v>
      </c>
      <c r="B22296" s="6">
        <v>371178.44999999995</v>
      </c>
      <c r="C22296" s="7">
        <f t="shared" si="348"/>
        <v>371.17844999999994</v>
      </c>
      <c r="I22296" s="1"/>
    </row>
    <row r="22297" spans="1:9" x14ac:dyDescent="0.25">
      <c r="A22297" s="3">
        <v>41645.698437500003</v>
      </c>
      <c r="B22297" s="6">
        <v>371195.1</v>
      </c>
      <c r="C22297" s="7">
        <f t="shared" si="348"/>
        <v>371.19509999999997</v>
      </c>
      <c r="I22297" s="1"/>
    </row>
    <row r="22298" spans="1:9" x14ac:dyDescent="0.25">
      <c r="A22298" s="3">
        <v>41645.699745370373</v>
      </c>
      <c r="B22298" s="6">
        <v>371211.74999999994</v>
      </c>
      <c r="C22298" s="7">
        <f t="shared" si="348"/>
        <v>371.21174999999994</v>
      </c>
      <c r="I22298" s="1"/>
    </row>
    <row r="22299" spans="1:9" x14ac:dyDescent="0.25">
      <c r="A22299" s="3">
        <v>41645.699837962966</v>
      </c>
      <c r="B22299" s="6">
        <v>371228.39999999997</v>
      </c>
      <c r="C22299" s="7">
        <f t="shared" si="348"/>
        <v>371.22839999999997</v>
      </c>
      <c r="I22299" s="1"/>
    </row>
    <row r="22300" spans="1:9" x14ac:dyDescent="0.25">
      <c r="A22300" s="3">
        <v>41645.704050925924</v>
      </c>
      <c r="B22300" s="6">
        <v>371245.05</v>
      </c>
      <c r="C22300" s="7">
        <f t="shared" si="348"/>
        <v>371.24504999999999</v>
      </c>
      <c r="I22300" s="1"/>
    </row>
    <row r="22301" spans="1:9" x14ac:dyDescent="0.25">
      <c r="A22301" s="3">
        <v>41645.70412037037</v>
      </c>
      <c r="B22301" s="6">
        <v>371261.69999999995</v>
      </c>
      <c r="C22301" s="7">
        <f t="shared" si="348"/>
        <v>371.26169999999996</v>
      </c>
      <c r="I22301" s="1"/>
    </row>
    <row r="22302" spans="1:9" x14ac:dyDescent="0.25">
      <c r="A22302" s="3">
        <v>41645.705381944441</v>
      </c>
      <c r="B22302" s="6">
        <v>371278.35</v>
      </c>
      <c r="C22302" s="7">
        <f t="shared" si="348"/>
        <v>371.27834999999999</v>
      </c>
      <c r="I22302" s="1"/>
    </row>
    <row r="22303" spans="1:9" x14ac:dyDescent="0.25">
      <c r="A22303" s="3">
        <v>41645.70548611111</v>
      </c>
      <c r="B22303" s="6">
        <v>371294.99999999994</v>
      </c>
      <c r="C22303" s="7">
        <f t="shared" si="348"/>
        <v>371.29499999999996</v>
      </c>
      <c r="I22303" s="1"/>
    </row>
    <row r="22304" spans="1:9" x14ac:dyDescent="0.25">
      <c r="A22304" s="3">
        <v>41645.706550925926</v>
      </c>
      <c r="B22304" s="6">
        <v>371311.64999999997</v>
      </c>
      <c r="C22304" s="7">
        <f t="shared" si="348"/>
        <v>371.31164999999999</v>
      </c>
      <c r="I22304" s="1"/>
    </row>
    <row r="22305" spans="1:9" x14ac:dyDescent="0.25">
      <c r="A22305" s="3">
        <v>41645.706655092596</v>
      </c>
      <c r="B22305" s="6">
        <v>371328.3</v>
      </c>
      <c r="C22305" s="7">
        <f t="shared" si="348"/>
        <v>371.32830000000001</v>
      </c>
      <c r="I22305" s="1"/>
    </row>
    <row r="22306" spans="1:9" x14ac:dyDescent="0.25">
      <c r="A22306" s="3">
        <v>41645.710034722222</v>
      </c>
      <c r="B22306" s="6">
        <v>371344.94999999995</v>
      </c>
      <c r="C22306" s="7">
        <f t="shared" si="348"/>
        <v>371.34494999999993</v>
      </c>
      <c r="I22306" s="1"/>
    </row>
    <row r="22307" spans="1:9" x14ac:dyDescent="0.25">
      <c r="A22307" s="3">
        <v>41645.710196759261</v>
      </c>
      <c r="B22307" s="6">
        <v>371361.6</v>
      </c>
      <c r="C22307" s="7">
        <f t="shared" si="348"/>
        <v>371.36159999999995</v>
      </c>
      <c r="I22307" s="1"/>
    </row>
    <row r="22308" spans="1:9" x14ac:dyDescent="0.25">
      <c r="A22308" s="3">
        <v>41645.714386574073</v>
      </c>
      <c r="B22308" s="6">
        <v>371378.24999999994</v>
      </c>
      <c r="C22308" s="7">
        <f t="shared" si="348"/>
        <v>371.37824999999992</v>
      </c>
      <c r="I22308" s="1"/>
    </row>
    <row r="22309" spans="1:9" x14ac:dyDescent="0.25">
      <c r="A22309" s="3">
        <v>41645.714537037034</v>
      </c>
      <c r="B22309" s="6">
        <v>371394.89999999997</v>
      </c>
      <c r="C22309" s="7">
        <f t="shared" si="348"/>
        <v>371.39489999999995</v>
      </c>
      <c r="I22309" s="1"/>
    </row>
    <row r="22310" spans="1:9" x14ac:dyDescent="0.25">
      <c r="A22310" s="3">
        <v>41645.716967592591</v>
      </c>
      <c r="B22310" s="6">
        <v>371411.55</v>
      </c>
      <c r="C22310" s="7">
        <f t="shared" si="348"/>
        <v>371.41154999999998</v>
      </c>
      <c r="I22310" s="1"/>
    </row>
    <row r="22311" spans="1:9" x14ac:dyDescent="0.25">
      <c r="A22311" s="3">
        <v>41645.717349537037</v>
      </c>
      <c r="B22311" s="6">
        <v>371428.19999999995</v>
      </c>
      <c r="C22311" s="7">
        <f t="shared" si="348"/>
        <v>371.42819999999995</v>
      </c>
      <c r="I22311" s="1"/>
    </row>
    <row r="22312" spans="1:9" x14ac:dyDescent="0.25">
      <c r="A22312" s="3">
        <v>41645.72184027778</v>
      </c>
      <c r="B22312" s="6">
        <v>371444.85</v>
      </c>
      <c r="C22312" s="7">
        <f t="shared" si="348"/>
        <v>371.44484999999997</v>
      </c>
      <c r="I22312" s="1"/>
    </row>
    <row r="22313" spans="1:9" x14ac:dyDescent="0.25">
      <c r="A22313" s="3">
        <v>41645.721979166665</v>
      </c>
      <c r="B22313" s="6">
        <v>371461.49999999994</v>
      </c>
      <c r="C22313" s="7">
        <f t="shared" si="348"/>
        <v>371.46149999999994</v>
      </c>
      <c r="I22313" s="1"/>
    </row>
    <row r="22314" spans="1:9" x14ac:dyDescent="0.25">
      <c r="A22314" s="3">
        <v>41645.727233796293</v>
      </c>
      <c r="B22314" s="6">
        <v>371478.14999999997</v>
      </c>
      <c r="C22314" s="7">
        <f t="shared" si="348"/>
        <v>371.47814999999997</v>
      </c>
      <c r="I22314" s="1"/>
    </row>
    <row r="22315" spans="1:9" x14ac:dyDescent="0.25">
      <c r="A22315" s="3">
        <v>41645.727407407408</v>
      </c>
      <c r="B22315" s="6">
        <v>371494.8</v>
      </c>
      <c r="C22315" s="7">
        <f t="shared" si="348"/>
        <v>371.4948</v>
      </c>
      <c r="I22315" s="1"/>
    </row>
    <row r="22316" spans="1:9" x14ac:dyDescent="0.25">
      <c r="A22316" s="3">
        <v>41645.733726851853</v>
      </c>
      <c r="B22316" s="6">
        <v>371511.44999999995</v>
      </c>
      <c r="C22316" s="7">
        <f t="shared" si="348"/>
        <v>371.51144999999997</v>
      </c>
      <c r="I22316" s="1"/>
    </row>
    <row r="22317" spans="1:9" x14ac:dyDescent="0.25">
      <c r="A22317" s="3">
        <v>41645.734409722223</v>
      </c>
      <c r="B22317" s="6">
        <v>371528.1</v>
      </c>
      <c r="C22317" s="7">
        <f t="shared" si="348"/>
        <v>371.52809999999999</v>
      </c>
      <c r="I22317" s="1"/>
    </row>
    <row r="22318" spans="1:9" x14ac:dyDescent="0.25">
      <c r="A22318" s="3">
        <v>41645.738969907405</v>
      </c>
      <c r="B22318" s="6">
        <v>371544.74999999994</v>
      </c>
      <c r="C22318" s="7">
        <f t="shared" si="348"/>
        <v>371.54474999999996</v>
      </c>
      <c r="I22318" s="1"/>
    </row>
    <row r="22319" spans="1:9" x14ac:dyDescent="0.25">
      <c r="A22319" s="3">
        <v>41645.740173611113</v>
      </c>
      <c r="B22319" s="6">
        <v>371561.39999999997</v>
      </c>
      <c r="C22319" s="7">
        <f t="shared" si="348"/>
        <v>371.56139999999999</v>
      </c>
      <c r="I22319" s="1"/>
    </row>
    <row r="22320" spans="1:9" x14ac:dyDescent="0.25">
      <c r="A22320" s="3">
        <v>41645.748749999999</v>
      </c>
      <c r="B22320" s="6">
        <v>371578.05</v>
      </c>
      <c r="C22320" s="7">
        <f t="shared" si="348"/>
        <v>371.57804999999996</v>
      </c>
      <c r="I22320" s="1"/>
    </row>
    <row r="22321" spans="1:9" x14ac:dyDescent="0.25">
      <c r="A22321" s="3">
        <v>41645.74894675926</v>
      </c>
      <c r="B22321" s="6">
        <v>371594.69999999995</v>
      </c>
      <c r="C22321" s="7">
        <f t="shared" si="348"/>
        <v>371.59469999999993</v>
      </c>
      <c r="I22321" s="1"/>
    </row>
    <row r="22322" spans="1:9" x14ac:dyDescent="0.25">
      <c r="A22322" s="3">
        <v>41645.755891203706</v>
      </c>
      <c r="B22322" s="6">
        <v>371611.35</v>
      </c>
      <c r="C22322" s="7">
        <f t="shared" si="348"/>
        <v>371.61134999999996</v>
      </c>
      <c r="I22322" s="1"/>
    </row>
    <row r="22323" spans="1:9" x14ac:dyDescent="0.25">
      <c r="A22323" s="3">
        <v>41645.756296296298</v>
      </c>
      <c r="B22323" s="6">
        <v>371627.99999999994</v>
      </c>
      <c r="C22323" s="7">
        <f t="shared" si="348"/>
        <v>371.62799999999993</v>
      </c>
      <c r="I22323" s="1"/>
    </row>
    <row r="22324" spans="1:9" x14ac:dyDescent="0.25">
      <c r="A22324" s="3">
        <v>41645.770474537036</v>
      </c>
      <c r="B22324" s="6">
        <v>371644.64999999997</v>
      </c>
      <c r="C22324" s="7">
        <f t="shared" si="348"/>
        <v>371.64464999999996</v>
      </c>
      <c r="I22324" s="1"/>
    </row>
    <row r="22325" spans="1:9" x14ac:dyDescent="0.25">
      <c r="A22325" s="3">
        <v>41645.770578703705</v>
      </c>
      <c r="B22325" s="6">
        <v>371661.3</v>
      </c>
      <c r="C22325" s="7">
        <f t="shared" si="348"/>
        <v>371.66129999999998</v>
      </c>
      <c r="I22325" s="1"/>
    </row>
    <row r="22326" spans="1:9" x14ac:dyDescent="0.25">
      <c r="A22326" s="3">
        <v>41645.779560185183</v>
      </c>
      <c r="B22326" s="6">
        <v>371677.94999999995</v>
      </c>
      <c r="C22326" s="7">
        <f t="shared" si="348"/>
        <v>371.67794999999995</v>
      </c>
      <c r="I22326" s="1"/>
    </row>
    <row r="22327" spans="1:9" x14ac:dyDescent="0.25">
      <c r="A22327" s="3">
        <v>41645.779872685183</v>
      </c>
      <c r="B22327" s="6">
        <v>371694.6</v>
      </c>
      <c r="C22327" s="7">
        <f t="shared" si="348"/>
        <v>371.69459999999998</v>
      </c>
      <c r="I22327" s="1"/>
    </row>
    <row r="22328" spans="1:9" x14ac:dyDescent="0.25">
      <c r="A22328" s="3">
        <v>41645.78638888889</v>
      </c>
      <c r="B22328" s="6">
        <v>371711.24999999994</v>
      </c>
      <c r="C22328" s="7">
        <f t="shared" si="348"/>
        <v>371.71124999999995</v>
      </c>
      <c r="I22328" s="1"/>
    </row>
    <row r="22329" spans="1:9" x14ac:dyDescent="0.25">
      <c r="A22329" s="3">
        <v>41645.786539351851</v>
      </c>
      <c r="B22329" s="6">
        <v>371727.89999999997</v>
      </c>
      <c r="C22329" s="7">
        <f t="shared" si="348"/>
        <v>371.72789999999998</v>
      </c>
      <c r="I22329" s="1"/>
    </row>
    <row r="22330" spans="1:9" x14ac:dyDescent="0.25">
      <c r="A22330" s="3">
        <v>41645.794641203705</v>
      </c>
      <c r="B22330" s="6">
        <v>371744.55</v>
      </c>
      <c r="C22330" s="7">
        <f t="shared" si="348"/>
        <v>371.74455</v>
      </c>
      <c r="I22330" s="1"/>
    </row>
    <row r="22331" spans="1:9" x14ac:dyDescent="0.25">
      <c r="A22331" s="3">
        <v>41645.799293981479</v>
      </c>
      <c r="B22331" s="6">
        <v>371761.19999999995</v>
      </c>
      <c r="C22331" s="7">
        <f t="shared" si="348"/>
        <v>371.76119999999997</v>
      </c>
      <c r="I22331" s="1"/>
    </row>
    <row r="22332" spans="1:9" x14ac:dyDescent="0.25">
      <c r="A22332" s="3">
        <v>41645.803888888891</v>
      </c>
      <c r="B22332" s="6">
        <v>371777.85</v>
      </c>
      <c r="C22332" s="7">
        <f t="shared" si="348"/>
        <v>371.77785</v>
      </c>
      <c r="I22332" s="1"/>
    </row>
    <row r="22333" spans="1:9" x14ac:dyDescent="0.25">
      <c r="A22333" s="3">
        <v>41645.824849537035</v>
      </c>
      <c r="B22333" s="6">
        <v>371794.49999999994</v>
      </c>
      <c r="C22333" s="7">
        <f t="shared" si="348"/>
        <v>371.79449999999991</v>
      </c>
      <c r="I22333" s="1"/>
    </row>
    <row r="22334" spans="1:9" x14ac:dyDescent="0.25">
      <c r="A22334" s="3">
        <v>41676.347083333334</v>
      </c>
      <c r="B22334" s="6">
        <v>371811.14999999997</v>
      </c>
      <c r="C22334" s="7">
        <f t="shared" si="348"/>
        <v>371.81114999999994</v>
      </c>
      <c r="I22334" s="1"/>
    </row>
    <row r="22335" spans="1:9" x14ac:dyDescent="0.25">
      <c r="A22335" s="3">
        <v>41676.352372685185</v>
      </c>
      <c r="B22335" s="6">
        <v>371827.8</v>
      </c>
      <c r="C22335" s="7">
        <f t="shared" si="348"/>
        <v>371.82779999999997</v>
      </c>
      <c r="I22335" s="1"/>
    </row>
    <row r="22336" spans="1:9" x14ac:dyDescent="0.25">
      <c r="A22336" s="3">
        <v>41676.357743055552</v>
      </c>
      <c r="B22336" s="6">
        <v>371844.44999999995</v>
      </c>
      <c r="C22336" s="7">
        <f t="shared" si="348"/>
        <v>371.84444999999994</v>
      </c>
      <c r="I22336" s="1"/>
    </row>
    <row r="22337" spans="1:9" x14ac:dyDescent="0.25">
      <c r="A22337" s="3">
        <v>41676.358020833337</v>
      </c>
      <c r="B22337" s="6">
        <v>371861.1</v>
      </c>
      <c r="C22337" s="7">
        <f t="shared" si="348"/>
        <v>371.86109999999996</v>
      </c>
      <c r="I22337" s="1"/>
    </row>
    <row r="22338" spans="1:9" x14ac:dyDescent="0.25">
      <c r="A22338" s="3">
        <v>41676.365162037036</v>
      </c>
      <c r="B22338" s="6">
        <v>371877.74999999994</v>
      </c>
      <c r="C22338" s="7">
        <f t="shared" si="348"/>
        <v>371.87774999999993</v>
      </c>
      <c r="I22338" s="1"/>
    </row>
    <row r="22339" spans="1:9" x14ac:dyDescent="0.25">
      <c r="A22339" s="3">
        <v>41676.365324074075</v>
      </c>
      <c r="B22339" s="6">
        <v>371894.39999999997</v>
      </c>
      <c r="C22339" s="7">
        <f t="shared" ref="C22339:C22402" si="349">B22339/1000</f>
        <v>371.89439999999996</v>
      </c>
      <c r="I22339" s="1"/>
    </row>
    <row r="22340" spans="1:9" x14ac:dyDescent="0.25">
      <c r="A22340" s="3">
        <v>41676.367060185185</v>
      </c>
      <c r="B22340" s="6">
        <v>371911.05</v>
      </c>
      <c r="C22340" s="7">
        <f t="shared" si="349"/>
        <v>371.91104999999999</v>
      </c>
      <c r="I22340" s="1"/>
    </row>
    <row r="22341" spans="1:9" x14ac:dyDescent="0.25">
      <c r="A22341" s="3">
        <v>41676.367719907408</v>
      </c>
      <c r="B22341" s="6">
        <v>371927.69999999995</v>
      </c>
      <c r="C22341" s="7">
        <f t="shared" si="349"/>
        <v>371.92769999999996</v>
      </c>
      <c r="I22341" s="1"/>
    </row>
    <row r="22342" spans="1:9" x14ac:dyDescent="0.25">
      <c r="A22342" s="3">
        <v>41676.371481481481</v>
      </c>
      <c r="B22342" s="6">
        <v>371944.35</v>
      </c>
      <c r="C22342" s="7">
        <f t="shared" si="349"/>
        <v>371.94434999999999</v>
      </c>
      <c r="I22342" s="1"/>
    </row>
    <row r="22343" spans="1:9" x14ac:dyDescent="0.25">
      <c r="A22343" s="3">
        <v>41676.371689814812</v>
      </c>
      <c r="B22343" s="6">
        <v>371960.99999999994</v>
      </c>
      <c r="C22343" s="7">
        <f t="shared" si="349"/>
        <v>371.96099999999996</v>
      </c>
      <c r="I22343" s="1"/>
    </row>
    <row r="22344" spans="1:9" x14ac:dyDescent="0.25">
      <c r="A22344" s="3">
        <v>41676.375034722223</v>
      </c>
      <c r="B22344" s="6">
        <v>371977.64999999997</v>
      </c>
      <c r="C22344" s="7">
        <f t="shared" si="349"/>
        <v>371.97764999999998</v>
      </c>
      <c r="I22344" s="1"/>
    </row>
    <row r="22345" spans="1:9" x14ac:dyDescent="0.25">
      <c r="A22345" s="3">
        <v>41676.375231481485</v>
      </c>
      <c r="B22345" s="6">
        <v>371994.3</v>
      </c>
      <c r="C22345" s="7">
        <f t="shared" si="349"/>
        <v>371.99430000000001</v>
      </c>
      <c r="I22345" s="1"/>
    </row>
    <row r="22346" spans="1:9" x14ac:dyDescent="0.25">
      <c r="A22346" s="3">
        <v>41676.380740740744</v>
      </c>
      <c r="B22346" s="6">
        <v>372010.94999999995</v>
      </c>
      <c r="C22346" s="7">
        <f t="shared" si="349"/>
        <v>372.01094999999998</v>
      </c>
      <c r="I22346" s="1"/>
    </row>
    <row r="22347" spans="1:9" x14ac:dyDescent="0.25">
      <c r="A22347" s="3">
        <v>41676.380925925929</v>
      </c>
      <c r="B22347" s="6">
        <v>372027.6</v>
      </c>
      <c r="C22347" s="7">
        <f t="shared" si="349"/>
        <v>372.02759999999995</v>
      </c>
      <c r="I22347" s="1"/>
    </row>
    <row r="22348" spans="1:9" x14ac:dyDescent="0.25">
      <c r="A22348" s="3">
        <v>41676.386377314811</v>
      </c>
      <c r="B22348" s="6">
        <v>372044.24999999994</v>
      </c>
      <c r="C22348" s="7">
        <f t="shared" si="349"/>
        <v>372.04424999999992</v>
      </c>
      <c r="I22348" s="1"/>
    </row>
    <row r="22349" spans="1:9" x14ac:dyDescent="0.25">
      <c r="A22349" s="3">
        <v>41676.388136574074</v>
      </c>
      <c r="B22349" s="6">
        <v>372060.89999999997</v>
      </c>
      <c r="C22349" s="7">
        <f t="shared" si="349"/>
        <v>372.06089999999995</v>
      </c>
      <c r="I22349" s="1"/>
    </row>
    <row r="22350" spans="1:9" x14ac:dyDescent="0.25">
      <c r="A22350" s="3">
        <v>41676.394074074073</v>
      </c>
      <c r="B22350" s="6">
        <v>372077.55</v>
      </c>
      <c r="C22350" s="7">
        <f t="shared" si="349"/>
        <v>372.07754999999997</v>
      </c>
      <c r="I22350" s="1"/>
    </row>
    <row r="22351" spans="1:9" x14ac:dyDescent="0.25">
      <c r="A22351" s="3">
        <v>41676.396087962959</v>
      </c>
      <c r="B22351" s="6">
        <v>372094.19999999995</v>
      </c>
      <c r="C22351" s="7">
        <f t="shared" si="349"/>
        <v>372.09419999999994</v>
      </c>
      <c r="I22351" s="1"/>
    </row>
    <row r="22352" spans="1:9" x14ac:dyDescent="0.25">
      <c r="A22352" s="3">
        <v>41676.401076388887</v>
      </c>
      <c r="B22352" s="6">
        <v>372110.85</v>
      </c>
      <c r="C22352" s="7">
        <f t="shared" si="349"/>
        <v>372.11084999999997</v>
      </c>
      <c r="I22352" s="1"/>
    </row>
    <row r="22353" spans="1:9" x14ac:dyDescent="0.25">
      <c r="A22353" s="3">
        <v>41676.401261574072</v>
      </c>
      <c r="B22353" s="6">
        <v>372127.49999999994</v>
      </c>
      <c r="C22353" s="7">
        <f t="shared" si="349"/>
        <v>372.12749999999994</v>
      </c>
      <c r="I22353" s="1"/>
    </row>
    <row r="22354" spans="1:9" x14ac:dyDescent="0.25">
      <c r="A22354" s="3">
        <v>41676.403703703705</v>
      </c>
      <c r="B22354" s="6">
        <v>372144.14999999997</v>
      </c>
      <c r="C22354" s="7">
        <f t="shared" si="349"/>
        <v>372.14414999999997</v>
      </c>
      <c r="I22354" s="1"/>
    </row>
    <row r="22355" spans="1:9" x14ac:dyDescent="0.25">
      <c r="A22355" s="3">
        <v>41676.404016203705</v>
      </c>
      <c r="B22355" s="6">
        <v>372160.8</v>
      </c>
      <c r="C22355" s="7">
        <f t="shared" si="349"/>
        <v>372.16079999999999</v>
      </c>
      <c r="I22355" s="1"/>
    </row>
    <row r="22356" spans="1:9" x14ac:dyDescent="0.25">
      <c r="A22356" s="3">
        <v>41676.409837962965</v>
      </c>
      <c r="B22356" s="6">
        <v>372177.44999999995</v>
      </c>
      <c r="C22356" s="7">
        <f t="shared" si="349"/>
        <v>372.17744999999996</v>
      </c>
      <c r="I22356" s="1"/>
    </row>
    <row r="22357" spans="1:9" x14ac:dyDescent="0.25">
      <c r="A22357" s="3">
        <v>41676.411678240744</v>
      </c>
      <c r="B22357" s="6">
        <v>372194.1</v>
      </c>
      <c r="C22357" s="7">
        <f t="shared" si="349"/>
        <v>372.19409999999999</v>
      </c>
      <c r="I22357" s="1"/>
    </row>
    <row r="22358" spans="1:9" x14ac:dyDescent="0.25">
      <c r="A22358" s="3">
        <v>41676.413078703707</v>
      </c>
      <c r="B22358" s="6">
        <v>372210.74999999994</v>
      </c>
      <c r="C22358" s="7">
        <f t="shared" si="349"/>
        <v>372.21074999999996</v>
      </c>
      <c r="I22358" s="1"/>
    </row>
    <row r="22359" spans="1:9" x14ac:dyDescent="0.25">
      <c r="A22359" s="3">
        <v>41676.413391203707</v>
      </c>
      <c r="B22359" s="6">
        <v>372227.39999999997</v>
      </c>
      <c r="C22359" s="7">
        <f t="shared" si="349"/>
        <v>372.22739999999999</v>
      </c>
      <c r="I22359" s="1"/>
    </row>
    <row r="22360" spans="1:9" x14ac:dyDescent="0.25">
      <c r="A22360" s="3">
        <v>41676.417650462965</v>
      </c>
      <c r="B22360" s="6">
        <v>372244.05</v>
      </c>
      <c r="C22360" s="7">
        <f t="shared" si="349"/>
        <v>372.24405000000002</v>
      </c>
      <c r="I22360" s="1"/>
    </row>
    <row r="22361" spans="1:9" x14ac:dyDescent="0.25">
      <c r="A22361" s="3">
        <v>41676.41778935185</v>
      </c>
      <c r="B22361" s="6">
        <v>372260.69999999995</v>
      </c>
      <c r="C22361" s="7">
        <f t="shared" si="349"/>
        <v>372.26069999999993</v>
      </c>
      <c r="I22361" s="1"/>
    </row>
    <row r="22362" spans="1:9" x14ac:dyDescent="0.25">
      <c r="A22362" s="3">
        <v>41676.421805555554</v>
      </c>
      <c r="B22362" s="6">
        <v>372277.35</v>
      </c>
      <c r="C22362" s="7">
        <f t="shared" si="349"/>
        <v>372.27734999999996</v>
      </c>
      <c r="I22362" s="1"/>
    </row>
    <row r="22363" spans="1:9" x14ac:dyDescent="0.25">
      <c r="A22363" s="3">
        <v>41676.421967592592</v>
      </c>
      <c r="B22363" s="6">
        <v>372293.99999999994</v>
      </c>
      <c r="C22363" s="7">
        <f t="shared" si="349"/>
        <v>372.29399999999993</v>
      </c>
      <c r="I22363" s="1"/>
    </row>
    <row r="22364" spans="1:9" x14ac:dyDescent="0.25">
      <c r="A22364" s="3">
        <v>41676.424189814818</v>
      </c>
      <c r="B22364" s="6">
        <v>372310.64999999997</v>
      </c>
      <c r="C22364" s="7">
        <f t="shared" si="349"/>
        <v>372.31064999999995</v>
      </c>
      <c r="I22364" s="1"/>
    </row>
    <row r="22365" spans="1:9" x14ac:dyDescent="0.25">
      <c r="A22365" s="3">
        <v>41676.424351851849</v>
      </c>
      <c r="B22365" s="6">
        <v>372327.3</v>
      </c>
      <c r="C22365" s="7">
        <f t="shared" si="349"/>
        <v>372.32729999999998</v>
      </c>
      <c r="I22365" s="1"/>
    </row>
    <row r="22366" spans="1:9" x14ac:dyDescent="0.25">
      <c r="A22366" s="3">
        <v>41676.427893518521</v>
      </c>
      <c r="B22366" s="6">
        <v>372343.94999999995</v>
      </c>
      <c r="C22366" s="7">
        <f t="shared" si="349"/>
        <v>372.34394999999995</v>
      </c>
      <c r="I22366" s="1"/>
    </row>
    <row r="22367" spans="1:9" x14ac:dyDescent="0.25">
      <c r="A22367" s="3">
        <v>41676.428043981483</v>
      </c>
      <c r="B22367" s="6">
        <v>372360.6</v>
      </c>
      <c r="C22367" s="7">
        <f t="shared" si="349"/>
        <v>372.36059999999998</v>
      </c>
      <c r="I22367" s="1"/>
    </row>
    <row r="22368" spans="1:9" x14ac:dyDescent="0.25">
      <c r="A22368" s="3">
        <v>41676.430497685185</v>
      </c>
      <c r="B22368" s="6">
        <v>372377.24999999994</v>
      </c>
      <c r="C22368" s="7">
        <f t="shared" si="349"/>
        <v>372.37724999999995</v>
      </c>
      <c r="I22368" s="1"/>
    </row>
    <row r="22369" spans="1:9" x14ac:dyDescent="0.25">
      <c r="A22369" s="3">
        <v>41676.43074074074</v>
      </c>
      <c r="B22369" s="6">
        <v>372393.89999999997</v>
      </c>
      <c r="C22369" s="7">
        <f t="shared" si="349"/>
        <v>372.39389999999997</v>
      </c>
      <c r="I22369" s="1"/>
    </row>
    <row r="22370" spans="1:9" x14ac:dyDescent="0.25">
      <c r="A22370" s="3">
        <v>41676.434976851851</v>
      </c>
      <c r="B22370" s="6">
        <v>372410.55</v>
      </c>
      <c r="C22370" s="7">
        <f t="shared" si="349"/>
        <v>372.41055</v>
      </c>
      <c r="I22370" s="1"/>
    </row>
    <row r="22371" spans="1:9" x14ac:dyDescent="0.25">
      <c r="A22371" s="3">
        <v>41676.435254629629</v>
      </c>
      <c r="B22371" s="6">
        <v>372427.19999999995</v>
      </c>
      <c r="C22371" s="7">
        <f t="shared" si="349"/>
        <v>372.42719999999997</v>
      </c>
      <c r="I22371" s="1"/>
    </row>
    <row r="22372" spans="1:9" x14ac:dyDescent="0.25">
      <c r="A22372" s="3">
        <v>41676.437152777777</v>
      </c>
      <c r="B22372" s="6">
        <v>372443.85</v>
      </c>
      <c r="C22372" s="7">
        <f t="shared" si="349"/>
        <v>372.44385</v>
      </c>
      <c r="I22372" s="1"/>
    </row>
    <row r="22373" spans="1:9" x14ac:dyDescent="0.25">
      <c r="A22373" s="3">
        <v>41676.437326388892</v>
      </c>
      <c r="B22373" s="6">
        <v>372460.49999999994</v>
      </c>
      <c r="C22373" s="7">
        <f t="shared" si="349"/>
        <v>372.46049999999997</v>
      </c>
      <c r="I22373" s="1"/>
    </row>
    <row r="22374" spans="1:9" x14ac:dyDescent="0.25">
      <c r="A22374" s="3">
        <v>41676.442685185182</v>
      </c>
      <c r="B22374" s="6">
        <v>372477.14999999997</v>
      </c>
      <c r="C22374" s="7">
        <f t="shared" si="349"/>
        <v>372.47714999999994</v>
      </c>
      <c r="I22374" s="1"/>
    </row>
    <row r="22375" spans="1:9" x14ac:dyDescent="0.25">
      <c r="A22375" s="3">
        <v>41676.443020833336</v>
      </c>
      <c r="B22375" s="6">
        <v>372493.8</v>
      </c>
      <c r="C22375" s="7">
        <f t="shared" si="349"/>
        <v>372.49379999999996</v>
      </c>
      <c r="I22375" s="1"/>
    </row>
    <row r="22376" spans="1:9" x14ac:dyDescent="0.25">
      <c r="A22376" s="3">
        <v>41676.444502314815</v>
      </c>
      <c r="B22376" s="6">
        <v>372510.44999999995</v>
      </c>
      <c r="C22376" s="7">
        <f t="shared" si="349"/>
        <v>372.51044999999993</v>
      </c>
      <c r="I22376" s="1"/>
    </row>
    <row r="22377" spans="1:9" x14ac:dyDescent="0.25">
      <c r="A22377" s="3">
        <v>41676.444687499999</v>
      </c>
      <c r="B22377" s="6">
        <v>372527.1</v>
      </c>
      <c r="C22377" s="7">
        <f t="shared" si="349"/>
        <v>372.52709999999996</v>
      </c>
      <c r="I22377" s="1"/>
    </row>
    <row r="22378" spans="1:9" x14ac:dyDescent="0.25">
      <c r="A22378" s="3">
        <v>41676.44798611111</v>
      </c>
      <c r="B22378" s="6">
        <v>372543.74999999994</v>
      </c>
      <c r="C22378" s="7">
        <f t="shared" si="349"/>
        <v>372.54374999999993</v>
      </c>
      <c r="I22378" s="1"/>
    </row>
    <row r="22379" spans="1:9" x14ac:dyDescent="0.25">
      <c r="A22379" s="3">
        <v>41676.449432870373</v>
      </c>
      <c r="B22379" s="6">
        <v>372560.39999999997</v>
      </c>
      <c r="C22379" s="7">
        <f t="shared" si="349"/>
        <v>372.56039999999996</v>
      </c>
      <c r="I22379" s="1"/>
    </row>
    <row r="22380" spans="1:9" x14ac:dyDescent="0.25">
      <c r="A22380" s="3">
        <v>41676.454895833333</v>
      </c>
      <c r="B22380" s="6">
        <v>372577.05</v>
      </c>
      <c r="C22380" s="7">
        <f t="shared" si="349"/>
        <v>372.57704999999999</v>
      </c>
      <c r="I22380" s="1"/>
    </row>
    <row r="22381" spans="1:9" x14ac:dyDescent="0.25">
      <c r="A22381" s="3">
        <v>41676.455231481479</v>
      </c>
      <c r="B22381" s="6">
        <v>372593.69999999995</v>
      </c>
      <c r="C22381" s="7">
        <f t="shared" si="349"/>
        <v>372.59369999999996</v>
      </c>
      <c r="I22381" s="1"/>
    </row>
    <row r="22382" spans="1:9" x14ac:dyDescent="0.25">
      <c r="A22382" s="3">
        <v>41676.457546296297</v>
      </c>
      <c r="B22382" s="6">
        <v>372610.35</v>
      </c>
      <c r="C22382" s="7">
        <f t="shared" si="349"/>
        <v>372.61034999999998</v>
      </c>
      <c r="I22382" s="1"/>
    </row>
    <row r="22383" spans="1:9" x14ac:dyDescent="0.25">
      <c r="A22383" s="3">
        <v>41676.457766203705</v>
      </c>
      <c r="B22383" s="6">
        <v>372626.99999999994</v>
      </c>
      <c r="C22383" s="7">
        <f t="shared" si="349"/>
        <v>372.62699999999995</v>
      </c>
      <c r="I22383" s="1"/>
    </row>
    <row r="22384" spans="1:9" x14ac:dyDescent="0.25">
      <c r="A22384" s="3">
        <v>41676.460023148145</v>
      </c>
      <c r="B22384" s="6">
        <v>372643.64999999997</v>
      </c>
      <c r="C22384" s="7">
        <f t="shared" si="349"/>
        <v>372.64364999999998</v>
      </c>
      <c r="I22384" s="1"/>
    </row>
    <row r="22385" spans="1:9" x14ac:dyDescent="0.25">
      <c r="A22385" s="3">
        <v>41676.460324074076</v>
      </c>
      <c r="B22385" s="6">
        <v>372660.3</v>
      </c>
      <c r="C22385" s="7">
        <f t="shared" si="349"/>
        <v>372.66030000000001</v>
      </c>
      <c r="I22385" s="1"/>
    </row>
    <row r="22386" spans="1:9" x14ac:dyDescent="0.25">
      <c r="A22386" s="3">
        <v>41676.463564814818</v>
      </c>
      <c r="B22386" s="6">
        <v>372676.94999999995</v>
      </c>
      <c r="C22386" s="7">
        <f t="shared" si="349"/>
        <v>372.67694999999998</v>
      </c>
      <c r="I22386" s="1"/>
    </row>
    <row r="22387" spans="1:9" x14ac:dyDescent="0.25">
      <c r="A22387" s="3">
        <v>41676.463692129626</v>
      </c>
      <c r="B22387" s="6">
        <v>372693.6</v>
      </c>
      <c r="C22387" s="7">
        <f t="shared" si="349"/>
        <v>372.6936</v>
      </c>
      <c r="I22387" s="1"/>
    </row>
    <row r="22388" spans="1:9" x14ac:dyDescent="0.25">
      <c r="A22388" s="3">
        <v>41676.466979166667</v>
      </c>
      <c r="B22388" s="6">
        <v>372710.24999999994</v>
      </c>
      <c r="C22388" s="7">
        <f t="shared" si="349"/>
        <v>372.71024999999992</v>
      </c>
      <c r="I22388" s="1"/>
    </row>
    <row r="22389" spans="1:9" x14ac:dyDescent="0.25">
      <c r="A22389" s="3">
        <v>41676.467060185183</v>
      </c>
      <c r="B22389" s="6">
        <v>372726.89999999997</v>
      </c>
      <c r="C22389" s="7">
        <f t="shared" si="349"/>
        <v>372.72689999999994</v>
      </c>
      <c r="I22389" s="1"/>
    </row>
    <row r="22390" spans="1:9" x14ac:dyDescent="0.25">
      <c r="A22390" s="3">
        <v>41676.468229166669</v>
      </c>
      <c r="B22390" s="6">
        <v>372743.55</v>
      </c>
      <c r="C22390" s="7">
        <f t="shared" si="349"/>
        <v>372.74354999999997</v>
      </c>
      <c r="I22390" s="1"/>
    </row>
    <row r="22391" spans="1:9" x14ac:dyDescent="0.25">
      <c r="A22391" s="3">
        <v>41676.46837962963</v>
      </c>
      <c r="B22391" s="6">
        <v>372760.19999999995</v>
      </c>
      <c r="C22391" s="7">
        <f t="shared" si="349"/>
        <v>372.76019999999994</v>
      </c>
      <c r="I22391" s="1"/>
    </row>
    <row r="22392" spans="1:9" x14ac:dyDescent="0.25">
      <c r="A22392" s="3">
        <v>41676.471828703703</v>
      </c>
      <c r="B22392" s="6">
        <v>372776.85</v>
      </c>
      <c r="C22392" s="7">
        <f t="shared" si="349"/>
        <v>372.77684999999997</v>
      </c>
      <c r="I22392" s="1"/>
    </row>
    <row r="22393" spans="1:9" x14ac:dyDescent="0.25">
      <c r="A22393" s="3">
        <v>41676.472337962965</v>
      </c>
      <c r="B22393" s="6">
        <v>372793.49999999994</v>
      </c>
      <c r="C22393" s="7">
        <f t="shared" si="349"/>
        <v>372.79349999999994</v>
      </c>
      <c r="I22393" s="1"/>
    </row>
    <row r="22394" spans="1:9" x14ac:dyDescent="0.25">
      <c r="A22394" s="3">
        <v>41676.474675925929</v>
      </c>
      <c r="B22394" s="6">
        <v>372810.14999999997</v>
      </c>
      <c r="C22394" s="7">
        <f t="shared" si="349"/>
        <v>372.81014999999996</v>
      </c>
      <c r="I22394" s="1"/>
    </row>
    <row r="22395" spans="1:9" x14ac:dyDescent="0.25">
      <c r="A22395" s="3">
        <v>41676.475266203706</v>
      </c>
      <c r="B22395" s="6">
        <v>372826.8</v>
      </c>
      <c r="C22395" s="7">
        <f t="shared" si="349"/>
        <v>372.82679999999999</v>
      </c>
      <c r="I22395" s="1"/>
    </row>
    <row r="22396" spans="1:9" x14ac:dyDescent="0.25">
      <c r="A22396" s="3">
        <v>41676.478946759256</v>
      </c>
      <c r="B22396" s="6">
        <v>372843.44999999995</v>
      </c>
      <c r="C22396" s="7">
        <f t="shared" si="349"/>
        <v>372.84344999999996</v>
      </c>
      <c r="I22396" s="1"/>
    </row>
    <row r="22397" spans="1:9" x14ac:dyDescent="0.25">
      <c r="A22397" s="3">
        <v>41676.479270833333</v>
      </c>
      <c r="B22397" s="6">
        <v>372860.1</v>
      </c>
      <c r="C22397" s="7">
        <f t="shared" si="349"/>
        <v>372.86009999999999</v>
      </c>
      <c r="I22397" s="1"/>
    </row>
    <row r="22398" spans="1:9" x14ac:dyDescent="0.25">
      <c r="A22398" s="3">
        <v>41676.480347222219</v>
      </c>
      <c r="B22398" s="6">
        <v>372876.74999999994</v>
      </c>
      <c r="C22398" s="7">
        <f t="shared" si="349"/>
        <v>372.87674999999996</v>
      </c>
      <c r="I22398" s="1"/>
    </row>
    <row r="22399" spans="1:9" x14ac:dyDescent="0.25">
      <c r="A22399" s="3">
        <v>41676.481273148151</v>
      </c>
      <c r="B22399" s="6">
        <v>372893.39999999997</v>
      </c>
      <c r="C22399" s="7">
        <f t="shared" si="349"/>
        <v>372.89339999999999</v>
      </c>
      <c r="I22399" s="1"/>
    </row>
    <row r="22400" spans="1:9" x14ac:dyDescent="0.25">
      <c r="A22400" s="3">
        <v>41676.484930555554</v>
      </c>
      <c r="B22400" s="6">
        <v>372910.05</v>
      </c>
      <c r="C22400" s="7">
        <f t="shared" si="349"/>
        <v>372.91005000000001</v>
      </c>
      <c r="I22400" s="1"/>
    </row>
    <row r="22401" spans="1:9" x14ac:dyDescent="0.25">
      <c r="A22401" s="3">
        <v>41676.486006944448</v>
      </c>
      <c r="B22401" s="6">
        <v>372926.69999999995</v>
      </c>
      <c r="C22401" s="7">
        <f t="shared" si="349"/>
        <v>372.92669999999993</v>
      </c>
      <c r="I22401" s="1"/>
    </row>
    <row r="22402" spans="1:9" x14ac:dyDescent="0.25">
      <c r="A22402" s="3">
        <v>41676.488738425927</v>
      </c>
      <c r="B22402" s="6">
        <v>372943.35</v>
      </c>
      <c r="C22402" s="7">
        <f t="shared" si="349"/>
        <v>372.94334999999995</v>
      </c>
      <c r="I22402" s="1"/>
    </row>
    <row r="22403" spans="1:9" x14ac:dyDescent="0.25">
      <c r="A22403" s="3">
        <v>41676.488877314812</v>
      </c>
      <c r="B22403" s="6">
        <v>372959.99999999994</v>
      </c>
      <c r="C22403" s="7">
        <f t="shared" ref="C22403:C22466" si="350">B22403/1000</f>
        <v>372.95999999999992</v>
      </c>
      <c r="I22403" s="1"/>
    </row>
    <row r="22404" spans="1:9" x14ac:dyDescent="0.25">
      <c r="A22404" s="3">
        <v>41676.490254629629</v>
      </c>
      <c r="B22404" s="6">
        <v>372976.64999999997</v>
      </c>
      <c r="C22404" s="7">
        <f t="shared" si="350"/>
        <v>372.97664999999995</v>
      </c>
      <c r="I22404" s="1"/>
    </row>
    <row r="22405" spans="1:9" x14ac:dyDescent="0.25">
      <c r="A22405" s="3">
        <v>41676.490532407406</v>
      </c>
      <c r="B22405" s="6">
        <v>372993.3</v>
      </c>
      <c r="C22405" s="7">
        <f t="shared" si="350"/>
        <v>372.99329999999998</v>
      </c>
      <c r="I22405" s="1"/>
    </row>
    <row r="22406" spans="1:9" x14ac:dyDescent="0.25">
      <c r="A22406" s="3">
        <v>41676.493715277778</v>
      </c>
      <c r="B22406" s="6">
        <v>373009.94999999995</v>
      </c>
      <c r="C22406" s="7">
        <f t="shared" si="350"/>
        <v>373.00994999999995</v>
      </c>
      <c r="I22406" s="1"/>
    </row>
    <row r="22407" spans="1:9" x14ac:dyDescent="0.25">
      <c r="A22407" s="3">
        <v>41676.493784722225</v>
      </c>
      <c r="B22407" s="6">
        <v>373026.6</v>
      </c>
      <c r="C22407" s="7">
        <f t="shared" si="350"/>
        <v>373.02659999999997</v>
      </c>
      <c r="I22407" s="1"/>
    </row>
    <row r="22408" spans="1:9" x14ac:dyDescent="0.25">
      <c r="A22408" s="3">
        <v>41676.494537037041</v>
      </c>
      <c r="B22408" s="6">
        <v>373043.24999999994</v>
      </c>
      <c r="C22408" s="7">
        <f t="shared" si="350"/>
        <v>373.04324999999994</v>
      </c>
      <c r="I22408" s="1"/>
    </row>
    <row r="22409" spans="1:9" x14ac:dyDescent="0.25">
      <c r="A22409" s="3">
        <v>41676.494664351849</v>
      </c>
      <c r="B22409" s="6">
        <v>373059.89999999997</v>
      </c>
      <c r="C22409" s="7">
        <f t="shared" si="350"/>
        <v>373.05989999999997</v>
      </c>
      <c r="I22409" s="1"/>
    </row>
    <row r="22410" spans="1:9" x14ac:dyDescent="0.25">
      <c r="A22410" s="3">
        <v>41676.496064814812</v>
      </c>
      <c r="B22410" s="6">
        <v>373076.55</v>
      </c>
      <c r="C22410" s="7">
        <f t="shared" si="350"/>
        <v>373.07655</v>
      </c>
      <c r="I22410" s="1"/>
    </row>
    <row r="22411" spans="1:9" x14ac:dyDescent="0.25">
      <c r="A22411" s="3">
        <v>41676.496215277781</v>
      </c>
      <c r="B22411" s="6">
        <v>373093.19999999995</v>
      </c>
      <c r="C22411" s="7">
        <f t="shared" si="350"/>
        <v>373.09319999999997</v>
      </c>
      <c r="I22411" s="1"/>
    </row>
    <row r="22412" spans="1:9" x14ac:dyDescent="0.25">
      <c r="A22412" s="3">
        <v>41676.498611111114</v>
      </c>
      <c r="B22412" s="6">
        <v>373109.85</v>
      </c>
      <c r="C22412" s="7">
        <f t="shared" si="350"/>
        <v>373.10984999999999</v>
      </c>
      <c r="I22412" s="1"/>
    </row>
    <row r="22413" spans="1:9" x14ac:dyDescent="0.25">
      <c r="A22413" s="3">
        <v>41676.498738425929</v>
      </c>
      <c r="B22413" s="6">
        <v>373126.49999999994</v>
      </c>
      <c r="C22413" s="7">
        <f t="shared" si="350"/>
        <v>373.12649999999996</v>
      </c>
      <c r="I22413" s="1"/>
    </row>
    <row r="22414" spans="1:9" x14ac:dyDescent="0.25">
      <c r="A22414" s="3">
        <v>41676.500138888892</v>
      </c>
      <c r="B22414" s="6">
        <v>373143.14999999997</v>
      </c>
      <c r="C22414" s="7">
        <f t="shared" si="350"/>
        <v>373.14314999999999</v>
      </c>
      <c r="I22414" s="1"/>
    </row>
    <row r="22415" spans="1:9" x14ac:dyDescent="0.25">
      <c r="A22415" s="3">
        <v>41676.500289351854</v>
      </c>
      <c r="B22415" s="6">
        <v>373159.8</v>
      </c>
      <c r="C22415" s="7">
        <f t="shared" si="350"/>
        <v>373.15979999999996</v>
      </c>
      <c r="I22415" s="1"/>
    </row>
    <row r="22416" spans="1:9" x14ac:dyDescent="0.25">
      <c r="A22416" s="3">
        <v>41676.50309027778</v>
      </c>
      <c r="B22416" s="6">
        <v>373176.44999999995</v>
      </c>
      <c r="C22416" s="7">
        <f t="shared" si="350"/>
        <v>373.17644999999993</v>
      </c>
      <c r="I22416" s="1"/>
    </row>
    <row r="22417" spans="1:9" x14ac:dyDescent="0.25">
      <c r="A22417" s="3">
        <v>41676.503379629627</v>
      </c>
      <c r="B22417" s="6">
        <v>373193.1</v>
      </c>
      <c r="C22417" s="7">
        <f t="shared" si="350"/>
        <v>373.19309999999996</v>
      </c>
      <c r="I22417" s="1"/>
    </row>
    <row r="22418" spans="1:9" x14ac:dyDescent="0.25">
      <c r="A22418" s="3">
        <v>41676.507222222222</v>
      </c>
      <c r="B22418" s="6">
        <v>373209.74999999994</v>
      </c>
      <c r="C22418" s="7">
        <f t="shared" si="350"/>
        <v>373.20974999999993</v>
      </c>
      <c r="I22418" s="1"/>
    </row>
    <row r="22419" spans="1:9" x14ac:dyDescent="0.25">
      <c r="A22419" s="3">
        <v>41676.507303240738</v>
      </c>
      <c r="B22419" s="6">
        <v>373226.39999999997</v>
      </c>
      <c r="C22419" s="7">
        <f t="shared" si="350"/>
        <v>373.22639999999996</v>
      </c>
      <c r="I22419" s="1"/>
    </row>
    <row r="22420" spans="1:9" x14ac:dyDescent="0.25">
      <c r="A22420" s="3">
        <v>41676.508229166669</v>
      </c>
      <c r="B22420" s="6">
        <v>373243.05</v>
      </c>
      <c r="C22420" s="7">
        <f t="shared" si="350"/>
        <v>373.24304999999998</v>
      </c>
      <c r="I22420" s="1"/>
    </row>
    <row r="22421" spans="1:9" x14ac:dyDescent="0.25">
      <c r="A22421" s="3">
        <v>41676.508391203701</v>
      </c>
      <c r="B22421" s="6">
        <v>373259.69999999995</v>
      </c>
      <c r="C22421" s="7">
        <f t="shared" si="350"/>
        <v>373.25969999999995</v>
      </c>
      <c r="I22421" s="1"/>
    </row>
    <row r="22422" spans="1:9" x14ac:dyDescent="0.25">
      <c r="A22422" s="3">
        <v>41676.509930555556</v>
      </c>
      <c r="B22422" s="6">
        <v>373276.35</v>
      </c>
      <c r="C22422" s="7">
        <f t="shared" si="350"/>
        <v>373.27634999999998</v>
      </c>
      <c r="I22422" s="1"/>
    </row>
    <row r="22423" spans="1:9" x14ac:dyDescent="0.25">
      <c r="A22423" s="3">
        <v>41676.510196759256</v>
      </c>
      <c r="B22423" s="6">
        <v>373292.99999999994</v>
      </c>
      <c r="C22423" s="7">
        <f t="shared" si="350"/>
        <v>373.29299999999995</v>
      </c>
      <c r="I22423" s="1"/>
    </row>
    <row r="22424" spans="1:9" x14ac:dyDescent="0.25">
      <c r="A22424" s="3">
        <v>41676.512523148151</v>
      </c>
      <c r="B22424" s="6">
        <v>373309.64999999997</v>
      </c>
      <c r="C22424" s="7">
        <f t="shared" si="350"/>
        <v>373.30964999999998</v>
      </c>
      <c r="I22424" s="1"/>
    </row>
    <row r="22425" spans="1:9" x14ac:dyDescent="0.25">
      <c r="A22425" s="3">
        <v>41676.512719907405</v>
      </c>
      <c r="B22425" s="6">
        <v>373326.3</v>
      </c>
      <c r="C22425" s="7">
        <f t="shared" si="350"/>
        <v>373.3263</v>
      </c>
      <c r="I22425" s="1"/>
    </row>
    <row r="22426" spans="1:9" x14ac:dyDescent="0.25">
      <c r="A22426" s="3">
        <v>41676.516157407408</v>
      </c>
      <c r="B22426" s="6">
        <v>373342.94999999995</v>
      </c>
      <c r="C22426" s="7">
        <f t="shared" si="350"/>
        <v>373.34294999999997</v>
      </c>
      <c r="I22426" s="1"/>
    </row>
    <row r="22427" spans="1:9" x14ac:dyDescent="0.25">
      <c r="A22427" s="3">
        <v>41676.516319444447</v>
      </c>
      <c r="B22427" s="6">
        <v>373359.6</v>
      </c>
      <c r="C22427" s="7">
        <f t="shared" si="350"/>
        <v>373.3596</v>
      </c>
      <c r="I22427" s="1"/>
    </row>
    <row r="22428" spans="1:9" x14ac:dyDescent="0.25">
      <c r="A22428" s="3">
        <v>41676.518263888887</v>
      </c>
      <c r="B22428" s="6">
        <v>373376.24999999994</v>
      </c>
      <c r="C22428" s="7">
        <f t="shared" si="350"/>
        <v>373.37624999999991</v>
      </c>
      <c r="I22428" s="1"/>
    </row>
    <row r="22429" spans="1:9" x14ac:dyDescent="0.25">
      <c r="A22429" s="3">
        <v>41676.518506944441</v>
      </c>
      <c r="B22429" s="6">
        <v>373392.89999999997</v>
      </c>
      <c r="C22429" s="7">
        <f t="shared" si="350"/>
        <v>373.39289999999994</v>
      </c>
      <c r="I22429" s="1"/>
    </row>
    <row r="22430" spans="1:9" x14ac:dyDescent="0.25">
      <c r="A22430" s="3">
        <v>41676.520150462966</v>
      </c>
      <c r="B22430" s="6">
        <v>373409.55</v>
      </c>
      <c r="C22430" s="7">
        <f t="shared" si="350"/>
        <v>373.40954999999997</v>
      </c>
      <c r="I22430" s="1"/>
    </row>
    <row r="22431" spans="1:9" x14ac:dyDescent="0.25">
      <c r="A22431" s="3">
        <v>41676.52065972222</v>
      </c>
      <c r="B22431" s="6">
        <v>373426.19999999995</v>
      </c>
      <c r="C22431" s="7">
        <f t="shared" si="350"/>
        <v>373.42619999999994</v>
      </c>
      <c r="I22431" s="1"/>
    </row>
    <row r="22432" spans="1:9" x14ac:dyDescent="0.25">
      <c r="A22432" s="3">
        <v>41676.524340277778</v>
      </c>
      <c r="B22432" s="6">
        <v>373442.85</v>
      </c>
      <c r="C22432" s="7">
        <f t="shared" si="350"/>
        <v>373.44284999999996</v>
      </c>
      <c r="I22432" s="1"/>
    </row>
    <row r="22433" spans="1:9" x14ac:dyDescent="0.25">
      <c r="A22433" s="3">
        <v>41676.524502314816</v>
      </c>
      <c r="B22433" s="6">
        <v>373459.49999999994</v>
      </c>
      <c r="C22433" s="7">
        <f t="shared" si="350"/>
        <v>373.45949999999993</v>
      </c>
      <c r="I22433" s="1"/>
    </row>
    <row r="22434" spans="1:9" x14ac:dyDescent="0.25">
      <c r="A22434" s="3">
        <v>41676.528148148151</v>
      </c>
      <c r="B22434" s="6">
        <v>373476.14999999997</v>
      </c>
      <c r="C22434" s="7">
        <f t="shared" si="350"/>
        <v>373.47614999999996</v>
      </c>
      <c r="I22434" s="1"/>
    </row>
    <row r="22435" spans="1:9" x14ac:dyDescent="0.25">
      <c r="A22435" s="3">
        <v>41676.528587962966</v>
      </c>
      <c r="B22435" s="6">
        <v>373492.8</v>
      </c>
      <c r="C22435" s="7">
        <f t="shared" si="350"/>
        <v>373.49279999999999</v>
      </c>
      <c r="I22435" s="1"/>
    </row>
    <row r="22436" spans="1:9" x14ac:dyDescent="0.25">
      <c r="A22436" s="3">
        <v>41676.530648148146</v>
      </c>
      <c r="B22436" s="6">
        <v>373509.44999999995</v>
      </c>
      <c r="C22436" s="7">
        <f t="shared" si="350"/>
        <v>373.50944999999996</v>
      </c>
      <c r="I22436" s="1"/>
    </row>
    <row r="22437" spans="1:9" x14ac:dyDescent="0.25">
      <c r="A22437" s="3">
        <v>41676.531354166669</v>
      </c>
      <c r="B22437" s="6">
        <v>373526.1</v>
      </c>
      <c r="C22437" s="7">
        <f t="shared" si="350"/>
        <v>373.52609999999999</v>
      </c>
      <c r="I22437" s="1"/>
    </row>
    <row r="22438" spans="1:9" x14ac:dyDescent="0.25">
      <c r="A22438" s="3">
        <v>41676.532719907409</v>
      </c>
      <c r="B22438" s="6">
        <v>373542.74999999994</v>
      </c>
      <c r="C22438" s="7">
        <f t="shared" si="350"/>
        <v>373.54274999999996</v>
      </c>
      <c r="I22438" s="1"/>
    </row>
    <row r="22439" spans="1:9" x14ac:dyDescent="0.25">
      <c r="A22439" s="3">
        <v>41676.532824074071</v>
      </c>
      <c r="B22439" s="6">
        <v>373559.39999999997</v>
      </c>
      <c r="C22439" s="7">
        <f t="shared" si="350"/>
        <v>373.55939999999998</v>
      </c>
      <c r="I22439" s="1"/>
    </row>
    <row r="22440" spans="1:9" x14ac:dyDescent="0.25">
      <c r="A22440" s="3">
        <v>41676.535474537035</v>
      </c>
      <c r="B22440" s="6">
        <v>373576.05</v>
      </c>
      <c r="C22440" s="7">
        <f t="shared" si="350"/>
        <v>373.57605000000001</v>
      </c>
      <c r="I22440" s="1"/>
    </row>
    <row r="22441" spans="1:9" x14ac:dyDescent="0.25">
      <c r="A22441" s="3">
        <v>41676.535590277781</v>
      </c>
      <c r="B22441" s="6">
        <v>373592.69999999995</v>
      </c>
      <c r="C22441" s="7">
        <f t="shared" si="350"/>
        <v>373.59269999999998</v>
      </c>
      <c r="I22441" s="1"/>
    </row>
    <row r="22442" spans="1:9" x14ac:dyDescent="0.25">
      <c r="A22442" s="3">
        <v>41676.53702546296</v>
      </c>
      <c r="B22442" s="6">
        <v>373609.35</v>
      </c>
      <c r="C22442" s="7">
        <f t="shared" si="350"/>
        <v>373.60934999999995</v>
      </c>
      <c r="I22442" s="1"/>
    </row>
    <row r="22443" spans="1:9" x14ac:dyDescent="0.25">
      <c r="A22443" s="3">
        <v>41676.537141203706</v>
      </c>
      <c r="B22443" s="6">
        <v>373625.99999999994</v>
      </c>
      <c r="C22443" s="7">
        <f t="shared" si="350"/>
        <v>373.62599999999992</v>
      </c>
      <c r="I22443" s="1"/>
    </row>
    <row r="22444" spans="1:9" x14ac:dyDescent="0.25">
      <c r="A22444" s="3">
        <v>41676.538078703707</v>
      </c>
      <c r="B22444" s="6">
        <v>373642.64999999997</v>
      </c>
      <c r="C22444" s="7">
        <f t="shared" si="350"/>
        <v>373.64264999999995</v>
      </c>
      <c r="I22444" s="1"/>
    </row>
    <row r="22445" spans="1:9" x14ac:dyDescent="0.25">
      <c r="A22445" s="3">
        <v>41676.538229166668</v>
      </c>
      <c r="B22445" s="6">
        <v>373659.3</v>
      </c>
      <c r="C22445" s="7">
        <f t="shared" si="350"/>
        <v>373.65929999999997</v>
      </c>
      <c r="I22445" s="1"/>
    </row>
    <row r="22446" spans="1:9" x14ac:dyDescent="0.25">
      <c r="A22446" s="3">
        <v>41676.539583333331</v>
      </c>
      <c r="B22446" s="6">
        <v>373675.94999999995</v>
      </c>
      <c r="C22446" s="7">
        <f t="shared" si="350"/>
        <v>373.67594999999994</v>
      </c>
      <c r="I22446" s="1"/>
    </row>
    <row r="22447" spans="1:9" x14ac:dyDescent="0.25">
      <c r="A22447" s="3">
        <v>41676.539895833332</v>
      </c>
      <c r="B22447" s="6">
        <v>373692.6</v>
      </c>
      <c r="C22447" s="7">
        <f t="shared" si="350"/>
        <v>373.69259999999997</v>
      </c>
      <c r="I22447" s="1"/>
    </row>
    <row r="22448" spans="1:9" x14ac:dyDescent="0.25">
      <c r="A22448" s="3">
        <v>41676.542326388888</v>
      </c>
      <c r="B22448" s="6">
        <v>373709.24999999994</v>
      </c>
      <c r="C22448" s="7">
        <f t="shared" si="350"/>
        <v>373.70924999999994</v>
      </c>
      <c r="I22448" s="1"/>
    </row>
    <row r="22449" spans="1:9" x14ac:dyDescent="0.25">
      <c r="A22449" s="3">
        <v>41676.542488425926</v>
      </c>
      <c r="B22449" s="6">
        <v>373725.89999999997</v>
      </c>
      <c r="C22449" s="7">
        <f t="shared" si="350"/>
        <v>373.72589999999997</v>
      </c>
      <c r="I22449" s="1"/>
    </row>
    <row r="22450" spans="1:9" x14ac:dyDescent="0.25">
      <c r="A22450" s="3">
        <v>41676.544224537036</v>
      </c>
      <c r="B22450" s="6">
        <v>373742.55</v>
      </c>
      <c r="C22450" s="7">
        <f t="shared" si="350"/>
        <v>373.74254999999999</v>
      </c>
      <c r="I22450" s="1"/>
    </row>
    <row r="22451" spans="1:9" x14ac:dyDescent="0.25">
      <c r="A22451" s="3">
        <v>41676.544907407406</v>
      </c>
      <c r="B22451" s="6">
        <v>373759.19999999995</v>
      </c>
      <c r="C22451" s="7">
        <f t="shared" si="350"/>
        <v>373.75919999999996</v>
      </c>
      <c r="I22451" s="1"/>
    </row>
    <row r="22452" spans="1:9" x14ac:dyDescent="0.25">
      <c r="A22452" s="3">
        <v>41676.547511574077</v>
      </c>
      <c r="B22452" s="6">
        <v>373775.85</v>
      </c>
      <c r="C22452" s="7">
        <f t="shared" si="350"/>
        <v>373.77584999999999</v>
      </c>
      <c r="I22452" s="1"/>
    </row>
    <row r="22453" spans="1:9" x14ac:dyDescent="0.25">
      <c r="A22453" s="3">
        <v>41676.547662037039</v>
      </c>
      <c r="B22453" s="6">
        <v>373792.49999999994</v>
      </c>
      <c r="C22453" s="7">
        <f t="shared" si="350"/>
        <v>373.79249999999996</v>
      </c>
      <c r="I22453" s="1"/>
    </row>
    <row r="22454" spans="1:9" x14ac:dyDescent="0.25">
      <c r="A22454" s="3">
        <v>41676.54892361111</v>
      </c>
      <c r="B22454" s="6">
        <v>373809.14999999997</v>
      </c>
      <c r="C22454" s="7">
        <f t="shared" si="350"/>
        <v>373.80914999999999</v>
      </c>
      <c r="I22454" s="1"/>
    </row>
    <row r="22455" spans="1:9" x14ac:dyDescent="0.25">
      <c r="A22455" s="3">
        <v>41676.549085648148</v>
      </c>
      <c r="B22455" s="6">
        <v>373825.8</v>
      </c>
      <c r="C22455" s="7">
        <f t="shared" si="350"/>
        <v>373.82580000000002</v>
      </c>
      <c r="I22455" s="1"/>
    </row>
    <row r="22456" spans="1:9" x14ac:dyDescent="0.25">
      <c r="A22456" s="3">
        <v>41676.552534722221</v>
      </c>
      <c r="B22456" s="6">
        <v>373842.44999999995</v>
      </c>
      <c r="C22456" s="7">
        <f t="shared" si="350"/>
        <v>373.84244999999993</v>
      </c>
      <c r="I22456" s="1"/>
    </row>
    <row r="22457" spans="1:9" x14ac:dyDescent="0.25">
      <c r="A22457" s="3">
        <v>41676.552719907406</v>
      </c>
      <c r="B22457" s="6">
        <v>373859.1</v>
      </c>
      <c r="C22457" s="7">
        <f t="shared" si="350"/>
        <v>373.85909999999996</v>
      </c>
      <c r="I22457" s="1"/>
    </row>
    <row r="22458" spans="1:9" x14ac:dyDescent="0.25">
      <c r="A22458" s="3">
        <v>41676.555567129632</v>
      </c>
      <c r="B22458" s="6">
        <v>373875.74999999994</v>
      </c>
      <c r="C22458" s="7">
        <f t="shared" si="350"/>
        <v>373.87574999999993</v>
      </c>
      <c r="I22458" s="1"/>
    </row>
    <row r="22459" spans="1:9" x14ac:dyDescent="0.25">
      <c r="A22459" s="3">
        <v>41676.55574074074</v>
      </c>
      <c r="B22459" s="6">
        <v>373892.39999999997</v>
      </c>
      <c r="C22459" s="7">
        <f t="shared" si="350"/>
        <v>373.89239999999995</v>
      </c>
      <c r="I22459" s="1"/>
    </row>
    <row r="22460" spans="1:9" x14ac:dyDescent="0.25">
      <c r="A22460" s="3">
        <v>41676.557812500003</v>
      </c>
      <c r="B22460" s="6">
        <v>373909.05</v>
      </c>
      <c r="C22460" s="7">
        <f t="shared" si="350"/>
        <v>373.90904999999998</v>
      </c>
      <c r="I22460" s="1"/>
    </row>
    <row r="22461" spans="1:9" x14ac:dyDescent="0.25">
      <c r="A22461" s="3">
        <v>41676.558935185189</v>
      </c>
      <c r="B22461" s="6">
        <v>373925.69999999995</v>
      </c>
      <c r="C22461" s="7">
        <f t="shared" si="350"/>
        <v>373.92569999999995</v>
      </c>
      <c r="I22461" s="1"/>
    </row>
    <row r="22462" spans="1:9" x14ac:dyDescent="0.25">
      <c r="A22462" s="3">
        <v>41676.561574074076</v>
      </c>
      <c r="B22462" s="6">
        <v>373942.35</v>
      </c>
      <c r="C22462" s="7">
        <f t="shared" si="350"/>
        <v>373.94234999999998</v>
      </c>
      <c r="I22462" s="1"/>
    </row>
    <row r="22463" spans="1:9" x14ac:dyDescent="0.25">
      <c r="A22463" s="3">
        <v>41676.561840277776</v>
      </c>
      <c r="B22463" s="6">
        <v>373958.99999999994</v>
      </c>
      <c r="C22463" s="7">
        <f t="shared" si="350"/>
        <v>373.95899999999995</v>
      </c>
      <c r="I22463" s="1"/>
    </row>
    <row r="22464" spans="1:9" x14ac:dyDescent="0.25">
      <c r="A22464" s="3">
        <v>41676.566134259258</v>
      </c>
      <c r="B22464" s="6">
        <v>373975.64999999997</v>
      </c>
      <c r="C22464" s="7">
        <f t="shared" si="350"/>
        <v>373.97564999999997</v>
      </c>
      <c r="I22464" s="1"/>
    </row>
    <row r="22465" spans="1:9" x14ac:dyDescent="0.25">
      <c r="A22465" s="3">
        <v>41676.566296296296</v>
      </c>
      <c r="B22465" s="6">
        <v>373992.3</v>
      </c>
      <c r="C22465" s="7">
        <f t="shared" si="350"/>
        <v>373.9923</v>
      </c>
      <c r="I22465" s="1"/>
    </row>
    <row r="22466" spans="1:9" x14ac:dyDescent="0.25">
      <c r="A22466" s="3">
        <v>41676.567083333335</v>
      </c>
      <c r="B22466" s="6">
        <v>374008.94999999995</v>
      </c>
      <c r="C22466" s="7">
        <f t="shared" si="350"/>
        <v>374.00894999999997</v>
      </c>
      <c r="I22466" s="1"/>
    </row>
    <row r="22467" spans="1:9" x14ac:dyDescent="0.25">
      <c r="A22467" s="3">
        <v>41676.567187499997</v>
      </c>
      <c r="B22467" s="6">
        <v>374025.6</v>
      </c>
      <c r="C22467" s="7">
        <f t="shared" ref="C22467:C22530" si="351">B22467/1000</f>
        <v>374.0256</v>
      </c>
      <c r="I22467" s="1"/>
    </row>
    <row r="22468" spans="1:9" x14ac:dyDescent="0.25">
      <c r="A22468" s="3">
        <v>41676.570115740738</v>
      </c>
      <c r="B22468" s="6">
        <v>374042.24999999994</v>
      </c>
      <c r="C22468" s="7">
        <f t="shared" si="351"/>
        <v>374.04224999999997</v>
      </c>
      <c r="I22468" s="1"/>
    </row>
    <row r="22469" spans="1:9" x14ac:dyDescent="0.25">
      <c r="A22469" s="3">
        <v>41676.570243055554</v>
      </c>
      <c r="B22469" s="6">
        <v>374058.89999999997</v>
      </c>
      <c r="C22469" s="7">
        <f t="shared" si="351"/>
        <v>374.05889999999994</v>
      </c>
      <c r="I22469" s="1"/>
    </row>
    <row r="22470" spans="1:9" x14ac:dyDescent="0.25">
      <c r="A22470" s="3">
        <v>41676.57372685185</v>
      </c>
      <c r="B22470" s="6">
        <v>374075.55</v>
      </c>
      <c r="C22470" s="7">
        <f t="shared" si="351"/>
        <v>374.07554999999996</v>
      </c>
      <c r="I22470" s="1"/>
    </row>
    <row r="22471" spans="1:9" x14ac:dyDescent="0.25">
      <c r="A22471" s="3">
        <v>41676.573958333334</v>
      </c>
      <c r="B22471" s="6">
        <v>374092.19999999995</v>
      </c>
      <c r="C22471" s="7">
        <f t="shared" si="351"/>
        <v>374.09219999999993</v>
      </c>
      <c r="I22471" s="1"/>
    </row>
    <row r="22472" spans="1:9" x14ac:dyDescent="0.25">
      <c r="A22472" s="3">
        <v>41676.579351851855</v>
      </c>
      <c r="B22472" s="6">
        <v>374108.85</v>
      </c>
      <c r="C22472" s="7">
        <f t="shared" si="351"/>
        <v>374.10884999999996</v>
      </c>
      <c r="I22472" s="1"/>
    </row>
    <row r="22473" spans="1:9" x14ac:dyDescent="0.25">
      <c r="A22473" s="3">
        <v>41676.579722222225</v>
      </c>
      <c r="B22473" s="6">
        <v>374125.49999999994</v>
      </c>
      <c r="C22473" s="7">
        <f t="shared" si="351"/>
        <v>374.12549999999993</v>
      </c>
      <c r="I22473" s="1"/>
    </row>
    <row r="22474" spans="1:9" x14ac:dyDescent="0.25">
      <c r="A22474" s="3">
        <v>41676.595763888887</v>
      </c>
      <c r="B22474" s="6">
        <v>374142.14999999997</v>
      </c>
      <c r="C22474" s="7">
        <f t="shared" si="351"/>
        <v>374.14214999999996</v>
      </c>
      <c r="I22474" s="1"/>
    </row>
    <row r="22475" spans="1:9" x14ac:dyDescent="0.25">
      <c r="A22475" s="3">
        <v>41676.595902777779</v>
      </c>
      <c r="B22475" s="6">
        <v>374158.8</v>
      </c>
      <c r="C22475" s="7">
        <f t="shared" si="351"/>
        <v>374.15879999999999</v>
      </c>
      <c r="I22475" s="1"/>
    </row>
    <row r="22476" spans="1:9" x14ac:dyDescent="0.25">
      <c r="A22476" s="3">
        <v>41676.596747685187</v>
      </c>
      <c r="B22476" s="6">
        <v>374175.44999999995</v>
      </c>
      <c r="C22476" s="7">
        <f t="shared" si="351"/>
        <v>374.17544999999996</v>
      </c>
      <c r="I22476" s="1"/>
    </row>
    <row r="22477" spans="1:9" x14ac:dyDescent="0.25">
      <c r="A22477" s="3">
        <v>41676.597025462965</v>
      </c>
      <c r="B22477" s="6">
        <v>374192.1</v>
      </c>
      <c r="C22477" s="7">
        <f t="shared" si="351"/>
        <v>374.19209999999998</v>
      </c>
      <c r="I22477" s="1"/>
    </row>
    <row r="22478" spans="1:9" x14ac:dyDescent="0.25">
      <c r="A22478" s="3">
        <v>41676.59983796296</v>
      </c>
      <c r="B22478" s="6">
        <v>374208.74999999994</v>
      </c>
      <c r="C22478" s="7">
        <f t="shared" si="351"/>
        <v>374.20874999999995</v>
      </c>
      <c r="I22478" s="1"/>
    </row>
    <row r="22479" spans="1:9" x14ac:dyDescent="0.25">
      <c r="A22479" s="3">
        <v>41676.599918981483</v>
      </c>
      <c r="B22479" s="6">
        <v>374225.39999999997</v>
      </c>
      <c r="C22479" s="7">
        <f t="shared" si="351"/>
        <v>374.22539999999998</v>
      </c>
      <c r="I22479" s="1"/>
    </row>
    <row r="22480" spans="1:9" x14ac:dyDescent="0.25">
      <c r="A22480" s="3">
        <v>41676.601134259261</v>
      </c>
      <c r="B22480" s="6">
        <v>374242.05</v>
      </c>
      <c r="C22480" s="7">
        <f t="shared" si="351"/>
        <v>374.24205000000001</v>
      </c>
      <c r="I22480" s="1"/>
    </row>
    <row r="22481" spans="1:9" x14ac:dyDescent="0.25">
      <c r="A22481" s="3">
        <v>41676.601284722223</v>
      </c>
      <c r="B22481" s="6">
        <v>374258.69999999995</v>
      </c>
      <c r="C22481" s="7">
        <f t="shared" si="351"/>
        <v>374.25869999999998</v>
      </c>
      <c r="I22481" s="1"/>
    </row>
    <row r="22482" spans="1:9" x14ac:dyDescent="0.25">
      <c r="A22482" s="3">
        <v>41676.602881944447</v>
      </c>
      <c r="B22482" s="6">
        <v>374275.35</v>
      </c>
      <c r="C22482" s="7">
        <f t="shared" si="351"/>
        <v>374.27535</v>
      </c>
      <c r="I22482" s="1"/>
    </row>
    <row r="22483" spans="1:9" x14ac:dyDescent="0.25">
      <c r="A22483" s="3">
        <v>41676.603182870371</v>
      </c>
      <c r="B22483" s="6">
        <v>374291.99999999994</v>
      </c>
      <c r="C22483" s="7">
        <f t="shared" si="351"/>
        <v>374.29199999999992</v>
      </c>
      <c r="I22483" s="1"/>
    </row>
    <row r="22484" spans="1:9" x14ac:dyDescent="0.25">
      <c r="A22484" s="3">
        <v>41676.604988425926</v>
      </c>
      <c r="B22484" s="6">
        <v>374308.64999999997</v>
      </c>
      <c r="C22484" s="7">
        <f t="shared" si="351"/>
        <v>374.30864999999994</v>
      </c>
      <c r="I22484" s="1"/>
    </row>
    <row r="22485" spans="1:9" x14ac:dyDescent="0.25">
      <c r="A22485" s="3">
        <v>41676.605196759258</v>
      </c>
      <c r="B22485" s="6">
        <v>374325.3</v>
      </c>
      <c r="C22485" s="7">
        <f t="shared" si="351"/>
        <v>374.32529999999997</v>
      </c>
      <c r="I22485" s="1"/>
    </row>
    <row r="22486" spans="1:9" x14ac:dyDescent="0.25">
      <c r="A22486" s="3">
        <v>41676.607870370368</v>
      </c>
      <c r="B22486" s="6">
        <v>374341.94999999995</v>
      </c>
      <c r="C22486" s="7">
        <f t="shared" si="351"/>
        <v>374.34194999999994</v>
      </c>
      <c r="I22486" s="1"/>
    </row>
    <row r="22487" spans="1:9" x14ac:dyDescent="0.25">
      <c r="A22487" s="3">
        <v>41676.60800925926</v>
      </c>
      <c r="B22487" s="6">
        <v>374358.6</v>
      </c>
      <c r="C22487" s="7">
        <f t="shared" si="351"/>
        <v>374.35859999999997</v>
      </c>
      <c r="I22487" s="1"/>
    </row>
    <row r="22488" spans="1:9" x14ac:dyDescent="0.25">
      <c r="A22488" s="3">
        <v>41676.610972222225</v>
      </c>
      <c r="B22488" s="6">
        <v>374375.24999999994</v>
      </c>
      <c r="C22488" s="7">
        <f t="shared" si="351"/>
        <v>374.37524999999994</v>
      </c>
      <c r="I22488" s="1"/>
    </row>
    <row r="22489" spans="1:9" x14ac:dyDescent="0.25">
      <c r="A22489" s="3">
        <v>41676.611134259256</v>
      </c>
      <c r="B22489" s="6">
        <v>374391.89999999997</v>
      </c>
      <c r="C22489" s="7">
        <f t="shared" si="351"/>
        <v>374.39189999999996</v>
      </c>
      <c r="I22489" s="1"/>
    </row>
    <row r="22490" spans="1:9" x14ac:dyDescent="0.25">
      <c r="A22490" s="3">
        <v>41676.614062499997</v>
      </c>
      <c r="B22490" s="6">
        <v>374408.55</v>
      </c>
      <c r="C22490" s="7">
        <f t="shared" si="351"/>
        <v>374.40854999999999</v>
      </c>
      <c r="I22490" s="1"/>
    </row>
    <row r="22491" spans="1:9" x14ac:dyDescent="0.25">
      <c r="A22491" s="3">
        <v>41676.614270833335</v>
      </c>
      <c r="B22491" s="6">
        <v>374425.19999999995</v>
      </c>
      <c r="C22491" s="7">
        <f t="shared" si="351"/>
        <v>374.42519999999996</v>
      </c>
      <c r="I22491" s="1"/>
    </row>
    <row r="22492" spans="1:9" x14ac:dyDescent="0.25">
      <c r="A22492" s="3">
        <v>41676.616724537038</v>
      </c>
      <c r="B22492" s="6">
        <v>374441.85</v>
      </c>
      <c r="C22492" s="7">
        <f t="shared" si="351"/>
        <v>374.44184999999999</v>
      </c>
      <c r="I22492" s="1"/>
    </row>
    <row r="22493" spans="1:9" x14ac:dyDescent="0.25">
      <c r="A22493" s="3">
        <v>41676.616956018515</v>
      </c>
      <c r="B22493" s="6">
        <v>374458.49999999994</v>
      </c>
      <c r="C22493" s="7">
        <f t="shared" si="351"/>
        <v>374.45849999999996</v>
      </c>
      <c r="I22493" s="1"/>
    </row>
    <row r="22494" spans="1:9" x14ac:dyDescent="0.25">
      <c r="A22494" s="3">
        <v>41676.618657407409</v>
      </c>
      <c r="B22494" s="6">
        <v>374475.14999999997</v>
      </c>
      <c r="C22494" s="7">
        <f t="shared" si="351"/>
        <v>374.47514999999999</v>
      </c>
      <c r="I22494" s="1"/>
    </row>
    <row r="22495" spans="1:9" x14ac:dyDescent="0.25">
      <c r="A22495" s="3">
        <v>41676.618773148148</v>
      </c>
      <c r="B22495" s="6">
        <v>374491.8</v>
      </c>
      <c r="C22495" s="7">
        <f t="shared" si="351"/>
        <v>374.49180000000001</v>
      </c>
      <c r="I22495" s="1"/>
    </row>
    <row r="22496" spans="1:9" x14ac:dyDescent="0.25">
      <c r="A22496" s="3">
        <v>41676.620000000003</v>
      </c>
      <c r="B22496" s="6">
        <v>374508.44999999995</v>
      </c>
      <c r="C22496" s="7">
        <f t="shared" si="351"/>
        <v>374.50844999999993</v>
      </c>
      <c r="I22496" s="1"/>
    </row>
    <row r="22497" spans="1:9" x14ac:dyDescent="0.25">
      <c r="A22497" s="3">
        <v>41676.620162037034</v>
      </c>
      <c r="B22497" s="6">
        <v>374525.1</v>
      </c>
      <c r="C22497" s="7">
        <f t="shared" si="351"/>
        <v>374.52509999999995</v>
      </c>
      <c r="I22497" s="1"/>
    </row>
    <row r="22498" spans="1:9" x14ac:dyDescent="0.25">
      <c r="A22498" s="3">
        <v>41676.624907407408</v>
      </c>
      <c r="B22498" s="6">
        <v>374541.74999999994</v>
      </c>
      <c r="C22498" s="7">
        <f t="shared" si="351"/>
        <v>374.54174999999992</v>
      </c>
      <c r="I22498" s="1"/>
    </row>
    <row r="22499" spans="1:9" x14ac:dyDescent="0.25">
      <c r="A22499" s="3">
        <v>41676.625</v>
      </c>
      <c r="B22499" s="6">
        <v>374558.39999999997</v>
      </c>
      <c r="C22499" s="7">
        <f t="shared" si="351"/>
        <v>374.55839999999995</v>
      </c>
      <c r="I22499" s="1"/>
    </row>
    <row r="22500" spans="1:9" x14ac:dyDescent="0.25">
      <c r="A22500" s="3">
        <v>41676.631099537037</v>
      </c>
      <c r="B22500" s="6">
        <v>374575.05</v>
      </c>
      <c r="C22500" s="7">
        <f t="shared" si="351"/>
        <v>374.57504999999998</v>
      </c>
      <c r="I22500" s="1"/>
    </row>
    <row r="22501" spans="1:9" x14ac:dyDescent="0.25">
      <c r="A22501" s="3">
        <v>41676.631215277775</v>
      </c>
      <c r="B22501" s="6">
        <v>374591.69999999995</v>
      </c>
      <c r="C22501" s="7">
        <f t="shared" si="351"/>
        <v>374.59169999999995</v>
      </c>
      <c r="I22501" s="1"/>
    </row>
    <row r="22502" spans="1:9" x14ac:dyDescent="0.25">
      <c r="A22502" s="3">
        <v>41676.633009259262</v>
      </c>
      <c r="B22502" s="6">
        <v>374608.35</v>
      </c>
      <c r="C22502" s="7">
        <f t="shared" si="351"/>
        <v>374.60834999999997</v>
      </c>
      <c r="I22502" s="1"/>
    </row>
    <row r="22503" spans="1:9" x14ac:dyDescent="0.25">
      <c r="A22503" s="3">
        <v>41676.633217592593</v>
      </c>
      <c r="B22503" s="6">
        <v>374624.99999999994</v>
      </c>
      <c r="C22503" s="7">
        <f t="shared" si="351"/>
        <v>374.62499999999994</v>
      </c>
      <c r="I22503" s="1"/>
    </row>
    <row r="22504" spans="1:9" x14ac:dyDescent="0.25">
      <c r="A22504" s="3">
        <v>41676.63726851852</v>
      </c>
      <c r="B22504" s="6">
        <v>374641.64999999997</v>
      </c>
      <c r="C22504" s="7">
        <f t="shared" si="351"/>
        <v>374.64164999999997</v>
      </c>
      <c r="I22504" s="1"/>
    </row>
    <row r="22505" spans="1:9" x14ac:dyDescent="0.25">
      <c r="A22505" s="3">
        <v>41676.637407407405</v>
      </c>
      <c r="B22505" s="6">
        <v>374658.3</v>
      </c>
      <c r="C22505" s="7">
        <f t="shared" si="351"/>
        <v>374.6583</v>
      </c>
      <c r="I22505" s="1"/>
    </row>
    <row r="22506" spans="1:9" x14ac:dyDescent="0.25">
      <c r="A22506" s="3">
        <v>41676.640173611115</v>
      </c>
      <c r="B22506" s="6">
        <v>374674.94999999995</v>
      </c>
      <c r="C22506" s="7">
        <f t="shared" si="351"/>
        <v>374.67494999999997</v>
      </c>
      <c r="I22506" s="1"/>
    </row>
    <row r="22507" spans="1:9" x14ac:dyDescent="0.25">
      <c r="A22507" s="3">
        <v>41676.640405092592</v>
      </c>
      <c r="B22507" s="6">
        <v>374691.6</v>
      </c>
      <c r="C22507" s="7">
        <f t="shared" si="351"/>
        <v>374.69159999999999</v>
      </c>
      <c r="I22507" s="1"/>
    </row>
    <row r="22508" spans="1:9" x14ac:dyDescent="0.25">
      <c r="A22508" s="3">
        <v>41676.64271990741</v>
      </c>
      <c r="B22508" s="6">
        <v>374708.24999999994</v>
      </c>
      <c r="C22508" s="7">
        <f t="shared" si="351"/>
        <v>374.70824999999996</v>
      </c>
      <c r="I22508" s="1"/>
    </row>
    <row r="22509" spans="1:9" x14ac:dyDescent="0.25">
      <c r="A22509" s="3">
        <v>41676.643067129633</v>
      </c>
      <c r="B22509" s="6">
        <v>374724.89999999997</v>
      </c>
      <c r="C22509" s="7">
        <f t="shared" si="351"/>
        <v>374.72489999999999</v>
      </c>
      <c r="I22509" s="1"/>
    </row>
    <row r="22510" spans="1:9" x14ac:dyDescent="0.25">
      <c r="A22510" s="3">
        <v>41676.654791666668</v>
      </c>
      <c r="B22510" s="6">
        <v>374741.55</v>
      </c>
      <c r="C22510" s="7">
        <f t="shared" si="351"/>
        <v>374.74154999999996</v>
      </c>
      <c r="I22510" s="1"/>
    </row>
    <row r="22511" spans="1:9" x14ac:dyDescent="0.25">
      <c r="A22511" s="3">
        <v>41676.655243055553</v>
      </c>
      <c r="B22511" s="6">
        <v>374758.19999999995</v>
      </c>
      <c r="C22511" s="7">
        <f t="shared" si="351"/>
        <v>374.75819999999993</v>
      </c>
      <c r="I22511" s="1"/>
    </row>
    <row r="22512" spans="1:9" x14ac:dyDescent="0.25">
      <c r="A22512" s="3">
        <v>41676.657361111109</v>
      </c>
      <c r="B22512" s="6">
        <v>374774.85</v>
      </c>
      <c r="C22512" s="7">
        <f t="shared" si="351"/>
        <v>374.77484999999996</v>
      </c>
      <c r="I22512" s="1"/>
    </row>
    <row r="22513" spans="1:9" x14ac:dyDescent="0.25">
      <c r="A22513" s="3">
        <v>41676.660902777781</v>
      </c>
      <c r="B22513" s="6">
        <v>374791.49999999994</v>
      </c>
      <c r="C22513" s="7">
        <f t="shared" si="351"/>
        <v>374.79149999999993</v>
      </c>
      <c r="I22513" s="1"/>
    </row>
    <row r="22514" spans="1:9" x14ac:dyDescent="0.25">
      <c r="A22514" s="3">
        <v>41676.680011574077</v>
      </c>
      <c r="B22514" s="6">
        <v>374808.14999999997</v>
      </c>
      <c r="C22514" s="7">
        <f t="shared" si="351"/>
        <v>374.80814999999996</v>
      </c>
      <c r="I22514" s="1"/>
    </row>
    <row r="22515" spans="1:9" x14ac:dyDescent="0.25">
      <c r="A22515" s="3">
        <v>41676.680254629631</v>
      </c>
      <c r="B22515" s="6">
        <v>374824.8</v>
      </c>
      <c r="C22515" s="7">
        <f t="shared" si="351"/>
        <v>374.82479999999998</v>
      </c>
      <c r="I22515" s="1"/>
    </row>
    <row r="22516" spans="1:9" x14ac:dyDescent="0.25">
      <c r="A22516" s="3">
        <v>41676.682974537034</v>
      </c>
      <c r="B22516" s="6">
        <v>374841.44999999995</v>
      </c>
      <c r="C22516" s="7">
        <f t="shared" si="351"/>
        <v>374.84144999999995</v>
      </c>
      <c r="I22516" s="1"/>
    </row>
    <row r="22517" spans="1:9" x14ac:dyDescent="0.25">
      <c r="A22517" s="3">
        <v>41676.683807870373</v>
      </c>
      <c r="B22517" s="6">
        <v>374858.1</v>
      </c>
      <c r="C22517" s="7">
        <f t="shared" si="351"/>
        <v>374.85809999999998</v>
      </c>
      <c r="I22517" s="1"/>
    </row>
    <row r="22518" spans="1:9" x14ac:dyDescent="0.25">
      <c r="A22518" s="3">
        <v>41676.689155092594</v>
      </c>
      <c r="B22518" s="6">
        <v>374874.74999999994</v>
      </c>
      <c r="C22518" s="7">
        <f t="shared" si="351"/>
        <v>374.87474999999995</v>
      </c>
      <c r="I22518" s="1"/>
    </row>
    <row r="22519" spans="1:9" x14ac:dyDescent="0.25">
      <c r="A22519" s="3">
        <v>41676.690370370372</v>
      </c>
      <c r="B22519" s="6">
        <v>374891.39999999997</v>
      </c>
      <c r="C22519" s="7">
        <f t="shared" si="351"/>
        <v>374.89139999999998</v>
      </c>
      <c r="I22519" s="1"/>
    </row>
    <row r="22520" spans="1:9" x14ac:dyDescent="0.25">
      <c r="A22520" s="3">
        <v>41676.699965277781</v>
      </c>
      <c r="B22520" s="6">
        <v>374908.05</v>
      </c>
      <c r="C22520" s="7">
        <f t="shared" si="351"/>
        <v>374.90805</v>
      </c>
      <c r="I22520" s="1"/>
    </row>
    <row r="22521" spans="1:9" x14ac:dyDescent="0.25">
      <c r="A22521" s="3">
        <v>41676.700381944444</v>
      </c>
      <c r="B22521" s="6">
        <v>374924.69999999995</v>
      </c>
      <c r="C22521" s="7">
        <f t="shared" si="351"/>
        <v>374.92469999999997</v>
      </c>
      <c r="I22521" s="1"/>
    </row>
    <row r="22522" spans="1:9" x14ac:dyDescent="0.25">
      <c r="A22522" s="3">
        <v>41676.707094907404</v>
      </c>
      <c r="B22522" s="6">
        <v>374941.35</v>
      </c>
      <c r="C22522" s="7">
        <f t="shared" si="351"/>
        <v>374.94135</v>
      </c>
      <c r="I22522" s="1"/>
    </row>
    <row r="22523" spans="1:9" x14ac:dyDescent="0.25">
      <c r="A22523" s="3">
        <v>41676.707291666666</v>
      </c>
      <c r="B22523" s="6">
        <v>374957.99999999994</v>
      </c>
      <c r="C22523" s="7">
        <f t="shared" si="351"/>
        <v>374.95799999999997</v>
      </c>
      <c r="I22523" s="1"/>
    </row>
    <row r="22524" spans="1:9" x14ac:dyDescent="0.25">
      <c r="A22524" s="3">
        <v>41676.715416666666</v>
      </c>
      <c r="B22524" s="6">
        <v>374974.64999999997</v>
      </c>
      <c r="C22524" s="7">
        <f t="shared" si="351"/>
        <v>374.97464999999994</v>
      </c>
      <c r="I22524" s="1"/>
    </row>
    <row r="22525" spans="1:9" x14ac:dyDescent="0.25">
      <c r="A22525" s="3">
        <v>41676.715509259258</v>
      </c>
      <c r="B22525" s="6">
        <v>374991.3</v>
      </c>
      <c r="C22525" s="7">
        <f t="shared" si="351"/>
        <v>374.99129999999997</v>
      </c>
      <c r="I22525" s="1"/>
    </row>
    <row r="22526" spans="1:9" x14ac:dyDescent="0.25">
      <c r="A22526" s="3">
        <v>41676.722442129627</v>
      </c>
      <c r="B22526" s="6">
        <v>375007.94999999995</v>
      </c>
      <c r="C22526" s="7">
        <f t="shared" si="351"/>
        <v>375.00794999999994</v>
      </c>
      <c r="I22526" s="1"/>
    </row>
    <row r="22527" spans="1:9" x14ac:dyDescent="0.25">
      <c r="A22527" s="3">
        <v>41676.723101851851</v>
      </c>
      <c r="B22527" s="6">
        <v>375024.6</v>
      </c>
      <c r="C22527" s="7">
        <f t="shared" si="351"/>
        <v>375.02459999999996</v>
      </c>
      <c r="I22527" s="1"/>
    </row>
    <row r="22528" spans="1:9" x14ac:dyDescent="0.25">
      <c r="A22528" s="3">
        <v>41676.732523148145</v>
      </c>
      <c r="B22528" s="6">
        <v>375041.24999999994</v>
      </c>
      <c r="C22528" s="7">
        <f t="shared" si="351"/>
        <v>375.04124999999993</v>
      </c>
      <c r="I22528" s="1"/>
    </row>
    <row r="22529" spans="1:9" x14ac:dyDescent="0.25">
      <c r="A22529" s="3">
        <v>41676.732685185183</v>
      </c>
      <c r="B22529" s="6">
        <v>375057.89999999997</v>
      </c>
      <c r="C22529" s="7">
        <f t="shared" si="351"/>
        <v>375.05789999999996</v>
      </c>
      <c r="I22529" s="1"/>
    </row>
    <row r="22530" spans="1:9" x14ac:dyDescent="0.25">
      <c r="A22530" s="3">
        <v>41676.74013888889</v>
      </c>
      <c r="B22530" s="6">
        <v>375074.55</v>
      </c>
      <c r="C22530" s="7">
        <f t="shared" si="351"/>
        <v>375.07454999999999</v>
      </c>
      <c r="I22530" s="1"/>
    </row>
    <row r="22531" spans="1:9" x14ac:dyDescent="0.25">
      <c r="A22531" s="3">
        <v>41676.740219907406</v>
      </c>
      <c r="B22531" s="6">
        <v>375091.19999999995</v>
      </c>
      <c r="C22531" s="7">
        <f t="shared" ref="C22531:C22594" si="352">B22531/1000</f>
        <v>375.09119999999996</v>
      </c>
      <c r="I22531" s="1"/>
    </row>
    <row r="22532" spans="1:9" x14ac:dyDescent="0.25">
      <c r="A22532" s="3">
        <v>41676.745381944442</v>
      </c>
      <c r="B22532" s="6">
        <v>375107.85</v>
      </c>
      <c r="C22532" s="7">
        <f t="shared" si="352"/>
        <v>375.10784999999998</v>
      </c>
      <c r="I22532" s="1"/>
    </row>
    <row r="22533" spans="1:9" x14ac:dyDescent="0.25">
      <c r="A22533" s="3">
        <v>41676.745486111111</v>
      </c>
      <c r="B22533" s="6">
        <v>375124.49999999994</v>
      </c>
      <c r="C22533" s="7">
        <f t="shared" si="352"/>
        <v>375.12449999999995</v>
      </c>
      <c r="I22533" s="1"/>
    </row>
    <row r="22534" spans="1:9" x14ac:dyDescent="0.25">
      <c r="A22534" s="3">
        <v>41676.748055555552</v>
      </c>
      <c r="B22534" s="6">
        <v>375141.14999999997</v>
      </c>
      <c r="C22534" s="7">
        <f t="shared" si="352"/>
        <v>375.14114999999998</v>
      </c>
      <c r="I22534" s="1"/>
    </row>
    <row r="22535" spans="1:9" x14ac:dyDescent="0.25">
      <c r="A22535" s="3">
        <v>41676.751712962963</v>
      </c>
      <c r="B22535" s="6">
        <v>375157.8</v>
      </c>
      <c r="C22535" s="7">
        <f t="shared" si="352"/>
        <v>375.15780000000001</v>
      </c>
      <c r="I22535" s="1"/>
    </row>
    <row r="22536" spans="1:9" x14ac:dyDescent="0.25">
      <c r="A22536" s="3">
        <v>41676.763611111113</v>
      </c>
      <c r="B22536" s="6">
        <v>375174.44999999995</v>
      </c>
      <c r="C22536" s="7">
        <f t="shared" si="352"/>
        <v>375.17444999999998</v>
      </c>
      <c r="I22536" s="1"/>
    </row>
    <row r="22537" spans="1:9" x14ac:dyDescent="0.25">
      <c r="A22537" s="3">
        <v>41676.767500000002</v>
      </c>
      <c r="B22537" s="6">
        <v>375191.1</v>
      </c>
      <c r="C22537" s="7">
        <f t="shared" si="352"/>
        <v>375.19109999999995</v>
      </c>
      <c r="I22537" s="1"/>
    </row>
    <row r="22538" spans="1:9" x14ac:dyDescent="0.25">
      <c r="A22538" s="3">
        <v>41676.786597222221</v>
      </c>
      <c r="B22538" s="6">
        <v>375207.74999999994</v>
      </c>
      <c r="C22538" s="7">
        <f t="shared" si="352"/>
        <v>375.20774999999992</v>
      </c>
      <c r="I22538" s="1"/>
    </row>
    <row r="22539" spans="1:9" x14ac:dyDescent="0.25">
      <c r="A22539" s="3">
        <v>41676.786724537036</v>
      </c>
      <c r="B22539" s="6">
        <v>375224.39999999997</v>
      </c>
      <c r="C22539" s="7">
        <f t="shared" si="352"/>
        <v>375.22439999999995</v>
      </c>
      <c r="I22539" s="1"/>
    </row>
    <row r="22540" spans="1:9" x14ac:dyDescent="0.25">
      <c r="A22540" s="3">
        <v>41676.788553240738</v>
      </c>
      <c r="B22540" s="6">
        <v>375241.05</v>
      </c>
      <c r="C22540" s="7">
        <f t="shared" si="352"/>
        <v>375.24104999999997</v>
      </c>
      <c r="I22540" s="1"/>
    </row>
    <row r="22541" spans="1:9" x14ac:dyDescent="0.25">
      <c r="A22541" s="3">
        <v>41676.788761574076</v>
      </c>
      <c r="B22541" s="6">
        <v>375257.69999999995</v>
      </c>
      <c r="C22541" s="7">
        <f t="shared" si="352"/>
        <v>375.25769999999994</v>
      </c>
      <c r="I22541" s="1"/>
    </row>
    <row r="22542" spans="1:9" x14ac:dyDescent="0.25">
      <c r="A22542" s="3">
        <v>41676.793368055558</v>
      </c>
      <c r="B22542" s="6">
        <v>375274.35</v>
      </c>
      <c r="C22542" s="7">
        <f t="shared" si="352"/>
        <v>375.27434999999997</v>
      </c>
      <c r="I22542" s="1"/>
    </row>
    <row r="22543" spans="1:9" x14ac:dyDescent="0.25">
      <c r="A22543" s="3">
        <v>41676.793807870374</v>
      </c>
      <c r="B22543" s="6">
        <v>375290.99999999994</v>
      </c>
      <c r="C22543" s="7">
        <f t="shared" si="352"/>
        <v>375.29099999999994</v>
      </c>
      <c r="I22543" s="1"/>
    </row>
    <row r="22544" spans="1:9" x14ac:dyDescent="0.25">
      <c r="A22544" s="3">
        <v>41676.811678240738</v>
      </c>
      <c r="B22544" s="6">
        <v>375307.64999999997</v>
      </c>
      <c r="C22544" s="7">
        <f t="shared" si="352"/>
        <v>375.30764999999997</v>
      </c>
      <c r="I22544" s="1"/>
    </row>
    <row r="22545" spans="1:9" x14ac:dyDescent="0.25">
      <c r="A22545" s="3">
        <v>41676.813206018516</v>
      </c>
      <c r="B22545" s="6">
        <v>375324.3</v>
      </c>
      <c r="C22545" s="7">
        <f t="shared" si="352"/>
        <v>375.32429999999999</v>
      </c>
      <c r="I22545" s="1"/>
    </row>
    <row r="22546" spans="1:9" x14ac:dyDescent="0.25">
      <c r="A22546" s="3">
        <v>41676.823807870373</v>
      </c>
      <c r="B22546" s="6">
        <v>375340.94999999995</v>
      </c>
      <c r="C22546" s="7">
        <f t="shared" si="352"/>
        <v>375.34094999999996</v>
      </c>
      <c r="I22546" s="1"/>
    </row>
    <row r="22547" spans="1:9" x14ac:dyDescent="0.25">
      <c r="A22547" s="3">
        <v>41676.827905092592</v>
      </c>
      <c r="B22547" s="6">
        <v>375357.6</v>
      </c>
      <c r="C22547" s="7">
        <f t="shared" si="352"/>
        <v>375.35759999999999</v>
      </c>
      <c r="I22547" s="1"/>
    </row>
    <row r="22548" spans="1:9" x14ac:dyDescent="0.25">
      <c r="A22548" s="3">
        <v>41676.836458333331</v>
      </c>
      <c r="B22548" s="6">
        <v>375374.24999999994</v>
      </c>
      <c r="C22548" s="7">
        <f t="shared" si="352"/>
        <v>375.37424999999996</v>
      </c>
      <c r="I22548" s="1"/>
    </row>
    <row r="22549" spans="1:9" x14ac:dyDescent="0.25">
      <c r="A22549" s="3">
        <v>41676.847060185188</v>
      </c>
      <c r="B22549" s="6">
        <v>375390.89999999997</v>
      </c>
      <c r="C22549" s="7">
        <f t="shared" si="352"/>
        <v>375.39089999999999</v>
      </c>
      <c r="I22549" s="1"/>
    </row>
    <row r="22550" spans="1:9" x14ac:dyDescent="0.25">
      <c r="A22550" s="3">
        <v>41676.853564814817</v>
      </c>
      <c r="B22550" s="6">
        <v>375407.55</v>
      </c>
      <c r="C22550" s="7">
        <f t="shared" si="352"/>
        <v>375.40755000000001</v>
      </c>
      <c r="I22550" s="1"/>
    </row>
    <row r="22551" spans="1:9" x14ac:dyDescent="0.25">
      <c r="A22551" s="3">
        <v>41676.853703703702</v>
      </c>
      <c r="B22551" s="6">
        <v>375424.19999999995</v>
      </c>
      <c r="C22551" s="7">
        <f t="shared" si="352"/>
        <v>375.42419999999993</v>
      </c>
      <c r="I22551" s="1"/>
    </row>
    <row r="22552" spans="1:9" x14ac:dyDescent="0.25">
      <c r="A22552" s="3">
        <v>41676.862187500003</v>
      </c>
      <c r="B22552" s="6">
        <v>375440.85</v>
      </c>
      <c r="C22552" s="7">
        <f t="shared" si="352"/>
        <v>375.44084999999995</v>
      </c>
      <c r="I22552" s="1"/>
    </row>
    <row r="22553" spans="1:9" x14ac:dyDescent="0.25">
      <c r="A22553" s="3">
        <v>41676.86440972222</v>
      </c>
      <c r="B22553" s="6">
        <v>375457.49999999994</v>
      </c>
      <c r="C22553" s="7">
        <f t="shared" si="352"/>
        <v>375.45749999999992</v>
      </c>
      <c r="I22553" s="1"/>
    </row>
    <row r="22554" spans="1:9" x14ac:dyDescent="0.25">
      <c r="A22554" s="3">
        <v>41676.874247685184</v>
      </c>
      <c r="B22554" s="6">
        <v>375474.14999999997</v>
      </c>
      <c r="C22554" s="7">
        <f t="shared" si="352"/>
        <v>375.47414999999995</v>
      </c>
      <c r="I22554" s="1"/>
    </row>
    <row r="22555" spans="1:9" x14ac:dyDescent="0.25">
      <c r="A22555" s="3">
        <v>41676.874467592592</v>
      </c>
      <c r="B22555" s="6">
        <v>375490.8</v>
      </c>
      <c r="C22555" s="7">
        <f t="shared" si="352"/>
        <v>375.49079999999998</v>
      </c>
      <c r="I22555" s="1"/>
    </row>
    <row r="22556" spans="1:9" x14ac:dyDescent="0.25">
      <c r="A22556" s="3">
        <v>41676.883344907408</v>
      </c>
      <c r="B22556" s="6">
        <v>375507.44999999995</v>
      </c>
      <c r="C22556" s="7">
        <f t="shared" si="352"/>
        <v>375.50744999999995</v>
      </c>
      <c r="I22556" s="1"/>
    </row>
    <row r="22557" spans="1:9" x14ac:dyDescent="0.25">
      <c r="A22557" s="3">
        <v>41676.883437500001</v>
      </c>
      <c r="B22557" s="6">
        <v>375524.1</v>
      </c>
      <c r="C22557" s="7">
        <f t="shared" si="352"/>
        <v>375.52409999999998</v>
      </c>
      <c r="I22557" s="1"/>
    </row>
    <row r="22558" spans="1:9" x14ac:dyDescent="0.25">
      <c r="A22558" s="3">
        <v>41676.884259259263</v>
      </c>
      <c r="B22558" s="6">
        <v>375540.74999999994</v>
      </c>
      <c r="C22558" s="7">
        <f t="shared" si="352"/>
        <v>375.54074999999995</v>
      </c>
      <c r="I22558" s="1"/>
    </row>
    <row r="22559" spans="1:9" x14ac:dyDescent="0.25">
      <c r="A22559" s="3">
        <v>41676.884375000001</v>
      </c>
      <c r="B22559" s="6">
        <v>375557.39999999997</v>
      </c>
      <c r="C22559" s="7">
        <f t="shared" si="352"/>
        <v>375.55739999999997</v>
      </c>
      <c r="I22559" s="1"/>
    </row>
    <row r="22560" spans="1:9" x14ac:dyDescent="0.25">
      <c r="A22560" s="3">
        <v>41676.900763888887</v>
      </c>
      <c r="B22560" s="6">
        <v>375574.05</v>
      </c>
      <c r="C22560" s="7">
        <f t="shared" si="352"/>
        <v>375.57405</v>
      </c>
      <c r="I22560" s="1"/>
    </row>
    <row r="22561" spans="1:9" x14ac:dyDescent="0.25">
      <c r="A22561" s="3">
        <v>41676.902465277781</v>
      </c>
      <c r="B22561" s="6">
        <v>375590.69999999995</v>
      </c>
      <c r="C22561" s="7">
        <f t="shared" si="352"/>
        <v>375.59069999999997</v>
      </c>
      <c r="I22561" s="1"/>
    </row>
    <row r="22562" spans="1:9" x14ac:dyDescent="0.25">
      <c r="A22562" s="3">
        <v>41676.908622685187</v>
      </c>
      <c r="B22562" s="6">
        <v>375607.35</v>
      </c>
      <c r="C22562" s="7">
        <f t="shared" si="352"/>
        <v>375.60735</v>
      </c>
      <c r="I22562" s="1"/>
    </row>
    <row r="22563" spans="1:9" x14ac:dyDescent="0.25">
      <c r="A22563" s="3">
        <v>41676.90960648148</v>
      </c>
      <c r="B22563" s="6">
        <v>375623.99999999994</v>
      </c>
      <c r="C22563" s="7">
        <f t="shared" si="352"/>
        <v>375.62399999999997</v>
      </c>
      <c r="I22563" s="1"/>
    </row>
    <row r="22564" spans="1:9" x14ac:dyDescent="0.25">
      <c r="A22564" s="3">
        <v>41676.975358796299</v>
      </c>
      <c r="B22564" s="6">
        <v>375640.64999999997</v>
      </c>
      <c r="C22564" s="7">
        <f t="shared" si="352"/>
        <v>375.64064999999994</v>
      </c>
      <c r="I22564" s="1"/>
    </row>
    <row r="22565" spans="1:9" x14ac:dyDescent="0.25">
      <c r="A22565" s="3">
        <v>41676.975740740738</v>
      </c>
      <c r="B22565" s="6">
        <v>375657.3</v>
      </c>
      <c r="C22565" s="7">
        <f t="shared" si="352"/>
        <v>375.65729999999996</v>
      </c>
      <c r="I22565" s="1"/>
    </row>
    <row r="22566" spans="1:9" x14ac:dyDescent="0.25">
      <c r="A22566" s="3">
        <v>41704.336273148147</v>
      </c>
      <c r="B22566" s="6">
        <v>375673.94999999995</v>
      </c>
      <c r="C22566" s="7">
        <f t="shared" si="352"/>
        <v>375.67394999999993</v>
      </c>
      <c r="I22566" s="1"/>
    </row>
    <row r="22567" spans="1:9" x14ac:dyDescent="0.25">
      <c r="A22567" s="3">
        <v>41704.336539351854</v>
      </c>
      <c r="B22567" s="6">
        <v>375690.6</v>
      </c>
      <c r="C22567" s="7">
        <f t="shared" si="352"/>
        <v>375.69059999999996</v>
      </c>
      <c r="I22567" s="1"/>
    </row>
    <row r="22568" spans="1:9" x14ac:dyDescent="0.25">
      <c r="A22568" s="3">
        <v>41704.341099537036</v>
      </c>
      <c r="B22568" s="6">
        <v>375707.24999999994</v>
      </c>
      <c r="C22568" s="7">
        <f t="shared" si="352"/>
        <v>375.70724999999993</v>
      </c>
      <c r="I22568" s="1"/>
    </row>
    <row r="22569" spans="1:9" x14ac:dyDescent="0.25">
      <c r="A22569" s="3">
        <v>41704.343009259261</v>
      </c>
      <c r="B22569" s="6">
        <v>375723.89999999997</v>
      </c>
      <c r="C22569" s="7">
        <f t="shared" si="352"/>
        <v>375.72389999999996</v>
      </c>
      <c r="I22569" s="1"/>
    </row>
    <row r="22570" spans="1:9" x14ac:dyDescent="0.25">
      <c r="A22570" s="3">
        <v>41704.348622685182</v>
      </c>
      <c r="B22570" s="6">
        <v>375740.55</v>
      </c>
      <c r="C22570" s="7">
        <f t="shared" si="352"/>
        <v>375.74054999999998</v>
      </c>
      <c r="I22570" s="1"/>
    </row>
    <row r="22571" spans="1:9" x14ac:dyDescent="0.25">
      <c r="A22571" s="3">
        <v>41704.34878472222</v>
      </c>
      <c r="B22571" s="6">
        <v>375757.19999999995</v>
      </c>
      <c r="C22571" s="7">
        <f t="shared" si="352"/>
        <v>375.75719999999995</v>
      </c>
      <c r="I22571" s="1"/>
    </row>
    <row r="22572" spans="1:9" x14ac:dyDescent="0.25">
      <c r="A22572" s="3">
        <v>41704.360833333332</v>
      </c>
      <c r="B22572" s="6">
        <v>375773.85</v>
      </c>
      <c r="C22572" s="7">
        <f t="shared" si="352"/>
        <v>375.77384999999998</v>
      </c>
      <c r="I22572" s="1"/>
    </row>
    <row r="22573" spans="1:9" x14ac:dyDescent="0.25">
      <c r="A22573" s="3">
        <v>41704.361041666663</v>
      </c>
      <c r="B22573" s="6">
        <v>375790.49999999994</v>
      </c>
      <c r="C22573" s="7">
        <f t="shared" si="352"/>
        <v>375.79049999999995</v>
      </c>
      <c r="I22573" s="1"/>
    </row>
    <row r="22574" spans="1:9" x14ac:dyDescent="0.25">
      <c r="A22574" s="3">
        <v>41704.366400462961</v>
      </c>
      <c r="B22574" s="6">
        <v>375807.14999999997</v>
      </c>
      <c r="C22574" s="7">
        <f t="shared" si="352"/>
        <v>375.80714999999998</v>
      </c>
      <c r="I22574" s="1"/>
    </row>
    <row r="22575" spans="1:9" x14ac:dyDescent="0.25">
      <c r="A22575" s="3">
        <v>41704.366840277777</v>
      </c>
      <c r="B22575" s="6">
        <v>375823.8</v>
      </c>
      <c r="C22575" s="7">
        <f t="shared" si="352"/>
        <v>375.82380000000001</v>
      </c>
      <c r="I22575" s="1"/>
    </row>
    <row r="22576" spans="1:9" x14ac:dyDescent="0.25">
      <c r="A22576" s="3">
        <v>41704.372743055559</v>
      </c>
      <c r="B22576" s="6">
        <v>375840.44999999995</v>
      </c>
      <c r="C22576" s="7">
        <f t="shared" si="352"/>
        <v>375.84044999999998</v>
      </c>
      <c r="I22576" s="1"/>
    </row>
    <row r="22577" spans="1:9" x14ac:dyDescent="0.25">
      <c r="A22577" s="3">
        <v>41704.372928240744</v>
      </c>
      <c r="B22577" s="6">
        <v>375857.1</v>
      </c>
      <c r="C22577" s="7">
        <f t="shared" si="352"/>
        <v>375.8571</v>
      </c>
      <c r="I22577" s="1"/>
    </row>
    <row r="22578" spans="1:9" x14ac:dyDescent="0.25">
      <c r="A22578" s="3">
        <v>41704.374849537038</v>
      </c>
      <c r="B22578" s="6">
        <v>375873.74999999994</v>
      </c>
      <c r="C22578" s="7">
        <f t="shared" si="352"/>
        <v>375.87374999999992</v>
      </c>
      <c r="I22578" s="1"/>
    </row>
    <row r="22579" spans="1:9" x14ac:dyDescent="0.25">
      <c r="A22579" s="3">
        <v>41704.375891203701</v>
      </c>
      <c r="B22579" s="6">
        <v>375890.39999999997</v>
      </c>
      <c r="C22579" s="7">
        <f t="shared" si="352"/>
        <v>375.89039999999994</v>
      </c>
      <c r="I22579" s="1"/>
    </row>
    <row r="22580" spans="1:9" x14ac:dyDescent="0.25">
      <c r="A22580" s="3">
        <v>41704.377500000002</v>
      </c>
      <c r="B22580" s="6">
        <v>375907.05</v>
      </c>
      <c r="C22580" s="7">
        <f t="shared" si="352"/>
        <v>375.90704999999997</v>
      </c>
      <c r="I22580" s="1"/>
    </row>
    <row r="22581" spans="1:9" x14ac:dyDescent="0.25">
      <c r="A22581" s="3">
        <v>41704.377592592595</v>
      </c>
      <c r="B22581" s="6">
        <v>375923.69999999995</v>
      </c>
      <c r="C22581" s="7">
        <f t="shared" si="352"/>
        <v>375.92369999999994</v>
      </c>
      <c r="I22581" s="1"/>
    </row>
    <row r="22582" spans="1:9" x14ac:dyDescent="0.25">
      <c r="A22582" s="3">
        <v>41704.380196759259</v>
      </c>
      <c r="B22582" s="6">
        <v>375940.35</v>
      </c>
      <c r="C22582" s="7">
        <f t="shared" si="352"/>
        <v>375.94034999999997</v>
      </c>
      <c r="I22582" s="1"/>
    </row>
    <row r="22583" spans="1:9" x14ac:dyDescent="0.25">
      <c r="A22583" s="3">
        <v>41704.380381944444</v>
      </c>
      <c r="B22583" s="6">
        <v>375956.99999999994</v>
      </c>
      <c r="C22583" s="7">
        <f t="shared" si="352"/>
        <v>375.95699999999994</v>
      </c>
      <c r="I22583" s="1"/>
    </row>
    <row r="22584" spans="1:9" x14ac:dyDescent="0.25">
      <c r="A22584" s="3">
        <v>41704.383414351854</v>
      </c>
      <c r="B22584" s="6">
        <v>375973.64999999997</v>
      </c>
      <c r="C22584" s="7">
        <f t="shared" si="352"/>
        <v>375.97364999999996</v>
      </c>
      <c r="I22584" s="1"/>
    </row>
    <row r="22585" spans="1:9" x14ac:dyDescent="0.25">
      <c r="A22585" s="3">
        <v>41704.383518518516</v>
      </c>
      <c r="B22585" s="6">
        <v>375990.3</v>
      </c>
      <c r="C22585" s="7">
        <f t="shared" si="352"/>
        <v>375.99029999999999</v>
      </c>
      <c r="I22585" s="1"/>
    </row>
    <row r="22586" spans="1:9" x14ac:dyDescent="0.25">
      <c r="A22586" s="3">
        <v>41704.384409722225</v>
      </c>
      <c r="B22586" s="6">
        <v>376006.94999999995</v>
      </c>
      <c r="C22586" s="7">
        <f t="shared" si="352"/>
        <v>376.00694999999996</v>
      </c>
      <c r="I22586" s="1"/>
    </row>
    <row r="22587" spans="1:9" x14ac:dyDescent="0.25">
      <c r="A22587" s="3">
        <v>41704.384502314817</v>
      </c>
      <c r="B22587" s="6">
        <v>376023.6</v>
      </c>
      <c r="C22587" s="7">
        <f t="shared" si="352"/>
        <v>376.02359999999999</v>
      </c>
      <c r="I22587" s="1"/>
    </row>
    <row r="22588" spans="1:9" x14ac:dyDescent="0.25">
      <c r="A22588" s="3">
        <v>41704.389131944445</v>
      </c>
      <c r="B22588" s="6">
        <v>376040.24999999994</v>
      </c>
      <c r="C22588" s="7">
        <f t="shared" si="352"/>
        <v>376.04024999999996</v>
      </c>
      <c r="I22588" s="1"/>
    </row>
    <row r="22589" spans="1:9" x14ac:dyDescent="0.25">
      <c r="A22589" s="3">
        <v>41704.389444444445</v>
      </c>
      <c r="B22589" s="6">
        <v>376056.89999999997</v>
      </c>
      <c r="C22589" s="7">
        <f t="shared" si="352"/>
        <v>376.05689999999998</v>
      </c>
      <c r="I22589" s="1"/>
    </row>
    <row r="22590" spans="1:9" x14ac:dyDescent="0.25">
      <c r="A22590" s="3">
        <v>41704.395185185182</v>
      </c>
      <c r="B22590" s="6">
        <v>376073.55</v>
      </c>
      <c r="C22590" s="7">
        <f t="shared" si="352"/>
        <v>376.07355000000001</v>
      </c>
      <c r="I22590" s="1"/>
    </row>
    <row r="22591" spans="1:9" x14ac:dyDescent="0.25">
      <c r="A22591" s="3">
        <v>41704.395370370374</v>
      </c>
      <c r="B22591" s="6">
        <v>376090.19999999995</v>
      </c>
      <c r="C22591" s="7">
        <f t="shared" si="352"/>
        <v>376.09019999999998</v>
      </c>
      <c r="I22591" s="1"/>
    </row>
    <row r="22592" spans="1:9" x14ac:dyDescent="0.25">
      <c r="A22592" s="3">
        <v>41704.397870370369</v>
      </c>
      <c r="B22592" s="6">
        <v>376106.85</v>
      </c>
      <c r="C22592" s="7">
        <f t="shared" si="352"/>
        <v>376.10684999999995</v>
      </c>
      <c r="I22592" s="1"/>
    </row>
    <row r="22593" spans="1:9" x14ac:dyDescent="0.25">
      <c r="A22593" s="3">
        <v>41704.397974537038</v>
      </c>
      <c r="B22593" s="6">
        <v>376123.49999999994</v>
      </c>
      <c r="C22593" s="7">
        <f t="shared" si="352"/>
        <v>376.12349999999992</v>
      </c>
      <c r="I22593" s="1"/>
    </row>
    <row r="22594" spans="1:9" x14ac:dyDescent="0.25">
      <c r="A22594" s="3">
        <v>41704.401134259257</v>
      </c>
      <c r="B22594" s="6">
        <v>376140.14999999997</v>
      </c>
      <c r="C22594" s="7">
        <f t="shared" si="352"/>
        <v>376.14014999999995</v>
      </c>
      <c r="I22594" s="1"/>
    </row>
    <row r="22595" spans="1:9" x14ac:dyDescent="0.25">
      <c r="A22595" s="3">
        <v>41704.401284722226</v>
      </c>
      <c r="B22595" s="6">
        <v>376156.8</v>
      </c>
      <c r="C22595" s="7">
        <f t="shared" ref="C22595:C22658" si="353">B22595/1000</f>
        <v>376.15679999999998</v>
      </c>
      <c r="I22595" s="1"/>
    </row>
    <row r="22596" spans="1:9" x14ac:dyDescent="0.25">
      <c r="A22596" s="3">
        <v>41704.403993055559</v>
      </c>
      <c r="B22596" s="6">
        <v>376173.44999999995</v>
      </c>
      <c r="C22596" s="7">
        <f t="shared" si="353"/>
        <v>376.17344999999995</v>
      </c>
      <c r="I22596" s="1"/>
    </row>
    <row r="22597" spans="1:9" x14ac:dyDescent="0.25">
      <c r="A22597" s="3">
        <v>41704.404143518521</v>
      </c>
      <c r="B22597" s="6">
        <v>376190.1</v>
      </c>
      <c r="C22597" s="7">
        <f t="shared" si="353"/>
        <v>376.19009999999997</v>
      </c>
      <c r="I22597" s="1"/>
    </row>
    <row r="22598" spans="1:9" x14ac:dyDescent="0.25">
      <c r="A22598" s="3">
        <v>41704.407881944448</v>
      </c>
      <c r="B22598" s="6">
        <v>376206.74999999994</v>
      </c>
      <c r="C22598" s="7">
        <f t="shared" si="353"/>
        <v>376.20674999999994</v>
      </c>
      <c r="I22598" s="1"/>
    </row>
    <row r="22599" spans="1:9" x14ac:dyDescent="0.25">
      <c r="A22599" s="3">
        <v>41704.408356481479</v>
      </c>
      <c r="B22599" s="6">
        <v>376223.39999999997</v>
      </c>
      <c r="C22599" s="7">
        <f t="shared" si="353"/>
        <v>376.22339999999997</v>
      </c>
      <c r="I22599" s="1"/>
    </row>
    <row r="22600" spans="1:9" x14ac:dyDescent="0.25">
      <c r="A22600" s="3">
        <v>41704.410509259258</v>
      </c>
      <c r="B22600" s="6">
        <v>376240.05</v>
      </c>
      <c r="C22600" s="7">
        <f t="shared" si="353"/>
        <v>376.24005</v>
      </c>
      <c r="I22600" s="1"/>
    </row>
    <row r="22601" spans="1:9" x14ac:dyDescent="0.25">
      <c r="A22601" s="3">
        <v>41704.410671296297</v>
      </c>
      <c r="B22601" s="6">
        <v>376256.69999999995</v>
      </c>
      <c r="C22601" s="7">
        <f t="shared" si="353"/>
        <v>376.25669999999997</v>
      </c>
      <c r="I22601" s="1"/>
    </row>
    <row r="22602" spans="1:9" x14ac:dyDescent="0.25">
      <c r="A22602" s="3">
        <v>41704.413773148146</v>
      </c>
      <c r="B22602" s="6">
        <v>376273.35</v>
      </c>
      <c r="C22602" s="7">
        <f t="shared" si="353"/>
        <v>376.27334999999999</v>
      </c>
      <c r="I22602" s="1"/>
    </row>
    <row r="22603" spans="1:9" x14ac:dyDescent="0.25">
      <c r="A22603" s="3">
        <v>41704.413877314815</v>
      </c>
      <c r="B22603" s="6">
        <v>376289.99999999994</v>
      </c>
      <c r="C22603" s="7">
        <f t="shared" si="353"/>
        <v>376.28999999999996</v>
      </c>
      <c r="I22603" s="1"/>
    </row>
    <row r="22604" spans="1:9" x14ac:dyDescent="0.25">
      <c r="A22604" s="3">
        <v>41704.416909722226</v>
      </c>
      <c r="B22604" s="6">
        <v>376306.64999999997</v>
      </c>
      <c r="C22604" s="7">
        <f t="shared" si="353"/>
        <v>376.30664999999999</v>
      </c>
      <c r="I22604" s="1"/>
    </row>
    <row r="22605" spans="1:9" x14ac:dyDescent="0.25">
      <c r="A22605" s="3">
        <v>41704.417928240742</v>
      </c>
      <c r="B22605" s="6">
        <v>376323.3</v>
      </c>
      <c r="C22605" s="7">
        <f t="shared" si="353"/>
        <v>376.32329999999996</v>
      </c>
      <c r="I22605" s="1"/>
    </row>
    <row r="22606" spans="1:9" x14ac:dyDescent="0.25">
      <c r="A22606" s="3">
        <v>41704.419803240744</v>
      </c>
      <c r="B22606" s="6">
        <v>376339.94999999995</v>
      </c>
      <c r="C22606" s="7">
        <f t="shared" si="353"/>
        <v>376.33994999999993</v>
      </c>
      <c r="I22606" s="1"/>
    </row>
    <row r="22607" spans="1:9" x14ac:dyDescent="0.25">
      <c r="A22607" s="3">
        <v>41704.419918981483</v>
      </c>
      <c r="B22607" s="6">
        <v>376356.6</v>
      </c>
      <c r="C22607" s="7">
        <f t="shared" si="353"/>
        <v>376.35659999999996</v>
      </c>
      <c r="I22607" s="1"/>
    </row>
    <row r="22608" spans="1:9" x14ac:dyDescent="0.25">
      <c r="A22608" s="3">
        <v>41704.421111111114</v>
      </c>
      <c r="B22608" s="6">
        <v>376373.24999999994</v>
      </c>
      <c r="C22608" s="7">
        <f t="shared" si="353"/>
        <v>376.37324999999993</v>
      </c>
      <c r="I22608" s="1"/>
    </row>
    <row r="22609" spans="1:9" x14ac:dyDescent="0.25">
      <c r="A22609" s="3">
        <v>41704.421238425923</v>
      </c>
      <c r="B22609" s="6">
        <v>376389.89999999997</v>
      </c>
      <c r="C22609" s="7">
        <f t="shared" si="353"/>
        <v>376.38989999999995</v>
      </c>
      <c r="I22609" s="1"/>
    </row>
    <row r="22610" spans="1:9" x14ac:dyDescent="0.25">
      <c r="A22610" s="3">
        <v>41704.423541666663</v>
      </c>
      <c r="B22610" s="6">
        <v>376406.55</v>
      </c>
      <c r="C22610" s="7">
        <f t="shared" si="353"/>
        <v>376.40654999999998</v>
      </c>
      <c r="I22610" s="1"/>
    </row>
    <row r="22611" spans="1:9" x14ac:dyDescent="0.25">
      <c r="A22611" s="3">
        <v>41704.423645833333</v>
      </c>
      <c r="B22611" s="6">
        <v>376423.19999999995</v>
      </c>
      <c r="C22611" s="7">
        <f t="shared" si="353"/>
        <v>376.42319999999995</v>
      </c>
      <c r="I22611" s="1"/>
    </row>
    <row r="22612" spans="1:9" x14ac:dyDescent="0.25">
      <c r="A22612" s="3">
        <v>41704.424791666665</v>
      </c>
      <c r="B22612" s="6">
        <v>376439.85</v>
      </c>
      <c r="C22612" s="7">
        <f t="shared" si="353"/>
        <v>376.43984999999998</v>
      </c>
      <c r="I22612" s="1"/>
    </row>
    <row r="22613" spans="1:9" x14ac:dyDescent="0.25">
      <c r="A22613" s="3">
        <v>41704.424976851849</v>
      </c>
      <c r="B22613" s="6">
        <v>376456.49999999994</v>
      </c>
      <c r="C22613" s="7">
        <f t="shared" si="353"/>
        <v>376.45649999999995</v>
      </c>
      <c r="I22613" s="1"/>
    </row>
    <row r="22614" spans="1:9" x14ac:dyDescent="0.25">
      <c r="A22614" s="3">
        <v>41704.427499999998</v>
      </c>
      <c r="B22614" s="6">
        <v>376473.14999999997</v>
      </c>
      <c r="C22614" s="7">
        <f t="shared" si="353"/>
        <v>376.47314999999998</v>
      </c>
      <c r="I22614" s="1"/>
    </row>
    <row r="22615" spans="1:9" x14ac:dyDescent="0.25">
      <c r="A22615" s="3">
        <v>41704.427604166667</v>
      </c>
      <c r="B22615" s="6">
        <v>376489.8</v>
      </c>
      <c r="C22615" s="7">
        <f t="shared" si="353"/>
        <v>376.4898</v>
      </c>
      <c r="I22615" s="1"/>
    </row>
    <row r="22616" spans="1:9" x14ac:dyDescent="0.25">
      <c r="A22616" s="3">
        <v>41704.428564814814</v>
      </c>
      <c r="B22616" s="6">
        <v>376506.44999999995</v>
      </c>
      <c r="C22616" s="7">
        <f t="shared" si="353"/>
        <v>376.50644999999997</v>
      </c>
      <c r="I22616" s="1"/>
    </row>
    <row r="22617" spans="1:9" x14ac:dyDescent="0.25">
      <c r="A22617" s="3">
        <v>41704.42863425926</v>
      </c>
      <c r="B22617" s="6">
        <v>376523.1</v>
      </c>
      <c r="C22617" s="7">
        <f t="shared" si="353"/>
        <v>376.5231</v>
      </c>
      <c r="I22617" s="1"/>
    </row>
    <row r="22618" spans="1:9" x14ac:dyDescent="0.25">
      <c r="A22618" s="3">
        <v>41704.429664351854</v>
      </c>
      <c r="B22618" s="6">
        <v>376539.74999999994</v>
      </c>
      <c r="C22618" s="7">
        <f t="shared" si="353"/>
        <v>376.53974999999997</v>
      </c>
      <c r="I22618" s="1"/>
    </row>
    <row r="22619" spans="1:9" x14ac:dyDescent="0.25">
      <c r="A22619" s="3">
        <v>41704.429837962962</v>
      </c>
      <c r="B22619" s="6">
        <v>376556.39999999997</v>
      </c>
      <c r="C22619" s="7">
        <f t="shared" si="353"/>
        <v>376.55639999999994</v>
      </c>
      <c r="I22619" s="1"/>
    </row>
    <row r="22620" spans="1:9" x14ac:dyDescent="0.25">
      <c r="A22620" s="3">
        <v>41704.430810185186</v>
      </c>
      <c r="B22620" s="6">
        <v>376573.05</v>
      </c>
      <c r="C22620" s="7">
        <f t="shared" si="353"/>
        <v>376.57304999999997</v>
      </c>
      <c r="I22620" s="1"/>
    </row>
    <row r="22621" spans="1:9" x14ac:dyDescent="0.25">
      <c r="A22621" s="3">
        <v>41704.430902777778</v>
      </c>
      <c r="B22621" s="6">
        <v>376589.69999999995</v>
      </c>
      <c r="C22621" s="7">
        <f t="shared" si="353"/>
        <v>376.58969999999994</v>
      </c>
      <c r="I22621" s="1"/>
    </row>
    <row r="22622" spans="1:9" x14ac:dyDescent="0.25">
      <c r="A22622" s="3">
        <v>41704.431643518517</v>
      </c>
      <c r="B22622" s="6">
        <v>376606.35</v>
      </c>
      <c r="C22622" s="7">
        <f t="shared" si="353"/>
        <v>376.60634999999996</v>
      </c>
      <c r="I22622" s="1"/>
    </row>
    <row r="22623" spans="1:9" x14ac:dyDescent="0.25">
      <c r="A22623" s="3">
        <v>41704.431747685187</v>
      </c>
      <c r="B22623" s="6">
        <v>376622.99999999994</v>
      </c>
      <c r="C22623" s="7">
        <f t="shared" si="353"/>
        <v>376.62299999999993</v>
      </c>
      <c r="I22623" s="1"/>
    </row>
    <row r="22624" spans="1:9" x14ac:dyDescent="0.25">
      <c r="A22624" s="3">
        <v>41704.434699074074</v>
      </c>
      <c r="B22624" s="6">
        <v>376639.64999999997</v>
      </c>
      <c r="C22624" s="7">
        <f t="shared" si="353"/>
        <v>376.63964999999996</v>
      </c>
      <c r="I22624" s="1"/>
    </row>
    <row r="22625" spans="1:9" x14ac:dyDescent="0.25">
      <c r="A22625" s="3">
        <v>41704.434895833336</v>
      </c>
      <c r="B22625" s="6">
        <v>376656.3</v>
      </c>
      <c r="C22625" s="7">
        <f t="shared" si="353"/>
        <v>376.65629999999999</v>
      </c>
      <c r="I22625" s="1"/>
    </row>
    <row r="22626" spans="1:9" x14ac:dyDescent="0.25">
      <c r="A22626" s="3">
        <v>41704.437372685185</v>
      </c>
      <c r="B22626" s="6">
        <v>376672.94999999995</v>
      </c>
      <c r="C22626" s="7">
        <f t="shared" si="353"/>
        <v>376.67294999999996</v>
      </c>
      <c r="I22626" s="1"/>
    </row>
    <row r="22627" spans="1:9" x14ac:dyDescent="0.25">
      <c r="A22627" s="3">
        <v>41704.437476851854</v>
      </c>
      <c r="B22627" s="6">
        <v>376689.6</v>
      </c>
      <c r="C22627" s="7">
        <f t="shared" si="353"/>
        <v>376.68959999999998</v>
      </c>
      <c r="I22627" s="1"/>
    </row>
    <row r="22628" spans="1:9" x14ac:dyDescent="0.25">
      <c r="A22628" s="3">
        <v>41704.438379629632</v>
      </c>
      <c r="B22628" s="6">
        <v>376706.24999999994</v>
      </c>
      <c r="C22628" s="7">
        <f t="shared" si="353"/>
        <v>376.70624999999995</v>
      </c>
      <c r="I22628" s="1"/>
    </row>
    <row r="22629" spans="1:9" x14ac:dyDescent="0.25">
      <c r="A22629" s="3">
        <v>41704.438483796293</v>
      </c>
      <c r="B22629" s="6">
        <v>376722.89999999997</v>
      </c>
      <c r="C22629" s="7">
        <f t="shared" si="353"/>
        <v>376.72289999999998</v>
      </c>
      <c r="I22629" s="1"/>
    </row>
    <row r="22630" spans="1:9" x14ac:dyDescent="0.25">
      <c r="A22630" s="3">
        <v>41704.439340277779</v>
      </c>
      <c r="B22630" s="6">
        <v>376739.55</v>
      </c>
      <c r="C22630" s="7">
        <f t="shared" si="353"/>
        <v>376.73955000000001</v>
      </c>
      <c r="I22630" s="1"/>
    </row>
    <row r="22631" spans="1:9" x14ac:dyDescent="0.25">
      <c r="A22631" s="3">
        <v>41704.439409722225</v>
      </c>
      <c r="B22631" s="6">
        <v>376756.19999999995</v>
      </c>
      <c r="C22631" s="7">
        <f t="shared" si="353"/>
        <v>376.75619999999998</v>
      </c>
      <c r="I22631" s="1"/>
    </row>
    <row r="22632" spans="1:9" x14ac:dyDescent="0.25">
      <c r="A22632" s="3">
        <v>41704.440185185187</v>
      </c>
      <c r="B22632" s="6">
        <v>376772.85</v>
      </c>
      <c r="C22632" s="7">
        <f t="shared" si="353"/>
        <v>376.77284999999995</v>
      </c>
      <c r="I22632" s="1"/>
    </row>
    <row r="22633" spans="1:9" x14ac:dyDescent="0.25">
      <c r="A22633" s="3">
        <v>41704.440243055556</v>
      </c>
      <c r="B22633" s="6">
        <v>376789.49999999994</v>
      </c>
      <c r="C22633" s="7">
        <f t="shared" si="353"/>
        <v>376.78949999999992</v>
      </c>
      <c r="I22633" s="1"/>
    </row>
    <row r="22634" spans="1:9" x14ac:dyDescent="0.25">
      <c r="A22634" s="3">
        <v>41704.441412037035</v>
      </c>
      <c r="B22634" s="6">
        <v>376806.14999999997</v>
      </c>
      <c r="C22634" s="7">
        <f t="shared" si="353"/>
        <v>376.80614999999995</v>
      </c>
      <c r="I22634" s="1"/>
    </row>
    <row r="22635" spans="1:9" x14ac:dyDescent="0.25">
      <c r="A22635" s="3">
        <v>41704.441562499997</v>
      </c>
      <c r="B22635" s="6">
        <v>376822.8</v>
      </c>
      <c r="C22635" s="7">
        <f t="shared" si="353"/>
        <v>376.82279999999997</v>
      </c>
      <c r="I22635" s="1"/>
    </row>
    <row r="22636" spans="1:9" x14ac:dyDescent="0.25">
      <c r="A22636" s="3">
        <v>41704.444131944445</v>
      </c>
      <c r="B22636" s="6">
        <v>376839.44999999995</v>
      </c>
      <c r="C22636" s="7">
        <f t="shared" si="353"/>
        <v>376.83944999999994</v>
      </c>
      <c r="I22636" s="1"/>
    </row>
    <row r="22637" spans="1:9" x14ac:dyDescent="0.25">
      <c r="A22637" s="3">
        <v>41704.444374999999</v>
      </c>
      <c r="B22637" s="6">
        <v>376856.1</v>
      </c>
      <c r="C22637" s="7">
        <f t="shared" si="353"/>
        <v>376.85609999999997</v>
      </c>
      <c r="I22637" s="1"/>
    </row>
    <row r="22638" spans="1:9" x14ac:dyDescent="0.25">
      <c r="A22638" s="3">
        <v>41704.449143518519</v>
      </c>
      <c r="B22638" s="6">
        <v>376872.74999999994</v>
      </c>
      <c r="C22638" s="7">
        <f t="shared" si="353"/>
        <v>376.87274999999994</v>
      </c>
      <c r="I22638" s="1"/>
    </row>
    <row r="22639" spans="1:9" x14ac:dyDescent="0.25">
      <c r="A22639" s="3">
        <v>41704.449305555558</v>
      </c>
      <c r="B22639" s="6">
        <v>376889.39999999997</v>
      </c>
      <c r="C22639" s="7">
        <f t="shared" si="353"/>
        <v>376.88939999999997</v>
      </c>
      <c r="I22639" s="1"/>
    </row>
    <row r="22640" spans="1:9" x14ac:dyDescent="0.25">
      <c r="A22640" s="3">
        <v>41704.450162037036</v>
      </c>
      <c r="B22640" s="6">
        <v>376906.05</v>
      </c>
      <c r="C22640" s="7">
        <f t="shared" si="353"/>
        <v>376.90604999999999</v>
      </c>
      <c r="I22640" s="1"/>
    </row>
    <row r="22641" spans="1:9" x14ac:dyDescent="0.25">
      <c r="A22641" s="3">
        <v>41704.450243055559</v>
      </c>
      <c r="B22641" s="6">
        <v>376922.69999999995</v>
      </c>
      <c r="C22641" s="7">
        <f t="shared" si="353"/>
        <v>376.92269999999996</v>
      </c>
      <c r="I22641" s="1"/>
    </row>
    <row r="22642" spans="1:9" x14ac:dyDescent="0.25">
      <c r="A22642" s="3">
        <v>41704.452222222222</v>
      </c>
      <c r="B22642" s="6">
        <v>376939.35</v>
      </c>
      <c r="C22642" s="7">
        <f t="shared" si="353"/>
        <v>376.93934999999999</v>
      </c>
      <c r="I22642" s="1"/>
    </row>
    <row r="22643" spans="1:9" x14ac:dyDescent="0.25">
      <c r="A22643" s="3">
        <v>41704.452488425923</v>
      </c>
      <c r="B22643" s="6">
        <v>376955.99999999994</v>
      </c>
      <c r="C22643" s="7">
        <f t="shared" si="353"/>
        <v>376.95599999999996</v>
      </c>
      <c r="I22643" s="1"/>
    </row>
    <row r="22644" spans="1:9" x14ac:dyDescent="0.25">
      <c r="A22644" s="3">
        <v>41704.455370370371</v>
      </c>
      <c r="B22644" s="6">
        <v>376972.64999999997</v>
      </c>
      <c r="C22644" s="7">
        <f t="shared" si="353"/>
        <v>376.97264999999999</v>
      </c>
      <c r="I22644" s="1"/>
    </row>
    <row r="22645" spans="1:9" x14ac:dyDescent="0.25">
      <c r="A22645" s="3">
        <v>41704.455497685187</v>
      </c>
      <c r="B22645" s="6">
        <v>376989.3</v>
      </c>
      <c r="C22645" s="7">
        <f t="shared" si="353"/>
        <v>376.98930000000001</v>
      </c>
      <c r="I22645" s="1"/>
    </row>
    <row r="22646" spans="1:9" x14ac:dyDescent="0.25">
      <c r="A22646" s="3">
        <v>41704.458726851852</v>
      </c>
      <c r="B22646" s="6">
        <v>377005.94999999995</v>
      </c>
      <c r="C22646" s="7">
        <f t="shared" si="353"/>
        <v>377.00594999999993</v>
      </c>
      <c r="I22646" s="1"/>
    </row>
    <row r="22647" spans="1:9" x14ac:dyDescent="0.25">
      <c r="A22647" s="3">
        <v>41704.458923611113</v>
      </c>
      <c r="B22647" s="6">
        <v>377022.6</v>
      </c>
      <c r="C22647" s="7">
        <f t="shared" si="353"/>
        <v>377.02259999999995</v>
      </c>
      <c r="I22647" s="1"/>
    </row>
    <row r="22648" spans="1:9" x14ac:dyDescent="0.25">
      <c r="A22648" s="3">
        <v>41704.460995370369</v>
      </c>
      <c r="B22648" s="6">
        <v>377039.24999999994</v>
      </c>
      <c r="C22648" s="7">
        <f t="shared" si="353"/>
        <v>377.03924999999992</v>
      </c>
      <c r="I22648" s="1"/>
    </row>
    <row r="22649" spans="1:9" x14ac:dyDescent="0.25">
      <c r="A22649" s="3">
        <v>41704.461076388892</v>
      </c>
      <c r="B22649" s="6">
        <v>377055.89999999997</v>
      </c>
      <c r="C22649" s="7">
        <f t="shared" si="353"/>
        <v>377.05589999999995</v>
      </c>
      <c r="I22649" s="1"/>
    </row>
    <row r="22650" spans="1:9" x14ac:dyDescent="0.25">
      <c r="A22650" s="3">
        <v>41704.462060185186</v>
      </c>
      <c r="B22650" s="6">
        <v>377072.55</v>
      </c>
      <c r="C22650" s="7">
        <f t="shared" si="353"/>
        <v>377.07254999999998</v>
      </c>
      <c r="I22650" s="1"/>
    </row>
    <row r="22651" spans="1:9" x14ac:dyDescent="0.25">
      <c r="A22651" s="3">
        <v>41704.462164351855</v>
      </c>
      <c r="B22651" s="6">
        <v>377089.19999999995</v>
      </c>
      <c r="C22651" s="7">
        <f t="shared" si="353"/>
        <v>377.08919999999995</v>
      </c>
      <c r="I22651" s="1"/>
    </row>
    <row r="22652" spans="1:9" x14ac:dyDescent="0.25">
      <c r="A22652" s="3">
        <v>41704.463229166664</v>
      </c>
      <c r="B22652" s="6">
        <v>377105.85</v>
      </c>
      <c r="C22652" s="7">
        <f t="shared" si="353"/>
        <v>377.10584999999998</v>
      </c>
      <c r="I22652" s="1"/>
    </row>
    <row r="22653" spans="1:9" x14ac:dyDescent="0.25">
      <c r="A22653" s="3">
        <v>41704.463356481479</v>
      </c>
      <c r="B22653" s="6">
        <v>377122.49999999994</v>
      </c>
      <c r="C22653" s="7">
        <f t="shared" si="353"/>
        <v>377.12249999999995</v>
      </c>
      <c r="I22653" s="1"/>
    </row>
    <row r="22654" spans="1:9" x14ac:dyDescent="0.25">
      <c r="A22654" s="3">
        <v>41704.465891203705</v>
      </c>
      <c r="B22654" s="6">
        <v>377139.14999999997</v>
      </c>
      <c r="C22654" s="7">
        <f t="shared" si="353"/>
        <v>377.13914999999997</v>
      </c>
      <c r="I22654" s="1"/>
    </row>
    <row r="22655" spans="1:9" x14ac:dyDescent="0.25">
      <c r="A22655" s="3">
        <v>41704.465995370374</v>
      </c>
      <c r="B22655" s="6">
        <v>377155.8</v>
      </c>
      <c r="C22655" s="7">
        <f t="shared" si="353"/>
        <v>377.1558</v>
      </c>
      <c r="I22655" s="1"/>
    </row>
    <row r="22656" spans="1:9" x14ac:dyDescent="0.25">
      <c r="A22656" s="3">
        <v>41704.46806712963</v>
      </c>
      <c r="B22656" s="6">
        <v>377172.44999999995</v>
      </c>
      <c r="C22656" s="7">
        <f t="shared" si="353"/>
        <v>377.17244999999997</v>
      </c>
      <c r="I22656" s="1"/>
    </row>
    <row r="22657" spans="1:9" x14ac:dyDescent="0.25">
      <c r="A22657" s="3">
        <v>41704.468148148146</v>
      </c>
      <c r="B22657" s="6">
        <v>377189.1</v>
      </c>
      <c r="C22657" s="7">
        <f t="shared" si="353"/>
        <v>377.1891</v>
      </c>
      <c r="I22657" s="1"/>
    </row>
    <row r="22658" spans="1:9" x14ac:dyDescent="0.25">
      <c r="A22658" s="3">
        <v>41704.470486111109</v>
      </c>
      <c r="B22658" s="6">
        <v>377205.74999999994</v>
      </c>
      <c r="C22658" s="7">
        <f t="shared" si="353"/>
        <v>377.20574999999997</v>
      </c>
      <c r="I22658" s="1"/>
    </row>
    <row r="22659" spans="1:9" x14ac:dyDescent="0.25">
      <c r="A22659" s="3">
        <v>41704.470763888887</v>
      </c>
      <c r="B22659" s="6">
        <v>377222.39999999997</v>
      </c>
      <c r="C22659" s="7">
        <f t="shared" ref="C22659:C22722" si="354">B22659/1000</f>
        <v>377.22239999999999</v>
      </c>
      <c r="I22659" s="1"/>
    </row>
    <row r="22660" spans="1:9" x14ac:dyDescent="0.25">
      <c r="A22660" s="3">
        <v>41704.472013888888</v>
      </c>
      <c r="B22660" s="6">
        <v>377239.05</v>
      </c>
      <c r="C22660" s="7">
        <f t="shared" si="354"/>
        <v>377.23904999999996</v>
      </c>
      <c r="I22660" s="1"/>
    </row>
    <row r="22661" spans="1:9" x14ac:dyDescent="0.25">
      <c r="A22661" s="3">
        <v>41704.472222222219</v>
      </c>
      <c r="B22661" s="6">
        <v>377255.69999999995</v>
      </c>
      <c r="C22661" s="7">
        <f t="shared" si="354"/>
        <v>377.25569999999993</v>
      </c>
      <c r="I22661" s="1"/>
    </row>
    <row r="22662" spans="1:9" x14ac:dyDescent="0.25">
      <c r="A22662" s="3">
        <v>41704.475706018522</v>
      </c>
      <c r="B22662" s="6">
        <v>377272.35</v>
      </c>
      <c r="C22662" s="7">
        <f t="shared" si="354"/>
        <v>377.27234999999996</v>
      </c>
      <c r="I22662" s="1"/>
    </row>
    <row r="22663" spans="1:9" x14ac:dyDescent="0.25">
      <c r="A22663" s="3">
        <v>41704.475787037038</v>
      </c>
      <c r="B22663" s="6">
        <v>377288.99999999994</v>
      </c>
      <c r="C22663" s="7">
        <f t="shared" si="354"/>
        <v>377.28899999999993</v>
      </c>
      <c r="I22663" s="1"/>
    </row>
    <row r="22664" spans="1:9" x14ac:dyDescent="0.25">
      <c r="A22664" s="3">
        <v>41704.478136574071</v>
      </c>
      <c r="B22664" s="6">
        <v>377305.64999999997</v>
      </c>
      <c r="C22664" s="7">
        <f t="shared" si="354"/>
        <v>377.30564999999996</v>
      </c>
      <c r="I22664" s="1"/>
    </row>
    <row r="22665" spans="1:9" x14ac:dyDescent="0.25">
      <c r="A22665" s="3">
        <v>41704.478668981479</v>
      </c>
      <c r="B22665" s="6">
        <v>377322.3</v>
      </c>
      <c r="C22665" s="7">
        <f t="shared" si="354"/>
        <v>377.32229999999998</v>
      </c>
      <c r="I22665" s="1"/>
    </row>
    <row r="22666" spans="1:9" x14ac:dyDescent="0.25">
      <c r="A22666" s="3">
        <v>41704.481226851851</v>
      </c>
      <c r="B22666" s="6">
        <v>377338.94999999995</v>
      </c>
      <c r="C22666" s="7">
        <f t="shared" si="354"/>
        <v>377.33894999999995</v>
      </c>
      <c r="I22666" s="1"/>
    </row>
    <row r="22667" spans="1:9" x14ac:dyDescent="0.25">
      <c r="A22667" s="3">
        <v>41704.48133101852</v>
      </c>
      <c r="B22667" s="6">
        <v>377355.6</v>
      </c>
      <c r="C22667" s="7">
        <f t="shared" si="354"/>
        <v>377.35559999999998</v>
      </c>
      <c r="I22667" s="1"/>
    </row>
    <row r="22668" spans="1:9" x14ac:dyDescent="0.25">
      <c r="A22668" s="3">
        <v>41704.484675925924</v>
      </c>
      <c r="B22668" s="6">
        <v>377372.24999999994</v>
      </c>
      <c r="C22668" s="7">
        <f t="shared" si="354"/>
        <v>377.37224999999995</v>
      </c>
      <c r="I22668" s="1"/>
    </row>
    <row r="22669" spans="1:9" x14ac:dyDescent="0.25">
      <c r="A22669" s="3">
        <v>41704.484965277778</v>
      </c>
      <c r="B22669" s="6">
        <v>377388.89999999997</v>
      </c>
      <c r="C22669" s="7">
        <f t="shared" si="354"/>
        <v>377.38889999999998</v>
      </c>
      <c r="I22669" s="1"/>
    </row>
    <row r="22670" spans="1:9" x14ac:dyDescent="0.25">
      <c r="A22670" s="3">
        <v>41704.488576388889</v>
      </c>
      <c r="B22670" s="6">
        <v>377405.55</v>
      </c>
      <c r="C22670" s="7">
        <f t="shared" si="354"/>
        <v>377.40555000000001</v>
      </c>
      <c r="I22670" s="1"/>
    </row>
    <row r="22671" spans="1:9" x14ac:dyDescent="0.25">
      <c r="A22671" s="3">
        <v>41704.488692129627</v>
      </c>
      <c r="B22671" s="6">
        <v>377422.19999999995</v>
      </c>
      <c r="C22671" s="7">
        <f t="shared" si="354"/>
        <v>377.42219999999998</v>
      </c>
      <c r="I22671" s="1"/>
    </row>
    <row r="22672" spans="1:9" x14ac:dyDescent="0.25">
      <c r="A22672" s="3">
        <v>41704.490879629629</v>
      </c>
      <c r="B22672" s="6">
        <v>377438.85</v>
      </c>
      <c r="C22672" s="7">
        <f t="shared" si="354"/>
        <v>377.43885</v>
      </c>
      <c r="I22672" s="1"/>
    </row>
    <row r="22673" spans="1:9" x14ac:dyDescent="0.25">
      <c r="A22673" s="3">
        <v>41704.491087962961</v>
      </c>
      <c r="B22673" s="6">
        <v>377455.49999999994</v>
      </c>
      <c r="C22673" s="7">
        <f t="shared" si="354"/>
        <v>377.45549999999992</v>
      </c>
      <c r="I22673" s="1"/>
    </row>
    <row r="22674" spans="1:9" x14ac:dyDescent="0.25">
      <c r="A22674" s="3">
        <v>41704.492465277777</v>
      </c>
      <c r="B22674" s="6">
        <v>377472.14999999997</v>
      </c>
      <c r="C22674" s="7">
        <f t="shared" si="354"/>
        <v>377.47214999999994</v>
      </c>
      <c r="I22674" s="1"/>
    </row>
    <row r="22675" spans="1:9" x14ac:dyDescent="0.25">
      <c r="A22675" s="3">
        <v>41704.492581018516</v>
      </c>
      <c r="B22675" s="6">
        <v>377488.8</v>
      </c>
      <c r="C22675" s="7">
        <f t="shared" si="354"/>
        <v>377.48879999999997</v>
      </c>
      <c r="I22675" s="1"/>
    </row>
    <row r="22676" spans="1:9" x14ac:dyDescent="0.25">
      <c r="A22676" s="3">
        <v>41704.495034722226</v>
      </c>
      <c r="B22676" s="6">
        <v>377505.44999999995</v>
      </c>
      <c r="C22676" s="7">
        <f t="shared" si="354"/>
        <v>377.50544999999994</v>
      </c>
      <c r="I22676" s="1"/>
    </row>
    <row r="22677" spans="1:9" x14ac:dyDescent="0.25">
      <c r="A22677" s="3">
        <v>41704.495185185187</v>
      </c>
      <c r="B22677" s="6">
        <v>377522.1</v>
      </c>
      <c r="C22677" s="7">
        <f t="shared" si="354"/>
        <v>377.52209999999997</v>
      </c>
      <c r="I22677" s="1"/>
    </row>
    <row r="22678" spans="1:9" x14ac:dyDescent="0.25">
      <c r="A22678" s="3">
        <v>41704.496620370373</v>
      </c>
      <c r="B22678" s="6">
        <v>377538.74999999994</v>
      </c>
      <c r="C22678" s="7">
        <f t="shared" si="354"/>
        <v>377.53874999999994</v>
      </c>
      <c r="I22678" s="1"/>
    </row>
    <row r="22679" spans="1:9" x14ac:dyDescent="0.25">
      <c r="A22679" s="3">
        <v>41704.496817129628</v>
      </c>
      <c r="B22679" s="6">
        <v>377555.39999999997</v>
      </c>
      <c r="C22679" s="7">
        <f t="shared" si="354"/>
        <v>377.55539999999996</v>
      </c>
      <c r="I22679" s="1"/>
    </row>
    <row r="22680" spans="1:9" x14ac:dyDescent="0.25">
      <c r="A22680" s="3">
        <v>41704.498854166668</v>
      </c>
      <c r="B22680" s="6">
        <v>377572.05</v>
      </c>
      <c r="C22680" s="7">
        <f t="shared" si="354"/>
        <v>377.57204999999999</v>
      </c>
      <c r="I22680" s="1"/>
    </row>
    <row r="22681" spans="1:9" x14ac:dyDescent="0.25">
      <c r="A22681" s="3">
        <v>41704.499108796299</v>
      </c>
      <c r="B22681" s="6">
        <v>377588.69999999995</v>
      </c>
      <c r="C22681" s="7">
        <f t="shared" si="354"/>
        <v>377.58869999999996</v>
      </c>
      <c r="I22681" s="1"/>
    </row>
    <row r="22682" spans="1:9" x14ac:dyDescent="0.25">
      <c r="A22682" s="3">
        <v>41704.502442129633</v>
      </c>
      <c r="B22682" s="6">
        <v>377605.35</v>
      </c>
      <c r="C22682" s="7">
        <f t="shared" si="354"/>
        <v>377.60534999999999</v>
      </c>
      <c r="I22682" s="1"/>
    </row>
    <row r="22683" spans="1:9" x14ac:dyDescent="0.25">
      <c r="A22683" s="3">
        <v>41704.502974537034</v>
      </c>
      <c r="B22683" s="6">
        <v>377621.99999999994</v>
      </c>
      <c r="C22683" s="7">
        <f t="shared" si="354"/>
        <v>377.62199999999996</v>
      </c>
      <c r="I22683" s="1"/>
    </row>
    <row r="22684" spans="1:9" x14ac:dyDescent="0.25">
      <c r="A22684" s="3">
        <v>41704.506307870368</v>
      </c>
      <c r="B22684" s="6">
        <v>377638.64999999997</v>
      </c>
      <c r="C22684" s="7">
        <f t="shared" si="354"/>
        <v>377.63864999999998</v>
      </c>
      <c r="I22684" s="1"/>
    </row>
    <row r="22685" spans="1:9" x14ac:dyDescent="0.25">
      <c r="A22685" s="3">
        <v>41704.507754629631</v>
      </c>
      <c r="B22685" s="6">
        <v>377655.3</v>
      </c>
      <c r="C22685" s="7">
        <f t="shared" si="354"/>
        <v>377.65530000000001</v>
      </c>
      <c r="I22685" s="1"/>
    </row>
    <row r="22686" spans="1:9" x14ac:dyDescent="0.25">
      <c r="A22686" s="3">
        <v>41704.509247685186</v>
      </c>
      <c r="B22686" s="6">
        <v>377671.94999999995</v>
      </c>
      <c r="C22686" s="7">
        <f t="shared" si="354"/>
        <v>377.67194999999998</v>
      </c>
      <c r="I22686" s="1"/>
    </row>
    <row r="22687" spans="1:9" x14ac:dyDescent="0.25">
      <c r="A22687" s="3">
        <v>41704.509351851855</v>
      </c>
      <c r="B22687" s="6">
        <v>377688.6</v>
      </c>
      <c r="C22687" s="7">
        <f t="shared" si="354"/>
        <v>377.68859999999995</v>
      </c>
      <c r="I22687" s="1"/>
    </row>
    <row r="22688" spans="1:9" x14ac:dyDescent="0.25">
      <c r="A22688" s="3">
        <v>41704.511990740742</v>
      </c>
      <c r="B22688" s="6">
        <v>377705.24999999994</v>
      </c>
      <c r="C22688" s="7">
        <f t="shared" si="354"/>
        <v>377.70524999999992</v>
      </c>
      <c r="I22688" s="1"/>
    </row>
    <row r="22689" spans="1:9" x14ac:dyDescent="0.25">
      <c r="A22689" s="3">
        <v>41704.51222222222</v>
      </c>
      <c r="B22689" s="6">
        <v>377721.89999999997</v>
      </c>
      <c r="C22689" s="7">
        <f t="shared" si="354"/>
        <v>377.72189999999995</v>
      </c>
      <c r="I22689" s="1"/>
    </row>
    <row r="22690" spans="1:9" x14ac:dyDescent="0.25">
      <c r="A22690" s="3">
        <v>41704.513518518521</v>
      </c>
      <c r="B22690" s="6">
        <v>377738.55</v>
      </c>
      <c r="C22690" s="7">
        <f t="shared" si="354"/>
        <v>377.73854999999998</v>
      </c>
      <c r="I22690" s="1"/>
    </row>
    <row r="22691" spans="1:9" x14ac:dyDescent="0.25">
      <c r="A22691" s="3">
        <v>41704.513599537036</v>
      </c>
      <c r="B22691" s="6">
        <v>377755.19999999995</v>
      </c>
      <c r="C22691" s="7">
        <f t="shared" si="354"/>
        <v>377.75519999999995</v>
      </c>
      <c r="I22691" s="1"/>
    </row>
    <row r="22692" spans="1:9" x14ac:dyDescent="0.25">
      <c r="A22692" s="3">
        <v>41704.514722222222</v>
      </c>
      <c r="B22692" s="6">
        <v>377771.85</v>
      </c>
      <c r="C22692" s="7">
        <f t="shared" si="354"/>
        <v>377.77184999999997</v>
      </c>
      <c r="I22692" s="1"/>
    </row>
    <row r="22693" spans="1:9" x14ac:dyDescent="0.25">
      <c r="A22693" s="3">
        <v>41704.514849537038</v>
      </c>
      <c r="B22693" s="6">
        <v>377788.49999999994</v>
      </c>
      <c r="C22693" s="7">
        <f t="shared" si="354"/>
        <v>377.78849999999994</v>
      </c>
      <c r="I22693" s="1"/>
    </row>
    <row r="22694" spans="1:9" x14ac:dyDescent="0.25">
      <c r="A22694" s="3">
        <v>41704.516446759262</v>
      </c>
      <c r="B22694" s="6">
        <v>377805.14999999997</v>
      </c>
      <c r="C22694" s="7">
        <f t="shared" si="354"/>
        <v>377.80514999999997</v>
      </c>
      <c r="I22694" s="1"/>
    </row>
    <row r="22695" spans="1:9" x14ac:dyDescent="0.25">
      <c r="A22695" s="3">
        <v>41704.516562500001</v>
      </c>
      <c r="B22695" s="6">
        <v>377821.8</v>
      </c>
      <c r="C22695" s="7">
        <f t="shared" si="354"/>
        <v>377.8218</v>
      </c>
      <c r="I22695" s="1"/>
    </row>
    <row r="22696" spans="1:9" x14ac:dyDescent="0.25">
      <c r="A22696" s="3">
        <v>41704.519201388888</v>
      </c>
      <c r="B22696" s="6">
        <v>377838.44999999995</v>
      </c>
      <c r="C22696" s="7">
        <f t="shared" si="354"/>
        <v>377.83844999999997</v>
      </c>
      <c r="I22696" s="1"/>
    </row>
    <row r="22697" spans="1:9" x14ac:dyDescent="0.25">
      <c r="A22697" s="3">
        <v>41704.519467592596</v>
      </c>
      <c r="B22697" s="6">
        <v>377855.1</v>
      </c>
      <c r="C22697" s="7">
        <f t="shared" si="354"/>
        <v>377.85509999999999</v>
      </c>
      <c r="I22697" s="1"/>
    </row>
    <row r="22698" spans="1:9" x14ac:dyDescent="0.25">
      <c r="A22698" s="3">
        <v>41704.522106481483</v>
      </c>
      <c r="B22698" s="6">
        <v>377871.74999999994</v>
      </c>
      <c r="C22698" s="7">
        <f t="shared" si="354"/>
        <v>377.87174999999996</v>
      </c>
      <c r="I22698" s="1"/>
    </row>
    <row r="22699" spans="1:9" x14ac:dyDescent="0.25">
      <c r="A22699" s="3">
        <v>41704.52270833333</v>
      </c>
      <c r="B22699" s="6">
        <v>377888.39999999997</v>
      </c>
      <c r="C22699" s="7">
        <f t="shared" si="354"/>
        <v>377.88839999999999</v>
      </c>
      <c r="I22699" s="1"/>
    </row>
    <row r="22700" spans="1:9" x14ac:dyDescent="0.25">
      <c r="A22700" s="3">
        <v>41704.52547453704</v>
      </c>
      <c r="B22700" s="6">
        <v>377905.05</v>
      </c>
      <c r="C22700" s="7">
        <f t="shared" si="354"/>
        <v>377.90504999999996</v>
      </c>
      <c r="I22700" s="1"/>
    </row>
    <row r="22701" spans="1:9" x14ac:dyDescent="0.25">
      <c r="A22701" s="3">
        <v>41704.525648148148</v>
      </c>
      <c r="B22701" s="6">
        <v>377921.69999999995</v>
      </c>
      <c r="C22701" s="7">
        <f t="shared" si="354"/>
        <v>377.92169999999993</v>
      </c>
      <c r="I22701" s="1"/>
    </row>
    <row r="22702" spans="1:9" x14ac:dyDescent="0.25">
      <c r="A22702" s="3">
        <v>41704.527939814812</v>
      </c>
      <c r="B22702" s="6">
        <v>377938.35</v>
      </c>
      <c r="C22702" s="7">
        <f t="shared" si="354"/>
        <v>377.93834999999996</v>
      </c>
      <c r="I22702" s="1"/>
    </row>
    <row r="22703" spans="1:9" x14ac:dyDescent="0.25">
      <c r="A22703" s="3">
        <v>41704.528020833335</v>
      </c>
      <c r="B22703" s="6">
        <v>377954.99999999994</v>
      </c>
      <c r="C22703" s="7">
        <f t="shared" si="354"/>
        <v>377.95499999999993</v>
      </c>
      <c r="I22703" s="1"/>
    </row>
    <row r="22704" spans="1:9" x14ac:dyDescent="0.25">
      <c r="A22704" s="3">
        <v>41704.531435185185</v>
      </c>
      <c r="B22704" s="6">
        <v>377971.64999999997</v>
      </c>
      <c r="C22704" s="7">
        <f t="shared" si="354"/>
        <v>377.97164999999995</v>
      </c>
      <c r="I22704" s="1"/>
    </row>
    <row r="22705" spans="1:9" x14ac:dyDescent="0.25">
      <c r="A22705" s="3">
        <v>41704.531597222223</v>
      </c>
      <c r="B22705" s="6">
        <v>377988.3</v>
      </c>
      <c r="C22705" s="7">
        <f t="shared" si="354"/>
        <v>377.98829999999998</v>
      </c>
      <c r="I22705" s="1"/>
    </row>
    <row r="22706" spans="1:9" x14ac:dyDescent="0.25">
      <c r="A22706" s="3">
        <v>41704.53292824074</v>
      </c>
      <c r="B22706" s="6">
        <v>378004.94999999995</v>
      </c>
      <c r="C22706" s="7">
        <f t="shared" si="354"/>
        <v>378.00494999999995</v>
      </c>
      <c r="I22706" s="1"/>
    </row>
    <row r="22707" spans="1:9" x14ac:dyDescent="0.25">
      <c r="A22707" s="3">
        <v>41704.533009259256</v>
      </c>
      <c r="B22707" s="6">
        <v>378021.6</v>
      </c>
      <c r="C22707" s="7">
        <f t="shared" si="354"/>
        <v>378.02159999999998</v>
      </c>
      <c r="I22707" s="1"/>
    </row>
    <row r="22708" spans="1:9" x14ac:dyDescent="0.25">
      <c r="A22708" s="3">
        <v>41704.535219907404</v>
      </c>
      <c r="B22708" s="6">
        <v>378038.24999999994</v>
      </c>
      <c r="C22708" s="7">
        <f t="shared" si="354"/>
        <v>378.03824999999995</v>
      </c>
      <c r="I22708" s="1"/>
    </row>
    <row r="22709" spans="1:9" x14ac:dyDescent="0.25">
      <c r="A22709" s="3">
        <v>41704.535358796296</v>
      </c>
      <c r="B22709" s="6">
        <v>378054.89999999997</v>
      </c>
      <c r="C22709" s="7">
        <f t="shared" si="354"/>
        <v>378.05489999999998</v>
      </c>
      <c r="I22709" s="1"/>
    </row>
    <row r="22710" spans="1:9" x14ac:dyDescent="0.25">
      <c r="A22710" s="3">
        <v>41704.537407407406</v>
      </c>
      <c r="B22710" s="6">
        <v>378071.55</v>
      </c>
      <c r="C22710" s="7">
        <f t="shared" si="354"/>
        <v>378.07155</v>
      </c>
      <c r="I22710" s="1"/>
    </row>
    <row r="22711" spans="1:9" x14ac:dyDescent="0.25">
      <c r="A22711" s="3">
        <v>41704.537581018521</v>
      </c>
      <c r="B22711" s="6">
        <v>378088.19999999995</v>
      </c>
      <c r="C22711" s="7">
        <f t="shared" si="354"/>
        <v>378.08819999999997</v>
      </c>
      <c r="I22711" s="1"/>
    </row>
    <row r="22712" spans="1:9" x14ac:dyDescent="0.25">
      <c r="A22712" s="3">
        <v>41704.538900462961</v>
      </c>
      <c r="B22712" s="6">
        <v>378104.85</v>
      </c>
      <c r="C22712" s="7">
        <f t="shared" si="354"/>
        <v>378.10485</v>
      </c>
      <c r="I22712" s="1"/>
    </row>
    <row r="22713" spans="1:9" x14ac:dyDescent="0.25">
      <c r="A22713" s="3">
        <v>41704.539004629631</v>
      </c>
      <c r="B22713" s="6">
        <v>378121.49999999994</v>
      </c>
      <c r="C22713" s="7">
        <f t="shared" si="354"/>
        <v>378.12149999999997</v>
      </c>
      <c r="I22713" s="1"/>
    </row>
    <row r="22714" spans="1:9" x14ac:dyDescent="0.25">
      <c r="A22714" s="3">
        <v>41704.541689814818</v>
      </c>
      <c r="B22714" s="6">
        <v>378138.14999999997</v>
      </c>
      <c r="C22714" s="7">
        <f t="shared" si="354"/>
        <v>378.13814999999994</v>
      </c>
      <c r="I22714" s="1"/>
    </row>
    <row r="22715" spans="1:9" x14ac:dyDescent="0.25">
      <c r="A22715" s="3">
        <v>41704.541921296295</v>
      </c>
      <c r="B22715" s="6">
        <v>378154.8</v>
      </c>
      <c r="C22715" s="7">
        <f t="shared" si="354"/>
        <v>378.15479999999997</v>
      </c>
      <c r="I22715" s="1"/>
    </row>
    <row r="22716" spans="1:9" x14ac:dyDescent="0.25">
      <c r="A22716" s="3">
        <v>41704.545949074076</v>
      </c>
      <c r="B22716" s="6">
        <v>378171.44999999995</v>
      </c>
      <c r="C22716" s="7">
        <f t="shared" si="354"/>
        <v>378.17144999999994</v>
      </c>
      <c r="I22716" s="1"/>
    </row>
    <row r="22717" spans="1:9" x14ac:dyDescent="0.25">
      <c r="A22717" s="3">
        <v>41704.546481481484</v>
      </c>
      <c r="B22717" s="6">
        <v>378188.1</v>
      </c>
      <c r="C22717" s="7">
        <f t="shared" si="354"/>
        <v>378.18809999999996</v>
      </c>
      <c r="I22717" s="1"/>
    </row>
    <row r="22718" spans="1:9" x14ac:dyDescent="0.25">
      <c r="A22718" s="3">
        <v>41704.550127314818</v>
      </c>
      <c r="B22718" s="6">
        <v>378204.74999999994</v>
      </c>
      <c r="C22718" s="7">
        <f t="shared" si="354"/>
        <v>378.20474999999993</v>
      </c>
      <c r="I22718" s="1"/>
    </row>
    <row r="22719" spans="1:9" x14ac:dyDescent="0.25">
      <c r="A22719" s="3">
        <v>41704.55023148148</v>
      </c>
      <c r="B22719" s="6">
        <v>378221.39999999997</v>
      </c>
      <c r="C22719" s="7">
        <f t="shared" si="354"/>
        <v>378.22139999999996</v>
      </c>
      <c r="I22719" s="1"/>
    </row>
    <row r="22720" spans="1:9" x14ac:dyDescent="0.25">
      <c r="A22720" s="3">
        <v>41704.551087962966</v>
      </c>
      <c r="B22720" s="6">
        <v>378238.05</v>
      </c>
      <c r="C22720" s="7">
        <f t="shared" si="354"/>
        <v>378.23804999999999</v>
      </c>
      <c r="I22720" s="1"/>
    </row>
    <row r="22721" spans="1:9" x14ac:dyDescent="0.25">
      <c r="A22721" s="3">
        <v>41704.551157407404</v>
      </c>
      <c r="B22721" s="6">
        <v>378254.69999999995</v>
      </c>
      <c r="C22721" s="7">
        <f t="shared" si="354"/>
        <v>378.25469999999996</v>
      </c>
      <c r="I22721" s="1"/>
    </row>
    <row r="22722" spans="1:9" x14ac:dyDescent="0.25">
      <c r="A22722" s="3">
        <v>41704.551944444444</v>
      </c>
      <c r="B22722" s="6">
        <v>378271.35</v>
      </c>
      <c r="C22722" s="7">
        <f t="shared" si="354"/>
        <v>378.27134999999998</v>
      </c>
      <c r="I22722" s="1"/>
    </row>
    <row r="22723" spans="1:9" x14ac:dyDescent="0.25">
      <c r="A22723" s="3">
        <v>41704.552048611113</v>
      </c>
      <c r="B22723" s="6">
        <v>378287.99999999994</v>
      </c>
      <c r="C22723" s="7">
        <f t="shared" ref="C22723:C22786" si="355">B22723/1000</f>
        <v>378.28799999999995</v>
      </c>
      <c r="I22723" s="1"/>
    </row>
    <row r="22724" spans="1:9" x14ac:dyDescent="0.25">
      <c r="A22724" s="3">
        <v>41704.552905092591</v>
      </c>
      <c r="B22724" s="6">
        <v>378304.64999999997</v>
      </c>
      <c r="C22724" s="7">
        <f t="shared" si="355"/>
        <v>378.30464999999998</v>
      </c>
      <c r="I22724" s="1"/>
    </row>
    <row r="22725" spans="1:9" x14ac:dyDescent="0.25">
      <c r="A22725" s="3">
        <v>41704.552997685183</v>
      </c>
      <c r="B22725" s="6">
        <v>378321.3</v>
      </c>
      <c r="C22725" s="7">
        <f t="shared" si="355"/>
        <v>378.32130000000001</v>
      </c>
      <c r="I22725" s="1"/>
    </row>
    <row r="22726" spans="1:9" x14ac:dyDescent="0.25">
      <c r="A22726" s="3">
        <v>41704.555451388886</v>
      </c>
      <c r="B22726" s="6">
        <v>378337.94999999995</v>
      </c>
      <c r="C22726" s="7">
        <f t="shared" si="355"/>
        <v>378.33794999999998</v>
      </c>
      <c r="I22726" s="1"/>
    </row>
    <row r="22727" spans="1:9" x14ac:dyDescent="0.25">
      <c r="A22727" s="3">
        <v>41704.555532407408</v>
      </c>
      <c r="B22727" s="6">
        <v>378354.6</v>
      </c>
      <c r="C22727" s="7">
        <f t="shared" si="355"/>
        <v>378.3546</v>
      </c>
      <c r="I22727" s="1"/>
    </row>
    <row r="22728" spans="1:9" x14ac:dyDescent="0.25">
      <c r="A22728" s="3">
        <v>41704.558078703703</v>
      </c>
      <c r="B22728" s="6">
        <v>378371.24999999994</v>
      </c>
      <c r="C22728" s="7">
        <f t="shared" si="355"/>
        <v>378.37124999999992</v>
      </c>
      <c r="I22728" s="1"/>
    </row>
    <row r="22729" spans="1:9" x14ac:dyDescent="0.25">
      <c r="A22729" s="3">
        <v>41704.558194444442</v>
      </c>
      <c r="B22729" s="6">
        <v>378387.89999999997</v>
      </c>
      <c r="C22729" s="7">
        <f t="shared" si="355"/>
        <v>378.38789999999995</v>
      </c>
      <c r="I22729" s="1"/>
    </row>
    <row r="22730" spans="1:9" x14ac:dyDescent="0.25">
      <c r="A22730" s="3">
        <v>41704.561249999999</v>
      </c>
      <c r="B22730" s="6">
        <v>378404.55</v>
      </c>
      <c r="C22730" s="7">
        <f t="shared" si="355"/>
        <v>378.40454999999997</v>
      </c>
      <c r="I22730" s="1"/>
    </row>
    <row r="22731" spans="1:9" x14ac:dyDescent="0.25">
      <c r="A22731" s="3">
        <v>41704.561365740738</v>
      </c>
      <c r="B22731" s="6">
        <v>378421.19999999995</v>
      </c>
      <c r="C22731" s="7">
        <f t="shared" si="355"/>
        <v>378.42119999999994</v>
      </c>
      <c r="I22731" s="1"/>
    </row>
    <row r="22732" spans="1:9" x14ac:dyDescent="0.25">
      <c r="A22732" s="3">
        <v>41704.562407407408</v>
      </c>
      <c r="B22732" s="6">
        <v>378437.85</v>
      </c>
      <c r="C22732" s="7">
        <f t="shared" si="355"/>
        <v>378.43784999999997</v>
      </c>
      <c r="I22732" s="1"/>
    </row>
    <row r="22733" spans="1:9" x14ac:dyDescent="0.25">
      <c r="A22733" s="3">
        <v>41704.562627314815</v>
      </c>
      <c r="B22733" s="6">
        <v>378454.49999999994</v>
      </c>
      <c r="C22733" s="7">
        <f t="shared" si="355"/>
        <v>378.45449999999994</v>
      </c>
      <c r="I22733" s="1"/>
    </row>
    <row r="22734" spans="1:9" x14ac:dyDescent="0.25">
      <c r="A22734" s="3">
        <v>41704.56527777778</v>
      </c>
      <c r="B22734" s="6">
        <v>378471.14999999997</v>
      </c>
      <c r="C22734" s="7">
        <f t="shared" si="355"/>
        <v>378.47114999999997</v>
      </c>
      <c r="I22734" s="1"/>
    </row>
    <row r="22735" spans="1:9" x14ac:dyDescent="0.25">
      <c r="A22735" s="3">
        <v>41704.565717592595</v>
      </c>
      <c r="B22735" s="6">
        <v>378487.8</v>
      </c>
      <c r="C22735" s="7">
        <f t="shared" si="355"/>
        <v>378.48779999999999</v>
      </c>
      <c r="I22735" s="1"/>
    </row>
    <row r="22736" spans="1:9" x14ac:dyDescent="0.25">
      <c r="A22736" s="3">
        <v>41704.567824074074</v>
      </c>
      <c r="B22736" s="6">
        <v>378504.44999999995</v>
      </c>
      <c r="C22736" s="7">
        <f t="shared" si="355"/>
        <v>378.50444999999996</v>
      </c>
      <c r="I22736" s="1"/>
    </row>
    <row r="22737" spans="1:9" x14ac:dyDescent="0.25">
      <c r="A22737" s="3">
        <v>41704.567916666667</v>
      </c>
      <c r="B22737" s="6">
        <v>378521.1</v>
      </c>
      <c r="C22737" s="7">
        <f t="shared" si="355"/>
        <v>378.52109999999999</v>
      </c>
      <c r="I22737" s="1"/>
    </row>
    <row r="22738" spans="1:9" x14ac:dyDescent="0.25">
      <c r="A22738" s="3">
        <v>41704.570300925923</v>
      </c>
      <c r="B22738" s="6">
        <v>378537.74999999994</v>
      </c>
      <c r="C22738" s="7">
        <f t="shared" si="355"/>
        <v>378.53774999999996</v>
      </c>
      <c r="I22738" s="1"/>
    </row>
    <row r="22739" spans="1:9" x14ac:dyDescent="0.25">
      <c r="A22739" s="3">
        <v>41704.570462962962</v>
      </c>
      <c r="B22739" s="6">
        <v>378554.39999999997</v>
      </c>
      <c r="C22739" s="7">
        <f t="shared" si="355"/>
        <v>378.55439999999999</v>
      </c>
      <c r="I22739" s="1"/>
    </row>
    <row r="22740" spans="1:9" x14ac:dyDescent="0.25">
      <c r="A22740" s="3">
        <v>41704.57476851852</v>
      </c>
      <c r="B22740" s="6">
        <v>378571.05</v>
      </c>
      <c r="C22740" s="7">
        <f t="shared" si="355"/>
        <v>378.57105000000001</v>
      </c>
      <c r="I22740" s="1"/>
    </row>
    <row r="22741" spans="1:9" x14ac:dyDescent="0.25">
      <c r="A22741" s="3">
        <v>41704.576412037037</v>
      </c>
      <c r="B22741" s="6">
        <v>378587.69999999995</v>
      </c>
      <c r="C22741" s="7">
        <f t="shared" si="355"/>
        <v>378.58769999999993</v>
      </c>
      <c r="I22741" s="1"/>
    </row>
    <row r="22742" spans="1:9" x14ac:dyDescent="0.25">
      <c r="A22742" s="3">
        <v>41704.579513888886</v>
      </c>
      <c r="B22742" s="6">
        <v>378604.35</v>
      </c>
      <c r="C22742" s="7">
        <f t="shared" si="355"/>
        <v>378.60434999999995</v>
      </c>
      <c r="I22742" s="1"/>
    </row>
    <row r="22743" spans="1:9" x14ac:dyDescent="0.25">
      <c r="A22743" s="3">
        <v>41704.582314814812</v>
      </c>
      <c r="B22743" s="6">
        <v>378620.99999999994</v>
      </c>
      <c r="C22743" s="7">
        <f t="shared" si="355"/>
        <v>378.62099999999992</v>
      </c>
      <c r="I22743" s="1"/>
    </row>
    <row r="22744" spans="1:9" x14ac:dyDescent="0.25">
      <c r="A22744" s="3">
        <v>41704.58556712963</v>
      </c>
      <c r="B22744" s="6">
        <v>378637.64999999997</v>
      </c>
      <c r="C22744" s="7">
        <f t="shared" si="355"/>
        <v>378.63764999999995</v>
      </c>
      <c r="I22744" s="1"/>
    </row>
    <row r="22745" spans="1:9" x14ac:dyDescent="0.25">
      <c r="A22745" s="3">
        <v>41704.585717592592</v>
      </c>
      <c r="B22745" s="6">
        <v>378654.3</v>
      </c>
      <c r="C22745" s="7">
        <f t="shared" si="355"/>
        <v>378.65429999999998</v>
      </c>
      <c r="I22745" s="1"/>
    </row>
    <row r="22746" spans="1:9" x14ac:dyDescent="0.25">
      <c r="A22746" s="3">
        <v>41704.587812500002</v>
      </c>
      <c r="B22746" s="6">
        <v>378670.94999999995</v>
      </c>
      <c r="C22746" s="7">
        <f t="shared" si="355"/>
        <v>378.67094999999995</v>
      </c>
      <c r="I22746" s="1"/>
    </row>
    <row r="22747" spans="1:9" x14ac:dyDescent="0.25">
      <c r="A22747" s="3">
        <v>41704.587939814817</v>
      </c>
      <c r="B22747" s="6">
        <v>378687.6</v>
      </c>
      <c r="C22747" s="7">
        <f t="shared" si="355"/>
        <v>378.68759999999997</v>
      </c>
      <c r="I22747" s="1"/>
    </row>
    <row r="22748" spans="1:9" x14ac:dyDescent="0.25">
      <c r="A22748" s="3">
        <v>41704.590254629627</v>
      </c>
      <c r="B22748" s="6">
        <v>378704.24999999994</v>
      </c>
      <c r="C22748" s="7">
        <f t="shared" si="355"/>
        <v>378.70424999999994</v>
      </c>
      <c r="I22748" s="1"/>
    </row>
    <row r="22749" spans="1:9" x14ac:dyDescent="0.25">
      <c r="A22749" s="3">
        <v>41704.590532407405</v>
      </c>
      <c r="B22749" s="6">
        <v>378720.89999999997</v>
      </c>
      <c r="C22749" s="7">
        <f t="shared" si="355"/>
        <v>378.72089999999997</v>
      </c>
      <c r="I22749" s="1"/>
    </row>
    <row r="22750" spans="1:9" x14ac:dyDescent="0.25">
      <c r="A22750" s="3">
        <v>41704.592407407406</v>
      </c>
      <c r="B22750" s="6">
        <v>378737.55</v>
      </c>
      <c r="C22750" s="7">
        <f t="shared" si="355"/>
        <v>378.73755</v>
      </c>
      <c r="I22750" s="1"/>
    </row>
    <row r="22751" spans="1:9" x14ac:dyDescent="0.25">
      <c r="A22751" s="3">
        <v>41704.592511574076</v>
      </c>
      <c r="B22751" s="6">
        <v>378754.19999999995</v>
      </c>
      <c r="C22751" s="7">
        <f t="shared" si="355"/>
        <v>378.75419999999997</v>
      </c>
      <c r="I22751" s="1"/>
    </row>
    <row r="22752" spans="1:9" x14ac:dyDescent="0.25">
      <c r="A22752" s="3">
        <v>41704.594317129631</v>
      </c>
      <c r="B22752" s="6">
        <v>378770.85</v>
      </c>
      <c r="C22752" s="7">
        <f t="shared" si="355"/>
        <v>378.77085</v>
      </c>
      <c r="I22752" s="1"/>
    </row>
    <row r="22753" spans="1:9" x14ac:dyDescent="0.25">
      <c r="A22753" s="3">
        <v>41704.59447916667</v>
      </c>
      <c r="B22753" s="6">
        <v>378787.49999999994</v>
      </c>
      <c r="C22753" s="7">
        <f t="shared" si="355"/>
        <v>378.78749999999997</v>
      </c>
      <c r="I22753" s="1"/>
    </row>
    <row r="22754" spans="1:9" x14ac:dyDescent="0.25">
      <c r="A22754" s="3">
        <v>41704.595925925925</v>
      </c>
      <c r="B22754" s="6">
        <v>378804.14999999997</v>
      </c>
      <c r="C22754" s="7">
        <f t="shared" si="355"/>
        <v>378.80414999999999</v>
      </c>
      <c r="I22754" s="1"/>
    </row>
    <row r="22755" spans="1:9" x14ac:dyDescent="0.25">
      <c r="A22755" s="3">
        <v>41704.596053240741</v>
      </c>
      <c r="B22755" s="6">
        <v>378820.8</v>
      </c>
      <c r="C22755" s="7">
        <f t="shared" si="355"/>
        <v>378.82079999999996</v>
      </c>
      <c r="I22755" s="1"/>
    </row>
    <row r="22756" spans="1:9" x14ac:dyDescent="0.25">
      <c r="A22756" s="3">
        <v>41704.597488425927</v>
      </c>
      <c r="B22756" s="6">
        <v>378837.44999999995</v>
      </c>
      <c r="C22756" s="7">
        <f t="shared" si="355"/>
        <v>378.83744999999993</v>
      </c>
      <c r="I22756" s="1"/>
    </row>
    <row r="22757" spans="1:9" x14ac:dyDescent="0.25">
      <c r="A22757" s="3">
        <v>41704.597615740742</v>
      </c>
      <c r="B22757" s="6">
        <v>378854.1</v>
      </c>
      <c r="C22757" s="7">
        <f t="shared" si="355"/>
        <v>378.85409999999996</v>
      </c>
      <c r="I22757" s="1"/>
    </row>
    <row r="22758" spans="1:9" x14ac:dyDescent="0.25">
      <c r="A22758" s="3">
        <v>41704.598969907405</v>
      </c>
      <c r="B22758" s="6">
        <v>378870.74999999994</v>
      </c>
      <c r="C22758" s="7">
        <f t="shared" si="355"/>
        <v>378.87074999999993</v>
      </c>
      <c r="I22758" s="1"/>
    </row>
    <row r="22759" spans="1:9" x14ac:dyDescent="0.25">
      <c r="A22759" s="3">
        <v>41704.600046296298</v>
      </c>
      <c r="B22759" s="6">
        <v>378887.39999999997</v>
      </c>
      <c r="C22759" s="7">
        <f t="shared" si="355"/>
        <v>378.88739999999996</v>
      </c>
      <c r="I22759" s="1"/>
    </row>
    <row r="22760" spans="1:9" x14ac:dyDescent="0.25">
      <c r="A22760" s="3">
        <v>41704.60324074074</v>
      </c>
      <c r="B22760" s="6">
        <v>378904.05</v>
      </c>
      <c r="C22760" s="7">
        <f t="shared" si="355"/>
        <v>378.90404999999998</v>
      </c>
      <c r="I22760" s="1"/>
    </row>
    <row r="22761" spans="1:9" x14ac:dyDescent="0.25">
      <c r="A22761" s="3">
        <v>41704.604143518518</v>
      </c>
      <c r="B22761" s="6">
        <v>378920.69999999995</v>
      </c>
      <c r="C22761" s="7">
        <f t="shared" si="355"/>
        <v>378.92069999999995</v>
      </c>
      <c r="I22761" s="1"/>
    </row>
    <row r="22762" spans="1:9" x14ac:dyDescent="0.25">
      <c r="A22762" s="3">
        <v>41704.60665509259</v>
      </c>
      <c r="B22762" s="6">
        <v>378937.35</v>
      </c>
      <c r="C22762" s="7">
        <f t="shared" si="355"/>
        <v>378.93734999999998</v>
      </c>
      <c r="I22762" s="1"/>
    </row>
    <row r="22763" spans="1:9" x14ac:dyDescent="0.25">
      <c r="A22763" s="3">
        <v>41704.606747685182</v>
      </c>
      <c r="B22763" s="6">
        <v>378953.99999999994</v>
      </c>
      <c r="C22763" s="7">
        <f t="shared" si="355"/>
        <v>378.95399999999995</v>
      </c>
      <c r="I22763" s="1"/>
    </row>
    <row r="22764" spans="1:9" x14ac:dyDescent="0.25">
      <c r="A22764" s="3">
        <v>41704.60769675926</v>
      </c>
      <c r="B22764" s="6">
        <v>378970.64999999997</v>
      </c>
      <c r="C22764" s="7">
        <f t="shared" si="355"/>
        <v>378.97064999999998</v>
      </c>
      <c r="I22764" s="1"/>
    </row>
    <row r="22765" spans="1:9" x14ac:dyDescent="0.25">
      <c r="A22765" s="3">
        <v>41704.607789351852</v>
      </c>
      <c r="B22765" s="6">
        <v>378987.3</v>
      </c>
      <c r="C22765" s="7">
        <f t="shared" si="355"/>
        <v>378.9873</v>
      </c>
      <c r="I22765" s="1"/>
    </row>
    <row r="22766" spans="1:9" x14ac:dyDescent="0.25">
      <c r="A22766" s="3">
        <v>41704.610277777778</v>
      </c>
      <c r="B22766" s="6">
        <v>379003.94999999995</v>
      </c>
      <c r="C22766" s="7">
        <f t="shared" si="355"/>
        <v>379.00394999999997</v>
      </c>
      <c r="I22766" s="1"/>
    </row>
    <row r="22767" spans="1:9" x14ac:dyDescent="0.25">
      <c r="A22767" s="3">
        <v>41704.610625000001</v>
      </c>
      <c r="B22767" s="6">
        <v>379020.6</v>
      </c>
      <c r="C22767" s="7">
        <f t="shared" si="355"/>
        <v>379.0206</v>
      </c>
      <c r="I22767" s="1"/>
    </row>
    <row r="22768" spans="1:9" x14ac:dyDescent="0.25">
      <c r="A22768" s="3">
        <v>41704.613009259258</v>
      </c>
      <c r="B22768" s="6">
        <v>379037.24999999994</v>
      </c>
      <c r="C22768" s="7">
        <f t="shared" si="355"/>
        <v>379.03724999999991</v>
      </c>
      <c r="I22768" s="1"/>
    </row>
    <row r="22769" spans="1:9" x14ac:dyDescent="0.25">
      <c r="A22769" s="3">
        <v>41704.613067129627</v>
      </c>
      <c r="B22769" s="6">
        <v>379053.89999999997</v>
      </c>
      <c r="C22769" s="7">
        <f t="shared" si="355"/>
        <v>379.05389999999994</v>
      </c>
      <c r="I22769" s="1"/>
    </row>
    <row r="22770" spans="1:9" x14ac:dyDescent="0.25">
      <c r="A22770" s="3">
        <v>41704.614282407405</v>
      </c>
      <c r="B22770" s="6">
        <v>379070.55</v>
      </c>
      <c r="C22770" s="7">
        <f t="shared" si="355"/>
        <v>379.07054999999997</v>
      </c>
      <c r="I22770" s="1"/>
    </row>
    <row r="22771" spans="1:9" x14ac:dyDescent="0.25">
      <c r="A22771" s="3">
        <v>41704.614351851851</v>
      </c>
      <c r="B22771" s="6">
        <v>379087.19999999995</v>
      </c>
      <c r="C22771" s="7">
        <f t="shared" si="355"/>
        <v>379.08719999999994</v>
      </c>
      <c r="I22771" s="1"/>
    </row>
    <row r="22772" spans="1:9" x14ac:dyDescent="0.25">
      <c r="A22772" s="3">
        <v>41704.616238425922</v>
      </c>
      <c r="B22772" s="6">
        <v>379103.85</v>
      </c>
      <c r="C22772" s="7">
        <f t="shared" si="355"/>
        <v>379.10384999999997</v>
      </c>
      <c r="I22772" s="1"/>
    </row>
    <row r="22773" spans="1:9" x14ac:dyDescent="0.25">
      <c r="A22773" s="3">
        <v>41704.616319444445</v>
      </c>
      <c r="B22773" s="6">
        <v>379120.49999999994</v>
      </c>
      <c r="C22773" s="7">
        <f t="shared" si="355"/>
        <v>379.12049999999994</v>
      </c>
      <c r="I22773" s="1"/>
    </row>
    <row r="22774" spans="1:9" x14ac:dyDescent="0.25">
      <c r="A22774" s="3">
        <v>41704.618483796294</v>
      </c>
      <c r="B22774" s="6">
        <v>379137.14999999997</v>
      </c>
      <c r="C22774" s="7">
        <f t="shared" si="355"/>
        <v>379.13714999999996</v>
      </c>
      <c r="I22774" s="1"/>
    </row>
    <row r="22775" spans="1:9" x14ac:dyDescent="0.25">
      <c r="A22775" s="3">
        <v>41704.618587962963</v>
      </c>
      <c r="B22775" s="6">
        <v>379153.8</v>
      </c>
      <c r="C22775" s="7">
        <f t="shared" si="355"/>
        <v>379.15379999999999</v>
      </c>
      <c r="I22775" s="1"/>
    </row>
    <row r="22776" spans="1:9" x14ac:dyDescent="0.25">
      <c r="A22776" s="3">
        <v>41704.619351851848</v>
      </c>
      <c r="B22776" s="6">
        <v>379170.44999999995</v>
      </c>
      <c r="C22776" s="7">
        <f t="shared" si="355"/>
        <v>379.17044999999996</v>
      </c>
      <c r="I22776" s="1"/>
    </row>
    <row r="22777" spans="1:9" x14ac:dyDescent="0.25">
      <c r="A22777" s="3">
        <v>41704.619641203702</v>
      </c>
      <c r="B22777" s="6">
        <v>379187.1</v>
      </c>
      <c r="C22777" s="7">
        <f t="shared" si="355"/>
        <v>379.18709999999999</v>
      </c>
      <c r="I22777" s="1"/>
    </row>
    <row r="22778" spans="1:9" x14ac:dyDescent="0.25">
      <c r="A22778" s="3">
        <v>41704.634722222225</v>
      </c>
      <c r="B22778" s="6">
        <v>379203.74999999994</v>
      </c>
      <c r="C22778" s="7">
        <f t="shared" si="355"/>
        <v>379.20374999999996</v>
      </c>
      <c r="I22778" s="1"/>
    </row>
    <row r="22779" spans="1:9" x14ac:dyDescent="0.25">
      <c r="A22779" s="3">
        <v>41704.638171296298</v>
      </c>
      <c r="B22779" s="6">
        <v>379220.39999999997</v>
      </c>
      <c r="C22779" s="7">
        <f t="shared" si="355"/>
        <v>379.22039999999998</v>
      </c>
      <c r="I22779" s="1"/>
    </row>
    <row r="22780" spans="1:9" x14ac:dyDescent="0.25">
      <c r="A22780" s="3">
        <v>41704.644236111111</v>
      </c>
      <c r="B22780" s="6">
        <v>379237.05</v>
      </c>
      <c r="C22780" s="7">
        <f t="shared" si="355"/>
        <v>379.23705000000001</v>
      </c>
      <c r="I22780" s="1"/>
    </row>
    <row r="22781" spans="1:9" x14ac:dyDescent="0.25">
      <c r="A22781" s="3">
        <v>41704.645046296297</v>
      </c>
      <c r="B22781" s="6">
        <v>379253.69999999995</v>
      </c>
      <c r="C22781" s="7">
        <f t="shared" si="355"/>
        <v>379.25369999999998</v>
      </c>
      <c r="I22781" s="1"/>
    </row>
    <row r="22782" spans="1:9" x14ac:dyDescent="0.25">
      <c r="A22782" s="3">
        <v>41704.647939814815</v>
      </c>
      <c r="B22782" s="6">
        <v>379270.35</v>
      </c>
      <c r="C22782" s="7">
        <f t="shared" si="355"/>
        <v>379.27034999999995</v>
      </c>
      <c r="I22782" s="1"/>
    </row>
    <row r="22783" spans="1:9" x14ac:dyDescent="0.25">
      <c r="A22783" s="3">
        <v>41704.648541666669</v>
      </c>
      <c r="B22783" s="6">
        <v>379286.99999999994</v>
      </c>
      <c r="C22783" s="7">
        <f t="shared" si="355"/>
        <v>379.28699999999992</v>
      </c>
      <c r="I22783" s="1"/>
    </row>
    <row r="22784" spans="1:9" x14ac:dyDescent="0.25">
      <c r="A22784" s="3">
        <v>41704.649409722224</v>
      </c>
      <c r="B22784" s="6">
        <v>379303.64999999997</v>
      </c>
      <c r="C22784" s="7">
        <f t="shared" si="355"/>
        <v>379.30364999999995</v>
      </c>
      <c r="I22784" s="1"/>
    </row>
    <row r="22785" spans="1:9" x14ac:dyDescent="0.25">
      <c r="A22785" s="3">
        <v>41704.649930555555</v>
      </c>
      <c r="B22785" s="6">
        <v>379320.3</v>
      </c>
      <c r="C22785" s="7">
        <f t="shared" si="355"/>
        <v>379.32029999999997</v>
      </c>
      <c r="I22785" s="1"/>
    </row>
    <row r="22786" spans="1:9" x14ac:dyDescent="0.25">
      <c r="A22786" s="3">
        <v>41704.650567129633</v>
      </c>
      <c r="B22786" s="6">
        <v>379336.94999999995</v>
      </c>
      <c r="C22786" s="7">
        <f t="shared" si="355"/>
        <v>379.33694999999994</v>
      </c>
      <c r="I22786" s="1"/>
    </row>
    <row r="22787" spans="1:9" x14ac:dyDescent="0.25">
      <c r="A22787" s="3">
        <v>41704.650729166664</v>
      </c>
      <c r="B22787" s="6">
        <v>379353.59999999998</v>
      </c>
      <c r="C22787" s="7">
        <f t="shared" ref="C22787:C22850" si="356">B22787/1000</f>
        <v>379.35359999999997</v>
      </c>
      <c r="I22787" s="1"/>
    </row>
    <row r="22788" spans="1:9" x14ac:dyDescent="0.25">
      <c r="A22788" s="3">
        <v>41704.653715277775</v>
      </c>
      <c r="B22788" s="6">
        <v>379370.24999999994</v>
      </c>
      <c r="C22788" s="7">
        <f t="shared" si="356"/>
        <v>379.37024999999994</v>
      </c>
      <c r="I22788" s="1"/>
    </row>
    <row r="22789" spans="1:9" x14ac:dyDescent="0.25">
      <c r="A22789" s="3">
        <v>41704.653796296298</v>
      </c>
      <c r="B22789" s="6">
        <v>379386.89999999997</v>
      </c>
      <c r="C22789" s="7">
        <f t="shared" si="356"/>
        <v>379.38689999999997</v>
      </c>
      <c r="I22789" s="1"/>
    </row>
    <row r="22790" spans="1:9" x14ac:dyDescent="0.25">
      <c r="A22790" s="3">
        <v>41704.655810185184</v>
      </c>
      <c r="B22790" s="6">
        <v>379403.55</v>
      </c>
      <c r="C22790" s="7">
        <f t="shared" si="356"/>
        <v>379.40355</v>
      </c>
      <c r="I22790" s="1"/>
    </row>
    <row r="22791" spans="1:9" x14ac:dyDescent="0.25">
      <c r="A22791" s="3">
        <v>41704.655902777777</v>
      </c>
      <c r="B22791" s="6">
        <v>379420.19999999995</v>
      </c>
      <c r="C22791" s="7">
        <f t="shared" si="356"/>
        <v>379.42019999999997</v>
      </c>
      <c r="I22791" s="1"/>
    </row>
    <row r="22792" spans="1:9" x14ac:dyDescent="0.25">
      <c r="A22792" s="3">
        <v>41704.657233796293</v>
      </c>
      <c r="B22792" s="6">
        <v>379436.85</v>
      </c>
      <c r="C22792" s="7">
        <f t="shared" si="356"/>
        <v>379.43684999999999</v>
      </c>
      <c r="I22792" s="1"/>
    </row>
    <row r="22793" spans="1:9" x14ac:dyDescent="0.25">
      <c r="A22793" s="3">
        <v>41704.65729166667</v>
      </c>
      <c r="B22793" s="6">
        <v>379453.49999999994</v>
      </c>
      <c r="C22793" s="7">
        <f t="shared" si="356"/>
        <v>379.45349999999996</v>
      </c>
      <c r="I22793" s="1"/>
    </row>
    <row r="22794" spans="1:9" x14ac:dyDescent="0.25">
      <c r="A22794" s="3">
        <v>41704.659988425927</v>
      </c>
      <c r="B22794" s="6">
        <v>379470.14999999997</v>
      </c>
      <c r="C22794" s="7">
        <f t="shared" si="356"/>
        <v>379.47014999999999</v>
      </c>
      <c r="I22794" s="1"/>
    </row>
    <row r="22795" spans="1:9" x14ac:dyDescent="0.25">
      <c r="A22795" s="3">
        <v>41704.66034722222</v>
      </c>
      <c r="B22795" s="6">
        <v>379486.8</v>
      </c>
      <c r="C22795" s="7">
        <f t="shared" si="356"/>
        <v>379.48680000000002</v>
      </c>
      <c r="I22795" s="1"/>
    </row>
    <row r="22796" spans="1:9" x14ac:dyDescent="0.25">
      <c r="A22796" s="3">
        <v>41704.667662037034</v>
      </c>
      <c r="B22796" s="6">
        <v>379503.44999999995</v>
      </c>
      <c r="C22796" s="7">
        <f t="shared" si="356"/>
        <v>379.50344999999993</v>
      </c>
      <c r="I22796" s="1"/>
    </row>
    <row r="22797" spans="1:9" x14ac:dyDescent="0.25">
      <c r="A22797" s="3">
        <v>41704.667743055557</v>
      </c>
      <c r="B22797" s="6">
        <v>379520.1</v>
      </c>
      <c r="C22797" s="7">
        <f t="shared" si="356"/>
        <v>379.52009999999996</v>
      </c>
      <c r="I22797" s="1"/>
    </row>
    <row r="22798" spans="1:9" x14ac:dyDescent="0.25">
      <c r="A22798" s="3">
        <v>41704.674618055556</v>
      </c>
      <c r="B22798" s="6">
        <v>379536.74999999994</v>
      </c>
      <c r="C22798" s="7">
        <f t="shared" si="356"/>
        <v>379.53674999999993</v>
      </c>
      <c r="I22798" s="1"/>
    </row>
    <row r="22799" spans="1:9" x14ac:dyDescent="0.25">
      <c r="A22799" s="3">
        <v>41704.675706018519</v>
      </c>
      <c r="B22799" s="6">
        <v>379553.39999999997</v>
      </c>
      <c r="C22799" s="7">
        <f t="shared" si="356"/>
        <v>379.55339999999995</v>
      </c>
      <c r="I22799" s="1"/>
    </row>
    <row r="22800" spans="1:9" x14ac:dyDescent="0.25">
      <c r="A22800" s="3">
        <v>41704.677858796298</v>
      </c>
      <c r="B22800" s="6">
        <v>379570.05</v>
      </c>
      <c r="C22800" s="7">
        <f t="shared" si="356"/>
        <v>379.57004999999998</v>
      </c>
      <c r="I22800" s="1"/>
    </row>
    <row r="22801" spans="1:9" x14ac:dyDescent="0.25">
      <c r="A22801" s="3">
        <v>41704.678020833337</v>
      </c>
      <c r="B22801" s="6">
        <v>379586.69999999995</v>
      </c>
      <c r="C22801" s="7">
        <f t="shared" si="356"/>
        <v>379.58669999999995</v>
      </c>
      <c r="I22801" s="1"/>
    </row>
    <row r="22802" spans="1:9" x14ac:dyDescent="0.25">
      <c r="A22802" s="3">
        <v>41704.690520833334</v>
      </c>
      <c r="B22802" s="6">
        <v>379603.35</v>
      </c>
      <c r="C22802" s="7">
        <f t="shared" si="356"/>
        <v>379.60334999999998</v>
      </c>
      <c r="I22802" s="1"/>
    </row>
    <row r="22803" spans="1:9" x14ac:dyDescent="0.25">
      <c r="A22803" s="3">
        <v>41704.703275462962</v>
      </c>
      <c r="B22803" s="6">
        <v>379619.99999999994</v>
      </c>
      <c r="C22803" s="7">
        <f t="shared" si="356"/>
        <v>379.61999999999995</v>
      </c>
      <c r="I22803" s="1"/>
    </row>
    <row r="22804" spans="1:9" x14ac:dyDescent="0.25">
      <c r="A22804" s="3">
        <v>41704.715868055559</v>
      </c>
      <c r="B22804" s="6">
        <v>379636.64999999997</v>
      </c>
      <c r="C22804" s="7">
        <f t="shared" si="356"/>
        <v>379.63664999999997</v>
      </c>
      <c r="I22804" s="1"/>
    </row>
    <row r="22805" spans="1:9" x14ac:dyDescent="0.25">
      <c r="A22805" s="3">
        <v>41704.717118055552</v>
      </c>
      <c r="B22805" s="6">
        <v>379653.3</v>
      </c>
      <c r="C22805" s="7">
        <f t="shared" si="356"/>
        <v>379.6533</v>
      </c>
      <c r="I22805" s="1"/>
    </row>
    <row r="22806" spans="1:9" x14ac:dyDescent="0.25">
      <c r="A22806" s="3">
        <v>41704.719178240739</v>
      </c>
      <c r="B22806" s="6">
        <v>379669.94999999995</v>
      </c>
      <c r="C22806" s="7">
        <f t="shared" si="356"/>
        <v>379.66994999999997</v>
      </c>
      <c r="I22806" s="1"/>
    </row>
    <row r="22807" spans="1:9" x14ac:dyDescent="0.25">
      <c r="A22807" s="3">
        <v>41704.719340277778</v>
      </c>
      <c r="B22807" s="6">
        <v>379686.6</v>
      </c>
      <c r="C22807" s="7">
        <f t="shared" si="356"/>
        <v>379.6866</v>
      </c>
      <c r="I22807" s="1"/>
    </row>
    <row r="22808" spans="1:9" x14ac:dyDescent="0.25">
      <c r="A22808" s="3">
        <v>41704.724791666667</v>
      </c>
      <c r="B22808" s="6">
        <v>379703.24999999994</v>
      </c>
      <c r="C22808" s="7">
        <f t="shared" si="356"/>
        <v>379.70324999999997</v>
      </c>
      <c r="I22808" s="1"/>
    </row>
    <row r="22809" spans="1:9" x14ac:dyDescent="0.25">
      <c r="A22809" s="3">
        <v>41704.724907407406</v>
      </c>
      <c r="B22809" s="6">
        <v>379719.89999999997</v>
      </c>
      <c r="C22809" s="7">
        <f t="shared" si="356"/>
        <v>379.71989999999994</v>
      </c>
      <c r="I22809" s="1"/>
    </row>
    <row r="22810" spans="1:9" x14ac:dyDescent="0.25">
      <c r="A22810" s="3">
        <v>41704.729039351849</v>
      </c>
      <c r="B22810" s="6">
        <v>379736.55</v>
      </c>
      <c r="C22810" s="7">
        <f t="shared" si="356"/>
        <v>379.73654999999997</v>
      </c>
      <c r="I22810" s="1"/>
    </row>
    <row r="22811" spans="1:9" x14ac:dyDescent="0.25">
      <c r="A22811" s="3">
        <v>41704.730104166665</v>
      </c>
      <c r="B22811" s="6">
        <v>379753.19999999995</v>
      </c>
      <c r="C22811" s="7">
        <f t="shared" si="356"/>
        <v>379.75319999999994</v>
      </c>
      <c r="I22811" s="1"/>
    </row>
    <row r="22812" spans="1:9" x14ac:dyDescent="0.25">
      <c r="A22812" s="3">
        <v>41704.733240740738</v>
      </c>
      <c r="B22812" s="6">
        <v>379769.85</v>
      </c>
      <c r="C22812" s="7">
        <f t="shared" si="356"/>
        <v>379.76984999999996</v>
      </c>
      <c r="I22812" s="1"/>
    </row>
    <row r="22813" spans="1:9" x14ac:dyDescent="0.25">
      <c r="A22813" s="3">
        <v>41704.73474537037</v>
      </c>
      <c r="B22813" s="6">
        <v>379786.49999999994</v>
      </c>
      <c r="C22813" s="7">
        <f t="shared" si="356"/>
        <v>379.78649999999993</v>
      </c>
      <c r="I22813" s="1"/>
    </row>
    <row r="22814" spans="1:9" x14ac:dyDescent="0.25">
      <c r="A22814" s="3">
        <v>41704.738402777781</v>
      </c>
      <c r="B22814" s="6">
        <v>379803.14999999997</v>
      </c>
      <c r="C22814" s="7">
        <f t="shared" si="356"/>
        <v>379.80314999999996</v>
      </c>
      <c r="I22814" s="1"/>
    </row>
    <row r="22815" spans="1:9" x14ac:dyDescent="0.25">
      <c r="A22815" s="3">
        <v>41704.738530092596</v>
      </c>
      <c r="B22815" s="6">
        <v>379819.8</v>
      </c>
      <c r="C22815" s="7">
        <f t="shared" si="356"/>
        <v>379.81979999999999</v>
      </c>
      <c r="I22815" s="1"/>
    </row>
    <row r="22816" spans="1:9" x14ac:dyDescent="0.25">
      <c r="A22816" s="3">
        <v>41704.739560185182</v>
      </c>
      <c r="B22816" s="6">
        <v>379836.44999999995</v>
      </c>
      <c r="C22816" s="7">
        <f t="shared" si="356"/>
        <v>379.83644999999996</v>
      </c>
      <c r="I22816" s="1"/>
    </row>
    <row r="22817" spans="1:9" x14ac:dyDescent="0.25">
      <c r="A22817" s="3">
        <v>41704.739675925928</v>
      </c>
      <c r="B22817" s="6">
        <v>379853.1</v>
      </c>
      <c r="C22817" s="7">
        <f t="shared" si="356"/>
        <v>379.85309999999998</v>
      </c>
      <c r="I22817" s="1"/>
    </row>
    <row r="22818" spans="1:9" x14ac:dyDescent="0.25">
      <c r="A22818" s="3">
        <v>41704.741365740738</v>
      </c>
      <c r="B22818" s="6">
        <v>379869.74999999994</v>
      </c>
      <c r="C22818" s="7">
        <f t="shared" si="356"/>
        <v>379.86974999999995</v>
      </c>
      <c r="I22818" s="1"/>
    </row>
    <row r="22819" spans="1:9" x14ac:dyDescent="0.25">
      <c r="A22819" s="3">
        <v>41704.741851851853</v>
      </c>
      <c r="B22819" s="6">
        <v>379886.39999999997</v>
      </c>
      <c r="C22819" s="7">
        <f t="shared" si="356"/>
        <v>379.88639999999998</v>
      </c>
      <c r="I22819" s="1"/>
    </row>
    <row r="22820" spans="1:9" x14ac:dyDescent="0.25">
      <c r="A22820" s="3">
        <v>41704.745798611111</v>
      </c>
      <c r="B22820" s="6">
        <v>379903.05</v>
      </c>
      <c r="C22820" s="7">
        <f t="shared" si="356"/>
        <v>379.90305000000001</v>
      </c>
      <c r="I22820" s="1"/>
    </row>
    <row r="22821" spans="1:9" x14ac:dyDescent="0.25">
      <c r="A22821" s="3">
        <v>41704.745937500003</v>
      </c>
      <c r="B22821" s="6">
        <v>379919.69999999995</v>
      </c>
      <c r="C22821" s="7">
        <f t="shared" si="356"/>
        <v>379.91969999999998</v>
      </c>
      <c r="I22821" s="1"/>
    </row>
    <row r="22822" spans="1:9" x14ac:dyDescent="0.25">
      <c r="A22822" s="3">
        <v>41704.749965277777</v>
      </c>
      <c r="B22822" s="6">
        <v>379936.35</v>
      </c>
      <c r="C22822" s="7">
        <f t="shared" si="356"/>
        <v>379.93635</v>
      </c>
      <c r="I22822" s="1"/>
    </row>
    <row r="22823" spans="1:9" x14ac:dyDescent="0.25">
      <c r="A22823" s="3">
        <v>41704.750254629631</v>
      </c>
      <c r="B22823" s="6">
        <v>379952.99999999994</v>
      </c>
      <c r="C22823" s="7">
        <f t="shared" si="356"/>
        <v>379.95299999999992</v>
      </c>
      <c r="I22823" s="1"/>
    </row>
    <row r="22824" spans="1:9" x14ac:dyDescent="0.25">
      <c r="A22824" s="3">
        <v>41704.753993055558</v>
      </c>
      <c r="B22824" s="6">
        <v>379969.64999999997</v>
      </c>
      <c r="C22824" s="7">
        <f t="shared" si="356"/>
        <v>379.96964999999994</v>
      </c>
      <c r="I22824" s="1"/>
    </row>
    <row r="22825" spans="1:9" x14ac:dyDescent="0.25">
      <c r="A22825" s="3">
        <v>41704.754178240742</v>
      </c>
      <c r="B22825" s="6">
        <v>379986.3</v>
      </c>
      <c r="C22825" s="7">
        <f t="shared" si="356"/>
        <v>379.98629999999997</v>
      </c>
      <c r="I22825" s="1"/>
    </row>
    <row r="22826" spans="1:9" x14ac:dyDescent="0.25">
      <c r="A22826" s="3">
        <v>41704.757337962961</v>
      </c>
      <c r="B22826" s="6">
        <v>380002.94999999995</v>
      </c>
      <c r="C22826" s="7">
        <f t="shared" si="356"/>
        <v>380.00294999999994</v>
      </c>
      <c r="I22826" s="1"/>
    </row>
    <row r="22827" spans="1:9" x14ac:dyDescent="0.25">
      <c r="A22827" s="3">
        <v>41704.757557870369</v>
      </c>
      <c r="B22827" s="6">
        <v>380019.6</v>
      </c>
      <c r="C22827" s="7">
        <f t="shared" si="356"/>
        <v>380.01959999999997</v>
      </c>
      <c r="I22827" s="1"/>
    </row>
    <row r="22828" spans="1:9" x14ac:dyDescent="0.25">
      <c r="A22828" s="3">
        <v>41704.762025462966</v>
      </c>
      <c r="B22828" s="6">
        <v>380036.24999999994</v>
      </c>
      <c r="C22828" s="7">
        <f t="shared" si="356"/>
        <v>380.03624999999994</v>
      </c>
      <c r="I22828" s="1"/>
    </row>
    <row r="22829" spans="1:9" x14ac:dyDescent="0.25">
      <c r="A22829" s="3">
        <v>41704.762928240743</v>
      </c>
      <c r="B22829" s="6">
        <v>380052.89999999997</v>
      </c>
      <c r="C22829" s="7">
        <f t="shared" si="356"/>
        <v>380.05289999999997</v>
      </c>
      <c r="I22829" s="1"/>
    </row>
    <row r="22830" spans="1:9" x14ac:dyDescent="0.25">
      <c r="A22830" s="3">
        <v>41704.768229166664</v>
      </c>
      <c r="B22830" s="6">
        <v>380069.55</v>
      </c>
      <c r="C22830" s="7">
        <f t="shared" si="356"/>
        <v>380.06954999999999</v>
      </c>
      <c r="I22830" s="1"/>
    </row>
    <row r="22831" spans="1:9" x14ac:dyDescent="0.25">
      <c r="A22831" s="3">
        <v>41704.768391203703</v>
      </c>
      <c r="B22831" s="6">
        <v>380086.19999999995</v>
      </c>
      <c r="C22831" s="7">
        <f t="shared" si="356"/>
        <v>380.08619999999996</v>
      </c>
      <c r="I22831" s="1"/>
    </row>
    <row r="22832" spans="1:9" x14ac:dyDescent="0.25">
      <c r="A22832" s="3">
        <v>41704.776574074072</v>
      </c>
      <c r="B22832" s="6">
        <v>380102.85</v>
      </c>
      <c r="C22832" s="7">
        <f t="shared" si="356"/>
        <v>380.10284999999999</v>
      </c>
      <c r="I22832" s="1"/>
    </row>
    <row r="22833" spans="1:9" x14ac:dyDescent="0.25">
      <c r="A22833" s="3">
        <v>41704.777731481481</v>
      </c>
      <c r="B22833" s="6">
        <v>380119.49999999994</v>
      </c>
      <c r="C22833" s="7">
        <f t="shared" si="356"/>
        <v>380.11949999999996</v>
      </c>
      <c r="I22833" s="1"/>
    </row>
    <row r="22834" spans="1:9" x14ac:dyDescent="0.25">
      <c r="A22834" s="3">
        <v>41704.786712962959</v>
      </c>
      <c r="B22834" s="6">
        <v>380136.14999999997</v>
      </c>
      <c r="C22834" s="7">
        <f t="shared" si="356"/>
        <v>380.13614999999999</v>
      </c>
      <c r="I22834" s="1"/>
    </row>
    <row r="22835" spans="1:9" x14ac:dyDescent="0.25">
      <c r="A22835" s="3">
        <v>41704.788541666669</v>
      </c>
      <c r="B22835" s="6">
        <v>380152.8</v>
      </c>
      <c r="C22835" s="7">
        <f t="shared" si="356"/>
        <v>380.15280000000001</v>
      </c>
      <c r="I22835" s="1"/>
    </row>
    <row r="22836" spans="1:9" x14ac:dyDescent="0.25">
      <c r="A22836" s="3">
        <v>41704.807037037041</v>
      </c>
      <c r="B22836" s="6">
        <v>380169.44999999995</v>
      </c>
      <c r="C22836" s="7">
        <f t="shared" si="356"/>
        <v>380.16944999999993</v>
      </c>
      <c r="I22836" s="1"/>
    </row>
    <row r="22837" spans="1:9" x14ac:dyDescent="0.25">
      <c r="A22837" s="3">
        <v>41704.807141203702</v>
      </c>
      <c r="B22837" s="6">
        <v>380186.1</v>
      </c>
      <c r="C22837" s="7">
        <f t="shared" si="356"/>
        <v>380.18609999999995</v>
      </c>
      <c r="I22837" s="1"/>
    </row>
    <row r="22838" spans="1:9" x14ac:dyDescent="0.25">
      <c r="A22838" s="3">
        <v>41704.810347222221</v>
      </c>
      <c r="B22838" s="6">
        <v>380202.74999999994</v>
      </c>
      <c r="C22838" s="7">
        <f t="shared" si="356"/>
        <v>380.20274999999992</v>
      </c>
      <c r="I22838" s="1"/>
    </row>
    <row r="22839" spans="1:9" x14ac:dyDescent="0.25">
      <c r="A22839" s="3">
        <v>41704.810671296298</v>
      </c>
      <c r="B22839" s="6">
        <v>380219.39999999997</v>
      </c>
      <c r="C22839" s="7">
        <f t="shared" si="356"/>
        <v>380.21939999999995</v>
      </c>
      <c r="I22839" s="1"/>
    </row>
    <row r="22840" spans="1:9" x14ac:dyDescent="0.25">
      <c r="A22840" s="3">
        <v>41704.837777777779</v>
      </c>
      <c r="B22840" s="6">
        <v>380236.05</v>
      </c>
      <c r="C22840" s="7">
        <f t="shared" si="356"/>
        <v>380.23604999999998</v>
      </c>
      <c r="I22840" s="1"/>
    </row>
    <row r="22841" spans="1:9" x14ac:dyDescent="0.25">
      <c r="A22841" s="3">
        <v>41704.844687500001</v>
      </c>
      <c r="B22841" s="6">
        <v>380252.69999999995</v>
      </c>
      <c r="C22841" s="7">
        <f t="shared" si="356"/>
        <v>380.25269999999995</v>
      </c>
      <c r="I22841" s="1"/>
    </row>
    <row r="22842" spans="1:9" x14ac:dyDescent="0.25">
      <c r="A22842" s="3">
        <v>41735.308634259258</v>
      </c>
      <c r="B22842" s="6">
        <v>380269.35</v>
      </c>
      <c r="C22842" s="7">
        <f t="shared" si="356"/>
        <v>380.26934999999997</v>
      </c>
      <c r="I22842" s="1"/>
    </row>
    <row r="22843" spans="1:9" x14ac:dyDescent="0.25">
      <c r="A22843" s="3">
        <v>41735.308842592596</v>
      </c>
      <c r="B22843" s="6">
        <v>380285.99999999994</v>
      </c>
      <c r="C22843" s="7">
        <f t="shared" si="356"/>
        <v>380.28599999999994</v>
      </c>
      <c r="I22843" s="1"/>
    </row>
    <row r="22844" spans="1:9" x14ac:dyDescent="0.25">
      <c r="A22844" s="3">
        <v>41735.344155092593</v>
      </c>
      <c r="B22844" s="6">
        <v>380302.64999999997</v>
      </c>
      <c r="C22844" s="7">
        <f t="shared" si="356"/>
        <v>380.30264999999997</v>
      </c>
      <c r="I22844" s="1"/>
    </row>
    <row r="22845" spans="1:9" x14ac:dyDescent="0.25">
      <c r="A22845" s="3">
        <v>41735.344317129631</v>
      </c>
      <c r="B22845" s="6">
        <v>380319.3</v>
      </c>
      <c r="C22845" s="7">
        <f t="shared" si="356"/>
        <v>380.3193</v>
      </c>
      <c r="I22845" s="1"/>
    </row>
    <row r="22846" spans="1:9" x14ac:dyDescent="0.25">
      <c r="A22846" s="3">
        <v>41735.358634259261</v>
      </c>
      <c r="B22846" s="6">
        <v>380335.94999999995</v>
      </c>
      <c r="C22846" s="7">
        <f t="shared" si="356"/>
        <v>380.33594999999997</v>
      </c>
      <c r="I22846" s="1"/>
    </row>
    <row r="22847" spans="1:9" x14ac:dyDescent="0.25">
      <c r="A22847" s="3">
        <v>41735.358819444446</v>
      </c>
      <c r="B22847" s="6">
        <v>380352.6</v>
      </c>
      <c r="C22847" s="7">
        <f t="shared" si="356"/>
        <v>380.3526</v>
      </c>
      <c r="I22847" s="1"/>
    </row>
    <row r="22848" spans="1:9" x14ac:dyDescent="0.25">
      <c r="A22848" s="3">
        <v>41735.363807870373</v>
      </c>
      <c r="B22848" s="6">
        <v>380369.24999999994</v>
      </c>
      <c r="C22848" s="7">
        <f t="shared" si="356"/>
        <v>380.36924999999997</v>
      </c>
      <c r="I22848" s="1"/>
    </row>
    <row r="22849" spans="1:9" x14ac:dyDescent="0.25">
      <c r="A22849" s="3">
        <v>41735.364062499997</v>
      </c>
      <c r="B22849" s="6">
        <v>380385.89999999997</v>
      </c>
      <c r="C22849" s="7">
        <f t="shared" si="356"/>
        <v>380.38589999999999</v>
      </c>
      <c r="I22849" s="1"/>
    </row>
    <row r="22850" spans="1:9" x14ac:dyDescent="0.25">
      <c r="A22850" s="3">
        <v>41735.373541666668</v>
      </c>
      <c r="B22850" s="6">
        <v>380402.55</v>
      </c>
      <c r="C22850" s="7">
        <f t="shared" si="356"/>
        <v>380.40254999999996</v>
      </c>
      <c r="I22850" s="1"/>
    </row>
    <row r="22851" spans="1:9" x14ac:dyDescent="0.25">
      <c r="A22851" s="3">
        <v>41735.375752314816</v>
      </c>
      <c r="B22851" s="6">
        <v>380419.19999999995</v>
      </c>
      <c r="C22851" s="7">
        <f t="shared" ref="C22851:C22914" si="357">B22851/1000</f>
        <v>380.41919999999993</v>
      </c>
      <c r="I22851" s="1"/>
    </row>
    <row r="22852" spans="1:9" x14ac:dyDescent="0.25">
      <c r="A22852" s="3">
        <v>41735.38244212963</v>
      </c>
      <c r="B22852" s="6">
        <v>380435.85</v>
      </c>
      <c r="C22852" s="7">
        <f t="shared" si="357"/>
        <v>380.43584999999996</v>
      </c>
      <c r="I22852" s="1"/>
    </row>
    <row r="22853" spans="1:9" x14ac:dyDescent="0.25">
      <c r="A22853" s="3">
        <v>41735.3827662037</v>
      </c>
      <c r="B22853" s="6">
        <v>380452.49999999994</v>
      </c>
      <c r="C22853" s="7">
        <f t="shared" si="357"/>
        <v>380.45249999999993</v>
      </c>
      <c r="I22853" s="1"/>
    </row>
    <row r="22854" spans="1:9" x14ac:dyDescent="0.25">
      <c r="A22854" s="3">
        <v>41735.387824074074</v>
      </c>
      <c r="B22854" s="6">
        <v>380469.14999999997</v>
      </c>
      <c r="C22854" s="7">
        <f t="shared" si="357"/>
        <v>380.46914999999996</v>
      </c>
      <c r="I22854" s="1"/>
    </row>
    <row r="22855" spans="1:9" x14ac:dyDescent="0.25">
      <c r="A22855" s="3">
        <v>41735.388194444444</v>
      </c>
      <c r="B22855" s="6">
        <v>380485.8</v>
      </c>
      <c r="C22855" s="7">
        <f t="shared" si="357"/>
        <v>380.48579999999998</v>
      </c>
      <c r="I22855" s="1"/>
    </row>
    <row r="22856" spans="1:9" x14ac:dyDescent="0.25">
      <c r="A22856" s="3">
        <v>41735.392060185186</v>
      </c>
      <c r="B22856" s="6">
        <v>380502.44999999995</v>
      </c>
      <c r="C22856" s="7">
        <f t="shared" si="357"/>
        <v>380.50244999999995</v>
      </c>
      <c r="I22856" s="1"/>
    </row>
    <row r="22857" spans="1:9" x14ac:dyDescent="0.25">
      <c r="A22857" s="3">
        <v>41735.392280092594</v>
      </c>
      <c r="B22857" s="6">
        <v>380519.1</v>
      </c>
      <c r="C22857" s="7">
        <f t="shared" si="357"/>
        <v>380.51909999999998</v>
      </c>
      <c r="I22857" s="1"/>
    </row>
    <row r="22858" spans="1:9" x14ac:dyDescent="0.25">
      <c r="A22858" s="3">
        <v>41735.393506944441</v>
      </c>
      <c r="B22858" s="6">
        <v>380535.74999999994</v>
      </c>
      <c r="C22858" s="7">
        <f t="shared" si="357"/>
        <v>380.53574999999995</v>
      </c>
      <c r="I22858" s="1"/>
    </row>
    <row r="22859" spans="1:9" x14ac:dyDescent="0.25">
      <c r="A22859" s="3">
        <v>41735.393587962964</v>
      </c>
      <c r="B22859" s="6">
        <v>380552.39999999997</v>
      </c>
      <c r="C22859" s="7">
        <f t="shared" si="357"/>
        <v>380.55239999999998</v>
      </c>
      <c r="I22859" s="1"/>
    </row>
    <row r="22860" spans="1:9" x14ac:dyDescent="0.25">
      <c r="A22860" s="3">
        <v>41735.394560185188</v>
      </c>
      <c r="B22860" s="6">
        <v>380569.05</v>
      </c>
      <c r="C22860" s="7">
        <f t="shared" si="357"/>
        <v>380.56905</v>
      </c>
      <c r="I22860" s="1"/>
    </row>
    <row r="22861" spans="1:9" x14ac:dyDescent="0.25">
      <c r="A22861" s="3">
        <v>41735.394733796296</v>
      </c>
      <c r="B22861" s="6">
        <v>380585.69999999995</v>
      </c>
      <c r="C22861" s="7">
        <f t="shared" si="357"/>
        <v>380.58569999999997</v>
      </c>
      <c r="I22861" s="1"/>
    </row>
    <row r="22862" spans="1:9" x14ac:dyDescent="0.25">
      <c r="A22862" s="3">
        <v>41735.399212962962</v>
      </c>
      <c r="B22862" s="6">
        <v>380602.35</v>
      </c>
      <c r="C22862" s="7">
        <f t="shared" si="357"/>
        <v>380.60235</v>
      </c>
      <c r="I22862" s="1"/>
    </row>
    <row r="22863" spans="1:9" x14ac:dyDescent="0.25">
      <c r="A22863" s="3">
        <v>41735.399548611109</v>
      </c>
      <c r="B22863" s="6">
        <v>380618.99999999994</v>
      </c>
      <c r="C22863" s="7">
        <f t="shared" si="357"/>
        <v>380.61899999999991</v>
      </c>
      <c r="I22863" s="1"/>
    </row>
    <row r="22864" spans="1:9" x14ac:dyDescent="0.25">
      <c r="A22864" s="3">
        <v>41735.402731481481</v>
      </c>
      <c r="B22864" s="6">
        <v>380635.64999999997</v>
      </c>
      <c r="C22864" s="7">
        <f t="shared" si="357"/>
        <v>380.63564999999994</v>
      </c>
      <c r="I22864" s="1"/>
    </row>
    <row r="22865" spans="1:9" x14ac:dyDescent="0.25">
      <c r="A22865" s="3">
        <v>41735.403252314813</v>
      </c>
      <c r="B22865" s="6">
        <v>380652.3</v>
      </c>
      <c r="C22865" s="7">
        <f t="shared" si="357"/>
        <v>380.65229999999997</v>
      </c>
      <c r="I22865" s="1"/>
    </row>
    <row r="22866" spans="1:9" x14ac:dyDescent="0.25">
      <c r="A22866" s="3">
        <v>41735.406631944446</v>
      </c>
      <c r="B22866" s="6">
        <v>380668.94999999995</v>
      </c>
      <c r="C22866" s="7">
        <f t="shared" si="357"/>
        <v>380.66894999999994</v>
      </c>
      <c r="I22866" s="1"/>
    </row>
    <row r="22867" spans="1:9" x14ac:dyDescent="0.25">
      <c r="A22867" s="3">
        <v>41735.406863425924</v>
      </c>
      <c r="B22867" s="6">
        <v>380685.6</v>
      </c>
      <c r="C22867" s="7">
        <f t="shared" si="357"/>
        <v>380.68559999999997</v>
      </c>
      <c r="I22867" s="1"/>
    </row>
    <row r="22868" spans="1:9" x14ac:dyDescent="0.25">
      <c r="A22868" s="3">
        <v>41735.409259259257</v>
      </c>
      <c r="B22868" s="6">
        <v>380702.24999999994</v>
      </c>
      <c r="C22868" s="7">
        <f t="shared" si="357"/>
        <v>380.70224999999994</v>
      </c>
      <c r="I22868" s="1"/>
    </row>
    <row r="22869" spans="1:9" x14ac:dyDescent="0.25">
      <c r="A22869" s="3">
        <v>41735.409363425926</v>
      </c>
      <c r="B22869" s="6">
        <v>380718.89999999997</v>
      </c>
      <c r="C22869" s="7">
        <f t="shared" si="357"/>
        <v>380.71889999999996</v>
      </c>
      <c r="I22869" s="1"/>
    </row>
    <row r="22870" spans="1:9" x14ac:dyDescent="0.25">
      <c r="A22870" s="3">
        <v>41735.413935185185</v>
      </c>
      <c r="B22870" s="6">
        <v>380735.55</v>
      </c>
      <c r="C22870" s="7">
        <f t="shared" si="357"/>
        <v>380.73554999999999</v>
      </c>
      <c r="I22870" s="1"/>
    </row>
    <row r="22871" spans="1:9" x14ac:dyDescent="0.25">
      <c r="A22871" s="3">
        <v>41735.415289351855</v>
      </c>
      <c r="B22871" s="6">
        <v>380752.19999999995</v>
      </c>
      <c r="C22871" s="7">
        <f t="shared" si="357"/>
        <v>380.75219999999996</v>
      </c>
      <c r="I22871" s="1"/>
    </row>
    <row r="22872" spans="1:9" x14ac:dyDescent="0.25">
      <c r="A22872" s="3">
        <v>41735.419189814813</v>
      </c>
      <c r="B22872" s="6">
        <v>380768.85</v>
      </c>
      <c r="C22872" s="7">
        <f t="shared" si="357"/>
        <v>380.76884999999999</v>
      </c>
      <c r="I22872" s="1"/>
    </row>
    <row r="22873" spans="1:9" x14ac:dyDescent="0.25">
      <c r="A22873" s="3">
        <v>41735.419409722221</v>
      </c>
      <c r="B22873" s="6">
        <v>380785.49999999994</v>
      </c>
      <c r="C22873" s="7">
        <f t="shared" si="357"/>
        <v>380.78549999999996</v>
      </c>
      <c r="I22873" s="1"/>
    </row>
    <row r="22874" spans="1:9" x14ac:dyDescent="0.25">
      <c r="A22874" s="3">
        <v>41735.42224537037</v>
      </c>
      <c r="B22874" s="6">
        <v>380802.14999999997</v>
      </c>
      <c r="C22874" s="7">
        <f t="shared" si="357"/>
        <v>380.80214999999998</v>
      </c>
      <c r="I22874" s="1"/>
    </row>
    <row r="22875" spans="1:9" x14ac:dyDescent="0.25">
      <c r="A22875" s="3">
        <v>41735.422488425924</v>
      </c>
      <c r="B22875" s="6">
        <v>380818.8</v>
      </c>
      <c r="C22875" s="7">
        <f t="shared" si="357"/>
        <v>380.81880000000001</v>
      </c>
      <c r="I22875" s="1"/>
    </row>
    <row r="22876" spans="1:9" x14ac:dyDescent="0.25">
      <c r="A22876" s="3">
        <v>41735.427187499998</v>
      </c>
      <c r="B22876" s="6">
        <v>380835.44999999995</v>
      </c>
      <c r="C22876" s="7">
        <f t="shared" si="357"/>
        <v>380.83544999999998</v>
      </c>
      <c r="I22876" s="1"/>
    </row>
    <row r="22877" spans="1:9" x14ac:dyDescent="0.25">
      <c r="A22877" s="3">
        <v>41735.428472222222</v>
      </c>
      <c r="B22877" s="6">
        <v>380852.1</v>
      </c>
      <c r="C22877" s="7">
        <f t="shared" si="357"/>
        <v>380.85209999999995</v>
      </c>
      <c r="I22877" s="1"/>
    </row>
    <row r="22878" spans="1:9" x14ac:dyDescent="0.25">
      <c r="A22878" s="3">
        <v>41735.433379629627</v>
      </c>
      <c r="B22878" s="6">
        <v>380868.74999999994</v>
      </c>
      <c r="C22878" s="7">
        <f t="shared" si="357"/>
        <v>380.86874999999992</v>
      </c>
      <c r="I22878" s="1"/>
    </row>
    <row r="22879" spans="1:9" x14ac:dyDescent="0.25">
      <c r="A22879" s="3">
        <v>41735.433472222219</v>
      </c>
      <c r="B22879" s="6">
        <v>380885.39999999997</v>
      </c>
      <c r="C22879" s="7">
        <f t="shared" si="357"/>
        <v>380.88539999999995</v>
      </c>
      <c r="I22879" s="1"/>
    </row>
    <row r="22880" spans="1:9" x14ac:dyDescent="0.25">
      <c r="A22880" s="3">
        <v>41735.435439814813</v>
      </c>
      <c r="B22880" s="6">
        <v>380902.05</v>
      </c>
      <c r="C22880" s="7">
        <f t="shared" si="357"/>
        <v>380.90204999999997</v>
      </c>
      <c r="I22880" s="1"/>
    </row>
    <row r="22881" spans="1:9" x14ac:dyDescent="0.25">
      <c r="A22881" s="3">
        <v>41735.436226851853</v>
      </c>
      <c r="B22881" s="6">
        <v>380918.69999999995</v>
      </c>
      <c r="C22881" s="7">
        <f t="shared" si="357"/>
        <v>380.91869999999994</v>
      </c>
      <c r="I22881" s="1"/>
    </row>
    <row r="22882" spans="1:9" x14ac:dyDescent="0.25">
      <c r="A22882" s="3">
        <v>41735.439699074072</v>
      </c>
      <c r="B22882" s="6">
        <v>380935.35</v>
      </c>
      <c r="C22882" s="7">
        <f t="shared" si="357"/>
        <v>380.93534999999997</v>
      </c>
      <c r="I22882" s="1"/>
    </row>
    <row r="22883" spans="1:9" x14ac:dyDescent="0.25">
      <c r="A22883" s="3">
        <v>41735.440358796295</v>
      </c>
      <c r="B22883" s="6">
        <v>380951.99999999994</v>
      </c>
      <c r="C22883" s="7">
        <f t="shared" si="357"/>
        <v>380.95199999999994</v>
      </c>
      <c r="I22883" s="1"/>
    </row>
    <row r="22884" spans="1:9" x14ac:dyDescent="0.25">
      <c r="A22884" s="3">
        <v>41735.444548611114</v>
      </c>
      <c r="B22884" s="6">
        <v>380968.64999999997</v>
      </c>
      <c r="C22884" s="7">
        <f t="shared" si="357"/>
        <v>380.96864999999997</v>
      </c>
      <c r="I22884" s="1"/>
    </row>
    <row r="22885" spans="1:9" x14ac:dyDescent="0.25">
      <c r="A22885" s="3">
        <v>41735.4453587963</v>
      </c>
      <c r="B22885" s="6">
        <v>380985.3</v>
      </c>
      <c r="C22885" s="7">
        <f t="shared" si="357"/>
        <v>380.9853</v>
      </c>
      <c r="I22885" s="1"/>
    </row>
    <row r="22886" spans="1:9" x14ac:dyDescent="0.25">
      <c r="A22886" s="3">
        <v>41735.448113425926</v>
      </c>
      <c r="B22886" s="6">
        <v>381001.94999999995</v>
      </c>
      <c r="C22886" s="7">
        <f t="shared" si="357"/>
        <v>381.00194999999997</v>
      </c>
      <c r="I22886" s="1"/>
    </row>
    <row r="22887" spans="1:9" x14ac:dyDescent="0.25">
      <c r="A22887" s="3">
        <v>41735.448368055557</v>
      </c>
      <c r="B22887" s="6">
        <v>381018.6</v>
      </c>
      <c r="C22887" s="7">
        <f t="shared" si="357"/>
        <v>381.01859999999999</v>
      </c>
      <c r="I22887" s="1"/>
    </row>
    <row r="22888" spans="1:9" x14ac:dyDescent="0.25">
      <c r="A22888" s="3">
        <v>41735.455520833333</v>
      </c>
      <c r="B22888" s="6">
        <v>381018.6</v>
      </c>
      <c r="C22888" s="7">
        <f t="shared" si="357"/>
        <v>381.01859999999999</v>
      </c>
      <c r="I22888" s="1"/>
    </row>
    <row r="22889" spans="1:9" x14ac:dyDescent="0.25">
      <c r="A22889" s="3">
        <v>41735.457280092596</v>
      </c>
      <c r="B22889" s="6">
        <v>381035.24999999994</v>
      </c>
      <c r="C22889" s="7">
        <f t="shared" si="357"/>
        <v>381.03524999999996</v>
      </c>
      <c r="I22889" s="1"/>
    </row>
    <row r="22890" spans="1:9" x14ac:dyDescent="0.25">
      <c r="A22890" s="3">
        <v>41735.457407407404</v>
      </c>
      <c r="B22890" s="6">
        <v>381051.89999999997</v>
      </c>
      <c r="C22890" s="7">
        <f t="shared" si="357"/>
        <v>381.05189999999999</v>
      </c>
      <c r="I22890" s="1"/>
    </row>
    <row r="22891" spans="1:9" x14ac:dyDescent="0.25">
      <c r="A22891" s="3">
        <v>41735.459444444445</v>
      </c>
      <c r="B22891" s="6">
        <v>381068.55</v>
      </c>
      <c r="C22891" s="7">
        <f t="shared" si="357"/>
        <v>381.06855000000002</v>
      </c>
      <c r="I22891" s="1"/>
    </row>
    <row r="22892" spans="1:9" x14ac:dyDescent="0.25">
      <c r="A22892" s="3">
        <v>41735.459803240738</v>
      </c>
      <c r="B22892" s="6">
        <v>381085.19999999995</v>
      </c>
      <c r="C22892" s="7">
        <f t="shared" si="357"/>
        <v>381.08519999999993</v>
      </c>
      <c r="I22892" s="1"/>
    </row>
    <row r="22893" spans="1:9" x14ac:dyDescent="0.25">
      <c r="A22893" s="3">
        <v>41735.46497685185</v>
      </c>
      <c r="B22893" s="6">
        <v>381101.85</v>
      </c>
      <c r="C22893" s="7">
        <f t="shared" si="357"/>
        <v>381.10184999999996</v>
      </c>
      <c r="I22893" s="1"/>
    </row>
    <row r="22894" spans="1:9" x14ac:dyDescent="0.25">
      <c r="A22894" s="3">
        <v>41735.465138888889</v>
      </c>
      <c r="B22894" s="6">
        <v>381118.49999999994</v>
      </c>
      <c r="C22894" s="7">
        <f t="shared" si="357"/>
        <v>381.11849999999993</v>
      </c>
      <c r="I22894" s="1"/>
    </row>
    <row r="22895" spans="1:9" x14ac:dyDescent="0.25">
      <c r="A22895" s="3">
        <v>41735.469004629631</v>
      </c>
      <c r="B22895" s="6">
        <v>381135.14999999997</v>
      </c>
      <c r="C22895" s="7">
        <f t="shared" si="357"/>
        <v>381.13514999999995</v>
      </c>
      <c r="I22895" s="1"/>
    </row>
    <row r="22896" spans="1:9" x14ac:dyDescent="0.25">
      <c r="A22896" s="3">
        <v>41735.469444444447</v>
      </c>
      <c r="B22896" s="6">
        <v>381151.8</v>
      </c>
      <c r="C22896" s="7">
        <f t="shared" si="357"/>
        <v>381.15179999999998</v>
      </c>
      <c r="I22896" s="1"/>
    </row>
    <row r="22897" spans="1:9" x14ac:dyDescent="0.25">
      <c r="A22897" s="3">
        <v>41735.47515046296</v>
      </c>
      <c r="B22897" s="6">
        <v>381168.44999999995</v>
      </c>
      <c r="C22897" s="7">
        <f t="shared" si="357"/>
        <v>381.16844999999995</v>
      </c>
      <c r="I22897" s="1"/>
    </row>
    <row r="22898" spans="1:9" x14ac:dyDescent="0.25">
      <c r="A22898" s="3">
        <v>41735.475324074076</v>
      </c>
      <c r="B22898" s="6">
        <v>381185.1</v>
      </c>
      <c r="C22898" s="7">
        <f t="shared" si="357"/>
        <v>381.18509999999998</v>
      </c>
      <c r="I22898" s="1"/>
    </row>
    <row r="22899" spans="1:9" x14ac:dyDescent="0.25">
      <c r="A22899" s="3">
        <v>41735.477858796294</v>
      </c>
      <c r="B22899" s="6">
        <v>381201.74999999994</v>
      </c>
      <c r="C22899" s="7">
        <f t="shared" si="357"/>
        <v>381.20174999999995</v>
      </c>
      <c r="I22899" s="1"/>
    </row>
    <row r="22900" spans="1:9" x14ac:dyDescent="0.25">
      <c r="A22900" s="3">
        <v>41735.478032407409</v>
      </c>
      <c r="B22900" s="6">
        <v>381218.39999999997</v>
      </c>
      <c r="C22900" s="7">
        <f t="shared" si="357"/>
        <v>381.21839999999997</v>
      </c>
      <c r="I22900" s="1"/>
    </row>
    <row r="22901" spans="1:9" x14ac:dyDescent="0.25">
      <c r="A22901" s="3">
        <v>41735.479456018518</v>
      </c>
      <c r="B22901" s="6">
        <v>381235.05</v>
      </c>
      <c r="C22901" s="7">
        <f t="shared" si="357"/>
        <v>381.23505</v>
      </c>
      <c r="I22901" s="1"/>
    </row>
    <row r="22902" spans="1:9" x14ac:dyDescent="0.25">
      <c r="A22902" s="3">
        <v>41735.479537037034</v>
      </c>
      <c r="B22902" s="6">
        <v>381251.69999999995</v>
      </c>
      <c r="C22902" s="7">
        <f t="shared" si="357"/>
        <v>381.25169999999997</v>
      </c>
      <c r="I22902" s="1"/>
    </row>
    <row r="22903" spans="1:9" x14ac:dyDescent="0.25">
      <c r="A22903" s="3">
        <v>41735.482164351852</v>
      </c>
      <c r="B22903" s="6">
        <v>381268.35</v>
      </c>
      <c r="C22903" s="7">
        <f t="shared" si="357"/>
        <v>381.26835</v>
      </c>
      <c r="I22903" s="1"/>
    </row>
    <row r="22904" spans="1:9" x14ac:dyDescent="0.25">
      <c r="A22904" s="3">
        <v>41735.482372685183</v>
      </c>
      <c r="B22904" s="6">
        <v>381284.99999999994</v>
      </c>
      <c r="C22904" s="7">
        <f t="shared" si="357"/>
        <v>381.28499999999997</v>
      </c>
      <c r="I22904" s="1"/>
    </row>
    <row r="22905" spans="1:9" x14ac:dyDescent="0.25">
      <c r="A22905" s="3">
        <v>41735.484166666669</v>
      </c>
      <c r="B22905" s="6">
        <v>381301.64999999997</v>
      </c>
      <c r="C22905" s="7">
        <f t="shared" si="357"/>
        <v>381.30164999999994</v>
      </c>
      <c r="I22905" s="1"/>
    </row>
    <row r="22906" spans="1:9" x14ac:dyDescent="0.25">
      <c r="A22906" s="3">
        <v>41735.484398148146</v>
      </c>
      <c r="B22906" s="6">
        <v>381318.3</v>
      </c>
      <c r="C22906" s="7">
        <f t="shared" si="357"/>
        <v>381.31829999999997</v>
      </c>
      <c r="I22906" s="1"/>
    </row>
    <row r="22907" spans="1:9" x14ac:dyDescent="0.25">
      <c r="A22907" s="3">
        <v>41735.488206018519</v>
      </c>
      <c r="B22907" s="6">
        <v>381334.94999999995</v>
      </c>
      <c r="C22907" s="7">
        <f t="shared" si="357"/>
        <v>381.33494999999994</v>
      </c>
      <c r="I22907" s="1"/>
    </row>
    <row r="22908" spans="1:9" x14ac:dyDescent="0.25">
      <c r="A22908" s="3">
        <v>41735.488402777781</v>
      </c>
      <c r="B22908" s="6">
        <v>381351.6</v>
      </c>
      <c r="C22908" s="7">
        <f t="shared" si="357"/>
        <v>381.35159999999996</v>
      </c>
      <c r="I22908" s="1"/>
    </row>
    <row r="22909" spans="1:9" x14ac:dyDescent="0.25">
      <c r="A22909" s="3">
        <v>41735.489664351851</v>
      </c>
      <c r="B22909" s="6">
        <v>381368.24999999994</v>
      </c>
      <c r="C22909" s="7">
        <f t="shared" si="357"/>
        <v>381.36824999999993</v>
      </c>
      <c r="I22909" s="1"/>
    </row>
    <row r="22910" spans="1:9" x14ac:dyDescent="0.25">
      <c r="A22910" s="3">
        <v>41735.489791666667</v>
      </c>
      <c r="B22910" s="6">
        <v>381384.89999999997</v>
      </c>
      <c r="C22910" s="7">
        <f t="shared" si="357"/>
        <v>381.38489999999996</v>
      </c>
      <c r="I22910" s="1"/>
    </row>
    <row r="22911" spans="1:9" x14ac:dyDescent="0.25">
      <c r="A22911" s="3">
        <v>41735.492303240739</v>
      </c>
      <c r="B22911" s="6">
        <v>381401.55</v>
      </c>
      <c r="C22911" s="7">
        <f t="shared" si="357"/>
        <v>381.40154999999999</v>
      </c>
      <c r="I22911" s="1"/>
    </row>
    <row r="22912" spans="1:9" x14ac:dyDescent="0.25">
      <c r="A22912" s="3">
        <v>41735.493958333333</v>
      </c>
      <c r="B22912" s="6">
        <v>381418.19999999995</v>
      </c>
      <c r="C22912" s="7">
        <f t="shared" si="357"/>
        <v>381.41819999999996</v>
      </c>
      <c r="I22912" s="1"/>
    </row>
    <row r="22913" spans="1:9" x14ac:dyDescent="0.25">
      <c r="A22913" s="3">
        <v>41735.495567129627</v>
      </c>
      <c r="B22913" s="6">
        <v>381434.85</v>
      </c>
      <c r="C22913" s="7">
        <f t="shared" si="357"/>
        <v>381.43484999999998</v>
      </c>
      <c r="I22913" s="1"/>
    </row>
    <row r="22914" spans="1:9" x14ac:dyDescent="0.25">
      <c r="A22914" s="3">
        <v>41735.495706018519</v>
      </c>
      <c r="B22914" s="6">
        <v>381451.49999999994</v>
      </c>
      <c r="C22914" s="7">
        <f t="shared" si="357"/>
        <v>381.45149999999995</v>
      </c>
      <c r="I22914" s="1"/>
    </row>
    <row r="22915" spans="1:9" x14ac:dyDescent="0.25">
      <c r="A22915" s="3">
        <v>41735.499097222222</v>
      </c>
      <c r="B22915" s="6">
        <v>381468.14999999997</v>
      </c>
      <c r="C22915" s="7">
        <f t="shared" ref="C22915:C22978" si="358">B22915/1000</f>
        <v>381.46814999999998</v>
      </c>
      <c r="I22915" s="1"/>
    </row>
    <row r="22916" spans="1:9" x14ac:dyDescent="0.25">
      <c r="A22916" s="3">
        <v>41735.499374999999</v>
      </c>
      <c r="B22916" s="6">
        <v>381484.79999999999</v>
      </c>
      <c r="C22916" s="7">
        <f t="shared" si="358"/>
        <v>381.48480000000001</v>
      </c>
      <c r="I22916" s="1"/>
    </row>
    <row r="22917" spans="1:9" x14ac:dyDescent="0.25">
      <c r="A22917" s="3">
        <v>41735.502303240741</v>
      </c>
      <c r="B22917" s="6">
        <v>381501.44999999995</v>
      </c>
      <c r="C22917" s="7">
        <f t="shared" si="358"/>
        <v>381.50144999999998</v>
      </c>
      <c r="I22917" s="1"/>
    </row>
    <row r="22918" spans="1:9" x14ac:dyDescent="0.25">
      <c r="A22918" s="3">
        <v>41735.50273148148</v>
      </c>
      <c r="B22918" s="6">
        <v>381518.1</v>
      </c>
      <c r="C22918" s="7">
        <f t="shared" si="358"/>
        <v>381.5181</v>
      </c>
      <c r="I22918" s="1"/>
    </row>
    <row r="22919" spans="1:9" x14ac:dyDescent="0.25">
      <c r="A22919" s="3">
        <v>41735.504340277781</v>
      </c>
      <c r="B22919" s="6">
        <v>381534.74999999994</v>
      </c>
      <c r="C22919" s="7">
        <f t="shared" si="358"/>
        <v>381.53474999999992</v>
      </c>
      <c r="I22919" s="1"/>
    </row>
    <row r="22920" spans="1:9" x14ac:dyDescent="0.25">
      <c r="A22920" s="3">
        <v>41735.504502314812</v>
      </c>
      <c r="B22920" s="6">
        <v>381551.39999999997</v>
      </c>
      <c r="C22920" s="7">
        <f t="shared" si="358"/>
        <v>381.55139999999994</v>
      </c>
      <c r="I22920" s="1"/>
    </row>
    <row r="22921" spans="1:9" x14ac:dyDescent="0.25">
      <c r="A22921" s="3">
        <v>41735.507037037038</v>
      </c>
      <c r="B22921" s="6">
        <v>381568.05</v>
      </c>
      <c r="C22921" s="7">
        <f t="shared" si="358"/>
        <v>381.56804999999997</v>
      </c>
      <c r="I22921" s="1"/>
    </row>
    <row r="22922" spans="1:9" x14ac:dyDescent="0.25">
      <c r="A22922" s="3">
        <v>41735.507187499999</v>
      </c>
      <c r="B22922" s="6">
        <v>381584.69999999995</v>
      </c>
      <c r="C22922" s="7">
        <f t="shared" si="358"/>
        <v>381.58469999999994</v>
      </c>
      <c r="I22922" s="1"/>
    </row>
    <row r="22923" spans="1:9" x14ac:dyDescent="0.25">
      <c r="A22923" s="3">
        <v>41735.509247685186</v>
      </c>
      <c r="B22923" s="6">
        <v>381601.35</v>
      </c>
      <c r="C22923" s="7">
        <f t="shared" si="358"/>
        <v>381.60134999999997</v>
      </c>
      <c r="I22923" s="1"/>
    </row>
    <row r="22924" spans="1:9" x14ac:dyDescent="0.25">
      <c r="A22924" s="3">
        <v>41735.509456018517</v>
      </c>
      <c r="B22924" s="6">
        <v>381617.99999999994</v>
      </c>
      <c r="C22924" s="7">
        <f t="shared" si="358"/>
        <v>381.61799999999994</v>
      </c>
      <c r="I22924" s="1"/>
    </row>
    <row r="22925" spans="1:9" x14ac:dyDescent="0.25">
      <c r="A22925" s="3">
        <v>41735.510625000003</v>
      </c>
      <c r="B22925" s="6">
        <v>381634.64999999997</v>
      </c>
      <c r="C22925" s="7">
        <f t="shared" si="358"/>
        <v>381.63464999999997</v>
      </c>
      <c r="I22925" s="1"/>
    </row>
    <row r="22926" spans="1:9" x14ac:dyDescent="0.25">
      <c r="A22926" s="3">
        <v>41735.511678240742</v>
      </c>
      <c r="B22926" s="6">
        <v>381651.3</v>
      </c>
      <c r="C22926" s="7">
        <f t="shared" si="358"/>
        <v>381.65129999999999</v>
      </c>
      <c r="I22926" s="1"/>
    </row>
    <row r="22927" spans="1:9" x14ac:dyDescent="0.25">
      <c r="A22927" s="3">
        <v>41735.513449074075</v>
      </c>
      <c r="B22927" s="6">
        <v>381667.94999999995</v>
      </c>
      <c r="C22927" s="7">
        <f t="shared" si="358"/>
        <v>381.66794999999996</v>
      </c>
      <c r="I22927" s="1"/>
    </row>
    <row r="22928" spans="1:9" x14ac:dyDescent="0.25">
      <c r="A22928" s="3">
        <v>41735.514687499999</v>
      </c>
      <c r="B22928" s="6">
        <v>381684.6</v>
      </c>
      <c r="C22928" s="7">
        <f t="shared" si="358"/>
        <v>381.68459999999999</v>
      </c>
      <c r="I22928" s="1"/>
    </row>
    <row r="22929" spans="1:9" x14ac:dyDescent="0.25">
      <c r="A22929" s="3">
        <v>41735.518125000002</v>
      </c>
      <c r="B22929" s="6">
        <v>381701.24999999994</v>
      </c>
      <c r="C22929" s="7">
        <f t="shared" si="358"/>
        <v>381.70124999999996</v>
      </c>
      <c r="I22929" s="1"/>
    </row>
    <row r="22930" spans="1:9" x14ac:dyDescent="0.25">
      <c r="A22930" s="3">
        <v>41735.518530092595</v>
      </c>
      <c r="B22930" s="6">
        <v>381717.89999999997</v>
      </c>
      <c r="C22930" s="7">
        <f t="shared" si="358"/>
        <v>381.71789999999999</v>
      </c>
      <c r="I22930" s="1"/>
    </row>
    <row r="22931" spans="1:9" x14ac:dyDescent="0.25">
      <c r="A22931" s="3">
        <v>41735.520451388889</v>
      </c>
      <c r="B22931" s="6">
        <v>381734.55</v>
      </c>
      <c r="C22931" s="7">
        <f t="shared" si="358"/>
        <v>381.73455000000001</v>
      </c>
      <c r="I22931" s="1"/>
    </row>
    <row r="22932" spans="1:9" x14ac:dyDescent="0.25">
      <c r="A22932" s="3">
        <v>41735.520543981482</v>
      </c>
      <c r="B22932" s="6">
        <v>381751.19999999995</v>
      </c>
      <c r="C22932" s="7">
        <f t="shared" si="358"/>
        <v>381.75119999999993</v>
      </c>
      <c r="I22932" s="1"/>
    </row>
    <row r="22933" spans="1:9" x14ac:dyDescent="0.25">
      <c r="A22933" s="3">
        <v>41735.522523148145</v>
      </c>
      <c r="B22933" s="6">
        <v>381767.85</v>
      </c>
      <c r="C22933" s="7">
        <f t="shared" si="358"/>
        <v>381.76784999999995</v>
      </c>
      <c r="I22933" s="1"/>
    </row>
    <row r="22934" spans="1:9" x14ac:dyDescent="0.25">
      <c r="A22934" s="3">
        <v>41735.522835648146</v>
      </c>
      <c r="B22934" s="6">
        <v>381784.49999999994</v>
      </c>
      <c r="C22934" s="7">
        <f t="shared" si="358"/>
        <v>381.78449999999992</v>
      </c>
      <c r="I22934" s="1"/>
    </row>
    <row r="22935" spans="1:9" x14ac:dyDescent="0.25">
      <c r="A22935" s="3">
        <v>41735.526539351849</v>
      </c>
      <c r="B22935" s="6">
        <v>381801.14999999997</v>
      </c>
      <c r="C22935" s="7">
        <f t="shared" si="358"/>
        <v>381.80114999999995</v>
      </c>
      <c r="I22935" s="1"/>
    </row>
    <row r="22936" spans="1:9" x14ac:dyDescent="0.25">
      <c r="A22936" s="3">
        <v>41735.526967592596</v>
      </c>
      <c r="B22936" s="6">
        <v>381817.8</v>
      </c>
      <c r="C22936" s="7">
        <f t="shared" si="358"/>
        <v>381.81779999999998</v>
      </c>
      <c r="I22936" s="1"/>
    </row>
    <row r="22937" spans="1:9" x14ac:dyDescent="0.25">
      <c r="A22937" s="3">
        <v>41735.529652777775</v>
      </c>
      <c r="B22937" s="6">
        <v>381834.44999999995</v>
      </c>
      <c r="C22937" s="7">
        <f t="shared" si="358"/>
        <v>381.83444999999995</v>
      </c>
      <c r="I22937" s="1"/>
    </row>
    <row r="22938" spans="1:9" x14ac:dyDescent="0.25">
      <c r="A22938" s="3">
        <v>41735.529918981483</v>
      </c>
      <c r="B22938" s="6">
        <v>381851.1</v>
      </c>
      <c r="C22938" s="7">
        <f t="shared" si="358"/>
        <v>381.85109999999997</v>
      </c>
      <c r="I22938" s="1"/>
    </row>
    <row r="22939" spans="1:9" x14ac:dyDescent="0.25">
      <c r="A22939" s="3">
        <v>41735.531712962962</v>
      </c>
      <c r="B22939" s="6">
        <v>381867.74999999994</v>
      </c>
      <c r="C22939" s="7">
        <f t="shared" si="358"/>
        <v>381.86774999999994</v>
      </c>
      <c r="I22939" s="1"/>
    </row>
    <row r="22940" spans="1:9" x14ac:dyDescent="0.25">
      <c r="A22940" s="3">
        <v>41735.531817129631</v>
      </c>
      <c r="B22940" s="6">
        <v>381884.39999999997</v>
      </c>
      <c r="C22940" s="7">
        <f t="shared" si="358"/>
        <v>381.88439999999997</v>
      </c>
      <c r="I22940" s="1"/>
    </row>
    <row r="22941" spans="1:9" x14ac:dyDescent="0.25">
      <c r="A22941" s="3">
        <v>41735.533935185187</v>
      </c>
      <c r="B22941" s="6">
        <v>381901.05</v>
      </c>
      <c r="C22941" s="7">
        <f t="shared" si="358"/>
        <v>381.90105</v>
      </c>
      <c r="I22941" s="1"/>
    </row>
    <row r="22942" spans="1:9" x14ac:dyDescent="0.25">
      <c r="A22942" s="3">
        <v>41735.534120370372</v>
      </c>
      <c r="B22942" s="6">
        <v>381917.69999999995</v>
      </c>
      <c r="C22942" s="7">
        <f t="shared" si="358"/>
        <v>381.91769999999997</v>
      </c>
      <c r="I22942" s="1"/>
    </row>
    <row r="22943" spans="1:9" x14ac:dyDescent="0.25">
      <c r="A22943" s="3">
        <v>41735.535219907404</v>
      </c>
      <c r="B22943" s="6">
        <v>381934.35</v>
      </c>
      <c r="C22943" s="7">
        <f t="shared" si="358"/>
        <v>381.93434999999999</v>
      </c>
      <c r="I22943" s="1"/>
    </row>
    <row r="22944" spans="1:9" x14ac:dyDescent="0.25">
      <c r="A22944" s="3">
        <v>41735.535509259258</v>
      </c>
      <c r="B22944" s="6">
        <v>381950.99999999994</v>
      </c>
      <c r="C22944" s="7">
        <f t="shared" si="358"/>
        <v>381.95099999999996</v>
      </c>
      <c r="I22944" s="1"/>
    </row>
    <row r="22945" spans="1:9" x14ac:dyDescent="0.25">
      <c r="A22945" s="3">
        <v>41735.540497685186</v>
      </c>
      <c r="B22945" s="6">
        <v>381967.64999999997</v>
      </c>
      <c r="C22945" s="7">
        <f t="shared" si="358"/>
        <v>381.96764999999999</v>
      </c>
      <c r="I22945" s="1"/>
    </row>
    <row r="22946" spans="1:9" x14ac:dyDescent="0.25">
      <c r="A22946" s="3">
        <v>41735.541064814817</v>
      </c>
      <c r="B22946" s="6">
        <v>381984.3</v>
      </c>
      <c r="C22946" s="7">
        <f t="shared" si="358"/>
        <v>381.98429999999996</v>
      </c>
      <c r="I22946" s="1"/>
    </row>
    <row r="22947" spans="1:9" x14ac:dyDescent="0.25">
      <c r="A22947" s="3">
        <v>41735.543506944443</v>
      </c>
      <c r="B22947" s="6">
        <v>382000.94999999995</v>
      </c>
      <c r="C22947" s="7">
        <f t="shared" si="358"/>
        <v>382.00094999999993</v>
      </c>
      <c r="I22947" s="1"/>
    </row>
    <row r="22948" spans="1:9" x14ac:dyDescent="0.25">
      <c r="A22948" s="3">
        <v>41735.543703703705</v>
      </c>
      <c r="B22948" s="6">
        <v>382017.6</v>
      </c>
      <c r="C22948" s="7">
        <f t="shared" si="358"/>
        <v>382.01759999999996</v>
      </c>
      <c r="I22948" s="1"/>
    </row>
    <row r="22949" spans="1:9" x14ac:dyDescent="0.25">
      <c r="A22949" s="3">
        <v>41735.545428240737</v>
      </c>
      <c r="B22949" s="6">
        <v>382034.24999999994</v>
      </c>
      <c r="C22949" s="7">
        <f t="shared" si="358"/>
        <v>382.03424999999993</v>
      </c>
      <c r="I22949" s="1"/>
    </row>
    <row r="22950" spans="1:9" x14ac:dyDescent="0.25">
      <c r="A22950" s="3">
        <v>41735.545729166668</v>
      </c>
      <c r="B22950" s="6">
        <v>382050.89999999997</v>
      </c>
      <c r="C22950" s="7">
        <f t="shared" si="358"/>
        <v>382.05089999999996</v>
      </c>
      <c r="I22950" s="1"/>
    </row>
    <row r="22951" spans="1:9" x14ac:dyDescent="0.25">
      <c r="A22951" s="3">
        <v>41735.547210648147</v>
      </c>
      <c r="B22951" s="6">
        <v>382067.55</v>
      </c>
      <c r="C22951" s="7">
        <f t="shared" si="358"/>
        <v>382.06754999999998</v>
      </c>
      <c r="I22951" s="1"/>
    </row>
    <row r="22952" spans="1:9" x14ac:dyDescent="0.25">
      <c r="A22952" s="3">
        <v>41735.547372685185</v>
      </c>
      <c r="B22952" s="6">
        <v>382084.19999999995</v>
      </c>
      <c r="C22952" s="7">
        <f t="shared" si="358"/>
        <v>382.08419999999995</v>
      </c>
      <c r="I22952" s="1"/>
    </row>
    <row r="22953" spans="1:9" x14ac:dyDescent="0.25">
      <c r="A22953" s="3">
        <v>41735.550752314812</v>
      </c>
      <c r="B22953" s="6">
        <v>382100.85</v>
      </c>
      <c r="C22953" s="7">
        <f t="shared" si="358"/>
        <v>382.10084999999998</v>
      </c>
      <c r="I22953" s="1"/>
    </row>
    <row r="22954" spans="1:9" x14ac:dyDescent="0.25">
      <c r="A22954" s="3">
        <v>41735.551145833335</v>
      </c>
      <c r="B22954" s="6">
        <v>382117.49999999994</v>
      </c>
      <c r="C22954" s="7">
        <f t="shared" si="358"/>
        <v>382.11749999999995</v>
      </c>
      <c r="I22954" s="1"/>
    </row>
    <row r="22955" spans="1:9" x14ac:dyDescent="0.25">
      <c r="A22955" s="3">
        <v>41735.553368055553</v>
      </c>
      <c r="B22955" s="6">
        <v>382134.14999999997</v>
      </c>
      <c r="C22955" s="7">
        <f t="shared" si="358"/>
        <v>382.13414999999998</v>
      </c>
      <c r="I22955" s="1"/>
    </row>
    <row r="22956" spans="1:9" x14ac:dyDescent="0.25">
      <c r="A22956" s="3">
        <v>41735.553437499999</v>
      </c>
      <c r="B22956" s="6">
        <v>382150.8</v>
      </c>
      <c r="C22956" s="7">
        <f t="shared" si="358"/>
        <v>382.1508</v>
      </c>
      <c r="I22956" s="1"/>
    </row>
    <row r="22957" spans="1:9" x14ac:dyDescent="0.25">
      <c r="A22957" s="3">
        <v>41735.554155092592</v>
      </c>
      <c r="B22957" s="6">
        <v>382167.44999999995</v>
      </c>
      <c r="C22957" s="7">
        <f t="shared" si="358"/>
        <v>382.16744999999997</v>
      </c>
      <c r="I22957" s="1"/>
    </row>
    <row r="22958" spans="1:9" x14ac:dyDescent="0.25">
      <c r="A22958" s="3">
        <v>41735.554247685184</v>
      </c>
      <c r="B22958" s="6">
        <v>382184.1</v>
      </c>
      <c r="C22958" s="7">
        <f t="shared" si="358"/>
        <v>382.1841</v>
      </c>
      <c r="I22958" s="1"/>
    </row>
    <row r="22959" spans="1:9" x14ac:dyDescent="0.25">
      <c r="A22959" s="3">
        <v>41735.555011574077</v>
      </c>
      <c r="B22959" s="6">
        <v>382200.74999999994</v>
      </c>
      <c r="C22959" s="7">
        <f t="shared" si="358"/>
        <v>382.20074999999991</v>
      </c>
      <c r="I22959" s="1"/>
    </row>
    <row r="22960" spans="1:9" x14ac:dyDescent="0.25">
      <c r="A22960" s="3">
        <v>41735.555185185185</v>
      </c>
      <c r="B22960" s="6">
        <v>382217.39999999997</v>
      </c>
      <c r="C22960" s="7">
        <f t="shared" si="358"/>
        <v>382.21739999999994</v>
      </c>
      <c r="I22960" s="1"/>
    </row>
    <row r="22961" spans="1:9" x14ac:dyDescent="0.25">
      <c r="A22961" s="3">
        <v>41735.556574074071</v>
      </c>
      <c r="B22961" s="6">
        <v>382234.05</v>
      </c>
      <c r="C22961" s="7">
        <f t="shared" si="358"/>
        <v>382.23404999999997</v>
      </c>
      <c r="I22961" s="1"/>
    </row>
    <row r="22962" spans="1:9" x14ac:dyDescent="0.25">
      <c r="A22962" s="3">
        <v>41735.557233796295</v>
      </c>
      <c r="B22962" s="6">
        <v>382250.69999999995</v>
      </c>
      <c r="C22962" s="7">
        <f t="shared" si="358"/>
        <v>382.25069999999994</v>
      </c>
      <c r="I22962" s="1"/>
    </row>
    <row r="22963" spans="1:9" x14ac:dyDescent="0.25">
      <c r="A22963" s="3">
        <v>41735.558877314812</v>
      </c>
      <c r="B22963" s="6">
        <v>382267.35</v>
      </c>
      <c r="C22963" s="7">
        <f t="shared" si="358"/>
        <v>382.26734999999996</v>
      </c>
      <c r="I22963" s="1"/>
    </row>
    <row r="22964" spans="1:9" x14ac:dyDescent="0.25">
      <c r="A22964" s="3">
        <v>41735.559027777781</v>
      </c>
      <c r="B22964" s="6">
        <v>382283.99999999994</v>
      </c>
      <c r="C22964" s="7">
        <f t="shared" si="358"/>
        <v>382.28399999999993</v>
      </c>
      <c r="I22964" s="1"/>
    </row>
    <row r="22965" spans="1:9" x14ac:dyDescent="0.25">
      <c r="A22965" s="3">
        <v>41735.560752314814</v>
      </c>
      <c r="B22965" s="6">
        <v>382300.64999999997</v>
      </c>
      <c r="C22965" s="7">
        <f t="shared" si="358"/>
        <v>382.30064999999996</v>
      </c>
      <c r="I22965" s="1"/>
    </row>
    <row r="22966" spans="1:9" x14ac:dyDescent="0.25">
      <c r="A22966" s="3">
        <v>41735.561018518521</v>
      </c>
      <c r="B22966" s="6">
        <v>382317.3</v>
      </c>
      <c r="C22966" s="7">
        <f t="shared" si="358"/>
        <v>382.31729999999999</v>
      </c>
      <c r="I22966" s="1"/>
    </row>
    <row r="22967" spans="1:9" x14ac:dyDescent="0.25">
      <c r="A22967" s="3">
        <v>41735.561643518522</v>
      </c>
      <c r="B22967" s="6">
        <v>382333.94999999995</v>
      </c>
      <c r="C22967" s="7">
        <f t="shared" si="358"/>
        <v>382.33394999999996</v>
      </c>
      <c r="I22967" s="1"/>
    </row>
    <row r="22968" spans="1:9" x14ac:dyDescent="0.25">
      <c r="A22968" s="3">
        <v>41735.561701388891</v>
      </c>
      <c r="B22968" s="6">
        <v>382350.6</v>
      </c>
      <c r="C22968" s="7">
        <f t="shared" si="358"/>
        <v>382.35059999999999</v>
      </c>
      <c r="I22968" s="1"/>
    </row>
    <row r="22969" spans="1:9" x14ac:dyDescent="0.25">
      <c r="A22969" s="3">
        <v>41735.562627314815</v>
      </c>
      <c r="B22969" s="6">
        <v>382367.24999999994</v>
      </c>
      <c r="C22969" s="7">
        <f t="shared" si="358"/>
        <v>382.36724999999996</v>
      </c>
      <c r="I22969" s="1"/>
    </row>
    <row r="22970" spans="1:9" x14ac:dyDescent="0.25">
      <c r="A22970" s="3">
        <v>41735.562743055554</v>
      </c>
      <c r="B22970" s="6">
        <v>382383.89999999997</v>
      </c>
      <c r="C22970" s="7">
        <f t="shared" si="358"/>
        <v>382.38389999999998</v>
      </c>
      <c r="I22970" s="1"/>
    </row>
    <row r="22971" spans="1:9" x14ac:dyDescent="0.25">
      <c r="A22971" s="3">
        <v>41735.564664351848</v>
      </c>
      <c r="B22971" s="6">
        <v>382400.55</v>
      </c>
      <c r="C22971" s="7">
        <f t="shared" si="358"/>
        <v>382.40055000000001</v>
      </c>
      <c r="I22971" s="1"/>
    </row>
    <row r="22972" spans="1:9" x14ac:dyDescent="0.25">
      <c r="A22972" s="3">
        <v>41735.564768518518</v>
      </c>
      <c r="B22972" s="6">
        <v>382417.19999999995</v>
      </c>
      <c r="C22972" s="7">
        <f t="shared" si="358"/>
        <v>382.41719999999998</v>
      </c>
      <c r="I22972" s="1"/>
    </row>
    <row r="22973" spans="1:9" x14ac:dyDescent="0.25">
      <c r="A22973" s="3">
        <v>41735.566296296296</v>
      </c>
      <c r="B22973" s="6">
        <v>382433.85</v>
      </c>
      <c r="C22973" s="7">
        <f t="shared" si="358"/>
        <v>382.43384999999995</v>
      </c>
      <c r="I22973" s="1"/>
    </row>
    <row r="22974" spans="1:9" x14ac:dyDescent="0.25">
      <c r="A22974" s="3">
        <v>41735.566412037035</v>
      </c>
      <c r="B22974" s="6">
        <v>382450.49999999994</v>
      </c>
      <c r="C22974" s="7">
        <f t="shared" si="358"/>
        <v>382.45049999999992</v>
      </c>
      <c r="I22974" s="1"/>
    </row>
    <row r="22975" spans="1:9" x14ac:dyDescent="0.25">
      <c r="A22975" s="3">
        <v>41735.56790509259</v>
      </c>
      <c r="B22975" s="6">
        <v>382467.14999999997</v>
      </c>
      <c r="C22975" s="7">
        <f t="shared" si="358"/>
        <v>382.46714999999995</v>
      </c>
      <c r="I22975" s="1"/>
    </row>
    <row r="22976" spans="1:9" x14ac:dyDescent="0.25">
      <c r="A22976" s="3">
        <v>41735.567997685182</v>
      </c>
      <c r="B22976" s="6">
        <v>382483.8</v>
      </c>
      <c r="C22976" s="7">
        <f t="shared" si="358"/>
        <v>382.48379999999997</v>
      </c>
      <c r="I22976" s="1"/>
    </row>
    <row r="22977" spans="1:9" x14ac:dyDescent="0.25">
      <c r="A22977" s="3">
        <v>41735.569548611114</v>
      </c>
      <c r="B22977" s="6">
        <v>382500.44999999995</v>
      </c>
      <c r="C22977" s="7">
        <f t="shared" si="358"/>
        <v>382.50044999999994</v>
      </c>
      <c r="I22977" s="1"/>
    </row>
    <row r="22978" spans="1:9" x14ac:dyDescent="0.25">
      <c r="A22978" s="3">
        <v>41735.569687499999</v>
      </c>
      <c r="B22978" s="6">
        <v>382517.1</v>
      </c>
      <c r="C22978" s="7">
        <f t="shared" si="358"/>
        <v>382.51709999999997</v>
      </c>
      <c r="I22978" s="1"/>
    </row>
    <row r="22979" spans="1:9" x14ac:dyDescent="0.25">
      <c r="A22979" s="3">
        <v>41735.57099537037</v>
      </c>
      <c r="B22979" s="6">
        <v>382533.74999999994</v>
      </c>
      <c r="C22979" s="7">
        <f t="shared" ref="C22979:C23042" si="359">B22979/1000</f>
        <v>382.53374999999994</v>
      </c>
      <c r="I22979" s="1"/>
    </row>
    <row r="22980" spans="1:9" x14ac:dyDescent="0.25">
      <c r="A22980" s="3">
        <v>41735.571076388886</v>
      </c>
      <c r="B22980" s="6">
        <v>382550.39999999997</v>
      </c>
      <c r="C22980" s="7">
        <f t="shared" si="359"/>
        <v>382.55039999999997</v>
      </c>
      <c r="I22980" s="1"/>
    </row>
    <row r="22981" spans="1:9" x14ac:dyDescent="0.25">
      <c r="A22981" s="3">
        <v>41735.572245370371</v>
      </c>
      <c r="B22981" s="6">
        <v>382567.05</v>
      </c>
      <c r="C22981" s="7">
        <f t="shared" si="359"/>
        <v>382.56704999999999</v>
      </c>
      <c r="I22981" s="1"/>
    </row>
    <row r="22982" spans="1:9" x14ac:dyDescent="0.25">
      <c r="A22982" s="3">
        <v>41735.572384259256</v>
      </c>
      <c r="B22982" s="6">
        <v>382583.69999999995</v>
      </c>
      <c r="C22982" s="7">
        <f t="shared" si="359"/>
        <v>382.58369999999996</v>
      </c>
      <c r="I22982" s="1"/>
    </row>
    <row r="22983" spans="1:9" x14ac:dyDescent="0.25">
      <c r="A22983" s="3">
        <v>41735.574224537035</v>
      </c>
      <c r="B22983" s="6">
        <v>382600.35</v>
      </c>
      <c r="C22983" s="7">
        <f t="shared" si="359"/>
        <v>382.60034999999999</v>
      </c>
      <c r="I22983" s="1"/>
    </row>
    <row r="22984" spans="1:9" x14ac:dyDescent="0.25">
      <c r="A22984" s="3">
        <v>41735.574305555558</v>
      </c>
      <c r="B22984" s="6">
        <v>382616.99999999994</v>
      </c>
      <c r="C22984" s="7">
        <f t="shared" si="359"/>
        <v>382.61699999999996</v>
      </c>
      <c r="I22984" s="1"/>
    </row>
    <row r="22985" spans="1:9" x14ac:dyDescent="0.25">
      <c r="A22985" s="3">
        <v>41735.575358796297</v>
      </c>
      <c r="B22985" s="6">
        <v>382633.64999999997</v>
      </c>
      <c r="C22985" s="7">
        <f t="shared" si="359"/>
        <v>382.63364999999999</v>
      </c>
      <c r="I22985" s="1"/>
    </row>
    <row r="22986" spans="1:9" x14ac:dyDescent="0.25">
      <c r="A22986" s="3">
        <v>41735.575474537036</v>
      </c>
      <c r="B22986" s="6">
        <v>382650.3</v>
      </c>
      <c r="C22986" s="7">
        <f t="shared" si="359"/>
        <v>382.65030000000002</v>
      </c>
      <c r="I22986" s="1"/>
    </row>
    <row r="22987" spans="1:9" x14ac:dyDescent="0.25">
      <c r="A22987" s="3">
        <v>41735.576377314814</v>
      </c>
      <c r="B22987" s="6">
        <v>382666.94999999995</v>
      </c>
      <c r="C22987" s="7">
        <f t="shared" si="359"/>
        <v>382.66694999999993</v>
      </c>
      <c r="I22987" s="1"/>
    </row>
    <row r="22988" spans="1:9" x14ac:dyDescent="0.25">
      <c r="A22988" s="3">
        <v>41735.576655092591</v>
      </c>
      <c r="B22988" s="6">
        <v>382683.6</v>
      </c>
      <c r="C22988" s="7">
        <f t="shared" si="359"/>
        <v>382.68359999999996</v>
      </c>
      <c r="I22988" s="1"/>
    </row>
    <row r="22989" spans="1:9" x14ac:dyDescent="0.25">
      <c r="A22989" s="3">
        <v>41735.579768518517</v>
      </c>
      <c r="B22989" s="6">
        <v>382700.24999999994</v>
      </c>
      <c r="C22989" s="7">
        <f t="shared" si="359"/>
        <v>382.70024999999993</v>
      </c>
      <c r="I22989" s="1"/>
    </row>
    <row r="22990" spans="1:9" x14ac:dyDescent="0.25">
      <c r="A22990" s="3">
        <v>41735.580393518518</v>
      </c>
      <c r="B22990" s="6">
        <v>382716.89999999997</v>
      </c>
      <c r="C22990" s="7">
        <f t="shared" si="359"/>
        <v>382.71689999999995</v>
      </c>
      <c r="I22990" s="1"/>
    </row>
    <row r="22991" spans="1:9" x14ac:dyDescent="0.25">
      <c r="A22991" s="3">
        <v>41735.582280092596</v>
      </c>
      <c r="B22991" s="6">
        <v>382733.55</v>
      </c>
      <c r="C22991" s="7">
        <f t="shared" si="359"/>
        <v>382.73354999999998</v>
      </c>
      <c r="I22991" s="1"/>
    </row>
    <row r="22992" spans="1:9" x14ac:dyDescent="0.25">
      <c r="A22992" s="3">
        <v>41735.582430555558</v>
      </c>
      <c r="B22992" s="6">
        <v>382750.19999999995</v>
      </c>
      <c r="C22992" s="7">
        <f t="shared" si="359"/>
        <v>382.75019999999995</v>
      </c>
      <c r="I22992" s="1"/>
    </row>
    <row r="22993" spans="1:9" x14ac:dyDescent="0.25">
      <c r="A22993" s="3">
        <v>41735.584652777776</v>
      </c>
      <c r="B22993" s="6">
        <v>382766.85</v>
      </c>
      <c r="C22993" s="7">
        <f t="shared" si="359"/>
        <v>382.76684999999998</v>
      </c>
      <c r="I22993" s="1"/>
    </row>
    <row r="22994" spans="1:9" x14ac:dyDescent="0.25">
      <c r="A22994" s="3">
        <v>41735.584780092591</v>
      </c>
      <c r="B22994" s="6">
        <v>382783.49999999994</v>
      </c>
      <c r="C22994" s="7">
        <f t="shared" si="359"/>
        <v>382.78349999999995</v>
      </c>
      <c r="I22994" s="1"/>
    </row>
    <row r="22995" spans="1:9" x14ac:dyDescent="0.25">
      <c r="A22995" s="3">
        <v>41735.586168981485</v>
      </c>
      <c r="B22995" s="6">
        <v>382800.14999999997</v>
      </c>
      <c r="C22995" s="7">
        <f t="shared" si="359"/>
        <v>382.80014999999997</v>
      </c>
      <c r="I22995" s="1"/>
    </row>
    <row r="22996" spans="1:9" x14ac:dyDescent="0.25">
      <c r="A22996" s="3">
        <v>41735.586319444446</v>
      </c>
      <c r="B22996" s="6">
        <v>382816.8</v>
      </c>
      <c r="C22996" s="7">
        <f t="shared" si="359"/>
        <v>382.8168</v>
      </c>
      <c r="I22996" s="1"/>
    </row>
    <row r="22997" spans="1:9" x14ac:dyDescent="0.25">
      <c r="A22997" s="3">
        <v>41735.588043981479</v>
      </c>
      <c r="B22997" s="6">
        <v>382833.44999999995</v>
      </c>
      <c r="C22997" s="7">
        <f t="shared" si="359"/>
        <v>382.83344999999997</v>
      </c>
      <c r="I22997" s="1"/>
    </row>
    <row r="22998" spans="1:9" x14ac:dyDescent="0.25">
      <c r="A22998" s="3">
        <v>41735.588148148148</v>
      </c>
      <c r="B22998" s="6">
        <v>382850.1</v>
      </c>
      <c r="C22998" s="7">
        <f t="shared" si="359"/>
        <v>382.8501</v>
      </c>
      <c r="I22998" s="1"/>
    </row>
    <row r="22999" spans="1:9" x14ac:dyDescent="0.25">
      <c r="A22999" s="3">
        <v>41735.590578703705</v>
      </c>
      <c r="B22999" s="6">
        <v>382866.74999999994</v>
      </c>
      <c r="C22999" s="7">
        <f t="shared" si="359"/>
        <v>382.86674999999997</v>
      </c>
      <c r="I22999" s="1"/>
    </row>
    <row r="23000" spans="1:9" x14ac:dyDescent="0.25">
      <c r="A23000" s="3">
        <v>41735.590682870374</v>
      </c>
      <c r="B23000" s="6">
        <v>382883.39999999997</v>
      </c>
      <c r="C23000" s="7">
        <f t="shared" si="359"/>
        <v>382.88339999999994</v>
      </c>
      <c r="I23000" s="1"/>
    </row>
    <row r="23001" spans="1:9" x14ac:dyDescent="0.25">
      <c r="A23001" s="3">
        <v>41735.592326388891</v>
      </c>
      <c r="B23001" s="6">
        <v>382900.05</v>
      </c>
      <c r="C23001" s="7">
        <f t="shared" si="359"/>
        <v>382.90004999999996</v>
      </c>
      <c r="I23001" s="1"/>
    </row>
    <row r="23002" spans="1:9" x14ac:dyDescent="0.25">
      <c r="A23002" s="3">
        <v>41735.592407407406</v>
      </c>
      <c r="B23002" s="6">
        <v>382916.69999999995</v>
      </c>
      <c r="C23002" s="7">
        <f t="shared" si="359"/>
        <v>382.91669999999993</v>
      </c>
      <c r="I23002" s="1"/>
    </row>
    <row r="23003" spans="1:9" x14ac:dyDescent="0.25">
      <c r="A23003" s="3">
        <v>41735.593263888892</v>
      </c>
      <c r="B23003" s="6">
        <v>382933.35</v>
      </c>
      <c r="C23003" s="7">
        <f t="shared" si="359"/>
        <v>382.93334999999996</v>
      </c>
      <c r="I23003" s="1"/>
    </row>
    <row r="23004" spans="1:9" x14ac:dyDescent="0.25">
      <c r="A23004" s="3">
        <v>41735.593344907407</v>
      </c>
      <c r="B23004" s="6">
        <v>382949.99999999994</v>
      </c>
      <c r="C23004" s="7">
        <f t="shared" si="359"/>
        <v>382.94999999999993</v>
      </c>
      <c r="I23004" s="1"/>
    </row>
    <row r="23005" spans="1:9" x14ac:dyDescent="0.25">
      <c r="A23005" s="3">
        <v>41735.594340277778</v>
      </c>
      <c r="B23005" s="6">
        <v>382966.64999999997</v>
      </c>
      <c r="C23005" s="7">
        <f t="shared" si="359"/>
        <v>382.96664999999996</v>
      </c>
      <c r="I23005" s="1"/>
    </row>
    <row r="23006" spans="1:9" x14ac:dyDescent="0.25">
      <c r="A23006" s="3">
        <v>41735.594398148147</v>
      </c>
      <c r="B23006" s="6">
        <v>382983.3</v>
      </c>
      <c r="C23006" s="7">
        <f t="shared" si="359"/>
        <v>382.98329999999999</v>
      </c>
      <c r="I23006" s="1"/>
    </row>
    <row r="23007" spans="1:9" x14ac:dyDescent="0.25">
      <c r="A23007" s="3">
        <v>41735.596250000002</v>
      </c>
      <c r="B23007" s="6">
        <v>382999.94999999995</v>
      </c>
      <c r="C23007" s="7">
        <f t="shared" si="359"/>
        <v>382.99994999999996</v>
      </c>
      <c r="I23007" s="1"/>
    </row>
    <row r="23008" spans="1:9" x14ac:dyDescent="0.25">
      <c r="A23008" s="3">
        <v>41735.596458333333</v>
      </c>
      <c r="B23008" s="6">
        <v>383016.6</v>
      </c>
      <c r="C23008" s="7">
        <f t="shared" si="359"/>
        <v>383.01659999999998</v>
      </c>
      <c r="I23008" s="1"/>
    </row>
    <row r="23009" spans="1:9" x14ac:dyDescent="0.25">
      <c r="A23009" s="3">
        <v>41735.598229166666</v>
      </c>
      <c r="B23009" s="6">
        <v>383033.24999999994</v>
      </c>
      <c r="C23009" s="7">
        <f t="shared" si="359"/>
        <v>383.03324999999995</v>
      </c>
      <c r="I23009" s="1"/>
    </row>
    <row r="23010" spans="1:9" x14ac:dyDescent="0.25">
      <c r="A23010" s="3">
        <v>41735.598553240743</v>
      </c>
      <c r="B23010" s="6">
        <v>383049.89999999997</v>
      </c>
      <c r="C23010" s="7">
        <f t="shared" si="359"/>
        <v>383.04989999999998</v>
      </c>
      <c r="I23010" s="1"/>
    </row>
    <row r="23011" spans="1:9" x14ac:dyDescent="0.25">
      <c r="A23011" s="3">
        <v>41735.602546296293</v>
      </c>
      <c r="B23011" s="6">
        <v>383066.55</v>
      </c>
      <c r="C23011" s="7">
        <f t="shared" si="359"/>
        <v>383.06655000000001</v>
      </c>
      <c r="I23011" s="1"/>
    </row>
    <row r="23012" spans="1:9" x14ac:dyDescent="0.25">
      <c r="A23012" s="3">
        <v>41735.602708333332</v>
      </c>
      <c r="B23012" s="6">
        <v>383083.19999999995</v>
      </c>
      <c r="C23012" s="7">
        <f t="shared" si="359"/>
        <v>383.08319999999998</v>
      </c>
      <c r="I23012" s="1"/>
    </row>
    <row r="23013" spans="1:9" x14ac:dyDescent="0.25">
      <c r="A23013" s="3">
        <v>41735.603495370371</v>
      </c>
      <c r="B23013" s="6">
        <v>383099.85</v>
      </c>
      <c r="C23013" s="7">
        <f t="shared" si="359"/>
        <v>383.09985</v>
      </c>
      <c r="I23013" s="1"/>
    </row>
    <row r="23014" spans="1:9" x14ac:dyDescent="0.25">
      <c r="A23014" s="3">
        <v>41735.603692129633</v>
      </c>
      <c r="B23014" s="6">
        <v>383116.49999999994</v>
      </c>
      <c r="C23014" s="7">
        <f t="shared" si="359"/>
        <v>383.11649999999992</v>
      </c>
      <c r="I23014" s="1"/>
    </row>
    <row r="23015" spans="1:9" x14ac:dyDescent="0.25">
      <c r="A23015" s="3">
        <v>41735.605509259258</v>
      </c>
      <c r="B23015" s="6">
        <v>383133.14999999997</v>
      </c>
      <c r="C23015" s="7">
        <f t="shared" si="359"/>
        <v>383.13314999999994</v>
      </c>
      <c r="I23015" s="1"/>
    </row>
    <row r="23016" spans="1:9" x14ac:dyDescent="0.25">
      <c r="A23016" s="3">
        <v>41735.605694444443</v>
      </c>
      <c r="B23016" s="6">
        <v>383149.8</v>
      </c>
      <c r="C23016" s="7">
        <f t="shared" si="359"/>
        <v>383.14979999999997</v>
      </c>
      <c r="I23016" s="1"/>
    </row>
    <row r="23017" spans="1:9" x14ac:dyDescent="0.25">
      <c r="A23017" s="3">
        <v>41735.607187499998</v>
      </c>
      <c r="B23017" s="6">
        <v>383166.44999999995</v>
      </c>
      <c r="C23017" s="7">
        <f t="shared" si="359"/>
        <v>383.16644999999994</v>
      </c>
      <c r="I23017" s="1"/>
    </row>
    <row r="23018" spans="1:9" x14ac:dyDescent="0.25">
      <c r="A23018" s="3">
        <v>41735.607256944444</v>
      </c>
      <c r="B23018" s="6">
        <v>383183.1</v>
      </c>
      <c r="C23018" s="7">
        <f t="shared" si="359"/>
        <v>383.18309999999997</v>
      </c>
      <c r="I23018" s="1"/>
    </row>
    <row r="23019" spans="1:9" x14ac:dyDescent="0.25">
      <c r="A23019" s="3">
        <v>41735.608287037037</v>
      </c>
      <c r="B23019" s="6">
        <v>383199.74999999994</v>
      </c>
      <c r="C23019" s="7">
        <f t="shared" si="359"/>
        <v>383.19974999999994</v>
      </c>
      <c r="I23019" s="1"/>
    </row>
    <row r="23020" spans="1:9" x14ac:dyDescent="0.25">
      <c r="A23020" s="3">
        <v>41735.608495370368</v>
      </c>
      <c r="B23020" s="6">
        <v>383216.39999999997</v>
      </c>
      <c r="C23020" s="7">
        <f t="shared" si="359"/>
        <v>383.21639999999996</v>
      </c>
      <c r="I23020" s="1"/>
    </row>
    <row r="23021" spans="1:9" x14ac:dyDescent="0.25">
      <c r="A23021" s="3">
        <v>41735.610231481478</v>
      </c>
      <c r="B23021" s="6">
        <v>383233.05</v>
      </c>
      <c r="C23021" s="7">
        <f t="shared" si="359"/>
        <v>383.23304999999999</v>
      </c>
      <c r="I23021" s="1"/>
    </row>
    <row r="23022" spans="1:9" x14ac:dyDescent="0.25">
      <c r="A23022" s="3">
        <v>41735.610347222224</v>
      </c>
      <c r="B23022" s="6">
        <v>383249.69999999995</v>
      </c>
      <c r="C23022" s="7">
        <f t="shared" si="359"/>
        <v>383.24969999999996</v>
      </c>
      <c r="I23022" s="1"/>
    </row>
    <row r="23023" spans="1:9" x14ac:dyDescent="0.25">
      <c r="A23023" s="3">
        <v>41735.61178240741</v>
      </c>
      <c r="B23023" s="6">
        <v>383266.35</v>
      </c>
      <c r="C23023" s="7">
        <f t="shared" si="359"/>
        <v>383.26634999999999</v>
      </c>
      <c r="I23023" s="1"/>
    </row>
    <row r="23024" spans="1:9" x14ac:dyDescent="0.25">
      <c r="A23024" s="3">
        <v>41735.611967592595</v>
      </c>
      <c r="B23024" s="6">
        <v>383282.99999999994</v>
      </c>
      <c r="C23024" s="7">
        <f t="shared" si="359"/>
        <v>383.28299999999996</v>
      </c>
      <c r="I23024" s="1"/>
    </row>
    <row r="23025" spans="1:9" x14ac:dyDescent="0.25">
      <c r="A23025" s="3">
        <v>41735.612916666665</v>
      </c>
      <c r="B23025" s="6">
        <v>383299.64999999997</v>
      </c>
      <c r="C23025" s="7">
        <f t="shared" si="359"/>
        <v>383.29964999999999</v>
      </c>
      <c r="I23025" s="1"/>
    </row>
    <row r="23026" spans="1:9" x14ac:dyDescent="0.25">
      <c r="A23026" s="3">
        <v>41735.613020833334</v>
      </c>
      <c r="B23026" s="6">
        <v>383316.3</v>
      </c>
      <c r="C23026" s="7">
        <f t="shared" si="359"/>
        <v>383.31630000000001</v>
      </c>
      <c r="I23026" s="1"/>
    </row>
    <row r="23027" spans="1:9" x14ac:dyDescent="0.25">
      <c r="A23027" s="3">
        <v>41735.614479166667</v>
      </c>
      <c r="B23027" s="6">
        <v>383332.94999999995</v>
      </c>
      <c r="C23027" s="7">
        <f t="shared" si="359"/>
        <v>383.33294999999993</v>
      </c>
      <c r="I23027" s="1"/>
    </row>
    <row r="23028" spans="1:9" x14ac:dyDescent="0.25">
      <c r="A23028" s="3">
        <v>41735.614733796298</v>
      </c>
      <c r="B23028" s="6">
        <v>383349.6</v>
      </c>
      <c r="C23028" s="7">
        <f t="shared" si="359"/>
        <v>383.34959999999995</v>
      </c>
      <c r="I23028" s="1"/>
    </row>
    <row r="23029" spans="1:9" x14ac:dyDescent="0.25">
      <c r="A23029" s="3">
        <v>41735.616539351853</v>
      </c>
      <c r="B23029" s="6">
        <v>383366.24999999994</v>
      </c>
      <c r="C23029" s="7">
        <f t="shared" si="359"/>
        <v>383.36624999999992</v>
      </c>
      <c r="I23029" s="1"/>
    </row>
    <row r="23030" spans="1:9" x14ac:dyDescent="0.25">
      <c r="A23030" s="3">
        <v>41735.616967592592</v>
      </c>
      <c r="B23030" s="6">
        <v>383382.89999999997</v>
      </c>
      <c r="C23030" s="7">
        <f t="shared" si="359"/>
        <v>383.38289999999995</v>
      </c>
      <c r="I23030" s="1"/>
    </row>
    <row r="23031" spans="1:9" x14ac:dyDescent="0.25">
      <c r="A23031" s="3">
        <v>41735.620081018518</v>
      </c>
      <c r="B23031" s="6">
        <v>383399.55</v>
      </c>
      <c r="C23031" s="7">
        <f t="shared" si="359"/>
        <v>383.39954999999998</v>
      </c>
      <c r="I23031" s="1"/>
    </row>
    <row r="23032" spans="1:9" x14ac:dyDescent="0.25">
      <c r="A23032" s="3">
        <v>41735.620532407411</v>
      </c>
      <c r="B23032" s="6">
        <v>383416.19999999995</v>
      </c>
      <c r="C23032" s="7">
        <f t="shared" si="359"/>
        <v>383.41619999999995</v>
      </c>
      <c r="I23032" s="1"/>
    </row>
    <row r="23033" spans="1:9" x14ac:dyDescent="0.25">
      <c r="A23033" s="3">
        <v>41735.62232638889</v>
      </c>
      <c r="B23033" s="6">
        <v>383432.85</v>
      </c>
      <c r="C23033" s="7">
        <f t="shared" si="359"/>
        <v>383.43284999999997</v>
      </c>
      <c r="I23033" s="1"/>
    </row>
    <row r="23034" spans="1:9" x14ac:dyDescent="0.25">
      <c r="A23034" s="3">
        <v>41735.623078703706</v>
      </c>
      <c r="B23034" s="6">
        <v>383449.49999999994</v>
      </c>
      <c r="C23034" s="7">
        <f t="shared" si="359"/>
        <v>383.44949999999994</v>
      </c>
      <c r="I23034" s="1"/>
    </row>
    <row r="23035" spans="1:9" x14ac:dyDescent="0.25">
      <c r="A23035" s="3">
        <v>41735.625231481485</v>
      </c>
      <c r="B23035" s="6">
        <v>383466.14999999997</v>
      </c>
      <c r="C23035" s="7">
        <f t="shared" si="359"/>
        <v>383.46614999999997</v>
      </c>
      <c r="I23035" s="1"/>
    </row>
    <row r="23036" spans="1:9" x14ac:dyDescent="0.25">
      <c r="A23036" s="3">
        <v>41735.625405092593</v>
      </c>
      <c r="B23036" s="6">
        <v>383482.8</v>
      </c>
      <c r="C23036" s="7">
        <f t="shared" si="359"/>
        <v>383.4828</v>
      </c>
      <c r="I23036" s="1"/>
    </row>
    <row r="23037" spans="1:9" x14ac:dyDescent="0.25">
      <c r="A23037" s="3">
        <v>41735.627835648149</v>
      </c>
      <c r="B23037" s="6">
        <v>383499.44999999995</v>
      </c>
      <c r="C23037" s="7">
        <f t="shared" si="359"/>
        <v>383.49944999999997</v>
      </c>
      <c r="I23037" s="1"/>
    </row>
    <row r="23038" spans="1:9" x14ac:dyDescent="0.25">
      <c r="A23038" s="3">
        <v>41735.628032407411</v>
      </c>
      <c r="B23038" s="6">
        <v>383516.1</v>
      </c>
      <c r="C23038" s="7">
        <f t="shared" si="359"/>
        <v>383.51609999999999</v>
      </c>
      <c r="I23038" s="1"/>
    </row>
    <row r="23039" spans="1:9" x14ac:dyDescent="0.25">
      <c r="A23039" s="3">
        <v>41735.630474537036</v>
      </c>
      <c r="B23039" s="6">
        <v>383532.74999999994</v>
      </c>
      <c r="C23039" s="7">
        <f t="shared" si="359"/>
        <v>383.53274999999996</v>
      </c>
      <c r="I23039" s="1"/>
    </row>
    <row r="23040" spans="1:9" x14ac:dyDescent="0.25">
      <c r="A23040" s="3">
        <v>41735.630543981482</v>
      </c>
      <c r="B23040" s="6">
        <v>383549.39999999997</v>
      </c>
      <c r="C23040" s="7">
        <f t="shared" si="359"/>
        <v>383.54939999999999</v>
      </c>
      <c r="I23040" s="1"/>
    </row>
    <row r="23041" spans="1:9" x14ac:dyDescent="0.25">
      <c r="A23041" s="3">
        <v>41735.631493055553</v>
      </c>
      <c r="B23041" s="6">
        <v>383566.05</v>
      </c>
      <c r="C23041" s="7">
        <f t="shared" si="359"/>
        <v>383.56604999999996</v>
      </c>
      <c r="I23041" s="1"/>
    </row>
    <row r="23042" spans="1:9" x14ac:dyDescent="0.25">
      <c r="A23042" s="3">
        <v>41735.631689814814</v>
      </c>
      <c r="B23042" s="6">
        <v>383582.69999999995</v>
      </c>
      <c r="C23042" s="7">
        <f t="shared" si="359"/>
        <v>383.58269999999993</v>
      </c>
      <c r="I23042" s="1"/>
    </row>
    <row r="23043" spans="1:9" x14ac:dyDescent="0.25">
      <c r="A23043" s="3">
        <v>41735.633726851855</v>
      </c>
      <c r="B23043" s="6">
        <v>383599.35</v>
      </c>
      <c r="C23043" s="7">
        <f t="shared" ref="C23043:C23106" si="360">B23043/1000</f>
        <v>383.59934999999996</v>
      </c>
      <c r="I23043" s="1"/>
    </row>
    <row r="23044" spans="1:9" x14ac:dyDescent="0.25">
      <c r="A23044" s="3">
        <v>41735.63385416667</v>
      </c>
      <c r="B23044" s="6">
        <v>383615.99999999994</v>
      </c>
      <c r="C23044" s="7">
        <f t="shared" si="360"/>
        <v>383.61599999999993</v>
      </c>
      <c r="I23044" s="1"/>
    </row>
    <row r="23045" spans="1:9" x14ac:dyDescent="0.25">
      <c r="A23045" s="3">
        <v>41735.636863425927</v>
      </c>
      <c r="B23045" s="6">
        <v>383632.64999999997</v>
      </c>
      <c r="C23045" s="7">
        <f t="shared" si="360"/>
        <v>383.63264999999996</v>
      </c>
      <c r="I23045" s="1"/>
    </row>
    <row r="23046" spans="1:9" x14ac:dyDescent="0.25">
      <c r="A23046" s="3">
        <v>41735.637048611112</v>
      </c>
      <c r="B23046" s="6">
        <v>383649.3</v>
      </c>
      <c r="C23046" s="7">
        <f t="shared" si="360"/>
        <v>383.64929999999998</v>
      </c>
      <c r="I23046" s="1"/>
    </row>
    <row r="23047" spans="1:9" x14ac:dyDescent="0.25">
      <c r="A23047" s="3">
        <v>41735.641041666669</v>
      </c>
      <c r="B23047" s="6">
        <v>383665.94999999995</v>
      </c>
      <c r="C23047" s="7">
        <f t="shared" si="360"/>
        <v>383.66594999999995</v>
      </c>
      <c r="I23047" s="1"/>
    </row>
    <row r="23048" spans="1:9" x14ac:dyDescent="0.25">
      <c r="A23048" s="3">
        <v>41735.641134259262</v>
      </c>
      <c r="B23048" s="6">
        <v>383682.6</v>
      </c>
      <c r="C23048" s="7">
        <f t="shared" si="360"/>
        <v>383.68259999999998</v>
      </c>
      <c r="I23048" s="1"/>
    </row>
    <row r="23049" spans="1:9" x14ac:dyDescent="0.25">
      <c r="A23049" s="3">
        <v>41735.651678240742</v>
      </c>
      <c r="B23049" s="6">
        <v>383699.24999999994</v>
      </c>
      <c r="C23049" s="7">
        <f t="shared" si="360"/>
        <v>383.69924999999995</v>
      </c>
      <c r="I23049" s="1"/>
    </row>
    <row r="23050" spans="1:9" x14ac:dyDescent="0.25">
      <c r="A23050" s="3">
        <v>41735.65283564815</v>
      </c>
      <c r="B23050" s="6">
        <v>383715.89999999997</v>
      </c>
      <c r="C23050" s="7">
        <f t="shared" si="360"/>
        <v>383.71589999999998</v>
      </c>
      <c r="I23050" s="1"/>
    </row>
    <row r="23051" spans="1:9" x14ac:dyDescent="0.25">
      <c r="A23051" s="3">
        <v>41735.655497685184</v>
      </c>
      <c r="B23051" s="6">
        <v>383732.55</v>
      </c>
      <c r="C23051" s="7">
        <f t="shared" si="360"/>
        <v>383.73255</v>
      </c>
      <c r="I23051" s="1"/>
    </row>
    <row r="23052" spans="1:9" x14ac:dyDescent="0.25">
      <c r="A23052" s="3">
        <v>41735.655706018515</v>
      </c>
      <c r="B23052" s="6">
        <v>383749.19999999995</v>
      </c>
      <c r="C23052" s="7">
        <f t="shared" si="360"/>
        <v>383.74919999999997</v>
      </c>
      <c r="I23052" s="1"/>
    </row>
    <row r="23053" spans="1:9" x14ac:dyDescent="0.25">
      <c r="A23053" s="3">
        <v>41735.660081018519</v>
      </c>
      <c r="B23053" s="6">
        <v>383765.85</v>
      </c>
      <c r="C23053" s="7">
        <f t="shared" si="360"/>
        <v>383.76585</v>
      </c>
      <c r="I23053" s="1"/>
    </row>
    <row r="23054" spans="1:9" x14ac:dyDescent="0.25">
      <c r="A23054" s="3">
        <v>41735.660208333335</v>
      </c>
      <c r="B23054" s="6">
        <v>383782.49999999994</v>
      </c>
      <c r="C23054" s="7">
        <f t="shared" si="360"/>
        <v>383.78249999999991</v>
      </c>
      <c r="I23054" s="1"/>
    </row>
    <row r="23055" spans="1:9" x14ac:dyDescent="0.25">
      <c r="A23055" s="3">
        <v>41735.661770833336</v>
      </c>
      <c r="B23055" s="6">
        <v>383799.14999999997</v>
      </c>
      <c r="C23055" s="7">
        <f t="shared" si="360"/>
        <v>383.79914999999994</v>
      </c>
      <c r="I23055" s="1"/>
    </row>
    <row r="23056" spans="1:9" x14ac:dyDescent="0.25">
      <c r="A23056" s="3">
        <v>41735.662291666667</v>
      </c>
      <c r="B23056" s="6">
        <v>383815.8</v>
      </c>
      <c r="C23056" s="7">
        <f t="shared" si="360"/>
        <v>383.81579999999997</v>
      </c>
      <c r="I23056" s="1"/>
    </row>
    <row r="23057" spans="1:9" x14ac:dyDescent="0.25">
      <c r="A23057" s="3">
        <v>41735.668599537035</v>
      </c>
      <c r="B23057" s="6">
        <v>383832.44999999995</v>
      </c>
      <c r="C23057" s="7">
        <f t="shared" si="360"/>
        <v>383.83244999999994</v>
      </c>
      <c r="I23057" s="1"/>
    </row>
    <row r="23058" spans="1:9" x14ac:dyDescent="0.25">
      <c r="A23058" s="3">
        <v>41735.668912037036</v>
      </c>
      <c r="B23058" s="6">
        <v>383849.1</v>
      </c>
      <c r="C23058" s="7">
        <f t="shared" si="360"/>
        <v>383.84909999999996</v>
      </c>
      <c r="I23058" s="1"/>
    </row>
    <row r="23059" spans="1:9" x14ac:dyDescent="0.25">
      <c r="A23059" s="3">
        <v>41735.670358796298</v>
      </c>
      <c r="B23059" s="6">
        <v>383865.74999999994</v>
      </c>
      <c r="C23059" s="7">
        <f t="shared" si="360"/>
        <v>383.86574999999993</v>
      </c>
      <c r="I23059" s="1"/>
    </row>
    <row r="23060" spans="1:9" x14ac:dyDescent="0.25">
      <c r="A23060" s="3">
        <v>41735.670520833337</v>
      </c>
      <c r="B23060" s="6">
        <v>383882.39999999997</v>
      </c>
      <c r="C23060" s="7">
        <f t="shared" si="360"/>
        <v>383.88239999999996</v>
      </c>
      <c r="I23060" s="1"/>
    </row>
    <row r="23061" spans="1:9" x14ac:dyDescent="0.25">
      <c r="A23061" s="3">
        <v>41735.671979166669</v>
      </c>
      <c r="B23061" s="6">
        <v>383899.05</v>
      </c>
      <c r="C23061" s="7">
        <f t="shared" si="360"/>
        <v>383.89904999999999</v>
      </c>
      <c r="I23061" s="1"/>
    </row>
    <row r="23062" spans="1:9" x14ac:dyDescent="0.25">
      <c r="A23062" s="3">
        <v>41735.672199074077</v>
      </c>
      <c r="B23062" s="6">
        <v>383915.69999999995</v>
      </c>
      <c r="C23062" s="7">
        <f t="shared" si="360"/>
        <v>383.91569999999996</v>
      </c>
      <c r="I23062" s="1"/>
    </row>
    <row r="23063" spans="1:9" x14ac:dyDescent="0.25">
      <c r="A23063" s="3">
        <v>41735.673761574071</v>
      </c>
      <c r="B23063" s="6">
        <v>383932.35</v>
      </c>
      <c r="C23063" s="7">
        <f t="shared" si="360"/>
        <v>383.93234999999999</v>
      </c>
      <c r="I23063" s="1"/>
    </row>
    <row r="23064" spans="1:9" x14ac:dyDescent="0.25">
      <c r="A23064" s="3">
        <v>41735.674039351848</v>
      </c>
      <c r="B23064" s="6">
        <v>383948.99999999994</v>
      </c>
      <c r="C23064" s="7">
        <f t="shared" si="360"/>
        <v>383.94899999999996</v>
      </c>
      <c r="I23064" s="1"/>
    </row>
    <row r="23065" spans="1:9" x14ac:dyDescent="0.25">
      <c r="A23065" s="3">
        <v>41735.676354166666</v>
      </c>
      <c r="B23065" s="6">
        <v>383965.64999999997</v>
      </c>
      <c r="C23065" s="7">
        <f t="shared" si="360"/>
        <v>383.96564999999998</v>
      </c>
      <c r="I23065" s="1"/>
    </row>
    <row r="23066" spans="1:9" x14ac:dyDescent="0.25">
      <c r="A23066" s="3">
        <v>41735.676435185182</v>
      </c>
      <c r="B23066" s="6">
        <v>383982.3</v>
      </c>
      <c r="C23066" s="7">
        <f t="shared" si="360"/>
        <v>383.98230000000001</v>
      </c>
      <c r="I23066" s="1"/>
    </row>
    <row r="23067" spans="1:9" x14ac:dyDescent="0.25">
      <c r="A23067" s="3">
        <v>41735.677465277775</v>
      </c>
      <c r="B23067" s="6">
        <v>383998.94999999995</v>
      </c>
      <c r="C23067" s="7">
        <f t="shared" si="360"/>
        <v>383.99894999999998</v>
      </c>
      <c r="I23067" s="1"/>
    </row>
    <row r="23068" spans="1:9" x14ac:dyDescent="0.25">
      <c r="A23068" s="3">
        <v>41735.677604166667</v>
      </c>
      <c r="B23068" s="6">
        <v>384015.6</v>
      </c>
      <c r="C23068" s="7">
        <f t="shared" si="360"/>
        <v>384.01559999999995</v>
      </c>
      <c r="I23068" s="1"/>
    </row>
    <row r="23069" spans="1:9" x14ac:dyDescent="0.25">
      <c r="A23069" s="3">
        <v>41735.681851851848</v>
      </c>
      <c r="B23069" s="6">
        <v>384032.24999999994</v>
      </c>
      <c r="C23069" s="7">
        <f t="shared" si="360"/>
        <v>384.03224999999992</v>
      </c>
      <c r="I23069" s="1"/>
    </row>
    <row r="23070" spans="1:9" x14ac:dyDescent="0.25">
      <c r="A23070" s="3">
        <v>41735.682002314818</v>
      </c>
      <c r="B23070" s="6">
        <v>384048.89999999997</v>
      </c>
      <c r="C23070" s="7">
        <f t="shared" si="360"/>
        <v>384.04889999999995</v>
      </c>
      <c r="I23070" s="1"/>
    </row>
    <row r="23071" spans="1:9" x14ac:dyDescent="0.25">
      <c r="A23071" s="3">
        <v>41735.683368055557</v>
      </c>
      <c r="B23071" s="6">
        <v>384065.55</v>
      </c>
      <c r="C23071" s="7">
        <f t="shared" si="360"/>
        <v>384.06554999999997</v>
      </c>
      <c r="I23071" s="1"/>
    </row>
    <row r="23072" spans="1:9" x14ac:dyDescent="0.25">
      <c r="A23072" s="3">
        <v>41735.683576388888</v>
      </c>
      <c r="B23072" s="6">
        <v>384082.19999999995</v>
      </c>
      <c r="C23072" s="7">
        <f t="shared" si="360"/>
        <v>384.08219999999994</v>
      </c>
      <c r="I23072" s="1"/>
    </row>
    <row r="23073" spans="1:9" x14ac:dyDescent="0.25">
      <c r="A23073" s="3">
        <v>41735.68513888889</v>
      </c>
      <c r="B23073" s="6">
        <v>384098.85</v>
      </c>
      <c r="C23073" s="7">
        <f t="shared" si="360"/>
        <v>384.09884999999997</v>
      </c>
      <c r="I23073" s="1"/>
    </row>
    <row r="23074" spans="1:9" x14ac:dyDescent="0.25">
      <c r="A23074" s="3">
        <v>41735.685590277775</v>
      </c>
      <c r="B23074" s="6">
        <v>384115.49999999994</v>
      </c>
      <c r="C23074" s="7">
        <f t="shared" si="360"/>
        <v>384.11549999999994</v>
      </c>
      <c r="I23074" s="1"/>
    </row>
    <row r="23075" spans="1:9" x14ac:dyDescent="0.25">
      <c r="A23075" s="3">
        <v>41735.687083333331</v>
      </c>
      <c r="B23075" s="6">
        <v>384132.14999999997</v>
      </c>
      <c r="C23075" s="7">
        <f t="shared" si="360"/>
        <v>384.13214999999997</v>
      </c>
      <c r="I23075" s="1"/>
    </row>
    <row r="23076" spans="1:9" x14ac:dyDescent="0.25">
      <c r="A23076" s="3">
        <v>41735.687581018516</v>
      </c>
      <c r="B23076" s="6">
        <v>384148.8</v>
      </c>
      <c r="C23076" s="7">
        <f t="shared" si="360"/>
        <v>384.14879999999999</v>
      </c>
      <c r="I23076" s="1"/>
    </row>
    <row r="23077" spans="1:9" x14ac:dyDescent="0.25">
      <c r="A23077" s="3">
        <v>41735.691527777781</v>
      </c>
      <c r="B23077" s="6">
        <v>384165.44999999995</v>
      </c>
      <c r="C23077" s="7">
        <f t="shared" si="360"/>
        <v>384.16544999999996</v>
      </c>
      <c r="I23077" s="1"/>
    </row>
    <row r="23078" spans="1:9" x14ac:dyDescent="0.25">
      <c r="A23078" s="3">
        <v>41735.691631944443</v>
      </c>
      <c r="B23078" s="6">
        <v>384182.1</v>
      </c>
      <c r="C23078" s="7">
        <f t="shared" si="360"/>
        <v>384.18209999999999</v>
      </c>
      <c r="I23078" s="1"/>
    </row>
    <row r="23079" spans="1:9" x14ac:dyDescent="0.25">
      <c r="A23079" s="3">
        <v>41735.692777777775</v>
      </c>
      <c r="B23079" s="6">
        <v>384198.74999999994</v>
      </c>
      <c r="C23079" s="7">
        <f t="shared" si="360"/>
        <v>384.19874999999996</v>
      </c>
      <c r="I23079" s="1"/>
    </row>
    <row r="23080" spans="1:9" x14ac:dyDescent="0.25">
      <c r="A23080" s="3">
        <v>41735.692881944444</v>
      </c>
      <c r="B23080" s="6">
        <v>384215.39999999997</v>
      </c>
      <c r="C23080" s="7">
        <f t="shared" si="360"/>
        <v>384.21539999999999</v>
      </c>
      <c r="I23080" s="1"/>
    </row>
    <row r="23081" spans="1:9" x14ac:dyDescent="0.25">
      <c r="A23081" s="3">
        <v>41735.694537037038</v>
      </c>
      <c r="B23081" s="6">
        <v>384232.05</v>
      </c>
      <c r="C23081" s="7">
        <f t="shared" si="360"/>
        <v>384.23205000000002</v>
      </c>
      <c r="I23081" s="1"/>
    </row>
    <row r="23082" spans="1:9" x14ac:dyDescent="0.25">
      <c r="A23082" s="3">
        <v>41735.694675925923</v>
      </c>
      <c r="B23082" s="6">
        <v>384248.69999999995</v>
      </c>
      <c r="C23082" s="7">
        <f t="shared" si="360"/>
        <v>384.24869999999993</v>
      </c>
      <c r="I23082" s="1"/>
    </row>
    <row r="23083" spans="1:9" x14ac:dyDescent="0.25">
      <c r="A23083" s="3">
        <v>41735.696250000001</v>
      </c>
      <c r="B23083" s="6">
        <v>384265.35</v>
      </c>
      <c r="C23083" s="7">
        <f t="shared" si="360"/>
        <v>384.26534999999996</v>
      </c>
      <c r="I23083" s="1"/>
    </row>
    <row r="23084" spans="1:9" x14ac:dyDescent="0.25">
      <c r="A23084" s="3">
        <v>41735.696342592593</v>
      </c>
      <c r="B23084" s="6">
        <v>384281.99999999994</v>
      </c>
      <c r="C23084" s="7">
        <f t="shared" si="360"/>
        <v>384.28199999999993</v>
      </c>
      <c r="I23084" s="1"/>
    </row>
    <row r="23085" spans="1:9" x14ac:dyDescent="0.25">
      <c r="A23085" s="3">
        <v>41735.698275462964</v>
      </c>
      <c r="B23085" s="6">
        <v>384298.64999999997</v>
      </c>
      <c r="C23085" s="7">
        <f t="shared" si="360"/>
        <v>384.29864999999995</v>
      </c>
      <c r="I23085" s="1"/>
    </row>
    <row r="23086" spans="1:9" x14ac:dyDescent="0.25">
      <c r="A23086" s="3">
        <v>41735.698773148149</v>
      </c>
      <c r="B23086" s="6">
        <v>384315.3</v>
      </c>
      <c r="C23086" s="7">
        <f t="shared" si="360"/>
        <v>384.31529999999998</v>
      </c>
      <c r="I23086" s="1"/>
    </row>
    <row r="23087" spans="1:9" x14ac:dyDescent="0.25">
      <c r="A23087" s="3">
        <v>41735.70076388889</v>
      </c>
      <c r="B23087" s="6">
        <v>384331.94999999995</v>
      </c>
      <c r="C23087" s="7">
        <f t="shared" si="360"/>
        <v>384.33194999999995</v>
      </c>
      <c r="I23087" s="1"/>
    </row>
    <row r="23088" spans="1:9" x14ac:dyDescent="0.25">
      <c r="A23088" s="3">
        <v>41735.700821759259</v>
      </c>
      <c r="B23088" s="6">
        <v>384348.6</v>
      </c>
      <c r="C23088" s="7">
        <f t="shared" si="360"/>
        <v>384.34859999999998</v>
      </c>
      <c r="I23088" s="1"/>
    </row>
    <row r="23089" spans="1:9" x14ac:dyDescent="0.25">
      <c r="A23089" s="3">
        <v>41735.701944444445</v>
      </c>
      <c r="B23089" s="6">
        <v>384365.24999999994</v>
      </c>
      <c r="C23089" s="7">
        <f t="shared" si="360"/>
        <v>384.36524999999995</v>
      </c>
      <c r="I23089" s="1"/>
    </row>
    <row r="23090" spans="1:9" x14ac:dyDescent="0.25">
      <c r="A23090" s="3">
        <v>41735.702048611114</v>
      </c>
      <c r="B23090" s="6">
        <v>384381.89999999997</v>
      </c>
      <c r="C23090" s="7">
        <f t="shared" si="360"/>
        <v>384.38189999999997</v>
      </c>
      <c r="I23090" s="1"/>
    </row>
    <row r="23091" spans="1:9" x14ac:dyDescent="0.25">
      <c r="A23091" s="3">
        <v>41735.703981481478</v>
      </c>
      <c r="B23091" s="6">
        <v>384398.55</v>
      </c>
      <c r="C23091" s="7">
        <f t="shared" si="360"/>
        <v>384.39855</v>
      </c>
      <c r="I23091" s="1"/>
    </row>
    <row r="23092" spans="1:9" x14ac:dyDescent="0.25">
      <c r="A23092" s="3">
        <v>41735.704108796293</v>
      </c>
      <c r="B23092" s="6">
        <v>384415.19999999995</v>
      </c>
      <c r="C23092" s="7">
        <f t="shared" si="360"/>
        <v>384.41519999999997</v>
      </c>
      <c r="I23092" s="1"/>
    </row>
    <row r="23093" spans="1:9" x14ac:dyDescent="0.25">
      <c r="A23093" s="3">
        <v>41735.704791666663</v>
      </c>
      <c r="B23093" s="6">
        <v>384431.85</v>
      </c>
      <c r="C23093" s="7">
        <f t="shared" si="360"/>
        <v>384.43185</v>
      </c>
      <c r="I23093" s="1"/>
    </row>
    <row r="23094" spans="1:9" x14ac:dyDescent="0.25">
      <c r="A23094" s="3">
        <v>41735.704895833333</v>
      </c>
      <c r="B23094" s="6">
        <v>384448.49999999994</v>
      </c>
      <c r="C23094" s="7">
        <f t="shared" si="360"/>
        <v>384.44849999999997</v>
      </c>
      <c r="I23094" s="1"/>
    </row>
    <row r="23095" spans="1:9" x14ac:dyDescent="0.25">
      <c r="A23095" s="3">
        <v>41735.706354166665</v>
      </c>
      <c r="B23095" s="6">
        <v>384465.14999999997</v>
      </c>
      <c r="C23095" s="7">
        <f t="shared" si="360"/>
        <v>384.46514999999994</v>
      </c>
      <c r="I23095" s="1"/>
    </row>
    <row r="23096" spans="1:9" x14ac:dyDescent="0.25">
      <c r="A23096" s="3">
        <v>41735.70648148148</v>
      </c>
      <c r="B23096" s="6">
        <v>384481.8</v>
      </c>
      <c r="C23096" s="7">
        <f t="shared" si="360"/>
        <v>384.48179999999996</v>
      </c>
      <c r="I23096" s="1"/>
    </row>
    <row r="23097" spans="1:9" x14ac:dyDescent="0.25">
      <c r="A23097" s="3">
        <v>41735.707835648151</v>
      </c>
      <c r="B23097" s="6">
        <v>384498.44999999995</v>
      </c>
      <c r="C23097" s="7">
        <f t="shared" si="360"/>
        <v>384.49844999999993</v>
      </c>
      <c r="I23097" s="1"/>
    </row>
    <row r="23098" spans="1:9" x14ac:dyDescent="0.25">
      <c r="A23098" s="3">
        <v>41735.70789351852</v>
      </c>
      <c r="B23098" s="6">
        <v>384515.1</v>
      </c>
      <c r="C23098" s="7">
        <f t="shared" si="360"/>
        <v>384.51509999999996</v>
      </c>
      <c r="I23098" s="1"/>
    </row>
    <row r="23099" spans="1:9" x14ac:dyDescent="0.25">
      <c r="A23099" s="3">
        <v>41735.708796296298</v>
      </c>
      <c r="B23099" s="6">
        <v>384531.74999999994</v>
      </c>
      <c r="C23099" s="7">
        <f t="shared" si="360"/>
        <v>384.53174999999993</v>
      </c>
      <c r="I23099" s="1"/>
    </row>
    <row r="23100" spans="1:9" x14ac:dyDescent="0.25">
      <c r="A23100" s="3">
        <v>41735.708958333336</v>
      </c>
      <c r="B23100" s="6">
        <v>384548.39999999997</v>
      </c>
      <c r="C23100" s="7">
        <f t="shared" si="360"/>
        <v>384.54839999999996</v>
      </c>
      <c r="I23100" s="1"/>
    </row>
    <row r="23101" spans="1:9" x14ac:dyDescent="0.25">
      <c r="A23101" s="3">
        <v>41735.709814814814</v>
      </c>
      <c r="B23101" s="6">
        <v>384565.05</v>
      </c>
      <c r="C23101" s="7">
        <f t="shared" si="360"/>
        <v>384.56504999999999</v>
      </c>
      <c r="I23101" s="1"/>
    </row>
    <row r="23102" spans="1:9" x14ac:dyDescent="0.25">
      <c r="A23102" s="3">
        <v>41735.709861111114</v>
      </c>
      <c r="B23102" s="6">
        <v>384581.69999999995</v>
      </c>
      <c r="C23102" s="7">
        <f t="shared" si="360"/>
        <v>384.58169999999996</v>
      </c>
      <c r="I23102" s="1"/>
    </row>
    <row r="23103" spans="1:9" x14ac:dyDescent="0.25">
      <c r="A23103" s="3">
        <v>41735.710636574076</v>
      </c>
      <c r="B23103" s="6">
        <v>384598.35</v>
      </c>
      <c r="C23103" s="7">
        <f t="shared" si="360"/>
        <v>384.59834999999998</v>
      </c>
      <c r="I23103" s="1"/>
    </row>
    <row r="23104" spans="1:9" x14ac:dyDescent="0.25">
      <c r="A23104" s="3">
        <v>41735.710717592592</v>
      </c>
      <c r="B23104" s="6">
        <v>384614.99999999994</v>
      </c>
      <c r="C23104" s="7">
        <f t="shared" si="360"/>
        <v>384.61499999999995</v>
      </c>
      <c r="I23104" s="1"/>
    </row>
    <row r="23105" spans="1:9" x14ac:dyDescent="0.25">
      <c r="A23105" s="3">
        <v>41735.711631944447</v>
      </c>
      <c r="B23105" s="6">
        <v>384631.64999999997</v>
      </c>
      <c r="C23105" s="7">
        <f t="shared" si="360"/>
        <v>384.63164999999998</v>
      </c>
      <c r="I23105" s="1"/>
    </row>
    <row r="23106" spans="1:9" x14ac:dyDescent="0.25">
      <c r="A23106" s="3">
        <v>41735.711701388886</v>
      </c>
      <c r="B23106" s="6">
        <v>384648.3</v>
      </c>
      <c r="C23106" s="7">
        <f t="shared" si="360"/>
        <v>384.64830000000001</v>
      </c>
      <c r="I23106" s="1"/>
    </row>
    <row r="23107" spans="1:9" x14ac:dyDescent="0.25">
      <c r="A23107" s="3">
        <v>41735.713055555556</v>
      </c>
      <c r="B23107" s="6">
        <v>384664.94999999995</v>
      </c>
      <c r="C23107" s="7">
        <f t="shared" ref="C23107:C23170" si="361">B23107/1000</f>
        <v>384.66494999999998</v>
      </c>
      <c r="I23107" s="1"/>
    </row>
    <row r="23108" spans="1:9" x14ac:dyDescent="0.25">
      <c r="A23108" s="3">
        <v>41735.713483796295</v>
      </c>
      <c r="B23108" s="6">
        <v>384681.6</v>
      </c>
      <c r="C23108" s="7">
        <f t="shared" si="361"/>
        <v>384.6816</v>
      </c>
      <c r="I23108" s="1"/>
    </row>
    <row r="23109" spans="1:9" x14ac:dyDescent="0.25">
      <c r="A23109" s="3">
        <v>41735.714999999997</v>
      </c>
      <c r="B23109" s="6">
        <v>384698.24999999994</v>
      </c>
      <c r="C23109" s="7">
        <f t="shared" si="361"/>
        <v>384.69824999999992</v>
      </c>
      <c r="I23109" s="1"/>
    </row>
    <row r="23110" spans="1:9" x14ac:dyDescent="0.25">
      <c r="A23110" s="3">
        <v>41735.715208333335</v>
      </c>
      <c r="B23110" s="6">
        <v>384714.89999999997</v>
      </c>
      <c r="C23110" s="7">
        <f t="shared" si="361"/>
        <v>384.71489999999994</v>
      </c>
      <c r="I23110" s="1"/>
    </row>
    <row r="23111" spans="1:9" x14ac:dyDescent="0.25">
      <c r="A23111" s="3">
        <v>41735.716307870367</v>
      </c>
      <c r="B23111" s="6">
        <v>384731.55</v>
      </c>
      <c r="C23111" s="7">
        <f t="shared" si="361"/>
        <v>384.73154999999997</v>
      </c>
      <c r="I23111" s="1"/>
    </row>
    <row r="23112" spans="1:9" x14ac:dyDescent="0.25">
      <c r="A23112" s="3">
        <v>41735.716377314813</v>
      </c>
      <c r="B23112" s="6">
        <v>384748.19999999995</v>
      </c>
      <c r="C23112" s="7">
        <f t="shared" si="361"/>
        <v>384.74819999999994</v>
      </c>
      <c r="I23112" s="1"/>
    </row>
    <row r="23113" spans="1:9" x14ac:dyDescent="0.25">
      <c r="A23113" s="3">
        <v>41735.716990740744</v>
      </c>
      <c r="B23113" s="6">
        <v>384764.85</v>
      </c>
      <c r="C23113" s="7">
        <f t="shared" si="361"/>
        <v>384.76484999999997</v>
      </c>
      <c r="I23113" s="1"/>
    </row>
    <row r="23114" spans="1:9" x14ac:dyDescent="0.25">
      <c r="A23114" s="3">
        <v>41735.717048611114</v>
      </c>
      <c r="B23114" s="6">
        <v>384781.49999999994</v>
      </c>
      <c r="C23114" s="7">
        <f t="shared" si="361"/>
        <v>384.78149999999994</v>
      </c>
      <c r="I23114" s="1"/>
    </row>
    <row r="23115" spans="1:9" x14ac:dyDescent="0.25">
      <c r="A23115" s="3">
        <v>41735.717824074076</v>
      </c>
      <c r="B23115" s="6">
        <v>384798.14999999997</v>
      </c>
      <c r="C23115" s="7">
        <f t="shared" si="361"/>
        <v>384.79814999999996</v>
      </c>
      <c r="I23115" s="1"/>
    </row>
    <row r="23116" spans="1:9" x14ac:dyDescent="0.25">
      <c r="A23116" s="3">
        <v>41735.717951388891</v>
      </c>
      <c r="B23116" s="6">
        <v>384814.8</v>
      </c>
      <c r="C23116" s="7">
        <f t="shared" si="361"/>
        <v>384.81479999999999</v>
      </c>
      <c r="I23116" s="1"/>
    </row>
    <row r="23117" spans="1:9" x14ac:dyDescent="0.25">
      <c r="A23117" s="3">
        <v>41735.719664351855</v>
      </c>
      <c r="B23117" s="6">
        <v>384831.44999999995</v>
      </c>
      <c r="C23117" s="7">
        <f t="shared" si="361"/>
        <v>384.83144999999996</v>
      </c>
      <c r="I23117" s="1"/>
    </row>
    <row r="23118" spans="1:9" x14ac:dyDescent="0.25">
      <c r="A23118" s="3">
        <v>41735.719837962963</v>
      </c>
      <c r="B23118" s="6">
        <v>384848.1</v>
      </c>
      <c r="C23118" s="7">
        <f t="shared" si="361"/>
        <v>384.84809999999999</v>
      </c>
      <c r="I23118" s="1"/>
    </row>
    <row r="23119" spans="1:9" x14ac:dyDescent="0.25">
      <c r="A23119" s="3">
        <v>41735.721250000002</v>
      </c>
      <c r="B23119" s="6">
        <v>384864.74999999994</v>
      </c>
      <c r="C23119" s="7">
        <f t="shared" si="361"/>
        <v>384.86474999999996</v>
      </c>
      <c r="I23119" s="1"/>
    </row>
    <row r="23120" spans="1:9" x14ac:dyDescent="0.25">
      <c r="A23120" s="3">
        <v>41735.721388888887</v>
      </c>
      <c r="B23120" s="6">
        <v>384881.39999999997</v>
      </c>
      <c r="C23120" s="7">
        <f t="shared" si="361"/>
        <v>384.88139999999999</v>
      </c>
      <c r="I23120" s="1"/>
    </row>
    <row r="23121" spans="1:9" x14ac:dyDescent="0.25">
      <c r="A23121" s="3">
        <v>41735.722974537035</v>
      </c>
      <c r="B23121" s="6">
        <v>384898.05</v>
      </c>
      <c r="C23121" s="7">
        <f t="shared" si="361"/>
        <v>384.89805000000001</v>
      </c>
      <c r="I23121" s="1"/>
    </row>
    <row r="23122" spans="1:9" x14ac:dyDescent="0.25">
      <c r="A23122" s="3">
        <v>41735.723043981481</v>
      </c>
      <c r="B23122" s="6">
        <v>384914.69999999995</v>
      </c>
      <c r="C23122" s="7">
        <f t="shared" si="361"/>
        <v>384.91469999999993</v>
      </c>
      <c r="I23122" s="1"/>
    </row>
    <row r="23123" spans="1:9" x14ac:dyDescent="0.25">
      <c r="A23123" s="3">
        <v>41735.72378472222</v>
      </c>
      <c r="B23123" s="6">
        <v>384931.35</v>
      </c>
      <c r="C23123" s="7">
        <f t="shared" si="361"/>
        <v>384.93134999999995</v>
      </c>
      <c r="I23123" s="1"/>
    </row>
    <row r="23124" spans="1:9" x14ac:dyDescent="0.25">
      <c r="A23124" s="3">
        <v>41735.723854166667</v>
      </c>
      <c r="B23124" s="6">
        <v>384947.99999999994</v>
      </c>
      <c r="C23124" s="7">
        <f t="shared" si="361"/>
        <v>384.94799999999992</v>
      </c>
      <c r="I23124" s="1"/>
    </row>
    <row r="23125" spans="1:9" x14ac:dyDescent="0.25">
      <c r="A23125" s="3">
        <v>41735.725243055553</v>
      </c>
      <c r="B23125" s="6">
        <v>384964.64999999997</v>
      </c>
      <c r="C23125" s="7">
        <f t="shared" si="361"/>
        <v>384.96464999999995</v>
      </c>
      <c r="I23125" s="1"/>
    </row>
    <row r="23126" spans="1:9" x14ac:dyDescent="0.25">
      <c r="A23126" s="3">
        <v>41735.725451388891</v>
      </c>
      <c r="B23126" s="6">
        <v>384981.3</v>
      </c>
      <c r="C23126" s="7">
        <f t="shared" si="361"/>
        <v>384.98129999999998</v>
      </c>
      <c r="I23126" s="1"/>
    </row>
    <row r="23127" spans="1:9" x14ac:dyDescent="0.25">
      <c r="A23127" s="3">
        <v>41735.727013888885</v>
      </c>
      <c r="B23127" s="6">
        <v>384997.94999999995</v>
      </c>
      <c r="C23127" s="7">
        <f t="shared" si="361"/>
        <v>384.99794999999995</v>
      </c>
      <c r="I23127" s="1"/>
    </row>
    <row r="23128" spans="1:9" x14ac:dyDescent="0.25">
      <c r="A23128" s="3">
        <v>41735.727152777778</v>
      </c>
      <c r="B23128" s="6">
        <v>385014.6</v>
      </c>
      <c r="C23128" s="7">
        <f t="shared" si="361"/>
        <v>385.01459999999997</v>
      </c>
      <c r="I23128" s="1"/>
    </row>
    <row r="23129" spans="1:9" x14ac:dyDescent="0.25">
      <c r="A23129" s="3">
        <v>41735.728298611109</v>
      </c>
      <c r="B23129" s="6">
        <v>385031.24999999994</v>
      </c>
      <c r="C23129" s="7">
        <f t="shared" si="361"/>
        <v>385.03124999999994</v>
      </c>
      <c r="I23129" s="1"/>
    </row>
    <row r="23130" spans="1:9" x14ac:dyDescent="0.25">
      <c r="A23130" s="3">
        <v>41735.729027777779</v>
      </c>
      <c r="B23130" s="6">
        <v>385047.89999999997</v>
      </c>
      <c r="C23130" s="7">
        <f t="shared" si="361"/>
        <v>385.04789999999997</v>
      </c>
      <c r="I23130" s="1"/>
    </row>
    <row r="23131" spans="1:9" x14ac:dyDescent="0.25">
      <c r="A23131" s="3">
        <v>41735.729884259257</v>
      </c>
      <c r="B23131" s="6">
        <v>385064.55</v>
      </c>
      <c r="C23131" s="7">
        <f t="shared" si="361"/>
        <v>385.06455</v>
      </c>
      <c r="I23131" s="1"/>
    </row>
    <row r="23132" spans="1:9" x14ac:dyDescent="0.25">
      <c r="A23132" s="3">
        <v>41735.730312500003</v>
      </c>
      <c r="B23132" s="6">
        <v>385081.19999999995</v>
      </c>
      <c r="C23132" s="7">
        <f t="shared" si="361"/>
        <v>385.08119999999997</v>
      </c>
      <c r="I23132" s="1"/>
    </row>
    <row r="23133" spans="1:9" x14ac:dyDescent="0.25">
      <c r="A23133" s="3">
        <v>41735.732025462959</v>
      </c>
      <c r="B23133" s="6">
        <v>385097.85</v>
      </c>
      <c r="C23133" s="7">
        <f t="shared" si="361"/>
        <v>385.09784999999999</v>
      </c>
      <c r="I23133" s="1"/>
    </row>
    <row r="23134" spans="1:9" x14ac:dyDescent="0.25">
      <c r="A23134" s="3">
        <v>41735.732314814813</v>
      </c>
      <c r="B23134" s="6">
        <v>385114.49999999994</v>
      </c>
      <c r="C23134" s="7">
        <f t="shared" si="361"/>
        <v>385.11449999999996</v>
      </c>
      <c r="I23134" s="1"/>
    </row>
    <row r="23135" spans="1:9" x14ac:dyDescent="0.25">
      <c r="A23135" s="3">
        <v>41735.73364583333</v>
      </c>
      <c r="B23135" s="6">
        <v>385131.14999999997</v>
      </c>
      <c r="C23135" s="7">
        <f t="shared" si="361"/>
        <v>385.13114999999999</v>
      </c>
      <c r="I23135" s="1"/>
    </row>
    <row r="23136" spans="1:9" x14ac:dyDescent="0.25">
      <c r="A23136" s="3">
        <v>41735.733865740738</v>
      </c>
      <c r="B23136" s="6">
        <v>385147.8</v>
      </c>
      <c r="C23136" s="7">
        <f t="shared" si="361"/>
        <v>385.14779999999996</v>
      </c>
      <c r="I23136" s="1"/>
    </row>
    <row r="23137" spans="1:9" x14ac:dyDescent="0.25">
      <c r="A23137" s="3">
        <v>41735.73578703704</v>
      </c>
      <c r="B23137" s="6">
        <v>385164.44999999995</v>
      </c>
      <c r="C23137" s="7">
        <f t="shared" si="361"/>
        <v>385.16444999999993</v>
      </c>
      <c r="I23137" s="1"/>
    </row>
    <row r="23138" spans="1:9" x14ac:dyDescent="0.25">
      <c r="A23138" s="3">
        <v>41735.736041666663</v>
      </c>
      <c r="B23138" s="6">
        <v>385181.1</v>
      </c>
      <c r="C23138" s="7">
        <f t="shared" si="361"/>
        <v>385.18109999999996</v>
      </c>
      <c r="I23138" s="1"/>
    </row>
    <row r="23139" spans="1:9" x14ac:dyDescent="0.25">
      <c r="A23139" s="3">
        <v>41735.738599537035</v>
      </c>
      <c r="B23139" s="6">
        <v>385197.74999999994</v>
      </c>
      <c r="C23139" s="7">
        <f t="shared" si="361"/>
        <v>385.19774999999993</v>
      </c>
      <c r="I23139" s="1"/>
    </row>
    <row r="23140" spans="1:9" x14ac:dyDescent="0.25">
      <c r="A23140" s="3">
        <v>41735.738703703704</v>
      </c>
      <c r="B23140" s="6">
        <v>385214.39999999997</v>
      </c>
      <c r="C23140" s="7">
        <f t="shared" si="361"/>
        <v>385.21439999999996</v>
      </c>
      <c r="I23140" s="1"/>
    </row>
    <row r="23141" spans="1:9" x14ac:dyDescent="0.25">
      <c r="A23141" s="3">
        <v>41735.740011574075</v>
      </c>
      <c r="B23141" s="6">
        <v>385231.05</v>
      </c>
      <c r="C23141" s="7">
        <f t="shared" si="361"/>
        <v>385.23104999999998</v>
      </c>
      <c r="I23141" s="1"/>
    </row>
    <row r="23142" spans="1:9" x14ac:dyDescent="0.25">
      <c r="A23142" s="3">
        <v>41735.740520833337</v>
      </c>
      <c r="B23142" s="6">
        <v>385247.69999999995</v>
      </c>
      <c r="C23142" s="7">
        <f t="shared" si="361"/>
        <v>385.24769999999995</v>
      </c>
      <c r="I23142" s="1"/>
    </row>
    <row r="23143" spans="1:9" x14ac:dyDescent="0.25">
      <c r="A23143" s="3">
        <v>41735.743587962963</v>
      </c>
      <c r="B23143" s="6">
        <v>385264.35</v>
      </c>
      <c r="C23143" s="7">
        <f t="shared" si="361"/>
        <v>385.26434999999998</v>
      </c>
      <c r="I23143" s="1"/>
    </row>
    <row r="23144" spans="1:9" x14ac:dyDescent="0.25">
      <c r="A23144" s="3">
        <v>41735.743761574071</v>
      </c>
      <c r="B23144" s="6">
        <v>385280.99999999994</v>
      </c>
      <c r="C23144" s="7">
        <f t="shared" si="361"/>
        <v>385.28099999999995</v>
      </c>
      <c r="I23144" s="1"/>
    </row>
    <row r="23145" spans="1:9" x14ac:dyDescent="0.25">
      <c r="A23145" s="3">
        <v>41735.749201388891</v>
      </c>
      <c r="B23145" s="6">
        <v>385297.64999999997</v>
      </c>
      <c r="C23145" s="7">
        <f t="shared" si="361"/>
        <v>385.29764999999998</v>
      </c>
      <c r="I23145" s="1"/>
    </row>
    <row r="23146" spans="1:9" x14ac:dyDescent="0.25">
      <c r="A23146" s="3">
        <v>41735.751122685186</v>
      </c>
      <c r="B23146" s="6">
        <v>385314.3</v>
      </c>
      <c r="C23146" s="7">
        <f t="shared" si="361"/>
        <v>385.3143</v>
      </c>
      <c r="I23146" s="1"/>
    </row>
    <row r="23147" spans="1:9" x14ac:dyDescent="0.25">
      <c r="A23147" s="3">
        <v>41735.757175925923</v>
      </c>
      <c r="B23147" s="6">
        <v>385330.94999999995</v>
      </c>
      <c r="C23147" s="7">
        <f t="shared" si="361"/>
        <v>385.33094999999997</v>
      </c>
      <c r="I23147" s="1"/>
    </row>
    <row r="23148" spans="1:9" x14ac:dyDescent="0.25">
      <c r="A23148" s="3">
        <v>41735.757326388892</v>
      </c>
      <c r="B23148" s="6">
        <v>385347.6</v>
      </c>
      <c r="C23148" s="7">
        <f t="shared" si="361"/>
        <v>385.3476</v>
      </c>
      <c r="I23148" s="1"/>
    </row>
    <row r="23149" spans="1:9" x14ac:dyDescent="0.25">
      <c r="A23149" s="3">
        <v>41735.761736111112</v>
      </c>
      <c r="B23149" s="6">
        <v>385364.24999999994</v>
      </c>
      <c r="C23149" s="7">
        <f t="shared" si="361"/>
        <v>385.36424999999997</v>
      </c>
      <c r="I23149" s="1"/>
    </row>
    <row r="23150" spans="1:9" x14ac:dyDescent="0.25">
      <c r="A23150" s="3">
        <v>41735.761840277781</v>
      </c>
      <c r="B23150" s="6">
        <v>385380.89999999997</v>
      </c>
      <c r="C23150" s="7">
        <f t="shared" si="361"/>
        <v>385.38089999999994</v>
      </c>
      <c r="I23150" s="1"/>
    </row>
    <row r="23151" spans="1:9" x14ac:dyDescent="0.25">
      <c r="A23151" s="3">
        <v>41735.784594907411</v>
      </c>
      <c r="B23151" s="6">
        <v>385397.55</v>
      </c>
      <c r="C23151" s="7">
        <f t="shared" si="361"/>
        <v>385.39754999999997</v>
      </c>
      <c r="I23151" s="1"/>
    </row>
    <row r="23152" spans="1:9" x14ac:dyDescent="0.25">
      <c r="A23152" s="3">
        <v>41735.784699074073</v>
      </c>
      <c r="B23152" s="6">
        <v>385414.19999999995</v>
      </c>
      <c r="C23152" s="7">
        <f t="shared" si="361"/>
        <v>385.41419999999994</v>
      </c>
      <c r="I23152" s="1"/>
    </row>
    <row r="23153" spans="1:9" x14ac:dyDescent="0.25">
      <c r="A23153" s="3">
        <v>41735.787638888891</v>
      </c>
      <c r="B23153" s="6">
        <v>385430.85</v>
      </c>
      <c r="C23153" s="7">
        <f t="shared" si="361"/>
        <v>385.43084999999996</v>
      </c>
      <c r="I23153" s="1"/>
    </row>
    <row r="23154" spans="1:9" x14ac:dyDescent="0.25">
      <c r="A23154" s="3">
        <v>41735.788518518515</v>
      </c>
      <c r="B23154" s="6">
        <v>385447.49999999994</v>
      </c>
      <c r="C23154" s="7">
        <f t="shared" si="361"/>
        <v>385.44749999999993</v>
      </c>
      <c r="I23154" s="1"/>
    </row>
    <row r="23155" spans="1:9" x14ac:dyDescent="0.25">
      <c r="A23155" s="3">
        <v>41765.377812500003</v>
      </c>
      <c r="B23155" s="6">
        <v>385464.14999999997</v>
      </c>
      <c r="C23155" s="7">
        <f t="shared" si="361"/>
        <v>385.46414999999996</v>
      </c>
      <c r="I23155" s="1"/>
    </row>
    <row r="23156" spans="1:9" x14ac:dyDescent="0.25">
      <c r="A23156" s="3">
        <v>41765.387974537036</v>
      </c>
      <c r="B23156" s="6">
        <v>385480.8</v>
      </c>
      <c r="C23156" s="7">
        <f t="shared" si="361"/>
        <v>385.48079999999999</v>
      </c>
      <c r="I23156" s="1"/>
    </row>
    <row r="23157" spans="1:9" x14ac:dyDescent="0.25">
      <c r="A23157" s="3">
        <v>41765.412685185183</v>
      </c>
      <c r="B23157" s="6">
        <v>385497.44999999995</v>
      </c>
      <c r="C23157" s="7">
        <f t="shared" si="361"/>
        <v>385.49744999999996</v>
      </c>
      <c r="I23157" s="1"/>
    </row>
    <row r="23158" spans="1:9" x14ac:dyDescent="0.25">
      <c r="A23158" s="3">
        <v>41765.412812499999</v>
      </c>
      <c r="B23158" s="6">
        <v>385514.1</v>
      </c>
      <c r="C23158" s="7">
        <f t="shared" si="361"/>
        <v>385.51409999999998</v>
      </c>
      <c r="I23158" s="1"/>
    </row>
    <row r="23159" spans="1:9" x14ac:dyDescent="0.25">
      <c r="A23159" s="3">
        <v>41765.428067129629</v>
      </c>
      <c r="B23159" s="6">
        <v>385530.74999999994</v>
      </c>
      <c r="C23159" s="7">
        <f t="shared" si="361"/>
        <v>385.53074999999995</v>
      </c>
      <c r="I23159" s="1"/>
    </row>
    <row r="23160" spans="1:9" x14ac:dyDescent="0.25">
      <c r="A23160" s="3">
        <v>41765.430752314816</v>
      </c>
      <c r="B23160" s="6">
        <v>385547.39999999997</v>
      </c>
      <c r="C23160" s="7">
        <f t="shared" si="361"/>
        <v>385.54739999999998</v>
      </c>
      <c r="I23160" s="1"/>
    </row>
    <row r="23161" spans="1:9" x14ac:dyDescent="0.25">
      <c r="A23161" s="3">
        <v>41765.432615740741</v>
      </c>
      <c r="B23161" s="6">
        <v>385564.05</v>
      </c>
      <c r="C23161" s="7">
        <f t="shared" si="361"/>
        <v>385.56405000000001</v>
      </c>
      <c r="I23161" s="1"/>
    </row>
    <row r="23162" spans="1:9" x14ac:dyDescent="0.25">
      <c r="A23162" s="3">
        <v>41765.433136574073</v>
      </c>
      <c r="B23162" s="6">
        <v>385580.69999999995</v>
      </c>
      <c r="C23162" s="7">
        <f t="shared" si="361"/>
        <v>385.58069999999998</v>
      </c>
      <c r="I23162" s="1"/>
    </row>
    <row r="23163" spans="1:9" x14ac:dyDescent="0.25">
      <c r="A23163" s="3">
        <v>41765.440185185187</v>
      </c>
      <c r="B23163" s="6">
        <v>385597.35</v>
      </c>
      <c r="C23163" s="7">
        <f t="shared" si="361"/>
        <v>385.59734999999995</v>
      </c>
      <c r="I23163" s="1"/>
    </row>
    <row r="23164" spans="1:9" x14ac:dyDescent="0.25">
      <c r="A23164" s="3">
        <v>41765.441504629627</v>
      </c>
      <c r="B23164" s="6">
        <v>385613.99999999994</v>
      </c>
      <c r="C23164" s="7">
        <f t="shared" si="361"/>
        <v>385.61399999999992</v>
      </c>
      <c r="I23164" s="1"/>
    </row>
    <row r="23165" spans="1:9" x14ac:dyDescent="0.25">
      <c r="A23165" s="3">
        <v>41765.447777777779</v>
      </c>
      <c r="B23165" s="6">
        <v>385630.64999999997</v>
      </c>
      <c r="C23165" s="7">
        <f t="shared" si="361"/>
        <v>385.63064999999995</v>
      </c>
      <c r="I23165" s="1"/>
    </row>
    <row r="23166" spans="1:9" x14ac:dyDescent="0.25">
      <c r="A23166" s="3">
        <v>41765.447951388887</v>
      </c>
      <c r="B23166" s="6">
        <v>385647.3</v>
      </c>
      <c r="C23166" s="7">
        <f t="shared" si="361"/>
        <v>385.64729999999997</v>
      </c>
      <c r="I23166" s="1"/>
    </row>
    <row r="23167" spans="1:9" x14ac:dyDescent="0.25">
      <c r="A23167" s="3">
        <v>41765.451249999998</v>
      </c>
      <c r="B23167" s="6">
        <v>385663.94999999995</v>
      </c>
      <c r="C23167" s="7">
        <f t="shared" si="361"/>
        <v>385.66394999999994</v>
      </c>
      <c r="I23167" s="1"/>
    </row>
    <row r="23168" spans="1:9" x14ac:dyDescent="0.25">
      <c r="A23168" s="3">
        <v>41765.45140046296</v>
      </c>
      <c r="B23168" s="6">
        <v>385680.6</v>
      </c>
      <c r="C23168" s="7">
        <f t="shared" si="361"/>
        <v>385.68059999999997</v>
      </c>
      <c r="I23168" s="1"/>
    </row>
    <row r="23169" spans="1:9" x14ac:dyDescent="0.25">
      <c r="A23169" s="3">
        <v>41765.452604166669</v>
      </c>
      <c r="B23169" s="6">
        <v>385697.24999999994</v>
      </c>
      <c r="C23169" s="7">
        <f t="shared" si="361"/>
        <v>385.69724999999994</v>
      </c>
      <c r="I23169" s="1"/>
    </row>
    <row r="23170" spans="1:9" x14ac:dyDescent="0.25">
      <c r="A23170" s="3">
        <v>41765.452789351853</v>
      </c>
      <c r="B23170" s="6">
        <v>385713.89999999997</v>
      </c>
      <c r="C23170" s="7">
        <f t="shared" si="361"/>
        <v>385.71389999999997</v>
      </c>
      <c r="I23170" s="1"/>
    </row>
    <row r="23171" spans="1:9" x14ac:dyDescent="0.25">
      <c r="A23171" s="3">
        <v>41765.45648148148</v>
      </c>
      <c r="B23171" s="6">
        <v>385730.55</v>
      </c>
      <c r="C23171" s="7">
        <f t="shared" ref="C23171:C23234" si="362">B23171/1000</f>
        <v>385.73054999999999</v>
      </c>
      <c r="I23171" s="1"/>
    </row>
    <row r="23172" spans="1:9" x14ac:dyDescent="0.25">
      <c r="A23172" s="3">
        <v>41765.456608796296</v>
      </c>
      <c r="B23172" s="6">
        <v>385747.19999999995</v>
      </c>
      <c r="C23172" s="7">
        <f t="shared" si="362"/>
        <v>385.74719999999996</v>
      </c>
      <c r="I23172" s="1"/>
    </row>
    <row r="23173" spans="1:9" x14ac:dyDescent="0.25">
      <c r="A23173" s="3">
        <v>41765.458437499998</v>
      </c>
      <c r="B23173" s="6">
        <v>385763.85</v>
      </c>
      <c r="C23173" s="7">
        <f t="shared" si="362"/>
        <v>385.76384999999999</v>
      </c>
      <c r="I23173" s="1"/>
    </row>
    <row r="23174" spans="1:9" x14ac:dyDescent="0.25">
      <c r="A23174" s="3">
        <v>41765.458773148152</v>
      </c>
      <c r="B23174" s="6">
        <v>385780.49999999994</v>
      </c>
      <c r="C23174" s="7">
        <f t="shared" si="362"/>
        <v>385.78049999999996</v>
      </c>
      <c r="I23174" s="1"/>
    </row>
    <row r="23175" spans="1:9" x14ac:dyDescent="0.25">
      <c r="A23175" s="3">
        <v>41765.460902777777</v>
      </c>
      <c r="B23175" s="6">
        <v>385797.14999999997</v>
      </c>
      <c r="C23175" s="7">
        <f t="shared" si="362"/>
        <v>385.79714999999999</v>
      </c>
      <c r="I23175" s="1"/>
    </row>
    <row r="23176" spans="1:9" x14ac:dyDescent="0.25">
      <c r="A23176" s="3">
        <v>41765.461030092592</v>
      </c>
      <c r="B23176" s="6">
        <v>385813.8</v>
      </c>
      <c r="C23176" s="7">
        <f t="shared" si="362"/>
        <v>385.81380000000001</v>
      </c>
      <c r="I23176" s="1"/>
    </row>
    <row r="23177" spans="1:9" x14ac:dyDescent="0.25">
      <c r="A23177" s="3">
        <v>41765.462025462963</v>
      </c>
      <c r="B23177" s="6">
        <v>385830.44999999995</v>
      </c>
      <c r="C23177" s="7">
        <f t="shared" si="362"/>
        <v>385.83044999999993</v>
      </c>
      <c r="I23177" s="1"/>
    </row>
    <row r="23178" spans="1:9" x14ac:dyDescent="0.25">
      <c r="A23178" s="3">
        <v>41765.462175925924</v>
      </c>
      <c r="B23178" s="6">
        <v>385847.1</v>
      </c>
      <c r="C23178" s="7">
        <f t="shared" si="362"/>
        <v>385.84709999999995</v>
      </c>
      <c r="I23178" s="1"/>
    </row>
    <row r="23179" spans="1:9" x14ac:dyDescent="0.25">
      <c r="A23179" s="3">
        <v>41765.467546296299</v>
      </c>
      <c r="B23179" s="6">
        <v>385863.74999999994</v>
      </c>
      <c r="C23179" s="7">
        <f t="shared" si="362"/>
        <v>385.86374999999992</v>
      </c>
      <c r="I23179" s="1"/>
    </row>
    <row r="23180" spans="1:9" x14ac:dyDescent="0.25">
      <c r="A23180" s="3">
        <v>41765.467777777776</v>
      </c>
      <c r="B23180" s="6">
        <v>385880.39999999997</v>
      </c>
      <c r="C23180" s="7">
        <f t="shared" si="362"/>
        <v>385.88039999999995</v>
      </c>
      <c r="I23180" s="1"/>
    </row>
    <row r="23181" spans="1:9" x14ac:dyDescent="0.25">
      <c r="A23181" s="3">
        <v>41765.470069444447</v>
      </c>
      <c r="B23181" s="6">
        <v>385897.05</v>
      </c>
      <c r="C23181" s="7">
        <f t="shared" si="362"/>
        <v>385.89704999999998</v>
      </c>
      <c r="I23181" s="1"/>
    </row>
    <row r="23182" spans="1:9" x14ac:dyDescent="0.25">
      <c r="A23182" s="3">
        <v>41765.470219907409</v>
      </c>
      <c r="B23182" s="6">
        <v>385913.69999999995</v>
      </c>
      <c r="C23182" s="7">
        <f t="shared" si="362"/>
        <v>385.91369999999995</v>
      </c>
      <c r="I23182" s="1"/>
    </row>
    <row r="23183" spans="1:9" x14ac:dyDescent="0.25">
      <c r="A23183" s="3">
        <v>41765.473240740743</v>
      </c>
      <c r="B23183" s="6">
        <v>385930.35</v>
      </c>
      <c r="C23183" s="7">
        <f t="shared" si="362"/>
        <v>385.93034999999998</v>
      </c>
      <c r="I23183" s="1"/>
    </row>
    <row r="23184" spans="1:9" x14ac:dyDescent="0.25">
      <c r="A23184" s="3">
        <v>41765.473506944443</v>
      </c>
      <c r="B23184" s="6">
        <v>385946.99999999994</v>
      </c>
      <c r="C23184" s="7">
        <f t="shared" si="362"/>
        <v>385.94699999999995</v>
      </c>
      <c r="I23184" s="1"/>
    </row>
    <row r="23185" spans="1:9" x14ac:dyDescent="0.25">
      <c r="A23185" s="3">
        <v>41765.4768287037</v>
      </c>
      <c r="B23185" s="6">
        <v>385963.64999999997</v>
      </c>
      <c r="C23185" s="7">
        <f t="shared" si="362"/>
        <v>385.96364999999997</v>
      </c>
      <c r="I23185" s="1"/>
    </row>
    <row r="23186" spans="1:9" x14ac:dyDescent="0.25">
      <c r="A23186" s="3">
        <v>41765.477407407408</v>
      </c>
      <c r="B23186" s="6">
        <v>385980.3</v>
      </c>
      <c r="C23186" s="7">
        <f t="shared" si="362"/>
        <v>385.9803</v>
      </c>
      <c r="I23186" s="1"/>
    </row>
    <row r="23187" spans="1:9" x14ac:dyDescent="0.25">
      <c r="A23187" s="3">
        <v>41765.480358796296</v>
      </c>
      <c r="B23187" s="6">
        <v>385996.94999999995</v>
      </c>
      <c r="C23187" s="7">
        <f t="shared" si="362"/>
        <v>385.99694999999997</v>
      </c>
      <c r="I23187" s="1"/>
    </row>
    <row r="23188" spans="1:9" x14ac:dyDescent="0.25">
      <c r="A23188" s="3">
        <v>41765.480497685188</v>
      </c>
      <c r="B23188" s="6">
        <v>386013.6</v>
      </c>
      <c r="C23188" s="7">
        <f t="shared" si="362"/>
        <v>386.0136</v>
      </c>
      <c r="I23188" s="1"/>
    </row>
    <row r="23189" spans="1:9" x14ac:dyDescent="0.25">
      <c r="A23189" s="3">
        <v>41765.481828703705</v>
      </c>
      <c r="B23189" s="6">
        <v>386030.24999999994</v>
      </c>
      <c r="C23189" s="7">
        <f t="shared" si="362"/>
        <v>386.03024999999997</v>
      </c>
      <c r="I23189" s="1"/>
    </row>
    <row r="23190" spans="1:9" x14ac:dyDescent="0.25">
      <c r="A23190" s="3">
        <v>41765.482083333336</v>
      </c>
      <c r="B23190" s="6">
        <v>386046.89999999997</v>
      </c>
      <c r="C23190" s="7">
        <f t="shared" si="362"/>
        <v>386.04689999999994</v>
      </c>
      <c r="I23190" s="1"/>
    </row>
    <row r="23191" spans="1:9" x14ac:dyDescent="0.25">
      <c r="A23191" s="3">
        <v>41765.485960648148</v>
      </c>
      <c r="B23191" s="6">
        <v>386063.55</v>
      </c>
      <c r="C23191" s="7">
        <f t="shared" si="362"/>
        <v>386.06354999999996</v>
      </c>
      <c r="I23191" s="1"/>
    </row>
    <row r="23192" spans="1:9" x14ac:dyDescent="0.25">
      <c r="A23192" s="3">
        <v>41765.486238425925</v>
      </c>
      <c r="B23192" s="6">
        <v>386080.19999999995</v>
      </c>
      <c r="C23192" s="7">
        <f t="shared" si="362"/>
        <v>386.08019999999993</v>
      </c>
      <c r="I23192" s="1"/>
    </row>
    <row r="23193" spans="1:9" x14ac:dyDescent="0.25">
      <c r="A23193" s="3">
        <v>41765.489988425928</v>
      </c>
      <c r="B23193" s="6">
        <v>386096.85</v>
      </c>
      <c r="C23193" s="7">
        <f t="shared" si="362"/>
        <v>386.09684999999996</v>
      </c>
      <c r="I23193" s="1"/>
    </row>
    <row r="23194" spans="1:9" x14ac:dyDescent="0.25">
      <c r="A23194" s="3">
        <v>41765.490173611113</v>
      </c>
      <c r="B23194" s="6">
        <v>386113.49999999994</v>
      </c>
      <c r="C23194" s="7">
        <f t="shared" si="362"/>
        <v>386.11349999999993</v>
      </c>
      <c r="I23194" s="1"/>
    </row>
    <row r="23195" spans="1:9" x14ac:dyDescent="0.25">
      <c r="A23195" s="3">
        <v>41765.494328703702</v>
      </c>
      <c r="B23195" s="6">
        <v>386130.14999999997</v>
      </c>
      <c r="C23195" s="7">
        <f t="shared" si="362"/>
        <v>386.13014999999996</v>
      </c>
      <c r="I23195" s="1"/>
    </row>
    <row r="23196" spans="1:9" x14ac:dyDescent="0.25">
      <c r="A23196" s="3">
        <v>41765.494490740741</v>
      </c>
      <c r="B23196" s="6">
        <v>386146.8</v>
      </c>
      <c r="C23196" s="7">
        <f t="shared" si="362"/>
        <v>386.14679999999998</v>
      </c>
      <c r="I23196" s="1"/>
    </row>
    <row r="23197" spans="1:9" x14ac:dyDescent="0.25">
      <c r="A23197" s="3">
        <v>41765.504432870373</v>
      </c>
      <c r="B23197" s="6">
        <v>386163.44999999995</v>
      </c>
      <c r="C23197" s="7">
        <f t="shared" si="362"/>
        <v>386.16344999999995</v>
      </c>
      <c r="I23197" s="1"/>
    </row>
    <row r="23198" spans="1:9" x14ac:dyDescent="0.25">
      <c r="A23198" s="3">
        <v>41765.504594907405</v>
      </c>
      <c r="B23198" s="6">
        <v>386180.1</v>
      </c>
      <c r="C23198" s="7">
        <f t="shared" si="362"/>
        <v>386.18009999999998</v>
      </c>
      <c r="I23198" s="1"/>
    </row>
    <row r="23199" spans="1:9" x14ac:dyDescent="0.25">
      <c r="A23199" s="3">
        <v>41765.505740740744</v>
      </c>
      <c r="B23199" s="6">
        <v>386196.74999999994</v>
      </c>
      <c r="C23199" s="7">
        <f t="shared" si="362"/>
        <v>386.19674999999995</v>
      </c>
      <c r="I23199" s="1"/>
    </row>
    <row r="23200" spans="1:9" x14ac:dyDescent="0.25">
      <c r="A23200" s="3">
        <v>41765.505810185183</v>
      </c>
      <c r="B23200" s="6">
        <v>386213.39999999997</v>
      </c>
      <c r="C23200" s="7">
        <f t="shared" si="362"/>
        <v>386.21339999999998</v>
      </c>
      <c r="I23200" s="1"/>
    </row>
    <row r="23201" spans="1:9" x14ac:dyDescent="0.25">
      <c r="A23201" s="3">
        <v>41765.506655092591</v>
      </c>
      <c r="B23201" s="6">
        <v>386230.05</v>
      </c>
      <c r="C23201" s="7">
        <f t="shared" si="362"/>
        <v>386.23005000000001</v>
      </c>
      <c r="I23201" s="1"/>
    </row>
    <row r="23202" spans="1:9" x14ac:dyDescent="0.25">
      <c r="A23202" s="3">
        <v>41765.506793981483</v>
      </c>
      <c r="B23202" s="6">
        <v>386246.69999999995</v>
      </c>
      <c r="C23202" s="7">
        <f t="shared" si="362"/>
        <v>386.24669999999998</v>
      </c>
      <c r="I23202" s="1"/>
    </row>
    <row r="23203" spans="1:9" x14ac:dyDescent="0.25">
      <c r="A23203" s="3">
        <v>41765.511886574073</v>
      </c>
      <c r="B23203" s="6">
        <v>386263.35</v>
      </c>
      <c r="C23203" s="7">
        <f t="shared" si="362"/>
        <v>386.26335</v>
      </c>
      <c r="I23203" s="1"/>
    </row>
    <row r="23204" spans="1:9" x14ac:dyDescent="0.25">
      <c r="A23204" s="3">
        <v>41765.51258101852</v>
      </c>
      <c r="B23204" s="6">
        <v>386279.99999999994</v>
      </c>
      <c r="C23204" s="7">
        <f t="shared" si="362"/>
        <v>386.27999999999992</v>
      </c>
      <c r="I23204" s="1"/>
    </row>
    <row r="23205" spans="1:9" x14ac:dyDescent="0.25">
      <c r="A23205" s="3">
        <v>41765.514004629629</v>
      </c>
      <c r="B23205" s="6">
        <v>386296.64999999997</v>
      </c>
      <c r="C23205" s="7">
        <f t="shared" si="362"/>
        <v>386.29664999999994</v>
      </c>
      <c r="I23205" s="1"/>
    </row>
    <row r="23206" spans="1:9" x14ac:dyDescent="0.25">
      <c r="A23206" s="3">
        <v>41765.514201388891</v>
      </c>
      <c r="B23206" s="6">
        <v>386313.3</v>
      </c>
      <c r="C23206" s="7">
        <f t="shared" si="362"/>
        <v>386.31329999999997</v>
      </c>
      <c r="I23206" s="1"/>
    </row>
    <row r="23207" spans="1:9" x14ac:dyDescent="0.25">
      <c r="A23207" s="3">
        <v>41765.514872685184</v>
      </c>
      <c r="B23207" s="6">
        <v>386329.94999999995</v>
      </c>
      <c r="C23207" s="7">
        <f t="shared" si="362"/>
        <v>386.32994999999994</v>
      </c>
      <c r="I23207" s="1"/>
    </row>
    <row r="23208" spans="1:9" x14ac:dyDescent="0.25">
      <c r="A23208" s="3">
        <v>41765.515034722222</v>
      </c>
      <c r="B23208" s="6">
        <v>386346.6</v>
      </c>
      <c r="C23208" s="7">
        <f t="shared" si="362"/>
        <v>386.34659999999997</v>
      </c>
      <c r="I23208" s="1"/>
    </row>
    <row r="23209" spans="1:9" x14ac:dyDescent="0.25">
      <c r="A23209" s="3">
        <v>41765.517118055555</v>
      </c>
      <c r="B23209" s="6">
        <v>386363.24999999994</v>
      </c>
      <c r="C23209" s="7">
        <f t="shared" si="362"/>
        <v>386.36324999999994</v>
      </c>
      <c r="I23209" s="1"/>
    </row>
    <row r="23210" spans="1:9" x14ac:dyDescent="0.25">
      <c r="A23210" s="3">
        <v>41765.517291666663</v>
      </c>
      <c r="B23210" s="6">
        <v>386379.89999999997</v>
      </c>
      <c r="C23210" s="7">
        <f t="shared" si="362"/>
        <v>386.37989999999996</v>
      </c>
      <c r="I23210" s="1"/>
    </row>
    <row r="23211" spans="1:9" x14ac:dyDescent="0.25">
      <c r="A23211" s="3">
        <v>41765.519120370373</v>
      </c>
      <c r="B23211" s="6">
        <v>386396.55</v>
      </c>
      <c r="C23211" s="7">
        <f t="shared" si="362"/>
        <v>386.39654999999999</v>
      </c>
      <c r="I23211" s="1"/>
    </row>
    <row r="23212" spans="1:9" x14ac:dyDescent="0.25">
      <c r="A23212" s="3">
        <v>41765.519259259258</v>
      </c>
      <c r="B23212" s="6">
        <v>386413.19999999995</v>
      </c>
      <c r="C23212" s="7">
        <f t="shared" si="362"/>
        <v>386.41319999999996</v>
      </c>
      <c r="I23212" s="1"/>
    </row>
    <row r="23213" spans="1:9" x14ac:dyDescent="0.25">
      <c r="A23213" s="3">
        <v>41765.520381944443</v>
      </c>
      <c r="B23213" s="6">
        <v>386429.85</v>
      </c>
      <c r="C23213" s="7">
        <f t="shared" si="362"/>
        <v>386.42984999999999</v>
      </c>
      <c r="I23213" s="1"/>
    </row>
    <row r="23214" spans="1:9" x14ac:dyDescent="0.25">
      <c r="A23214" s="3">
        <v>41765.520798611113</v>
      </c>
      <c r="B23214" s="6">
        <v>386446.49999999994</v>
      </c>
      <c r="C23214" s="7">
        <f t="shared" si="362"/>
        <v>386.44649999999996</v>
      </c>
      <c r="I23214" s="1"/>
    </row>
    <row r="23215" spans="1:9" x14ac:dyDescent="0.25">
      <c r="A23215" s="3">
        <v>41765.5234837963</v>
      </c>
      <c r="B23215" s="6">
        <v>386463.14999999997</v>
      </c>
      <c r="C23215" s="7">
        <f t="shared" si="362"/>
        <v>386.46314999999998</v>
      </c>
      <c r="I23215" s="1"/>
    </row>
    <row r="23216" spans="1:9" x14ac:dyDescent="0.25">
      <c r="A23216" s="3">
        <v>41765.523611111108</v>
      </c>
      <c r="B23216" s="6">
        <v>386479.8</v>
      </c>
      <c r="C23216" s="7">
        <f t="shared" si="362"/>
        <v>386.47980000000001</v>
      </c>
      <c r="I23216" s="1"/>
    </row>
    <row r="23217" spans="1:9" x14ac:dyDescent="0.25">
      <c r="A23217" s="3">
        <v>41765.528101851851</v>
      </c>
      <c r="B23217" s="6">
        <v>386496.44999999995</v>
      </c>
      <c r="C23217" s="7">
        <f t="shared" si="362"/>
        <v>386.49644999999998</v>
      </c>
      <c r="I23217" s="1"/>
    </row>
    <row r="23218" spans="1:9" x14ac:dyDescent="0.25">
      <c r="A23218" s="3">
        <v>41765.528217592589</v>
      </c>
      <c r="B23218" s="6">
        <v>386513.1</v>
      </c>
      <c r="C23218" s="7">
        <f t="shared" si="362"/>
        <v>386.51309999999995</v>
      </c>
      <c r="I23218" s="1"/>
    </row>
    <row r="23219" spans="1:9" x14ac:dyDescent="0.25">
      <c r="A23219" s="3">
        <v>41765.529374999998</v>
      </c>
      <c r="B23219" s="6">
        <v>386529.74999999994</v>
      </c>
      <c r="C23219" s="7">
        <f t="shared" si="362"/>
        <v>386.52974999999992</v>
      </c>
      <c r="I23219" s="1"/>
    </row>
    <row r="23220" spans="1:9" x14ac:dyDescent="0.25">
      <c r="A23220" s="3">
        <v>41765.529629629629</v>
      </c>
      <c r="B23220" s="6">
        <v>386546.39999999997</v>
      </c>
      <c r="C23220" s="7">
        <f t="shared" si="362"/>
        <v>386.54639999999995</v>
      </c>
      <c r="I23220" s="1"/>
    </row>
    <row r="23221" spans="1:9" x14ac:dyDescent="0.25">
      <c r="A23221" s="3">
        <v>41765.533217592594</v>
      </c>
      <c r="B23221" s="6">
        <v>386563.05</v>
      </c>
      <c r="C23221" s="7">
        <f t="shared" si="362"/>
        <v>386.56304999999998</v>
      </c>
      <c r="I23221" s="1"/>
    </row>
    <row r="23222" spans="1:9" x14ac:dyDescent="0.25">
      <c r="A23222" s="3">
        <v>41765.533321759256</v>
      </c>
      <c r="B23222" s="6">
        <v>386579.69999999995</v>
      </c>
      <c r="C23222" s="7">
        <f t="shared" si="362"/>
        <v>386.57969999999995</v>
      </c>
      <c r="I23222" s="1"/>
    </row>
    <row r="23223" spans="1:9" x14ac:dyDescent="0.25">
      <c r="A23223" s="3">
        <v>41765.534733796296</v>
      </c>
      <c r="B23223" s="6">
        <v>386596.35</v>
      </c>
      <c r="C23223" s="7">
        <f t="shared" si="362"/>
        <v>386.59634999999997</v>
      </c>
      <c r="I23223" s="1"/>
    </row>
    <row r="23224" spans="1:9" x14ac:dyDescent="0.25">
      <c r="A23224" s="3">
        <v>41765.534837962965</v>
      </c>
      <c r="B23224" s="6">
        <v>386612.99999999994</v>
      </c>
      <c r="C23224" s="7">
        <f t="shared" si="362"/>
        <v>386.61299999999994</v>
      </c>
      <c r="I23224" s="1"/>
    </row>
    <row r="23225" spans="1:9" x14ac:dyDescent="0.25">
      <c r="A23225" s="3">
        <v>41765.536851851852</v>
      </c>
      <c r="B23225" s="6">
        <v>386629.64999999997</v>
      </c>
      <c r="C23225" s="7">
        <f t="shared" si="362"/>
        <v>386.62964999999997</v>
      </c>
      <c r="I23225" s="1"/>
    </row>
    <row r="23226" spans="1:9" x14ac:dyDescent="0.25">
      <c r="A23226" s="3">
        <v>41765.536921296298</v>
      </c>
      <c r="B23226" s="6">
        <v>386646.3</v>
      </c>
      <c r="C23226" s="7">
        <f t="shared" si="362"/>
        <v>386.6463</v>
      </c>
      <c r="I23226" s="1"/>
    </row>
    <row r="23227" spans="1:9" x14ac:dyDescent="0.25">
      <c r="A23227" s="3">
        <v>41765.537997685184</v>
      </c>
      <c r="B23227" s="6">
        <v>386662.94999999995</v>
      </c>
      <c r="C23227" s="7">
        <f t="shared" si="362"/>
        <v>386.66294999999997</v>
      </c>
      <c r="I23227" s="1"/>
    </row>
    <row r="23228" spans="1:9" x14ac:dyDescent="0.25">
      <c r="A23228" s="3">
        <v>41765.538113425922</v>
      </c>
      <c r="B23228" s="6">
        <v>386679.6</v>
      </c>
      <c r="C23228" s="7">
        <f t="shared" si="362"/>
        <v>386.67959999999999</v>
      </c>
      <c r="I23228" s="1"/>
    </row>
    <row r="23229" spans="1:9" x14ac:dyDescent="0.25">
      <c r="A23229" s="3">
        <v>41765.538912037038</v>
      </c>
      <c r="B23229" s="6">
        <v>386696.24999999994</v>
      </c>
      <c r="C23229" s="7">
        <f t="shared" si="362"/>
        <v>386.69624999999996</v>
      </c>
      <c r="I23229" s="1"/>
    </row>
    <row r="23230" spans="1:9" x14ac:dyDescent="0.25">
      <c r="A23230" s="3">
        <v>41765.538958333331</v>
      </c>
      <c r="B23230" s="6">
        <v>386712.89999999997</v>
      </c>
      <c r="C23230" s="7">
        <f t="shared" si="362"/>
        <v>386.71289999999999</v>
      </c>
      <c r="I23230" s="1"/>
    </row>
    <row r="23231" spans="1:9" x14ac:dyDescent="0.25">
      <c r="A23231" s="3">
        <v>41765.539479166669</v>
      </c>
      <c r="B23231" s="6">
        <v>386729.55</v>
      </c>
      <c r="C23231" s="7">
        <f t="shared" si="362"/>
        <v>386.72954999999996</v>
      </c>
      <c r="I23231" s="1"/>
    </row>
    <row r="23232" spans="1:9" x14ac:dyDescent="0.25">
      <c r="A23232" s="3">
        <v>41765.539560185185</v>
      </c>
      <c r="B23232" s="6">
        <v>386746.19999999995</v>
      </c>
      <c r="C23232" s="7">
        <f t="shared" si="362"/>
        <v>386.74619999999993</v>
      </c>
      <c r="I23232" s="1"/>
    </row>
    <row r="23233" spans="1:9" x14ac:dyDescent="0.25">
      <c r="A23233" s="3">
        <v>41765.541805555556</v>
      </c>
      <c r="B23233" s="6">
        <v>386762.85</v>
      </c>
      <c r="C23233" s="7">
        <f t="shared" si="362"/>
        <v>386.76284999999996</v>
      </c>
      <c r="I23233" s="1"/>
    </row>
    <row r="23234" spans="1:9" x14ac:dyDescent="0.25">
      <c r="A23234" s="3">
        <v>41765.543194444443</v>
      </c>
      <c r="B23234" s="6">
        <v>386779.49999999994</v>
      </c>
      <c r="C23234" s="7">
        <f t="shared" si="362"/>
        <v>386.77949999999993</v>
      </c>
      <c r="I23234" s="1"/>
    </row>
    <row r="23235" spans="1:9" x14ac:dyDescent="0.25">
      <c r="A23235" s="3">
        <v>41765.546631944446</v>
      </c>
      <c r="B23235" s="6">
        <v>386796.14999999997</v>
      </c>
      <c r="C23235" s="7">
        <f t="shared" ref="C23235:C23298" si="363">B23235/1000</f>
        <v>386.79614999999995</v>
      </c>
      <c r="I23235" s="1"/>
    </row>
    <row r="23236" spans="1:9" x14ac:dyDescent="0.25">
      <c r="A23236" s="3">
        <v>41765.546782407408</v>
      </c>
      <c r="B23236" s="6">
        <v>386812.8</v>
      </c>
      <c r="C23236" s="7">
        <f t="shared" si="363"/>
        <v>386.81279999999998</v>
      </c>
      <c r="I23236" s="1"/>
    </row>
    <row r="23237" spans="1:9" x14ac:dyDescent="0.25">
      <c r="A23237" s="3">
        <v>41765.547430555554</v>
      </c>
      <c r="B23237" s="6">
        <v>386829.44999999995</v>
      </c>
      <c r="C23237" s="7">
        <f t="shared" si="363"/>
        <v>386.82944999999995</v>
      </c>
      <c r="I23237" s="1"/>
    </row>
    <row r="23238" spans="1:9" x14ac:dyDescent="0.25">
      <c r="A23238" s="3">
        <v>41765.547511574077</v>
      </c>
      <c r="B23238" s="6">
        <v>386846.1</v>
      </c>
      <c r="C23238" s="7">
        <f t="shared" si="363"/>
        <v>386.84609999999998</v>
      </c>
      <c r="I23238" s="1"/>
    </row>
    <row r="23239" spans="1:9" x14ac:dyDescent="0.25">
      <c r="A23239" s="3">
        <v>41765.551249999997</v>
      </c>
      <c r="B23239" s="6">
        <v>386862.74999999994</v>
      </c>
      <c r="C23239" s="7">
        <f t="shared" si="363"/>
        <v>386.86274999999995</v>
      </c>
      <c r="I23239" s="1"/>
    </row>
    <row r="23240" spans="1:9" x14ac:dyDescent="0.25">
      <c r="A23240" s="3">
        <v>41765.553773148145</v>
      </c>
      <c r="B23240" s="6">
        <v>386879.39999999997</v>
      </c>
      <c r="C23240" s="7">
        <f t="shared" si="363"/>
        <v>386.87939999999998</v>
      </c>
      <c r="I23240" s="1"/>
    </row>
    <row r="23241" spans="1:9" x14ac:dyDescent="0.25">
      <c r="A23241" s="3">
        <v>41765.558055555557</v>
      </c>
      <c r="B23241" s="6">
        <v>386896.05</v>
      </c>
      <c r="C23241" s="7">
        <f t="shared" si="363"/>
        <v>386.89605</v>
      </c>
      <c r="I23241" s="1"/>
    </row>
    <row r="23242" spans="1:9" x14ac:dyDescent="0.25">
      <c r="A23242" s="3">
        <v>41765.558310185188</v>
      </c>
      <c r="B23242" s="6">
        <v>386912.69999999995</v>
      </c>
      <c r="C23242" s="7">
        <f t="shared" si="363"/>
        <v>386.91269999999997</v>
      </c>
      <c r="I23242" s="1"/>
    </row>
    <row r="23243" spans="1:9" x14ac:dyDescent="0.25">
      <c r="A23243" s="3">
        <v>41765.575069444443</v>
      </c>
      <c r="B23243" s="6">
        <v>386929.35</v>
      </c>
      <c r="C23243" s="7">
        <f t="shared" si="363"/>
        <v>386.92935</v>
      </c>
      <c r="I23243" s="1"/>
    </row>
    <row r="23244" spans="1:9" x14ac:dyDescent="0.25">
      <c r="A23244" s="3">
        <v>41765.575567129628</v>
      </c>
      <c r="B23244" s="6">
        <v>386945.99999999994</v>
      </c>
      <c r="C23244" s="7">
        <f t="shared" si="363"/>
        <v>386.94599999999997</v>
      </c>
      <c r="I23244" s="1"/>
    </row>
    <row r="23245" spans="1:9" x14ac:dyDescent="0.25">
      <c r="A23245" s="3">
        <v>41765.582476851851</v>
      </c>
      <c r="B23245" s="6">
        <v>386962.64999999997</v>
      </c>
      <c r="C23245" s="7">
        <f t="shared" si="363"/>
        <v>386.96264999999994</v>
      </c>
      <c r="I23245" s="1"/>
    </row>
    <row r="23246" spans="1:9" x14ac:dyDescent="0.25">
      <c r="A23246" s="3">
        <v>41765.585335648146</v>
      </c>
      <c r="B23246" s="6">
        <v>386979.3</v>
      </c>
      <c r="C23246" s="7">
        <f t="shared" si="363"/>
        <v>386.97929999999997</v>
      </c>
      <c r="I23246" s="1"/>
    </row>
    <row r="23247" spans="1:9" x14ac:dyDescent="0.25">
      <c r="A23247" s="3">
        <v>41765.588865740741</v>
      </c>
      <c r="B23247" s="6">
        <v>386995.94999999995</v>
      </c>
      <c r="C23247" s="7">
        <f t="shared" si="363"/>
        <v>386.99594999999994</v>
      </c>
      <c r="I23247" s="1"/>
    </row>
    <row r="23248" spans="1:9" x14ac:dyDescent="0.25">
      <c r="A23248" s="3">
        <v>41765.588958333334</v>
      </c>
      <c r="B23248" s="6">
        <v>387012.6</v>
      </c>
      <c r="C23248" s="7">
        <f t="shared" si="363"/>
        <v>387.01259999999996</v>
      </c>
      <c r="I23248" s="1"/>
    </row>
    <row r="23249" spans="1:9" x14ac:dyDescent="0.25">
      <c r="A23249" s="3">
        <v>41765.590474537035</v>
      </c>
      <c r="B23249" s="6">
        <v>387029.24999999994</v>
      </c>
      <c r="C23249" s="7">
        <f t="shared" si="363"/>
        <v>387.02924999999993</v>
      </c>
      <c r="I23249" s="1"/>
    </row>
    <row r="23250" spans="1:9" x14ac:dyDescent="0.25">
      <c r="A23250" s="3">
        <v>41765.590856481482</v>
      </c>
      <c r="B23250" s="6">
        <v>387045.89999999997</v>
      </c>
      <c r="C23250" s="7">
        <f t="shared" si="363"/>
        <v>387.04589999999996</v>
      </c>
      <c r="I23250" s="1"/>
    </row>
    <row r="23251" spans="1:9" x14ac:dyDescent="0.25">
      <c r="A23251" s="3">
        <v>41765.598124999997</v>
      </c>
      <c r="B23251" s="6">
        <v>387062.55</v>
      </c>
      <c r="C23251" s="7">
        <f t="shared" si="363"/>
        <v>387.06254999999999</v>
      </c>
      <c r="I23251" s="1"/>
    </row>
    <row r="23252" spans="1:9" x14ac:dyDescent="0.25">
      <c r="A23252" s="3">
        <v>41765.598356481481</v>
      </c>
      <c r="B23252" s="6">
        <v>387079.19999999995</v>
      </c>
      <c r="C23252" s="7">
        <f t="shared" si="363"/>
        <v>387.07919999999996</v>
      </c>
      <c r="I23252" s="1"/>
    </row>
    <row r="23253" spans="1:9" x14ac:dyDescent="0.25">
      <c r="A23253" s="3">
        <v>41765.602662037039</v>
      </c>
      <c r="B23253" s="6">
        <v>387095.85</v>
      </c>
      <c r="C23253" s="7">
        <f t="shared" si="363"/>
        <v>387.09584999999998</v>
      </c>
      <c r="I23253" s="1"/>
    </row>
    <row r="23254" spans="1:9" x14ac:dyDescent="0.25">
      <c r="A23254" s="3">
        <v>41765.602916666663</v>
      </c>
      <c r="B23254" s="6">
        <v>387112.49999999994</v>
      </c>
      <c r="C23254" s="7">
        <f t="shared" si="363"/>
        <v>387.11249999999995</v>
      </c>
      <c r="I23254" s="1"/>
    </row>
    <row r="23255" spans="1:9" x14ac:dyDescent="0.25">
      <c r="A23255" s="3">
        <v>41765.605624999997</v>
      </c>
      <c r="B23255" s="6">
        <v>387129.14999999997</v>
      </c>
      <c r="C23255" s="7">
        <f t="shared" si="363"/>
        <v>387.12914999999998</v>
      </c>
      <c r="I23255" s="1"/>
    </row>
    <row r="23256" spans="1:9" x14ac:dyDescent="0.25">
      <c r="A23256" s="3">
        <v>41765.605810185189</v>
      </c>
      <c r="B23256" s="6">
        <v>387145.8</v>
      </c>
      <c r="C23256" s="7">
        <f t="shared" si="363"/>
        <v>387.14580000000001</v>
      </c>
      <c r="I23256" s="1"/>
    </row>
    <row r="23257" spans="1:9" x14ac:dyDescent="0.25">
      <c r="A23257" s="3">
        <v>41765.607662037037</v>
      </c>
      <c r="B23257" s="6">
        <v>387162.44999999995</v>
      </c>
      <c r="C23257" s="7">
        <f t="shared" si="363"/>
        <v>387.16244999999998</v>
      </c>
      <c r="I23257" s="1"/>
    </row>
    <row r="23258" spans="1:9" x14ac:dyDescent="0.25">
      <c r="A23258" s="3">
        <v>41765.608043981483</v>
      </c>
      <c r="B23258" s="6">
        <v>387179.1</v>
      </c>
      <c r="C23258" s="7">
        <f t="shared" si="363"/>
        <v>387.17909999999995</v>
      </c>
      <c r="I23258" s="1"/>
    </row>
    <row r="23259" spans="1:9" x14ac:dyDescent="0.25">
      <c r="A23259" s="3">
        <v>41765.610682870371</v>
      </c>
      <c r="B23259" s="6">
        <v>387195.74999999994</v>
      </c>
      <c r="C23259" s="7">
        <f t="shared" si="363"/>
        <v>387.19574999999992</v>
      </c>
      <c r="I23259" s="1"/>
    </row>
    <row r="23260" spans="1:9" x14ac:dyDescent="0.25">
      <c r="A23260" s="3">
        <v>41765.611377314817</v>
      </c>
      <c r="B23260" s="6">
        <v>387212.39999999997</v>
      </c>
      <c r="C23260" s="7">
        <f t="shared" si="363"/>
        <v>387.21239999999995</v>
      </c>
      <c r="I23260" s="1"/>
    </row>
    <row r="23261" spans="1:9" x14ac:dyDescent="0.25">
      <c r="A23261" s="3">
        <v>41765.613437499997</v>
      </c>
      <c r="B23261" s="6">
        <v>387229.05</v>
      </c>
      <c r="C23261" s="7">
        <f t="shared" si="363"/>
        <v>387.22904999999997</v>
      </c>
      <c r="I23261" s="1"/>
    </row>
    <row r="23262" spans="1:9" x14ac:dyDescent="0.25">
      <c r="A23262" s="3">
        <v>41765.613611111112</v>
      </c>
      <c r="B23262" s="6">
        <v>387245.69999999995</v>
      </c>
      <c r="C23262" s="7">
        <f t="shared" si="363"/>
        <v>387.24569999999994</v>
      </c>
      <c r="I23262" s="1"/>
    </row>
    <row r="23263" spans="1:9" x14ac:dyDescent="0.25">
      <c r="A23263" s="3">
        <v>41765.616724537038</v>
      </c>
      <c r="B23263" s="6">
        <v>387262.35</v>
      </c>
      <c r="C23263" s="7">
        <f t="shared" si="363"/>
        <v>387.26234999999997</v>
      </c>
      <c r="I23263" s="1"/>
    </row>
    <row r="23264" spans="1:9" x14ac:dyDescent="0.25">
      <c r="A23264" s="3">
        <v>41765.616828703707</v>
      </c>
      <c r="B23264" s="6">
        <v>387278.99999999994</v>
      </c>
      <c r="C23264" s="7">
        <f t="shared" si="363"/>
        <v>387.27899999999994</v>
      </c>
      <c r="I23264" s="1"/>
    </row>
    <row r="23265" spans="1:9" x14ac:dyDescent="0.25">
      <c r="A23265" s="3">
        <v>41765.620983796296</v>
      </c>
      <c r="B23265" s="6">
        <v>387295.64999999997</v>
      </c>
      <c r="C23265" s="7">
        <f t="shared" si="363"/>
        <v>387.29564999999997</v>
      </c>
      <c r="I23265" s="1"/>
    </row>
    <row r="23266" spans="1:9" x14ac:dyDescent="0.25">
      <c r="A23266" s="3">
        <v>41765.621261574073</v>
      </c>
      <c r="B23266" s="6">
        <v>387312.3</v>
      </c>
      <c r="C23266" s="7">
        <f t="shared" si="363"/>
        <v>387.31229999999999</v>
      </c>
      <c r="I23266" s="1"/>
    </row>
    <row r="23267" spans="1:9" x14ac:dyDescent="0.25">
      <c r="A23267" s="3">
        <v>41765.623090277775</v>
      </c>
      <c r="B23267" s="6">
        <v>387328.94999999995</v>
      </c>
      <c r="C23267" s="7">
        <f t="shared" si="363"/>
        <v>387.32894999999996</v>
      </c>
      <c r="I23267" s="1"/>
    </row>
    <row r="23268" spans="1:9" x14ac:dyDescent="0.25">
      <c r="A23268" s="3">
        <v>41765.623171296298</v>
      </c>
      <c r="B23268" s="6">
        <v>387345.6</v>
      </c>
      <c r="C23268" s="7">
        <f t="shared" si="363"/>
        <v>387.34559999999999</v>
      </c>
      <c r="I23268" s="1"/>
    </row>
    <row r="23269" spans="1:9" x14ac:dyDescent="0.25">
      <c r="A23269" s="3">
        <v>41765.624513888892</v>
      </c>
      <c r="B23269" s="6">
        <v>387362.24999999994</v>
      </c>
      <c r="C23269" s="7">
        <f t="shared" si="363"/>
        <v>387.36224999999996</v>
      </c>
      <c r="I23269" s="1"/>
    </row>
    <row r="23270" spans="1:9" x14ac:dyDescent="0.25">
      <c r="A23270" s="3">
        <v>41765.624768518515</v>
      </c>
      <c r="B23270" s="6">
        <v>387378.89999999997</v>
      </c>
      <c r="C23270" s="7">
        <f t="shared" si="363"/>
        <v>387.37889999999999</v>
      </c>
      <c r="I23270" s="1"/>
    </row>
    <row r="23271" spans="1:9" x14ac:dyDescent="0.25">
      <c r="A23271" s="3">
        <v>41765.627916666665</v>
      </c>
      <c r="B23271" s="6">
        <v>387395.55</v>
      </c>
      <c r="C23271" s="7">
        <f t="shared" si="363"/>
        <v>387.39555000000001</v>
      </c>
      <c r="I23271" s="1"/>
    </row>
    <row r="23272" spans="1:9" x14ac:dyDescent="0.25">
      <c r="A23272" s="3">
        <v>41765.628506944442</v>
      </c>
      <c r="B23272" s="6">
        <v>387412.19999999995</v>
      </c>
      <c r="C23272" s="7">
        <f t="shared" si="363"/>
        <v>387.41219999999993</v>
      </c>
      <c r="I23272" s="1"/>
    </row>
    <row r="23273" spans="1:9" x14ac:dyDescent="0.25">
      <c r="A23273" s="3">
        <v>41765.631111111114</v>
      </c>
      <c r="B23273" s="6">
        <v>387428.85</v>
      </c>
      <c r="C23273" s="7">
        <f t="shared" si="363"/>
        <v>387.42884999999995</v>
      </c>
      <c r="I23273" s="1"/>
    </row>
    <row r="23274" spans="1:9" x14ac:dyDescent="0.25">
      <c r="A23274" s="3">
        <v>41765.631249999999</v>
      </c>
      <c r="B23274" s="6">
        <v>387445.49999999994</v>
      </c>
      <c r="C23274" s="7">
        <f t="shared" si="363"/>
        <v>387.44549999999992</v>
      </c>
      <c r="I23274" s="1"/>
    </row>
    <row r="23275" spans="1:9" x14ac:dyDescent="0.25">
      <c r="A23275" s="3">
        <v>41765.635324074072</v>
      </c>
      <c r="B23275" s="6">
        <v>387462.14999999997</v>
      </c>
      <c r="C23275" s="7">
        <f t="shared" si="363"/>
        <v>387.46214999999995</v>
      </c>
      <c r="I23275" s="1"/>
    </row>
    <row r="23276" spans="1:9" x14ac:dyDescent="0.25">
      <c r="A23276" s="3">
        <v>41765.63553240741</v>
      </c>
      <c r="B23276" s="6">
        <v>387478.8</v>
      </c>
      <c r="C23276" s="7">
        <f t="shared" si="363"/>
        <v>387.47879999999998</v>
      </c>
      <c r="I23276" s="1"/>
    </row>
    <row r="23277" spans="1:9" x14ac:dyDescent="0.25">
      <c r="A23277" s="3">
        <v>41765.638321759259</v>
      </c>
      <c r="B23277" s="6">
        <v>387495.44999999995</v>
      </c>
      <c r="C23277" s="7">
        <f t="shared" si="363"/>
        <v>387.49544999999995</v>
      </c>
      <c r="I23277" s="1"/>
    </row>
    <row r="23278" spans="1:9" x14ac:dyDescent="0.25">
      <c r="A23278" s="3">
        <v>41765.638472222221</v>
      </c>
      <c r="B23278" s="6">
        <v>387512.1</v>
      </c>
      <c r="C23278" s="7">
        <f t="shared" si="363"/>
        <v>387.51209999999998</v>
      </c>
      <c r="I23278" s="1"/>
    </row>
    <row r="23279" spans="1:9" x14ac:dyDescent="0.25">
      <c r="A23279" s="3">
        <v>41765.640567129631</v>
      </c>
      <c r="B23279" s="6">
        <v>387528.74999999994</v>
      </c>
      <c r="C23279" s="7">
        <f t="shared" si="363"/>
        <v>387.52874999999995</v>
      </c>
      <c r="I23279" s="1"/>
    </row>
    <row r="23280" spans="1:9" x14ac:dyDescent="0.25">
      <c r="A23280" s="3">
        <v>41765.640706018516</v>
      </c>
      <c r="B23280" s="6">
        <v>387545.39999999997</v>
      </c>
      <c r="C23280" s="7">
        <f t="shared" si="363"/>
        <v>387.54539999999997</v>
      </c>
      <c r="I23280" s="1"/>
    </row>
    <row r="23281" spans="1:9" x14ac:dyDescent="0.25">
      <c r="A23281" s="3">
        <v>41765.645648148151</v>
      </c>
      <c r="B23281" s="6">
        <v>387562.05</v>
      </c>
      <c r="C23281" s="7">
        <f t="shared" si="363"/>
        <v>387.56205</v>
      </c>
      <c r="I23281" s="1"/>
    </row>
    <row r="23282" spans="1:9" x14ac:dyDescent="0.25">
      <c r="A23282" s="3">
        <v>41765.645787037036</v>
      </c>
      <c r="B23282" s="6">
        <v>387578.69999999995</v>
      </c>
      <c r="C23282" s="7">
        <f t="shared" si="363"/>
        <v>387.57869999999997</v>
      </c>
      <c r="I23282" s="1"/>
    </row>
    <row r="23283" spans="1:9" x14ac:dyDescent="0.25">
      <c r="A23283" s="3">
        <v>41765.64880787037</v>
      </c>
      <c r="B23283" s="6">
        <v>387595.35</v>
      </c>
      <c r="C23283" s="7">
        <f t="shared" si="363"/>
        <v>387.59535</v>
      </c>
      <c r="I23283" s="1"/>
    </row>
    <row r="23284" spans="1:9" x14ac:dyDescent="0.25">
      <c r="A23284" s="3">
        <v>41765.648958333331</v>
      </c>
      <c r="B23284" s="6">
        <v>387611.99999999994</v>
      </c>
      <c r="C23284" s="7">
        <f t="shared" si="363"/>
        <v>387.61199999999997</v>
      </c>
      <c r="I23284" s="1"/>
    </row>
    <row r="23285" spans="1:9" x14ac:dyDescent="0.25">
      <c r="A23285" s="3">
        <v>41765.652592592596</v>
      </c>
      <c r="B23285" s="6">
        <v>387628.64999999997</v>
      </c>
      <c r="C23285" s="7">
        <f t="shared" si="363"/>
        <v>387.62864999999999</v>
      </c>
      <c r="I23285" s="1"/>
    </row>
    <row r="23286" spans="1:9" x14ac:dyDescent="0.25">
      <c r="A23286" s="3">
        <v>41765.653124999997</v>
      </c>
      <c r="B23286" s="6">
        <v>387645.3</v>
      </c>
      <c r="C23286" s="7">
        <f t="shared" si="363"/>
        <v>387.64529999999996</v>
      </c>
      <c r="I23286" s="1"/>
    </row>
    <row r="23287" spans="1:9" x14ac:dyDescent="0.25">
      <c r="A23287" s="3">
        <v>41765.658310185187</v>
      </c>
      <c r="B23287" s="6">
        <v>387661.94999999995</v>
      </c>
      <c r="C23287" s="7">
        <f t="shared" si="363"/>
        <v>387.66194999999993</v>
      </c>
      <c r="I23287" s="1"/>
    </row>
    <row r="23288" spans="1:9" x14ac:dyDescent="0.25">
      <c r="A23288" s="3">
        <v>41765.658391203702</v>
      </c>
      <c r="B23288" s="6">
        <v>387678.6</v>
      </c>
      <c r="C23288" s="7">
        <f t="shared" si="363"/>
        <v>387.67859999999996</v>
      </c>
      <c r="I23288" s="1"/>
    </row>
    <row r="23289" spans="1:9" x14ac:dyDescent="0.25">
      <c r="A23289" s="3">
        <v>41765.660173611112</v>
      </c>
      <c r="B23289" s="6">
        <v>387695.24999999994</v>
      </c>
      <c r="C23289" s="7">
        <f t="shared" si="363"/>
        <v>387.69524999999993</v>
      </c>
      <c r="I23289" s="1"/>
    </row>
    <row r="23290" spans="1:9" x14ac:dyDescent="0.25">
      <c r="A23290" s="3">
        <v>41765.660370370373</v>
      </c>
      <c r="B23290" s="6">
        <v>387711.89999999997</v>
      </c>
      <c r="C23290" s="7">
        <f t="shared" si="363"/>
        <v>387.71189999999996</v>
      </c>
      <c r="I23290" s="1"/>
    </row>
    <row r="23291" spans="1:9" x14ac:dyDescent="0.25">
      <c r="A23291" s="3">
        <v>41765.662928240738</v>
      </c>
      <c r="B23291" s="6">
        <v>387728.55</v>
      </c>
      <c r="C23291" s="7">
        <f t="shared" si="363"/>
        <v>387.72854999999998</v>
      </c>
      <c r="I23291" s="1"/>
    </row>
    <row r="23292" spans="1:9" x14ac:dyDescent="0.25">
      <c r="A23292" s="3">
        <v>41765.663159722222</v>
      </c>
      <c r="B23292" s="6">
        <v>387745.19999999995</v>
      </c>
      <c r="C23292" s="7">
        <f t="shared" si="363"/>
        <v>387.74519999999995</v>
      </c>
      <c r="I23292" s="1"/>
    </row>
    <row r="23293" spans="1:9" x14ac:dyDescent="0.25">
      <c r="A23293" s="3">
        <v>41765.665173611109</v>
      </c>
      <c r="B23293" s="6">
        <v>387761.85</v>
      </c>
      <c r="C23293" s="7">
        <f t="shared" si="363"/>
        <v>387.76184999999998</v>
      </c>
      <c r="I23293" s="1"/>
    </row>
    <row r="23294" spans="1:9" x14ac:dyDescent="0.25">
      <c r="A23294" s="3">
        <v>41765.665335648147</v>
      </c>
      <c r="B23294" s="6">
        <v>387778.49999999994</v>
      </c>
      <c r="C23294" s="7">
        <f t="shared" si="363"/>
        <v>387.77849999999995</v>
      </c>
      <c r="I23294" s="1"/>
    </row>
    <row r="23295" spans="1:9" x14ac:dyDescent="0.25">
      <c r="A23295" s="3">
        <v>41765.66684027778</v>
      </c>
      <c r="B23295" s="6">
        <v>387795.14999999997</v>
      </c>
      <c r="C23295" s="7">
        <f t="shared" si="363"/>
        <v>387.79514999999998</v>
      </c>
      <c r="I23295" s="1"/>
    </row>
    <row r="23296" spans="1:9" x14ac:dyDescent="0.25">
      <c r="A23296" s="3">
        <v>41765.666921296295</v>
      </c>
      <c r="B23296" s="6">
        <v>387811.8</v>
      </c>
      <c r="C23296" s="7">
        <f t="shared" si="363"/>
        <v>387.81180000000001</v>
      </c>
      <c r="I23296" s="1"/>
    </row>
    <row r="23297" spans="1:9" x14ac:dyDescent="0.25">
      <c r="A23297" s="3">
        <v>41765.668067129627</v>
      </c>
      <c r="B23297" s="6">
        <v>387828.44999999995</v>
      </c>
      <c r="C23297" s="7">
        <f t="shared" si="363"/>
        <v>387.82844999999998</v>
      </c>
      <c r="I23297" s="1"/>
    </row>
    <row r="23298" spans="1:9" x14ac:dyDescent="0.25">
      <c r="A23298" s="3">
        <v>41765.668310185189</v>
      </c>
      <c r="B23298" s="6">
        <v>387845.1</v>
      </c>
      <c r="C23298" s="7">
        <f t="shared" si="363"/>
        <v>387.8451</v>
      </c>
      <c r="I23298" s="1"/>
    </row>
    <row r="23299" spans="1:9" x14ac:dyDescent="0.25">
      <c r="A23299" s="3">
        <v>41765.671238425923</v>
      </c>
      <c r="B23299" s="6">
        <v>387861.74999999994</v>
      </c>
      <c r="C23299" s="7">
        <f t="shared" ref="C23299:C23362" si="364">B23299/1000</f>
        <v>387.86174999999992</v>
      </c>
      <c r="I23299" s="1"/>
    </row>
    <row r="23300" spans="1:9" x14ac:dyDescent="0.25">
      <c r="A23300" s="3">
        <v>41765.6718287037</v>
      </c>
      <c r="B23300" s="6">
        <v>387878.39999999997</v>
      </c>
      <c r="C23300" s="7">
        <f t="shared" si="364"/>
        <v>387.87839999999994</v>
      </c>
      <c r="I23300" s="1"/>
    </row>
    <row r="23301" spans="1:9" x14ac:dyDescent="0.25">
      <c r="A23301" s="3">
        <v>41765.674884259257</v>
      </c>
      <c r="B23301" s="6">
        <v>387895.05</v>
      </c>
      <c r="C23301" s="7">
        <f t="shared" si="364"/>
        <v>387.89504999999997</v>
      </c>
      <c r="I23301" s="1"/>
    </row>
    <row r="23302" spans="1:9" x14ac:dyDescent="0.25">
      <c r="A23302" s="3">
        <v>41765.675011574072</v>
      </c>
      <c r="B23302" s="6">
        <v>387911.69999999995</v>
      </c>
      <c r="C23302" s="7">
        <f t="shared" si="364"/>
        <v>387.91169999999994</v>
      </c>
      <c r="I23302" s="1"/>
    </row>
    <row r="23303" spans="1:9" x14ac:dyDescent="0.25">
      <c r="A23303" s="3">
        <v>41765.677314814813</v>
      </c>
      <c r="B23303" s="6">
        <v>387928.35</v>
      </c>
      <c r="C23303" s="7">
        <f t="shared" si="364"/>
        <v>387.92834999999997</v>
      </c>
      <c r="I23303" s="1"/>
    </row>
    <row r="23304" spans="1:9" x14ac:dyDescent="0.25">
      <c r="A23304" s="3">
        <v>41765.677407407406</v>
      </c>
      <c r="B23304" s="6">
        <v>387944.99999999994</v>
      </c>
      <c r="C23304" s="7">
        <f t="shared" si="364"/>
        <v>387.94499999999994</v>
      </c>
      <c r="I23304" s="1"/>
    </row>
    <row r="23305" spans="1:9" x14ac:dyDescent="0.25">
      <c r="A23305" s="3">
        <v>41765.678368055553</v>
      </c>
      <c r="B23305" s="6">
        <v>387961.64999999997</v>
      </c>
      <c r="C23305" s="7">
        <f t="shared" si="364"/>
        <v>387.96164999999996</v>
      </c>
      <c r="I23305" s="1"/>
    </row>
    <row r="23306" spans="1:9" x14ac:dyDescent="0.25">
      <c r="A23306" s="3">
        <v>41765.678553240738</v>
      </c>
      <c r="B23306" s="6">
        <v>387978.3</v>
      </c>
      <c r="C23306" s="7">
        <f t="shared" si="364"/>
        <v>387.97829999999999</v>
      </c>
      <c r="I23306" s="1"/>
    </row>
    <row r="23307" spans="1:9" x14ac:dyDescent="0.25">
      <c r="A23307" s="3">
        <v>41765.681851851848</v>
      </c>
      <c r="B23307" s="6">
        <v>387994.94999999995</v>
      </c>
      <c r="C23307" s="7">
        <f t="shared" si="364"/>
        <v>387.99494999999996</v>
      </c>
      <c r="I23307" s="1"/>
    </row>
    <row r="23308" spans="1:9" x14ac:dyDescent="0.25">
      <c r="A23308" s="3">
        <v>41765.681944444441</v>
      </c>
      <c r="B23308" s="6">
        <v>388011.6</v>
      </c>
      <c r="C23308" s="7">
        <f t="shared" si="364"/>
        <v>388.01159999999999</v>
      </c>
      <c r="I23308" s="1"/>
    </row>
    <row r="23309" spans="1:9" x14ac:dyDescent="0.25">
      <c r="A23309" s="3">
        <v>41765.683877314812</v>
      </c>
      <c r="B23309" s="6">
        <v>388028.24999999994</v>
      </c>
      <c r="C23309" s="7">
        <f t="shared" si="364"/>
        <v>388.02824999999996</v>
      </c>
      <c r="I23309" s="1"/>
    </row>
    <row r="23310" spans="1:9" x14ac:dyDescent="0.25">
      <c r="A23310" s="3">
        <v>41765.683981481481</v>
      </c>
      <c r="B23310" s="6">
        <v>388044.89999999997</v>
      </c>
      <c r="C23310" s="7">
        <f t="shared" si="364"/>
        <v>388.04489999999998</v>
      </c>
      <c r="I23310" s="1"/>
    </row>
    <row r="23311" spans="1:9" x14ac:dyDescent="0.25">
      <c r="A23311" s="3">
        <v>41765.686886574076</v>
      </c>
      <c r="B23311" s="6">
        <v>388061.55</v>
      </c>
      <c r="C23311" s="7">
        <f t="shared" si="364"/>
        <v>388.06155000000001</v>
      </c>
      <c r="I23311" s="1"/>
    </row>
    <row r="23312" spans="1:9" x14ac:dyDescent="0.25">
      <c r="A23312" s="3">
        <v>41765.687048611115</v>
      </c>
      <c r="B23312" s="6">
        <v>388078.19999999995</v>
      </c>
      <c r="C23312" s="7">
        <f t="shared" si="364"/>
        <v>388.07819999999998</v>
      </c>
      <c r="I23312" s="1"/>
    </row>
    <row r="23313" spans="1:9" x14ac:dyDescent="0.25">
      <c r="A23313" s="3">
        <v>41765.690717592595</v>
      </c>
      <c r="B23313" s="6">
        <v>388094.85</v>
      </c>
      <c r="C23313" s="7">
        <f t="shared" si="364"/>
        <v>388.09484999999995</v>
      </c>
      <c r="I23313" s="1"/>
    </row>
    <row r="23314" spans="1:9" x14ac:dyDescent="0.25">
      <c r="A23314" s="3">
        <v>41765.690787037034</v>
      </c>
      <c r="B23314" s="6">
        <v>388111.49999999994</v>
      </c>
      <c r="C23314" s="7">
        <f t="shared" si="364"/>
        <v>388.11149999999992</v>
      </c>
      <c r="I23314" s="1"/>
    </row>
    <row r="23315" spans="1:9" x14ac:dyDescent="0.25">
      <c r="A23315" s="3">
        <v>41765.692789351851</v>
      </c>
      <c r="B23315" s="6">
        <v>388128.14999999997</v>
      </c>
      <c r="C23315" s="7">
        <f t="shared" si="364"/>
        <v>388.12814999999995</v>
      </c>
      <c r="I23315" s="1"/>
    </row>
    <row r="23316" spans="1:9" x14ac:dyDescent="0.25">
      <c r="A23316" s="3">
        <v>41765.692962962959</v>
      </c>
      <c r="B23316" s="6">
        <v>388144.8</v>
      </c>
      <c r="C23316" s="7">
        <f t="shared" si="364"/>
        <v>388.14479999999998</v>
      </c>
      <c r="I23316" s="1"/>
    </row>
    <row r="23317" spans="1:9" x14ac:dyDescent="0.25">
      <c r="A23317" s="3">
        <v>41765.698171296295</v>
      </c>
      <c r="B23317" s="6">
        <v>388161.44999999995</v>
      </c>
      <c r="C23317" s="7">
        <f t="shared" si="364"/>
        <v>388.16144999999995</v>
      </c>
      <c r="I23317" s="1"/>
    </row>
    <row r="23318" spans="1:9" x14ac:dyDescent="0.25">
      <c r="A23318" s="3">
        <v>41765.698854166665</v>
      </c>
      <c r="B23318" s="6">
        <v>388178.1</v>
      </c>
      <c r="C23318" s="7">
        <f t="shared" si="364"/>
        <v>388.17809999999997</v>
      </c>
      <c r="I23318" s="1"/>
    </row>
    <row r="23319" spans="1:9" x14ac:dyDescent="0.25">
      <c r="A23319" s="3">
        <v>41765.702152777776</v>
      </c>
      <c r="B23319" s="6">
        <v>388194.74999999994</v>
      </c>
      <c r="C23319" s="7">
        <f t="shared" si="364"/>
        <v>388.19474999999994</v>
      </c>
      <c r="I23319" s="1"/>
    </row>
    <row r="23320" spans="1:9" x14ac:dyDescent="0.25">
      <c r="A23320" s="3">
        <v>41765.702523148146</v>
      </c>
      <c r="B23320" s="6">
        <v>388211.39999999997</v>
      </c>
      <c r="C23320" s="7">
        <f t="shared" si="364"/>
        <v>388.21139999999997</v>
      </c>
      <c r="I23320" s="1"/>
    </row>
    <row r="23321" spans="1:9" x14ac:dyDescent="0.25">
      <c r="A23321" s="3">
        <v>41765.704189814816</v>
      </c>
      <c r="B23321" s="6">
        <v>388228.05</v>
      </c>
      <c r="C23321" s="7">
        <f t="shared" si="364"/>
        <v>388.22805</v>
      </c>
      <c r="I23321" s="1"/>
    </row>
    <row r="23322" spans="1:9" x14ac:dyDescent="0.25">
      <c r="A23322" s="3">
        <v>41765.704421296294</v>
      </c>
      <c r="B23322" s="6">
        <v>388244.69999999995</v>
      </c>
      <c r="C23322" s="7">
        <f t="shared" si="364"/>
        <v>388.24469999999997</v>
      </c>
      <c r="I23322" s="1"/>
    </row>
    <row r="23323" spans="1:9" x14ac:dyDescent="0.25">
      <c r="A23323" s="3">
        <v>41765.708402777775</v>
      </c>
      <c r="B23323" s="6">
        <v>388261.35</v>
      </c>
      <c r="C23323" s="7">
        <f t="shared" si="364"/>
        <v>388.26134999999999</v>
      </c>
      <c r="I23323" s="1"/>
    </row>
    <row r="23324" spans="1:9" x14ac:dyDescent="0.25">
      <c r="A23324" s="3">
        <v>41765.709004629629</v>
      </c>
      <c r="B23324" s="6">
        <v>388277.99999999994</v>
      </c>
      <c r="C23324" s="7">
        <f t="shared" si="364"/>
        <v>388.27799999999996</v>
      </c>
      <c r="I23324" s="1"/>
    </row>
    <row r="23325" spans="1:9" x14ac:dyDescent="0.25">
      <c r="A23325" s="3">
        <v>41765.714895833335</v>
      </c>
      <c r="B23325" s="6">
        <v>388294.64999999997</v>
      </c>
      <c r="C23325" s="7">
        <f t="shared" si="364"/>
        <v>388.29464999999999</v>
      </c>
      <c r="I23325" s="1"/>
    </row>
    <row r="23326" spans="1:9" x14ac:dyDescent="0.25">
      <c r="A23326" s="3">
        <v>41765.71502314815</v>
      </c>
      <c r="B23326" s="6">
        <v>388311.3</v>
      </c>
      <c r="C23326" s="7">
        <f t="shared" si="364"/>
        <v>388.31129999999996</v>
      </c>
      <c r="I23326" s="1"/>
    </row>
    <row r="23327" spans="1:9" x14ac:dyDescent="0.25">
      <c r="A23327" s="3">
        <v>41765.717523148145</v>
      </c>
      <c r="B23327" s="6">
        <v>388327.94999999995</v>
      </c>
      <c r="C23327" s="7">
        <f t="shared" si="364"/>
        <v>388.32794999999993</v>
      </c>
      <c r="I23327" s="1"/>
    </row>
    <row r="23328" spans="1:9" x14ac:dyDescent="0.25">
      <c r="A23328" s="3">
        <v>41765.717650462961</v>
      </c>
      <c r="B23328" s="6">
        <v>388344.6</v>
      </c>
      <c r="C23328" s="7">
        <f t="shared" si="364"/>
        <v>388.34459999999996</v>
      </c>
      <c r="I23328" s="1"/>
    </row>
    <row r="23329" spans="1:9" x14ac:dyDescent="0.25">
      <c r="A23329" s="3">
        <v>41765.723009259258</v>
      </c>
      <c r="B23329" s="6">
        <v>388361.24999999994</v>
      </c>
      <c r="C23329" s="7">
        <f t="shared" si="364"/>
        <v>388.36124999999993</v>
      </c>
      <c r="I23329" s="1"/>
    </row>
    <row r="23330" spans="1:9" x14ac:dyDescent="0.25">
      <c r="A23330" s="3">
        <v>41765.724861111114</v>
      </c>
      <c r="B23330" s="6">
        <v>388377.89999999997</v>
      </c>
      <c r="C23330" s="7">
        <f t="shared" si="364"/>
        <v>388.37789999999995</v>
      </c>
      <c r="I23330" s="1"/>
    </row>
    <row r="23331" spans="1:9" x14ac:dyDescent="0.25">
      <c r="A23331" s="3">
        <v>41765.726898148147</v>
      </c>
      <c r="B23331" s="6">
        <v>388394.55</v>
      </c>
      <c r="C23331" s="7">
        <f t="shared" si="364"/>
        <v>388.39454999999998</v>
      </c>
      <c r="I23331" s="1"/>
    </row>
    <row r="23332" spans="1:9" x14ac:dyDescent="0.25">
      <c r="A23332" s="3">
        <v>41765.727094907408</v>
      </c>
      <c r="B23332" s="6">
        <v>388411.19999999995</v>
      </c>
      <c r="C23332" s="7">
        <f t="shared" si="364"/>
        <v>388.41119999999995</v>
      </c>
      <c r="I23332" s="1"/>
    </row>
    <row r="23333" spans="1:9" x14ac:dyDescent="0.25">
      <c r="A23333" s="3">
        <v>41765.730763888889</v>
      </c>
      <c r="B23333" s="6">
        <v>388427.85</v>
      </c>
      <c r="C23333" s="7">
        <f t="shared" si="364"/>
        <v>388.42784999999998</v>
      </c>
      <c r="I23333" s="1"/>
    </row>
    <row r="23334" spans="1:9" x14ac:dyDescent="0.25">
      <c r="A23334" s="3">
        <v>41765.730937499997</v>
      </c>
      <c r="B23334" s="6">
        <v>388444.49999999994</v>
      </c>
      <c r="C23334" s="7">
        <f t="shared" si="364"/>
        <v>388.44449999999995</v>
      </c>
      <c r="I23334" s="1"/>
    </row>
    <row r="23335" spans="1:9" x14ac:dyDescent="0.25">
      <c r="A23335" s="3">
        <v>41765.734386574077</v>
      </c>
      <c r="B23335" s="6">
        <v>388461.14999999997</v>
      </c>
      <c r="C23335" s="7">
        <f t="shared" si="364"/>
        <v>388.46114999999998</v>
      </c>
      <c r="I23335" s="1"/>
    </row>
    <row r="23336" spans="1:9" x14ac:dyDescent="0.25">
      <c r="A23336" s="3">
        <v>41765.734629629631</v>
      </c>
      <c r="B23336" s="6">
        <v>388477.8</v>
      </c>
      <c r="C23336" s="7">
        <f t="shared" si="364"/>
        <v>388.4778</v>
      </c>
      <c r="I23336" s="1"/>
    </row>
    <row r="23337" spans="1:9" x14ac:dyDescent="0.25">
      <c r="A23337" s="3">
        <v>41765.740601851852</v>
      </c>
      <c r="B23337" s="6">
        <v>388494.44999999995</v>
      </c>
      <c r="C23337" s="7">
        <f t="shared" si="364"/>
        <v>388.49444999999997</v>
      </c>
      <c r="I23337" s="1"/>
    </row>
    <row r="23338" spans="1:9" x14ac:dyDescent="0.25">
      <c r="A23338" s="3">
        <v>41765.740671296298</v>
      </c>
      <c r="B23338" s="6">
        <v>388511.1</v>
      </c>
      <c r="C23338" s="7">
        <f t="shared" si="364"/>
        <v>388.5111</v>
      </c>
      <c r="I23338" s="1"/>
    </row>
    <row r="23339" spans="1:9" x14ac:dyDescent="0.25">
      <c r="A23339" s="3">
        <v>41765.742442129631</v>
      </c>
      <c r="B23339" s="6">
        <v>388527.74999999994</v>
      </c>
      <c r="C23339" s="7">
        <f t="shared" si="364"/>
        <v>388.52774999999997</v>
      </c>
      <c r="I23339" s="1"/>
    </row>
    <row r="23340" spans="1:9" x14ac:dyDescent="0.25">
      <c r="A23340" s="3">
        <v>41765.743194444447</v>
      </c>
      <c r="B23340" s="6">
        <v>388544.39999999997</v>
      </c>
      <c r="C23340" s="7">
        <f t="shared" si="364"/>
        <v>388.54439999999994</v>
      </c>
      <c r="I23340" s="1"/>
    </row>
    <row r="23341" spans="1:9" x14ac:dyDescent="0.25">
      <c r="A23341" s="3">
        <v>41765.747916666667</v>
      </c>
      <c r="B23341" s="6">
        <v>388561.05</v>
      </c>
      <c r="C23341" s="7">
        <f t="shared" si="364"/>
        <v>388.56104999999997</v>
      </c>
      <c r="I23341" s="1"/>
    </row>
    <row r="23342" spans="1:9" x14ac:dyDescent="0.25">
      <c r="A23342" s="3">
        <v>41765.748854166668</v>
      </c>
      <c r="B23342" s="6">
        <v>388577.69999999995</v>
      </c>
      <c r="C23342" s="7">
        <f t="shared" si="364"/>
        <v>388.57769999999994</v>
      </c>
      <c r="I23342" s="1"/>
    </row>
    <row r="23343" spans="1:9" x14ac:dyDescent="0.25">
      <c r="A23343" s="3">
        <v>41765.753553240742</v>
      </c>
      <c r="B23343" s="6">
        <v>388594.35</v>
      </c>
      <c r="C23343" s="7">
        <f t="shared" si="364"/>
        <v>388.59434999999996</v>
      </c>
      <c r="I23343" s="1"/>
    </row>
    <row r="23344" spans="1:9" x14ac:dyDescent="0.25">
      <c r="A23344" s="3">
        <v>41765.753750000003</v>
      </c>
      <c r="B23344" s="6">
        <v>388610.99999999994</v>
      </c>
      <c r="C23344" s="7">
        <f t="shared" si="364"/>
        <v>388.61099999999993</v>
      </c>
      <c r="I23344" s="1"/>
    </row>
    <row r="23345" spans="1:9" x14ac:dyDescent="0.25">
      <c r="A23345" s="3">
        <v>41765.757662037038</v>
      </c>
      <c r="B23345" s="6">
        <v>388627.64999999997</v>
      </c>
      <c r="C23345" s="7">
        <f t="shared" si="364"/>
        <v>388.62764999999996</v>
      </c>
      <c r="I23345" s="1"/>
    </row>
    <row r="23346" spans="1:9" x14ac:dyDescent="0.25">
      <c r="A23346" s="3">
        <v>41765.757962962962</v>
      </c>
      <c r="B23346" s="6">
        <v>388644.3</v>
      </c>
      <c r="C23346" s="7">
        <f t="shared" si="364"/>
        <v>388.64429999999999</v>
      </c>
      <c r="I23346" s="1"/>
    </row>
    <row r="23347" spans="1:9" x14ac:dyDescent="0.25">
      <c r="A23347" s="3">
        <v>41765.76358796296</v>
      </c>
      <c r="B23347" s="6">
        <v>388660.94999999995</v>
      </c>
      <c r="C23347" s="7">
        <f t="shared" si="364"/>
        <v>388.66094999999996</v>
      </c>
      <c r="I23347" s="1"/>
    </row>
    <row r="23348" spans="1:9" x14ac:dyDescent="0.25">
      <c r="A23348" s="3">
        <v>41765.766458333332</v>
      </c>
      <c r="B23348" s="6">
        <v>388677.6</v>
      </c>
      <c r="C23348" s="7">
        <f t="shared" si="364"/>
        <v>388.67759999999998</v>
      </c>
      <c r="I23348" s="1"/>
    </row>
    <row r="23349" spans="1:9" x14ac:dyDescent="0.25">
      <c r="A23349" s="3">
        <v>41765.780104166668</v>
      </c>
      <c r="B23349" s="6">
        <v>388694.24999999994</v>
      </c>
      <c r="C23349" s="7">
        <f t="shared" si="364"/>
        <v>388.69424999999995</v>
      </c>
      <c r="I23349" s="1"/>
    </row>
    <row r="23350" spans="1:9" x14ac:dyDescent="0.25">
      <c r="A23350" s="3">
        <v>41765.7815625</v>
      </c>
      <c r="B23350" s="6">
        <v>388710.89999999997</v>
      </c>
      <c r="C23350" s="7">
        <f t="shared" si="364"/>
        <v>388.71089999999998</v>
      </c>
      <c r="I23350" s="1"/>
    </row>
    <row r="23351" spans="1:9" x14ac:dyDescent="0.25">
      <c r="A23351" s="3">
        <v>41765.791585648149</v>
      </c>
      <c r="B23351" s="6">
        <v>388727.55</v>
      </c>
      <c r="C23351" s="7">
        <f t="shared" si="364"/>
        <v>388.72755000000001</v>
      </c>
      <c r="I23351" s="1"/>
    </row>
    <row r="23352" spans="1:9" x14ac:dyDescent="0.25">
      <c r="A23352" s="3">
        <v>41765.792766203704</v>
      </c>
      <c r="B23352" s="6">
        <v>388744.19999999995</v>
      </c>
      <c r="C23352" s="7">
        <f t="shared" si="364"/>
        <v>388.74419999999998</v>
      </c>
      <c r="I23352" s="1"/>
    </row>
    <row r="23353" spans="1:9" x14ac:dyDescent="0.25">
      <c r="A23353" s="3">
        <v>41765.802557870367</v>
      </c>
      <c r="B23353" s="6">
        <v>388760.85</v>
      </c>
      <c r="C23353" s="7">
        <f t="shared" si="364"/>
        <v>388.76085</v>
      </c>
      <c r="I23353" s="1"/>
    </row>
    <row r="23354" spans="1:9" x14ac:dyDescent="0.25">
      <c r="A23354" s="3">
        <v>41765.802905092591</v>
      </c>
      <c r="B23354" s="6">
        <v>388777.49999999994</v>
      </c>
      <c r="C23354" s="7">
        <f t="shared" si="364"/>
        <v>388.77749999999992</v>
      </c>
      <c r="I23354" s="1"/>
    </row>
    <row r="23355" spans="1:9" x14ac:dyDescent="0.25">
      <c r="A23355" s="3">
        <v>41765.811747685184</v>
      </c>
      <c r="B23355" s="6">
        <v>388794.14999999997</v>
      </c>
      <c r="C23355" s="7">
        <f t="shared" si="364"/>
        <v>388.79414999999995</v>
      </c>
      <c r="I23355" s="1"/>
    </row>
    <row r="23356" spans="1:9" x14ac:dyDescent="0.25">
      <c r="A23356" s="3">
        <v>41765.811886574076</v>
      </c>
      <c r="B23356" s="6">
        <v>388810.8</v>
      </c>
      <c r="C23356" s="7">
        <f t="shared" si="364"/>
        <v>388.81079999999997</v>
      </c>
      <c r="I23356" s="1"/>
    </row>
    <row r="23357" spans="1:9" x14ac:dyDescent="0.25">
      <c r="A23357" s="3">
        <v>41765.819548611114</v>
      </c>
      <c r="B23357" s="6">
        <v>388827.44999999995</v>
      </c>
      <c r="C23357" s="7">
        <f t="shared" si="364"/>
        <v>388.82744999999994</v>
      </c>
      <c r="I23357" s="1"/>
    </row>
    <row r="23358" spans="1:9" x14ac:dyDescent="0.25">
      <c r="A23358" s="3">
        <v>41765.820844907408</v>
      </c>
      <c r="B23358" s="6">
        <v>388844.1</v>
      </c>
      <c r="C23358" s="7">
        <f t="shared" si="364"/>
        <v>388.84409999999997</v>
      </c>
      <c r="I23358" s="1"/>
    </row>
    <row r="23359" spans="1:9" x14ac:dyDescent="0.25">
      <c r="A23359" s="3">
        <v>41796.343958333331</v>
      </c>
      <c r="B23359" s="6">
        <v>388860.74999999994</v>
      </c>
      <c r="C23359" s="7">
        <f t="shared" si="364"/>
        <v>388.86074999999994</v>
      </c>
      <c r="I23359" s="1"/>
    </row>
    <row r="23360" spans="1:9" x14ac:dyDescent="0.25">
      <c r="A23360" s="3">
        <v>41796.34443287037</v>
      </c>
      <c r="B23360" s="6">
        <v>388877.39999999997</v>
      </c>
      <c r="C23360" s="7">
        <f t="shared" si="364"/>
        <v>388.87739999999997</v>
      </c>
      <c r="I23360" s="1"/>
    </row>
    <row r="23361" spans="1:9" x14ac:dyDescent="0.25">
      <c r="A23361" s="3">
        <v>41796.352766203701</v>
      </c>
      <c r="B23361" s="6">
        <v>388894.05</v>
      </c>
      <c r="C23361" s="7">
        <f t="shared" si="364"/>
        <v>388.89404999999999</v>
      </c>
      <c r="I23361" s="1"/>
    </row>
    <row r="23362" spans="1:9" x14ac:dyDescent="0.25">
      <c r="A23362" s="3">
        <v>41796.352893518517</v>
      </c>
      <c r="B23362" s="6">
        <v>388910.69999999995</v>
      </c>
      <c r="C23362" s="7">
        <f t="shared" si="364"/>
        <v>388.91069999999996</v>
      </c>
      <c r="I23362" s="1"/>
    </row>
    <row r="23363" spans="1:9" x14ac:dyDescent="0.25">
      <c r="A23363" s="3">
        <v>41796.355312500003</v>
      </c>
      <c r="B23363" s="6">
        <v>388927.35</v>
      </c>
      <c r="C23363" s="7">
        <f t="shared" ref="C23363:C23426" si="365">B23363/1000</f>
        <v>388.92734999999999</v>
      </c>
      <c r="I23363" s="1"/>
    </row>
    <row r="23364" spans="1:9" x14ac:dyDescent="0.25">
      <c r="A23364" s="3">
        <v>41796.355416666665</v>
      </c>
      <c r="B23364" s="6">
        <v>388943.99999999994</v>
      </c>
      <c r="C23364" s="7">
        <f t="shared" si="365"/>
        <v>388.94399999999996</v>
      </c>
      <c r="I23364" s="1"/>
    </row>
    <row r="23365" spans="1:9" x14ac:dyDescent="0.25">
      <c r="A23365" s="3">
        <v>41796.36383101852</v>
      </c>
      <c r="B23365" s="6">
        <v>388960.64999999997</v>
      </c>
      <c r="C23365" s="7">
        <f t="shared" si="365"/>
        <v>388.96064999999999</v>
      </c>
      <c r="I23365" s="1"/>
    </row>
    <row r="23366" spans="1:9" x14ac:dyDescent="0.25">
      <c r="A23366" s="3">
        <v>41796.364120370374</v>
      </c>
      <c r="B23366" s="6">
        <v>388977.3</v>
      </c>
      <c r="C23366" s="7">
        <f t="shared" si="365"/>
        <v>388.97730000000001</v>
      </c>
      <c r="I23366" s="1"/>
    </row>
    <row r="23367" spans="1:9" x14ac:dyDescent="0.25">
      <c r="A23367" s="3">
        <v>41796.367650462962</v>
      </c>
      <c r="B23367" s="6">
        <v>388993.94999999995</v>
      </c>
      <c r="C23367" s="7">
        <f t="shared" si="365"/>
        <v>388.99394999999993</v>
      </c>
      <c r="I23367" s="1"/>
    </row>
    <row r="23368" spans="1:9" x14ac:dyDescent="0.25">
      <c r="A23368" s="3">
        <v>41796.367789351854</v>
      </c>
      <c r="B23368" s="6">
        <v>389010.6</v>
      </c>
      <c r="C23368" s="7">
        <f t="shared" si="365"/>
        <v>389.01059999999995</v>
      </c>
      <c r="I23368" s="1"/>
    </row>
    <row r="23369" spans="1:9" x14ac:dyDescent="0.25">
      <c r="A23369" s="3">
        <v>41796.372164351851</v>
      </c>
      <c r="B23369" s="6">
        <v>389027.24999999994</v>
      </c>
      <c r="C23369" s="7">
        <f t="shared" si="365"/>
        <v>389.02724999999992</v>
      </c>
      <c r="I23369" s="1"/>
    </row>
    <row r="23370" spans="1:9" x14ac:dyDescent="0.25">
      <c r="A23370" s="3">
        <v>41796.372442129628</v>
      </c>
      <c r="B23370" s="6">
        <v>389043.89999999997</v>
      </c>
      <c r="C23370" s="7">
        <f t="shared" si="365"/>
        <v>389.04389999999995</v>
      </c>
      <c r="I23370" s="1"/>
    </row>
    <row r="23371" spans="1:9" x14ac:dyDescent="0.25">
      <c r="A23371" s="3">
        <v>41796.378368055557</v>
      </c>
      <c r="B23371" s="6">
        <v>389060.55</v>
      </c>
      <c r="C23371" s="7">
        <f t="shared" si="365"/>
        <v>389.06054999999998</v>
      </c>
      <c r="I23371" s="1"/>
    </row>
    <row r="23372" spans="1:9" x14ac:dyDescent="0.25">
      <c r="A23372" s="3">
        <v>41796.378518518519</v>
      </c>
      <c r="B23372" s="6">
        <v>389077.19999999995</v>
      </c>
      <c r="C23372" s="7">
        <f t="shared" si="365"/>
        <v>389.07719999999995</v>
      </c>
      <c r="I23372" s="1"/>
    </row>
    <row r="23373" spans="1:9" x14ac:dyDescent="0.25">
      <c r="A23373" s="3">
        <v>41796.382418981484</v>
      </c>
      <c r="B23373" s="6">
        <v>389093.85</v>
      </c>
      <c r="C23373" s="7">
        <f t="shared" si="365"/>
        <v>389.09384999999997</v>
      </c>
      <c r="I23373" s="1"/>
    </row>
    <row r="23374" spans="1:9" x14ac:dyDescent="0.25">
      <c r="A23374" s="3">
        <v>41796.383206018516</v>
      </c>
      <c r="B23374" s="6">
        <v>389110.49999999994</v>
      </c>
      <c r="C23374" s="7">
        <f t="shared" si="365"/>
        <v>389.11049999999994</v>
      </c>
      <c r="I23374" s="1"/>
    </row>
    <row r="23375" spans="1:9" x14ac:dyDescent="0.25">
      <c r="A23375" s="3">
        <v>41796.392777777779</v>
      </c>
      <c r="B23375" s="6">
        <v>389127.14999999997</v>
      </c>
      <c r="C23375" s="7">
        <f t="shared" si="365"/>
        <v>389.12714999999997</v>
      </c>
      <c r="I23375" s="1"/>
    </row>
    <row r="23376" spans="1:9" x14ac:dyDescent="0.25">
      <c r="A23376" s="3">
        <v>41796.392928240741</v>
      </c>
      <c r="B23376" s="6">
        <v>389143.8</v>
      </c>
      <c r="C23376" s="7">
        <f t="shared" si="365"/>
        <v>389.1438</v>
      </c>
      <c r="I23376" s="1"/>
    </row>
    <row r="23377" spans="1:9" x14ac:dyDescent="0.25">
      <c r="A23377" s="3">
        <v>41796.400347222225</v>
      </c>
      <c r="B23377" s="6">
        <v>389160.44999999995</v>
      </c>
      <c r="C23377" s="7">
        <f t="shared" si="365"/>
        <v>389.16044999999997</v>
      </c>
      <c r="I23377" s="1"/>
    </row>
    <row r="23378" spans="1:9" x14ac:dyDescent="0.25">
      <c r="A23378" s="3">
        <v>41796.402303240742</v>
      </c>
      <c r="B23378" s="6">
        <v>389177.1</v>
      </c>
      <c r="C23378" s="7">
        <f t="shared" si="365"/>
        <v>389.1771</v>
      </c>
      <c r="I23378" s="1"/>
    </row>
    <row r="23379" spans="1:9" x14ac:dyDescent="0.25">
      <c r="A23379" s="3">
        <v>41796.405428240738</v>
      </c>
      <c r="B23379" s="6">
        <v>389193.74999999994</v>
      </c>
      <c r="C23379" s="7">
        <f t="shared" si="365"/>
        <v>389.19374999999997</v>
      </c>
      <c r="I23379" s="1"/>
    </row>
    <row r="23380" spans="1:9" x14ac:dyDescent="0.25">
      <c r="A23380" s="3">
        <v>41796.405798611115</v>
      </c>
      <c r="B23380" s="6">
        <v>389210.39999999997</v>
      </c>
      <c r="C23380" s="7">
        <f t="shared" si="365"/>
        <v>389.21039999999999</v>
      </c>
      <c r="I23380" s="1"/>
    </row>
    <row r="23381" spans="1:9" x14ac:dyDescent="0.25">
      <c r="A23381" s="3">
        <v>41796.409074074072</v>
      </c>
      <c r="B23381" s="6">
        <v>389227.05</v>
      </c>
      <c r="C23381" s="7">
        <f t="shared" si="365"/>
        <v>389.22704999999996</v>
      </c>
      <c r="I23381" s="1"/>
    </row>
    <row r="23382" spans="1:9" x14ac:dyDescent="0.25">
      <c r="A23382" s="3">
        <v>41796.409270833334</v>
      </c>
      <c r="B23382" s="6">
        <v>389243.69999999995</v>
      </c>
      <c r="C23382" s="7">
        <f t="shared" si="365"/>
        <v>389.24369999999993</v>
      </c>
      <c r="I23382" s="1"/>
    </row>
    <row r="23383" spans="1:9" x14ac:dyDescent="0.25">
      <c r="A23383" s="3">
        <v>41796.412569444445</v>
      </c>
      <c r="B23383" s="6">
        <v>389260.35</v>
      </c>
      <c r="C23383" s="7">
        <f t="shared" si="365"/>
        <v>389.26034999999996</v>
      </c>
      <c r="I23383" s="1"/>
    </row>
    <row r="23384" spans="1:9" x14ac:dyDescent="0.25">
      <c r="A23384" s="3">
        <v>41796.412743055553</v>
      </c>
      <c r="B23384" s="6">
        <v>389276.99999999994</v>
      </c>
      <c r="C23384" s="7">
        <f t="shared" si="365"/>
        <v>389.27699999999993</v>
      </c>
      <c r="I23384" s="1"/>
    </row>
    <row r="23385" spans="1:9" x14ac:dyDescent="0.25">
      <c r="A23385" s="3">
        <v>41796.421157407407</v>
      </c>
      <c r="B23385" s="6">
        <v>389293.64999999997</v>
      </c>
      <c r="C23385" s="7">
        <f t="shared" si="365"/>
        <v>389.29364999999996</v>
      </c>
      <c r="I23385" s="1"/>
    </row>
    <row r="23386" spans="1:9" x14ac:dyDescent="0.25">
      <c r="A23386" s="3">
        <v>41796.421342592592</v>
      </c>
      <c r="B23386" s="6">
        <v>389310.3</v>
      </c>
      <c r="C23386" s="7">
        <f t="shared" si="365"/>
        <v>389.31029999999998</v>
      </c>
      <c r="I23386" s="1"/>
    </row>
    <row r="23387" spans="1:9" x14ac:dyDescent="0.25">
      <c r="A23387" s="3">
        <v>41796.423229166663</v>
      </c>
      <c r="B23387" s="6">
        <v>389326.94999999995</v>
      </c>
      <c r="C23387" s="7">
        <f t="shared" si="365"/>
        <v>389.32694999999995</v>
      </c>
      <c r="I23387" s="1"/>
    </row>
    <row r="23388" spans="1:9" x14ac:dyDescent="0.25">
      <c r="A23388" s="3">
        <v>41796.423506944448</v>
      </c>
      <c r="B23388" s="6">
        <v>389343.6</v>
      </c>
      <c r="C23388" s="7">
        <f t="shared" si="365"/>
        <v>389.34359999999998</v>
      </c>
      <c r="I23388" s="1"/>
    </row>
    <row r="23389" spans="1:9" x14ac:dyDescent="0.25">
      <c r="A23389" s="3">
        <v>41796.428020833337</v>
      </c>
      <c r="B23389" s="6">
        <v>389360.24999999994</v>
      </c>
      <c r="C23389" s="7">
        <f t="shared" si="365"/>
        <v>389.36024999999995</v>
      </c>
      <c r="I23389" s="1"/>
    </row>
    <row r="23390" spans="1:9" x14ac:dyDescent="0.25">
      <c r="A23390" s="3">
        <v>41796.429467592592</v>
      </c>
      <c r="B23390" s="6">
        <v>389376.89999999997</v>
      </c>
      <c r="C23390" s="7">
        <f t="shared" si="365"/>
        <v>389.37689999999998</v>
      </c>
      <c r="I23390" s="1"/>
    </row>
    <row r="23391" spans="1:9" x14ac:dyDescent="0.25">
      <c r="A23391" s="3">
        <v>41796.435069444444</v>
      </c>
      <c r="B23391" s="6">
        <v>389393.55</v>
      </c>
      <c r="C23391" s="7">
        <f t="shared" si="365"/>
        <v>389.39355</v>
      </c>
      <c r="I23391" s="1"/>
    </row>
    <row r="23392" spans="1:9" x14ac:dyDescent="0.25">
      <c r="A23392" s="3">
        <v>41796.435416666667</v>
      </c>
      <c r="B23392" s="6">
        <v>389410.19999999995</v>
      </c>
      <c r="C23392" s="7">
        <f t="shared" si="365"/>
        <v>389.41019999999997</v>
      </c>
      <c r="I23392" s="1"/>
    </row>
    <row r="23393" spans="1:9" x14ac:dyDescent="0.25">
      <c r="A23393" s="3">
        <v>41796.439756944441</v>
      </c>
      <c r="B23393" s="6">
        <v>389426.85</v>
      </c>
      <c r="C23393" s="7">
        <f t="shared" si="365"/>
        <v>389.42685</v>
      </c>
      <c r="I23393" s="1"/>
    </row>
    <row r="23394" spans="1:9" x14ac:dyDescent="0.25">
      <c r="A23394" s="3">
        <v>41796.439953703702</v>
      </c>
      <c r="B23394" s="6">
        <v>389443.49999999994</v>
      </c>
      <c r="C23394" s="7">
        <f t="shared" si="365"/>
        <v>389.44349999999991</v>
      </c>
      <c r="I23394" s="1"/>
    </row>
    <row r="23395" spans="1:9" x14ac:dyDescent="0.25">
      <c r="A23395" s="3">
        <v>41796.446944444448</v>
      </c>
      <c r="B23395" s="6">
        <v>389460.14999999997</v>
      </c>
      <c r="C23395" s="7">
        <f t="shared" si="365"/>
        <v>389.46014999999994</v>
      </c>
      <c r="I23395" s="1"/>
    </row>
    <row r="23396" spans="1:9" x14ac:dyDescent="0.25">
      <c r="A23396" s="3">
        <v>41796.447199074071</v>
      </c>
      <c r="B23396" s="6">
        <v>389476.8</v>
      </c>
      <c r="C23396" s="7">
        <f t="shared" si="365"/>
        <v>389.47679999999997</v>
      </c>
      <c r="I23396" s="1"/>
    </row>
    <row r="23397" spans="1:9" x14ac:dyDescent="0.25">
      <c r="A23397" s="3">
        <v>41796.450219907405</v>
      </c>
      <c r="B23397" s="6">
        <v>389493.44999999995</v>
      </c>
      <c r="C23397" s="7">
        <f t="shared" si="365"/>
        <v>389.49344999999994</v>
      </c>
      <c r="I23397" s="1"/>
    </row>
    <row r="23398" spans="1:9" x14ac:dyDescent="0.25">
      <c r="A23398" s="3">
        <v>41796.450335648151</v>
      </c>
      <c r="B23398" s="6">
        <v>389510.1</v>
      </c>
      <c r="C23398" s="7">
        <f t="shared" si="365"/>
        <v>389.51009999999997</v>
      </c>
      <c r="I23398" s="1"/>
    </row>
    <row r="23399" spans="1:9" x14ac:dyDescent="0.25">
      <c r="A23399" s="3">
        <v>41796.452303240738</v>
      </c>
      <c r="B23399" s="6">
        <v>389526.74999999994</v>
      </c>
      <c r="C23399" s="7">
        <f t="shared" si="365"/>
        <v>389.52674999999994</v>
      </c>
      <c r="I23399" s="1"/>
    </row>
    <row r="23400" spans="1:9" x14ac:dyDescent="0.25">
      <c r="A23400" s="3">
        <v>41796.452418981484</v>
      </c>
      <c r="B23400" s="6">
        <v>389543.39999999997</v>
      </c>
      <c r="C23400" s="7">
        <f t="shared" si="365"/>
        <v>389.54339999999996</v>
      </c>
      <c r="I23400" s="1"/>
    </row>
    <row r="23401" spans="1:9" x14ac:dyDescent="0.25">
      <c r="A23401" s="3">
        <v>41796.453668981485</v>
      </c>
      <c r="B23401" s="6">
        <v>389560.05</v>
      </c>
      <c r="C23401" s="7">
        <f t="shared" si="365"/>
        <v>389.56004999999999</v>
      </c>
      <c r="I23401" s="1"/>
    </row>
    <row r="23402" spans="1:9" x14ac:dyDescent="0.25">
      <c r="A23402" s="3">
        <v>41796.453750000001</v>
      </c>
      <c r="B23402" s="6">
        <v>389576.69999999995</v>
      </c>
      <c r="C23402" s="7">
        <f t="shared" si="365"/>
        <v>389.57669999999996</v>
      </c>
      <c r="I23402" s="1"/>
    </row>
    <row r="23403" spans="1:9" x14ac:dyDescent="0.25">
      <c r="A23403" s="3">
        <v>41796.456747685188</v>
      </c>
      <c r="B23403" s="6">
        <v>389593.35</v>
      </c>
      <c r="C23403" s="7">
        <f t="shared" si="365"/>
        <v>389.59334999999999</v>
      </c>
      <c r="I23403" s="1"/>
    </row>
    <row r="23404" spans="1:9" x14ac:dyDescent="0.25">
      <c r="A23404" s="3">
        <v>41796.456990740742</v>
      </c>
      <c r="B23404" s="6">
        <v>389609.99999999994</v>
      </c>
      <c r="C23404" s="7">
        <f t="shared" si="365"/>
        <v>389.60999999999996</v>
      </c>
      <c r="I23404" s="1"/>
    </row>
    <row r="23405" spans="1:9" x14ac:dyDescent="0.25">
      <c r="A23405" s="3">
        <v>41796.462048611109</v>
      </c>
      <c r="B23405" s="6">
        <v>389626.64999999997</v>
      </c>
      <c r="C23405" s="7">
        <f t="shared" si="365"/>
        <v>389.62664999999998</v>
      </c>
      <c r="I23405" s="1"/>
    </row>
    <row r="23406" spans="1:9" x14ac:dyDescent="0.25">
      <c r="A23406" s="3">
        <v>41796.462743055556</v>
      </c>
      <c r="B23406" s="6">
        <v>389643.3</v>
      </c>
      <c r="C23406" s="7">
        <f t="shared" si="365"/>
        <v>389.64330000000001</v>
      </c>
      <c r="I23406" s="1"/>
    </row>
    <row r="23407" spans="1:9" x14ac:dyDescent="0.25">
      <c r="A23407" s="3">
        <v>41796.464259259257</v>
      </c>
      <c r="B23407" s="6">
        <v>389659.94999999995</v>
      </c>
      <c r="C23407" s="7">
        <f t="shared" si="365"/>
        <v>389.65994999999998</v>
      </c>
      <c r="I23407" s="1"/>
    </row>
    <row r="23408" spans="1:9" x14ac:dyDescent="0.25">
      <c r="A23408" s="3">
        <v>41796.46435185185</v>
      </c>
      <c r="B23408" s="6">
        <v>389676.6</v>
      </c>
      <c r="C23408" s="7">
        <f t="shared" si="365"/>
        <v>389.67659999999995</v>
      </c>
      <c r="I23408" s="1"/>
    </row>
    <row r="23409" spans="1:9" x14ac:dyDescent="0.25">
      <c r="A23409" s="3">
        <v>41796.465416666666</v>
      </c>
      <c r="B23409" s="6">
        <v>389693.24999999994</v>
      </c>
      <c r="C23409" s="7">
        <f t="shared" si="365"/>
        <v>389.69324999999992</v>
      </c>
      <c r="I23409" s="1"/>
    </row>
    <row r="23410" spans="1:9" x14ac:dyDescent="0.25">
      <c r="A23410" s="3">
        <v>41796.465624999997</v>
      </c>
      <c r="B23410" s="6">
        <v>389709.89999999997</v>
      </c>
      <c r="C23410" s="7">
        <f t="shared" si="365"/>
        <v>389.70989999999995</v>
      </c>
      <c r="I23410" s="1"/>
    </row>
    <row r="23411" spans="1:9" x14ac:dyDescent="0.25">
      <c r="A23411" s="3">
        <v>41796.46974537037</v>
      </c>
      <c r="B23411" s="6">
        <v>389726.55</v>
      </c>
      <c r="C23411" s="7">
        <f t="shared" si="365"/>
        <v>389.72654999999997</v>
      </c>
      <c r="I23411" s="1"/>
    </row>
    <row r="23412" spans="1:9" x14ac:dyDescent="0.25">
      <c r="A23412" s="3">
        <v>41796.470914351848</v>
      </c>
      <c r="B23412" s="6">
        <v>389743.19999999995</v>
      </c>
      <c r="C23412" s="7">
        <f t="shared" si="365"/>
        <v>389.74319999999994</v>
      </c>
      <c r="I23412" s="1"/>
    </row>
    <row r="23413" spans="1:9" x14ac:dyDescent="0.25">
      <c r="A23413" s="3">
        <v>41796.474363425928</v>
      </c>
      <c r="B23413" s="6">
        <v>389759.85</v>
      </c>
      <c r="C23413" s="7">
        <f t="shared" si="365"/>
        <v>389.75984999999997</v>
      </c>
      <c r="I23413" s="1"/>
    </row>
    <row r="23414" spans="1:9" x14ac:dyDescent="0.25">
      <c r="A23414" s="3">
        <v>41796.475092592591</v>
      </c>
      <c r="B23414" s="6">
        <v>389776.49999999994</v>
      </c>
      <c r="C23414" s="7">
        <f t="shared" si="365"/>
        <v>389.77649999999994</v>
      </c>
      <c r="I23414" s="1"/>
    </row>
    <row r="23415" spans="1:9" x14ac:dyDescent="0.25">
      <c r="A23415" s="3">
        <v>41796.478912037041</v>
      </c>
      <c r="B23415" s="6">
        <v>389793.14999999997</v>
      </c>
      <c r="C23415" s="7">
        <f t="shared" si="365"/>
        <v>389.79314999999997</v>
      </c>
      <c r="I23415" s="1"/>
    </row>
    <row r="23416" spans="1:9" x14ac:dyDescent="0.25">
      <c r="A23416" s="3">
        <v>41796.479375000003</v>
      </c>
      <c r="B23416" s="6">
        <v>389809.8</v>
      </c>
      <c r="C23416" s="7">
        <f t="shared" si="365"/>
        <v>389.8098</v>
      </c>
      <c r="I23416" s="1"/>
    </row>
    <row r="23417" spans="1:9" x14ac:dyDescent="0.25">
      <c r="A23417" s="3">
        <v>41796.482152777775</v>
      </c>
      <c r="B23417" s="6">
        <v>389826.44999999995</v>
      </c>
      <c r="C23417" s="7">
        <f t="shared" si="365"/>
        <v>389.82644999999997</v>
      </c>
      <c r="I23417" s="1"/>
    </row>
    <row r="23418" spans="1:9" x14ac:dyDescent="0.25">
      <c r="A23418" s="3">
        <v>41796.48232638889</v>
      </c>
      <c r="B23418" s="6">
        <v>389843.1</v>
      </c>
      <c r="C23418" s="7">
        <f t="shared" si="365"/>
        <v>389.84309999999999</v>
      </c>
      <c r="I23418" s="1"/>
    </row>
    <row r="23419" spans="1:9" x14ac:dyDescent="0.25">
      <c r="A23419" s="3">
        <v>41796.48574074074</v>
      </c>
      <c r="B23419" s="6">
        <v>389859.74999999994</v>
      </c>
      <c r="C23419" s="7">
        <f t="shared" si="365"/>
        <v>389.85974999999996</v>
      </c>
      <c r="I23419" s="1"/>
    </row>
    <row r="23420" spans="1:9" x14ac:dyDescent="0.25">
      <c r="A23420" s="3">
        <v>41796.486319444448</v>
      </c>
      <c r="B23420" s="6">
        <v>389876.39999999997</v>
      </c>
      <c r="C23420" s="7">
        <f t="shared" si="365"/>
        <v>389.87639999999999</v>
      </c>
      <c r="I23420" s="1"/>
    </row>
    <row r="23421" spans="1:9" x14ac:dyDescent="0.25">
      <c r="A23421" s="3">
        <v>41796.494027777779</v>
      </c>
      <c r="B23421" s="6">
        <v>389893.05</v>
      </c>
      <c r="C23421" s="7">
        <f t="shared" si="365"/>
        <v>389.89305000000002</v>
      </c>
      <c r="I23421" s="1"/>
    </row>
    <row r="23422" spans="1:9" x14ac:dyDescent="0.25">
      <c r="A23422" s="3">
        <v>41796.49428240741</v>
      </c>
      <c r="B23422" s="6">
        <v>389909.69999999995</v>
      </c>
      <c r="C23422" s="7">
        <f t="shared" si="365"/>
        <v>389.90969999999993</v>
      </c>
      <c r="I23422" s="1"/>
    </row>
    <row r="23423" spans="1:9" x14ac:dyDescent="0.25">
      <c r="A23423" s="3">
        <v>41796.496990740743</v>
      </c>
      <c r="B23423" s="6">
        <v>389926.35</v>
      </c>
      <c r="C23423" s="7">
        <f t="shared" si="365"/>
        <v>389.92634999999996</v>
      </c>
      <c r="I23423" s="1"/>
    </row>
    <row r="23424" spans="1:9" x14ac:dyDescent="0.25">
      <c r="A23424" s="3">
        <v>41796.497094907405</v>
      </c>
      <c r="B23424" s="6">
        <v>389942.99999999994</v>
      </c>
      <c r="C23424" s="7">
        <f t="shared" si="365"/>
        <v>389.94299999999993</v>
      </c>
      <c r="I23424" s="1"/>
    </row>
    <row r="23425" spans="1:9" x14ac:dyDescent="0.25">
      <c r="A23425" s="3">
        <v>41796.498148148145</v>
      </c>
      <c r="B23425" s="6">
        <v>389959.64999999997</v>
      </c>
      <c r="C23425" s="7">
        <f t="shared" si="365"/>
        <v>389.95964999999995</v>
      </c>
      <c r="I23425" s="1"/>
    </row>
    <row r="23426" spans="1:9" x14ac:dyDescent="0.25">
      <c r="A23426" s="3">
        <v>41796.498263888891</v>
      </c>
      <c r="B23426" s="6">
        <v>389976.3</v>
      </c>
      <c r="C23426" s="7">
        <f t="shared" si="365"/>
        <v>389.97629999999998</v>
      </c>
      <c r="I23426" s="1"/>
    </row>
    <row r="23427" spans="1:9" x14ac:dyDescent="0.25">
      <c r="A23427" s="3">
        <v>41796.501134259262</v>
      </c>
      <c r="B23427" s="6">
        <v>389992.94999999995</v>
      </c>
      <c r="C23427" s="7">
        <f t="shared" ref="C23427:C23490" si="366">B23427/1000</f>
        <v>389.99294999999995</v>
      </c>
      <c r="I23427" s="1"/>
    </row>
    <row r="23428" spans="1:9" x14ac:dyDescent="0.25">
      <c r="A23428" s="3">
        <v>41796.50209490741</v>
      </c>
      <c r="B23428" s="6">
        <v>390009.59999999998</v>
      </c>
      <c r="C23428" s="7">
        <f t="shared" si="366"/>
        <v>390.00959999999998</v>
      </c>
      <c r="I23428" s="1"/>
    </row>
    <row r="23429" spans="1:9" x14ac:dyDescent="0.25">
      <c r="A23429" s="3">
        <v>41796.506157407406</v>
      </c>
      <c r="B23429" s="6">
        <v>390026.24999999994</v>
      </c>
      <c r="C23429" s="7">
        <f t="shared" si="366"/>
        <v>390.02624999999995</v>
      </c>
      <c r="I23429" s="1"/>
    </row>
    <row r="23430" spans="1:9" x14ac:dyDescent="0.25">
      <c r="A23430" s="3">
        <v>41796.506249999999</v>
      </c>
      <c r="B23430" s="6">
        <v>390042.89999999997</v>
      </c>
      <c r="C23430" s="7">
        <f t="shared" si="366"/>
        <v>390.04289999999997</v>
      </c>
      <c r="I23430" s="1"/>
    </row>
    <row r="23431" spans="1:9" x14ac:dyDescent="0.25">
      <c r="A23431" s="3">
        <v>41796.507199074076</v>
      </c>
      <c r="B23431" s="6">
        <v>390059.55</v>
      </c>
      <c r="C23431" s="7">
        <f t="shared" si="366"/>
        <v>390.05955</v>
      </c>
      <c r="I23431" s="1"/>
    </row>
    <row r="23432" spans="1:9" x14ac:dyDescent="0.25">
      <c r="A23432" s="3">
        <v>41796.507280092592</v>
      </c>
      <c r="B23432" s="6">
        <v>390076.19999999995</v>
      </c>
      <c r="C23432" s="7">
        <f t="shared" si="366"/>
        <v>390.07619999999997</v>
      </c>
      <c r="I23432" s="1"/>
    </row>
    <row r="23433" spans="1:9" x14ac:dyDescent="0.25">
      <c r="A23433" s="3">
        <v>41796.509548611109</v>
      </c>
      <c r="B23433" s="6">
        <v>390092.85</v>
      </c>
      <c r="C23433" s="7">
        <f t="shared" si="366"/>
        <v>390.09285</v>
      </c>
      <c r="I23433" s="1"/>
    </row>
    <row r="23434" spans="1:9" x14ac:dyDescent="0.25">
      <c r="A23434" s="3">
        <v>41796.509722222225</v>
      </c>
      <c r="B23434" s="6">
        <v>390109.49999999994</v>
      </c>
      <c r="C23434" s="7">
        <f t="shared" si="366"/>
        <v>390.10949999999997</v>
      </c>
      <c r="I23434" s="1"/>
    </row>
    <row r="23435" spans="1:9" x14ac:dyDescent="0.25">
      <c r="A23435" s="3">
        <v>41796.512395833335</v>
      </c>
      <c r="B23435" s="6">
        <v>390126.14999999997</v>
      </c>
      <c r="C23435" s="7">
        <f t="shared" si="366"/>
        <v>390.12614999999994</v>
      </c>
      <c r="I23435" s="1"/>
    </row>
    <row r="23436" spans="1:9" x14ac:dyDescent="0.25">
      <c r="A23436" s="3">
        <v>41796.512569444443</v>
      </c>
      <c r="B23436" s="6">
        <v>390142.8</v>
      </c>
      <c r="C23436" s="7">
        <f t="shared" si="366"/>
        <v>390.14279999999997</v>
      </c>
      <c r="I23436" s="1"/>
    </row>
    <row r="23437" spans="1:9" x14ac:dyDescent="0.25">
      <c r="A23437" s="3">
        <v>41796.516435185185</v>
      </c>
      <c r="B23437" s="6">
        <v>390159.44999999995</v>
      </c>
      <c r="C23437" s="7">
        <f t="shared" si="366"/>
        <v>390.15944999999994</v>
      </c>
      <c r="I23437" s="1"/>
    </row>
    <row r="23438" spans="1:9" x14ac:dyDescent="0.25">
      <c r="A23438" s="3">
        <v>41796.516585648147</v>
      </c>
      <c r="B23438" s="6">
        <v>390176.1</v>
      </c>
      <c r="C23438" s="7">
        <f t="shared" si="366"/>
        <v>390.17609999999996</v>
      </c>
      <c r="I23438" s="1"/>
    </row>
    <row r="23439" spans="1:9" x14ac:dyDescent="0.25">
      <c r="A23439" s="3">
        <v>41796.517824074072</v>
      </c>
      <c r="B23439" s="6">
        <v>390192.74999999994</v>
      </c>
      <c r="C23439" s="7">
        <f t="shared" si="366"/>
        <v>390.19274999999993</v>
      </c>
      <c r="I23439" s="1"/>
    </row>
    <row r="23440" spans="1:9" x14ac:dyDescent="0.25">
      <c r="A23440" s="3">
        <v>41796.517962962964</v>
      </c>
      <c r="B23440" s="6">
        <v>390209.39999999997</v>
      </c>
      <c r="C23440" s="7">
        <f t="shared" si="366"/>
        <v>390.20939999999996</v>
      </c>
      <c r="I23440" s="1"/>
    </row>
    <row r="23441" spans="1:9" x14ac:dyDescent="0.25">
      <c r="A23441" s="3">
        <v>41796.522997685184</v>
      </c>
      <c r="B23441" s="6">
        <v>390226.05</v>
      </c>
      <c r="C23441" s="7">
        <f t="shared" si="366"/>
        <v>390.22604999999999</v>
      </c>
      <c r="I23441" s="1"/>
    </row>
    <row r="23442" spans="1:9" x14ac:dyDescent="0.25">
      <c r="A23442" s="3">
        <v>41796.523159722223</v>
      </c>
      <c r="B23442" s="6">
        <v>390242.69999999995</v>
      </c>
      <c r="C23442" s="7">
        <f t="shared" si="366"/>
        <v>390.24269999999996</v>
      </c>
      <c r="I23442" s="1"/>
    </row>
    <row r="23443" spans="1:9" x14ac:dyDescent="0.25">
      <c r="A23443" s="3">
        <v>41796.525347222225</v>
      </c>
      <c r="B23443" s="6">
        <v>390259.35</v>
      </c>
      <c r="C23443" s="7">
        <f t="shared" si="366"/>
        <v>390.25934999999998</v>
      </c>
      <c r="I23443" s="1"/>
    </row>
    <row r="23444" spans="1:9" x14ac:dyDescent="0.25">
      <c r="A23444" s="3">
        <v>41796.525578703702</v>
      </c>
      <c r="B23444" s="6">
        <v>390275.99999999994</v>
      </c>
      <c r="C23444" s="7">
        <f t="shared" si="366"/>
        <v>390.27599999999995</v>
      </c>
      <c r="I23444" s="1"/>
    </row>
    <row r="23445" spans="1:9" x14ac:dyDescent="0.25">
      <c r="A23445" s="3">
        <v>41796.528275462966</v>
      </c>
      <c r="B23445" s="6">
        <v>390292.64999999997</v>
      </c>
      <c r="C23445" s="7">
        <f t="shared" si="366"/>
        <v>390.29264999999998</v>
      </c>
      <c r="I23445" s="1"/>
    </row>
    <row r="23446" spans="1:9" x14ac:dyDescent="0.25">
      <c r="A23446" s="3">
        <v>41796.528391203705</v>
      </c>
      <c r="B23446" s="6">
        <v>390309.3</v>
      </c>
      <c r="C23446" s="7">
        <f t="shared" si="366"/>
        <v>390.30930000000001</v>
      </c>
      <c r="I23446" s="1"/>
    </row>
    <row r="23447" spans="1:9" x14ac:dyDescent="0.25">
      <c r="A23447" s="3">
        <v>41796.530381944445</v>
      </c>
      <c r="B23447" s="6">
        <v>390325.94999999995</v>
      </c>
      <c r="C23447" s="7">
        <f t="shared" si="366"/>
        <v>390.32594999999998</v>
      </c>
      <c r="I23447" s="1"/>
    </row>
    <row r="23448" spans="1:9" x14ac:dyDescent="0.25">
      <c r="A23448" s="3">
        <v>41796.531064814815</v>
      </c>
      <c r="B23448" s="6">
        <v>390342.6</v>
      </c>
      <c r="C23448" s="7">
        <f t="shared" si="366"/>
        <v>390.3426</v>
      </c>
      <c r="I23448" s="1"/>
    </row>
    <row r="23449" spans="1:9" x14ac:dyDescent="0.25">
      <c r="A23449" s="3">
        <v>41796.53496527778</v>
      </c>
      <c r="B23449" s="6">
        <v>390359.24999999994</v>
      </c>
      <c r="C23449" s="7">
        <f t="shared" si="366"/>
        <v>390.35924999999992</v>
      </c>
      <c r="I23449" s="1"/>
    </row>
    <row r="23450" spans="1:9" x14ac:dyDescent="0.25">
      <c r="A23450" s="3">
        <v>41796.536145833335</v>
      </c>
      <c r="B23450" s="6">
        <v>390375.89999999997</v>
      </c>
      <c r="C23450" s="7">
        <f t="shared" si="366"/>
        <v>390.37589999999994</v>
      </c>
      <c r="I23450" s="1"/>
    </row>
    <row r="23451" spans="1:9" x14ac:dyDescent="0.25">
      <c r="A23451" s="3">
        <v>41796.539155092592</v>
      </c>
      <c r="B23451" s="6">
        <v>390392.55</v>
      </c>
      <c r="C23451" s="7">
        <f t="shared" si="366"/>
        <v>390.39254999999997</v>
      </c>
      <c r="I23451" s="1"/>
    </row>
    <row r="23452" spans="1:9" x14ac:dyDescent="0.25">
      <c r="A23452" s="3">
        <v>41796.539293981485</v>
      </c>
      <c r="B23452" s="6">
        <v>390409.19999999995</v>
      </c>
      <c r="C23452" s="7">
        <f t="shared" si="366"/>
        <v>390.40919999999994</v>
      </c>
      <c r="I23452" s="1"/>
    </row>
    <row r="23453" spans="1:9" x14ac:dyDescent="0.25">
      <c r="A23453" s="3">
        <v>41796.544699074075</v>
      </c>
      <c r="B23453" s="6">
        <v>390425.85</v>
      </c>
      <c r="C23453" s="7">
        <f t="shared" si="366"/>
        <v>390.42584999999997</v>
      </c>
      <c r="I23453" s="1"/>
    </row>
    <row r="23454" spans="1:9" x14ac:dyDescent="0.25">
      <c r="A23454" s="3">
        <v>41796.54478009259</v>
      </c>
      <c r="B23454" s="6">
        <v>390442.49999999994</v>
      </c>
      <c r="C23454" s="7">
        <f t="shared" si="366"/>
        <v>390.44249999999994</v>
      </c>
      <c r="I23454" s="1"/>
    </row>
    <row r="23455" spans="1:9" x14ac:dyDescent="0.25">
      <c r="A23455" s="3">
        <v>41796.546400462961</v>
      </c>
      <c r="B23455" s="6">
        <v>390459.14999999997</v>
      </c>
      <c r="C23455" s="7">
        <f t="shared" si="366"/>
        <v>390.45914999999997</v>
      </c>
      <c r="I23455" s="1"/>
    </row>
    <row r="23456" spans="1:9" x14ac:dyDescent="0.25">
      <c r="A23456" s="3">
        <v>41796.546539351853</v>
      </c>
      <c r="B23456" s="6">
        <v>390475.8</v>
      </c>
      <c r="C23456" s="7">
        <f t="shared" si="366"/>
        <v>390.47579999999999</v>
      </c>
      <c r="I23456" s="1"/>
    </row>
    <row r="23457" spans="1:9" x14ac:dyDescent="0.25">
      <c r="A23457" s="3">
        <v>41796.547800925924</v>
      </c>
      <c r="B23457" s="6">
        <v>390492.44999999995</v>
      </c>
      <c r="C23457" s="7">
        <f t="shared" si="366"/>
        <v>390.49244999999996</v>
      </c>
      <c r="I23457" s="1"/>
    </row>
    <row r="23458" spans="1:9" x14ac:dyDescent="0.25">
      <c r="A23458" s="3">
        <v>41796.547974537039</v>
      </c>
      <c r="B23458" s="6">
        <v>390509.1</v>
      </c>
      <c r="C23458" s="7">
        <f t="shared" si="366"/>
        <v>390.50909999999999</v>
      </c>
      <c r="I23458" s="1"/>
    </row>
    <row r="23459" spans="1:9" x14ac:dyDescent="0.25">
      <c r="A23459" s="3">
        <v>41796.550405092596</v>
      </c>
      <c r="B23459" s="6">
        <v>390525.74999999994</v>
      </c>
      <c r="C23459" s="7">
        <f t="shared" si="366"/>
        <v>390.52574999999996</v>
      </c>
      <c r="I23459" s="1"/>
    </row>
    <row r="23460" spans="1:9" x14ac:dyDescent="0.25">
      <c r="A23460" s="3">
        <v>41796.550740740742</v>
      </c>
      <c r="B23460" s="6">
        <v>390542.39999999997</v>
      </c>
      <c r="C23460" s="7">
        <f t="shared" si="366"/>
        <v>390.54239999999999</v>
      </c>
      <c r="I23460" s="1"/>
    </row>
    <row r="23461" spans="1:9" x14ac:dyDescent="0.25">
      <c r="A23461" s="3">
        <v>41796.553854166668</v>
      </c>
      <c r="B23461" s="6">
        <v>390559.05</v>
      </c>
      <c r="C23461" s="7">
        <f t="shared" si="366"/>
        <v>390.55905000000001</v>
      </c>
      <c r="I23461" s="1"/>
    </row>
    <row r="23462" spans="1:9" x14ac:dyDescent="0.25">
      <c r="A23462" s="3">
        <v>41796.55395833333</v>
      </c>
      <c r="B23462" s="6">
        <v>390575.69999999995</v>
      </c>
      <c r="C23462" s="7">
        <f t="shared" si="366"/>
        <v>390.57569999999993</v>
      </c>
      <c r="I23462" s="1"/>
    </row>
    <row r="23463" spans="1:9" x14ac:dyDescent="0.25">
      <c r="A23463" s="3">
        <v>41796.555613425924</v>
      </c>
      <c r="B23463" s="6">
        <v>390592.35</v>
      </c>
      <c r="C23463" s="7">
        <f t="shared" si="366"/>
        <v>390.59234999999995</v>
      </c>
      <c r="I23463" s="1"/>
    </row>
    <row r="23464" spans="1:9" x14ac:dyDescent="0.25">
      <c r="A23464" s="3">
        <v>41796.555763888886</v>
      </c>
      <c r="B23464" s="6">
        <v>390608.99999999994</v>
      </c>
      <c r="C23464" s="7">
        <f t="shared" si="366"/>
        <v>390.60899999999992</v>
      </c>
      <c r="I23464" s="1"/>
    </row>
    <row r="23465" spans="1:9" x14ac:dyDescent="0.25">
      <c r="A23465" s="3">
        <v>41796.557546296295</v>
      </c>
      <c r="B23465" s="6">
        <v>390625.64999999997</v>
      </c>
      <c r="C23465" s="7">
        <f t="shared" si="366"/>
        <v>390.62564999999995</v>
      </c>
      <c r="I23465" s="1"/>
    </row>
    <row r="23466" spans="1:9" x14ac:dyDescent="0.25">
      <c r="A23466" s="3">
        <v>41796.558229166665</v>
      </c>
      <c r="B23466" s="6">
        <v>390642.3</v>
      </c>
      <c r="C23466" s="7">
        <f t="shared" si="366"/>
        <v>390.64229999999998</v>
      </c>
      <c r="I23466" s="1"/>
    </row>
    <row r="23467" spans="1:9" x14ac:dyDescent="0.25">
      <c r="A23467" s="3">
        <v>41796.56212962963</v>
      </c>
      <c r="B23467" s="6">
        <v>390658.94999999995</v>
      </c>
      <c r="C23467" s="7">
        <f t="shared" si="366"/>
        <v>390.65894999999995</v>
      </c>
      <c r="I23467" s="1"/>
    </row>
    <row r="23468" spans="1:9" x14ac:dyDescent="0.25">
      <c r="A23468" s="3">
        <v>41796.562280092592</v>
      </c>
      <c r="B23468" s="6">
        <v>390675.6</v>
      </c>
      <c r="C23468" s="7">
        <f t="shared" si="366"/>
        <v>390.67559999999997</v>
      </c>
      <c r="I23468" s="1"/>
    </row>
    <row r="23469" spans="1:9" x14ac:dyDescent="0.25">
      <c r="A23469" s="3">
        <v>41796.563703703701</v>
      </c>
      <c r="B23469" s="6">
        <v>390692.24999999994</v>
      </c>
      <c r="C23469" s="7">
        <f t="shared" si="366"/>
        <v>390.69224999999994</v>
      </c>
      <c r="I23469" s="1"/>
    </row>
    <row r="23470" spans="1:9" x14ac:dyDescent="0.25">
      <c r="A23470" s="3">
        <v>41796.56386574074</v>
      </c>
      <c r="B23470" s="6">
        <v>390708.89999999997</v>
      </c>
      <c r="C23470" s="7">
        <f t="shared" si="366"/>
        <v>390.70889999999997</v>
      </c>
      <c r="I23470" s="1"/>
    </row>
    <row r="23471" spans="1:9" x14ac:dyDescent="0.25">
      <c r="A23471" s="3">
        <v>41796.565081018518</v>
      </c>
      <c r="B23471" s="6">
        <v>390725.55</v>
      </c>
      <c r="C23471" s="7">
        <f t="shared" si="366"/>
        <v>390.72555</v>
      </c>
      <c r="I23471" s="1"/>
    </row>
    <row r="23472" spans="1:9" x14ac:dyDescent="0.25">
      <c r="A23472" s="3">
        <v>41796.56517361111</v>
      </c>
      <c r="B23472" s="6">
        <v>390742.19999999995</v>
      </c>
      <c r="C23472" s="7">
        <f t="shared" si="366"/>
        <v>390.74219999999997</v>
      </c>
      <c r="I23472" s="1"/>
    </row>
    <row r="23473" spans="1:9" x14ac:dyDescent="0.25">
      <c r="A23473" s="3">
        <v>41796.567766203705</v>
      </c>
      <c r="B23473" s="6">
        <v>390758.85</v>
      </c>
      <c r="C23473" s="7">
        <f t="shared" si="366"/>
        <v>390.75885</v>
      </c>
      <c r="I23473" s="1"/>
    </row>
    <row r="23474" spans="1:9" x14ac:dyDescent="0.25">
      <c r="A23474" s="3">
        <v>41796.568344907406</v>
      </c>
      <c r="B23474" s="6">
        <v>390775.49999999994</v>
      </c>
      <c r="C23474" s="7">
        <f t="shared" si="366"/>
        <v>390.77549999999997</v>
      </c>
      <c r="I23474" s="1"/>
    </row>
    <row r="23475" spans="1:9" x14ac:dyDescent="0.25">
      <c r="A23475" s="3">
        <v>41796.571087962962</v>
      </c>
      <c r="B23475" s="6">
        <v>390792.14999999997</v>
      </c>
      <c r="C23475" s="7">
        <f t="shared" si="366"/>
        <v>390.79214999999999</v>
      </c>
      <c r="I23475" s="1"/>
    </row>
    <row r="23476" spans="1:9" x14ac:dyDescent="0.25">
      <c r="A23476" s="3">
        <v>41796.571145833332</v>
      </c>
      <c r="B23476" s="6">
        <v>390808.8</v>
      </c>
      <c r="C23476" s="7">
        <f t="shared" si="366"/>
        <v>390.80879999999996</v>
      </c>
      <c r="I23476" s="1"/>
    </row>
    <row r="23477" spans="1:9" x14ac:dyDescent="0.25">
      <c r="A23477" s="3">
        <v>41796.574942129628</v>
      </c>
      <c r="B23477" s="6">
        <v>390825.44999999995</v>
      </c>
      <c r="C23477" s="7">
        <f t="shared" si="366"/>
        <v>390.82544999999993</v>
      </c>
      <c r="I23477" s="1"/>
    </row>
    <row r="23478" spans="1:9" x14ac:dyDescent="0.25">
      <c r="A23478" s="3">
        <v>41796.575254629628</v>
      </c>
      <c r="B23478" s="6">
        <v>390842.1</v>
      </c>
      <c r="C23478" s="7">
        <f t="shared" si="366"/>
        <v>390.84209999999996</v>
      </c>
      <c r="I23478" s="1"/>
    </row>
    <row r="23479" spans="1:9" x14ac:dyDescent="0.25">
      <c r="A23479" s="3">
        <v>41796.57744212963</v>
      </c>
      <c r="B23479" s="6">
        <v>390858.74999999994</v>
      </c>
      <c r="C23479" s="7">
        <f t="shared" si="366"/>
        <v>390.85874999999993</v>
      </c>
      <c r="I23479" s="1"/>
    </row>
    <row r="23480" spans="1:9" x14ac:dyDescent="0.25">
      <c r="A23480" s="3">
        <v>41796.577615740738</v>
      </c>
      <c r="B23480" s="6">
        <v>390875.39999999997</v>
      </c>
      <c r="C23480" s="7">
        <f t="shared" si="366"/>
        <v>390.87539999999996</v>
      </c>
      <c r="I23480" s="1"/>
    </row>
    <row r="23481" spans="1:9" x14ac:dyDescent="0.25">
      <c r="A23481" s="3">
        <v>41796.57949074074</v>
      </c>
      <c r="B23481" s="6">
        <v>390892.05</v>
      </c>
      <c r="C23481" s="7">
        <f t="shared" si="366"/>
        <v>390.89204999999998</v>
      </c>
      <c r="I23481" s="1"/>
    </row>
    <row r="23482" spans="1:9" x14ac:dyDescent="0.25">
      <c r="A23482" s="3">
        <v>41796.579594907409</v>
      </c>
      <c r="B23482" s="6">
        <v>390908.69999999995</v>
      </c>
      <c r="C23482" s="7">
        <f t="shared" si="366"/>
        <v>390.90869999999995</v>
      </c>
      <c r="I23482" s="1"/>
    </row>
    <row r="23483" spans="1:9" x14ac:dyDescent="0.25">
      <c r="A23483" s="3">
        <v>41796.581458333334</v>
      </c>
      <c r="B23483" s="6">
        <v>390925.35</v>
      </c>
      <c r="C23483" s="7">
        <f t="shared" si="366"/>
        <v>390.92534999999998</v>
      </c>
      <c r="I23483" s="1"/>
    </row>
    <row r="23484" spans="1:9" x14ac:dyDescent="0.25">
      <c r="A23484" s="3">
        <v>41796.581562500003</v>
      </c>
      <c r="B23484" s="6">
        <v>390941.99999999994</v>
      </c>
      <c r="C23484" s="7">
        <f t="shared" si="366"/>
        <v>390.94199999999995</v>
      </c>
      <c r="I23484" s="1"/>
    </row>
    <row r="23485" spans="1:9" x14ac:dyDescent="0.25">
      <c r="A23485" s="3">
        <v>41796.583657407406</v>
      </c>
      <c r="B23485" s="6">
        <v>390958.64999999997</v>
      </c>
      <c r="C23485" s="7">
        <f t="shared" si="366"/>
        <v>390.95864999999998</v>
      </c>
      <c r="I23485" s="1"/>
    </row>
    <row r="23486" spans="1:9" x14ac:dyDescent="0.25">
      <c r="A23486" s="3">
        <v>41796.583761574075</v>
      </c>
      <c r="B23486" s="6">
        <v>390975.3</v>
      </c>
      <c r="C23486" s="7">
        <f t="shared" si="366"/>
        <v>390.9753</v>
      </c>
      <c r="I23486" s="1"/>
    </row>
    <row r="23487" spans="1:9" x14ac:dyDescent="0.25">
      <c r="A23487" s="3">
        <v>41796.586273148147</v>
      </c>
      <c r="B23487" s="6">
        <v>390991.94999999995</v>
      </c>
      <c r="C23487" s="7">
        <f t="shared" si="366"/>
        <v>390.99194999999997</v>
      </c>
      <c r="I23487" s="1"/>
    </row>
    <row r="23488" spans="1:9" x14ac:dyDescent="0.25">
      <c r="A23488" s="3">
        <v>41796.58662037037</v>
      </c>
      <c r="B23488" s="6">
        <v>391008.6</v>
      </c>
      <c r="C23488" s="7">
        <f t="shared" si="366"/>
        <v>391.0086</v>
      </c>
      <c r="I23488" s="1"/>
    </row>
    <row r="23489" spans="1:9" x14ac:dyDescent="0.25">
      <c r="A23489" s="3">
        <v>41796.590185185189</v>
      </c>
      <c r="B23489" s="6">
        <v>391025.24999999994</v>
      </c>
      <c r="C23489" s="7">
        <f t="shared" si="366"/>
        <v>391.02524999999991</v>
      </c>
      <c r="I23489" s="1"/>
    </row>
    <row r="23490" spans="1:9" x14ac:dyDescent="0.25">
      <c r="A23490" s="3">
        <v>41796.590474537035</v>
      </c>
      <c r="B23490" s="6">
        <v>391041.89999999997</v>
      </c>
      <c r="C23490" s="7">
        <f t="shared" si="366"/>
        <v>391.04189999999994</v>
      </c>
      <c r="I23490" s="1"/>
    </row>
    <row r="23491" spans="1:9" x14ac:dyDescent="0.25">
      <c r="A23491" s="3">
        <v>41796.594212962962</v>
      </c>
      <c r="B23491" s="6">
        <v>391058.55</v>
      </c>
      <c r="C23491" s="7">
        <f t="shared" ref="C23491:C23554" si="367">B23491/1000</f>
        <v>391.05854999999997</v>
      </c>
      <c r="I23491" s="1"/>
    </row>
    <row r="23492" spans="1:9" x14ac:dyDescent="0.25">
      <c r="A23492" s="3">
        <v>41796.594363425924</v>
      </c>
      <c r="B23492" s="6">
        <v>391075.19999999995</v>
      </c>
      <c r="C23492" s="7">
        <f t="shared" si="367"/>
        <v>391.07519999999994</v>
      </c>
      <c r="I23492" s="1"/>
    </row>
    <row r="23493" spans="1:9" x14ac:dyDescent="0.25">
      <c r="A23493" s="3">
        <v>41796.598240740743</v>
      </c>
      <c r="B23493" s="6">
        <v>391091.85</v>
      </c>
      <c r="C23493" s="7">
        <f t="shared" si="367"/>
        <v>391.09184999999997</v>
      </c>
      <c r="I23493" s="1"/>
    </row>
    <row r="23494" spans="1:9" x14ac:dyDescent="0.25">
      <c r="A23494" s="3">
        <v>41796.598344907405</v>
      </c>
      <c r="B23494" s="6">
        <v>391108.49999999994</v>
      </c>
      <c r="C23494" s="7">
        <f t="shared" si="367"/>
        <v>391.10849999999994</v>
      </c>
      <c r="I23494" s="1"/>
    </row>
    <row r="23495" spans="1:9" x14ac:dyDescent="0.25">
      <c r="A23495" s="3">
        <v>41796.599537037036</v>
      </c>
      <c r="B23495" s="6">
        <v>391125.14999999997</v>
      </c>
      <c r="C23495" s="7">
        <f t="shared" si="367"/>
        <v>391.12514999999996</v>
      </c>
      <c r="I23495" s="1"/>
    </row>
    <row r="23496" spans="1:9" x14ac:dyDescent="0.25">
      <c r="A23496" s="3">
        <v>41796.600254629629</v>
      </c>
      <c r="B23496" s="6">
        <v>391141.8</v>
      </c>
      <c r="C23496" s="7">
        <f t="shared" si="367"/>
        <v>391.14179999999999</v>
      </c>
      <c r="I23496" s="1"/>
    </row>
    <row r="23497" spans="1:9" x14ac:dyDescent="0.25">
      <c r="A23497" s="3">
        <v>41796.60701388889</v>
      </c>
      <c r="B23497" s="6">
        <v>391158.44999999995</v>
      </c>
      <c r="C23497" s="7">
        <f t="shared" si="367"/>
        <v>391.15844999999996</v>
      </c>
      <c r="I23497" s="1"/>
    </row>
    <row r="23498" spans="1:9" x14ac:dyDescent="0.25">
      <c r="A23498" s="3">
        <v>41796.608020833337</v>
      </c>
      <c r="B23498" s="6">
        <v>391175.1</v>
      </c>
      <c r="C23498" s="7">
        <f t="shared" si="367"/>
        <v>391.17509999999999</v>
      </c>
      <c r="I23498" s="1"/>
    </row>
    <row r="23499" spans="1:9" x14ac:dyDescent="0.25">
      <c r="A23499" s="3">
        <v>41796.611689814818</v>
      </c>
      <c r="B23499" s="6">
        <v>391191.74999999994</v>
      </c>
      <c r="C23499" s="7">
        <f t="shared" si="367"/>
        <v>391.19174999999996</v>
      </c>
      <c r="I23499" s="1"/>
    </row>
    <row r="23500" spans="1:9" x14ac:dyDescent="0.25">
      <c r="A23500" s="3">
        <v>41796.612002314818</v>
      </c>
      <c r="B23500" s="6">
        <v>391208.39999999997</v>
      </c>
      <c r="C23500" s="7">
        <f t="shared" si="367"/>
        <v>391.20839999999998</v>
      </c>
      <c r="I23500" s="1"/>
    </row>
    <row r="23501" spans="1:9" x14ac:dyDescent="0.25">
      <c r="A23501" s="3">
        <v>41796.615381944444</v>
      </c>
      <c r="B23501" s="6">
        <v>391225.05</v>
      </c>
      <c r="C23501" s="7">
        <f t="shared" si="367"/>
        <v>391.22505000000001</v>
      </c>
      <c r="I23501" s="1"/>
    </row>
    <row r="23502" spans="1:9" x14ac:dyDescent="0.25">
      <c r="A23502" s="3">
        <v>41796.615694444445</v>
      </c>
      <c r="B23502" s="6">
        <v>391241.69999999995</v>
      </c>
      <c r="C23502" s="7">
        <f t="shared" si="367"/>
        <v>391.24169999999998</v>
      </c>
      <c r="I23502" s="1"/>
    </row>
    <row r="23503" spans="1:9" x14ac:dyDescent="0.25">
      <c r="A23503" s="3">
        <v>41796.618831018517</v>
      </c>
      <c r="B23503" s="6">
        <v>391258.35</v>
      </c>
      <c r="C23503" s="7">
        <f t="shared" si="367"/>
        <v>391.25834999999995</v>
      </c>
      <c r="I23503" s="1"/>
    </row>
    <row r="23504" spans="1:9" x14ac:dyDescent="0.25">
      <c r="A23504" s="3">
        <v>41796.619039351855</v>
      </c>
      <c r="B23504" s="6">
        <v>391274.99999999994</v>
      </c>
      <c r="C23504" s="7">
        <f t="shared" si="367"/>
        <v>391.27499999999992</v>
      </c>
      <c r="I23504" s="1"/>
    </row>
    <row r="23505" spans="1:9" x14ac:dyDescent="0.25">
      <c r="A23505" s="3">
        <v>41796.61986111111</v>
      </c>
      <c r="B23505" s="6">
        <v>391291.64999999997</v>
      </c>
      <c r="C23505" s="7">
        <f t="shared" si="367"/>
        <v>391.29164999999995</v>
      </c>
      <c r="I23505" s="1"/>
    </row>
    <row r="23506" spans="1:9" x14ac:dyDescent="0.25">
      <c r="A23506" s="3">
        <v>41796.619976851849</v>
      </c>
      <c r="B23506" s="6">
        <v>391308.3</v>
      </c>
      <c r="C23506" s="7">
        <f t="shared" si="367"/>
        <v>391.30829999999997</v>
      </c>
      <c r="I23506" s="1"/>
    </row>
    <row r="23507" spans="1:9" x14ac:dyDescent="0.25">
      <c r="A23507" s="3">
        <v>41796.625162037039</v>
      </c>
      <c r="B23507" s="6">
        <v>391324.94999999995</v>
      </c>
      <c r="C23507" s="7">
        <f t="shared" si="367"/>
        <v>391.32494999999994</v>
      </c>
      <c r="I23507" s="1"/>
    </row>
    <row r="23508" spans="1:9" x14ac:dyDescent="0.25">
      <c r="A23508" s="3">
        <v>41796.625740740739</v>
      </c>
      <c r="B23508" s="6">
        <v>391341.6</v>
      </c>
      <c r="C23508" s="7">
        <f t="shared" si="367"/>
        <v>391.34159999999997</v>
      </c>
      <c r="I23508" s="1"/>
    </row>
    <row r="23509" spans="1:9" x14ac:dyDescent="0.25">
      <c r="A23509" s="3">
        <v>41796.629421296297</v>
      </c>
      <c r="B23509" s="6">
        <v>391358.24999999994</v>
      </c>
      <c r="C23509" s="7">
        <f t="shared" si="367"/>
        <v>391.35824999999994</v>
      </c>
      <c r="I23509" s="1"/>
    </row>
    <row r="23510" spans="1:9" x14ac:dyDescent="0.25">
      <c r="A23510" s="3">
        <v>41796.629502314812</v>
      </c>
      <c r="B23510" s="6">
        <v>391374.89999999997</v>
      </c>
      <c r="C23510" s="7">
        <f t="shared" si="367"/>
        <v>391.37489999999997</v>
      </c>
      <c r="I23510" s="1"/>
    </row>
    <row r="23511" spans="1:9" x14ac:dyDescent="0.25">
      <c r="A23511" s="3">
        <v>41796.630277777775</v>
      </c>
      <c r="B23511" s="6">
        <v>391391.55</v>
      </c>
      <c r="C23511" s="7">
        <f t="shared" si="367"/>
        <v>391.39155</v>
      </c>
      <c r="I23511" s="1"/>
    </row>
    <row r="23512" spans="1:9" x14ac:dyDescent="0.25">
      <c r="A23512" s="3">
        <v>41796.630358796298</v>
      </c>
      <c r="B23512" s="6">
        <v>391408.19999999995</v>
      </c>
      <c r="C23512" s="7">
        <f t="shared" si="367"/>
        <v>391.40819999999997</v>
      </c>
      <c r="I23512" s="1"/>
    </row>
    <row r="23513" spans="1:9" x14ac:dyDescent="0.25">
      <c r="A23513" s="3">
        <v>41796.630937499998</v>
      </c>
      <c r="B23513" s="6">
        <v>391424.85</v>
      </c>
      <c r="C23513" s="7">
        <f t="shared" si="367"/>
        <v>391.42484999999999</v>
      </c>
      <c r="I23513" s="1"/>
    </row>
    <row r="23514" spans="1:9" x14ac:dyDescent="0.25">
      <c r="A23514" s="3">
        <v>41796.631041666667</v>
      </c>
      <c r="B23514" s="6">
        <v>391441.49999999994</v>
      </c>
      <c r="C23514" s="7">
        <f t="shared" si="367"/>
        <v>391.44149999999996</v>
      </c>
      <c r="I23514" s="1"/>
    </row>
    <row r="23515" spans="1:9" x14ac:dyDescent="0.25">
      <c r="A23515" s="3">
        <v>41796.635405092595</v>
      </c>
      <c r="B23515" s="6">
        <v>391458.14999999997</v>
      </c>
      <c r="C23515" s="7">
        <f t="shared" si="367"/>
        <v>391.45814999999999</v>
      </c>
      <c r="I23515" s="1"/>
    </row>
    <row r="23516" spans="1:9" x14ac:dyDescent="0.25">
      <c r="A23516" s="3">
        <v>41796.635555555556</v>
      </c>
      <c r="B23516" s="6">
        <v>391474.8</v>
      </c>
      <c r="C23516" s="7">
        <f t="shared" si="367"/>
        <v>391.47480000000002</v>
      </c>
      <c r="I23516" s="1"/>
    </row>
    <row r="23517" spans="1:9" x14ac:dyDescent="0.25">
      <c r="A23517" s="3">
        <v>41796.63853009259</v>
      </c>
      <c r="B23517" s="6">
        <v>391491.44999999995</v>
      </c>
      <c r="C23517" s="7">
        <f t="shared" si="367"/>
        <v>391.49144999999993</v>
      </c>
      <c r="I23517" s="1"/>
    </row>
    <row r="23518" spans="1:9" x14ac:dyDescent="0.25">
      <c r="A23518" s="3">
        <v>41796.638715277775</v>
      </c>
      <c r="B23518" s="6">
        <v>391508.1</v>
      </c>
      <c r="C23518" s="7">
        <f t="shared" si="367"/>
        <v>391.50809999999996</v>
      </c>
      <c r="I23518" s="1"/>
    </row>
    <row r="23519" spans="1:9" x14ac:dyDescent="0.25">
      <c r="A23519" s="3">
        <v>41796.641273148147</v>
      </c>
      <c r="B23519" s="6">
        <v>391524.74999999994</v>
      </c>
      <c r="C23519" s="7">
        <f t="shared" si="367"/>
        <v>391.52474999999993</v>
      </c>
      <c r="I23519" s="1"/>
    </row>
    <row r="23520" spans="1:9" x14ac:dyDescent="0.25">
      <c r="A23520" s="3">
        <v>41796.641388888886</v>
      </c>
      <c r="B23520" s="6">
        <v>391541.39999999997</v>
      </c>
      <c r="C23520" s="7">
        <f t="shared" si="367"/>
        <v>391.54139999999995</v>
      </c>
      <c r="I23520" s="1"/>
    </row>
    <row r="23521" spans="1:9" x14ac:dyDescent="0.25">
      <c r="A23521" s="3">
        <v>41796.645474537036</v>
      </c>
      <c r="B23521" s="6">
        <v>391558.05</v>
      </c>
      <c r="C23521" s="7">
        <f t="shared" si="367"/>
        <v>391.55804999999998</v>
      </c>
      <c r="I23521" s="1"/>
    </row>
    <row r="23522" spans="1:9" x14ac:dyDescent="0.25">
      <c r="A23522" s="3">
        <v>41796.646099537036</v>
      </c>
      <c r="B23522" s="6">
        <v>391574.69999999995</v>
      </c>
      <c r="C23522" s="7">
        <f t="shared" si="367"/>
        <v>391.57469999999995</v>
      </c>
      <c r="I23522" s="1"/>
    </row>
    <row r="23523" spans="1:9" x14ac:dyDescent="0.25">
      <c r="A23523" s="3">
        <v>41796.64775462963</v>
      </c>
      <c r="B23523" s="6">
        <v>391591.35</v>
      </c>
      <c r="C23523" s="7">
        <f t="shared" si="367"/>
        <v>391.59134999999998</v>
      </c>
      <c r="I23523" s="1"/>
    </row>
    <row r="23524" spans="1:9" x14ac:dyDescent="0.25">
      <c r="A23524" s="3">
        <v>41796.648333333331</v>
      </c>
      <c r="B23524" s="6">
        <v>391607.99999999994</v>
      </c>
      <c r="C23524" s="7">
        <f t="shared" si="367"/>
        <v>391.60799999999995</v>
      </c>
      <c r="I23524" s="1"/>
    </row>
    <row r="23525" spans="1:9" x14ac:dyDescent="0.25">
      <c r="A23525" s="3">
        <v>41796.652511574073</v>
      </c>
      <c r="B23525" s="6">
        <v>391624.64999999997</v>
      </c>
      <c r="C23525" s="7">
        <f t="shared" si="367"/>
        <v>391.62464999999997</v>
      </c>
      <c r="I23525" s="1"/>
    </row>
    <row r="23526" spans="1:9" x14ac:dyDescent="0.25">
      <c r="A23526" s="3">
        <v>41796.652719907404</v>
      </c>
      <c r="B23526" s="6">
        <v>391641.3</v>
      </c>
      <c r="C23526" s="7">
        <f t="shared" si="367"/>
        <v>391.6413</v>
      </c>
      <c r="I23526" s="1"/>
    </row>
    <row r="23527" spans="1:9" x14ac:dyDescent="0.25">
      <c r="A23527" s="3">
        <v>41796.656805555554</v>
      </c>
      <c r="B23527" s="6">
        <v>391657.94999999995</v>
      </c>
      <c r="C23527" s="7">
        <f t="shared" si="367"/>
        <v>391.65794999999997</v>
      </c>
      <c r="I23527" s="1"/>
    </row>
    <row r="23528" spans="1:9" x14ac:dyDescent="0.25">
      <c r="A23528" s="3">
        <v>41796.657418981478</v>
      </c>
      <c r="B23528" s="6">
        <v>391674.6</v>
      </c>
      <c r="C23528" s="7">
        <f t="shared" si="367"/>
        <v>391.6746</v>
      </c>
      <c r="I23528" s="1"/>
    </row>
    <row r="23529" spans="1:9" x14ac:dyDescent="0.25">
      <c r="A23529" s="3">
        <v>41796.666944444441</v>
      </c>
      <c r="B23529" s="6">
        <v>391691.24999999994</v>
      </c>
      <c r="C23529" s="7">
        <f t="shared" si="367"/>
        <v>391.69124999999997</v>
      </c>
      <c r="I23529" s="1"/>
    </row>
    <row r="23530" spans="1:9" x14ac:dyDescent="0.25">
      <c r="A23530" s="3">
        <v>41796.667916666665</v>
      </c>
      <c r="B23530" s="6">
        <v>391707.89999999997</v>
      </c>
      <c r="C23530" s="7">
        <f t="shared" si="367"/>
        <v>391.70789999999994</v>
      </c>
      <c r="I23530" s="1"/>
    </row>
    <row r="23531" spans="1:9" x14ac:dyDescent="0.25">
      <c r="A23531" s="3">
        <v>41796.674884259257</v>
      </c>
      <c r="B23531" s="6">
        <v>391724.55</v>
      </c>
      <c r="C23531" s="7">
        <f t="shared" si="367"/>
        <v>391.72454999999997</v>
      </c>
      <c r="I23531" s="1"/>
    </row>
    <row r="23532" spans="1:9" x14ac:dyDescent="0.25">
      <c r="A23532" s="3">
        <v>41796.674988425926</v>
      </c>
      <c r="B23532" s="6">
        <v>391741.19999999995</v>
      </c>
      <c r="C23532" s="7">
        <f t="shared" si="367"/>
        <v>391.74119999999994</v>
      </c>
      <c r="I23532" s="1"/>
    </row>
    <row r="23533" spans="1:9" x14ac:dyDescent="0.25">
      <c r="A23533" s="3">
        <v>41796.678946759261</v>
      </c>
      <c r="B23533" s="6">
        <v>391757.85</v>
      </c>
      <c r="C23533" s="7">
        <f t="shared" si="367"/>
        <v>391.75784999999996</v>
      </c>
      <c r="I23533" s="1"/>
    </row>
    <row r="23534" spans="1:9" x14ac:dyDescent="0.25">
      <c r="A23534" s="3">
        <v>41796.679247685184</v>
      </c>
      <c r="B23534" s="6">
        <v>391774.49999999994</v>
      </c>
      <c r="C23534" s="7">
        <f t="shared" si="367"/>
        <v>391.77449999999993</v>
      </c>
      <c r="I23534" s="1"/>
    </row>
    <row r="23535" spans="1:9" x14ac:dyDescent="0.25">
      <c r="A23535" s="3">
        <v>41796.680925925924</v>
      </c>
      <c r="B23535" s="6">
        <v>391791.14999999997</v>
      </c>
      <c r="C23535" s="7">
        <f t="shared" si="367"/>
        <v>391.79114999999996</v>
      </c>
      <c r="I23535" s="1"/>
    </row>
    <row r="23536" spans="1:9" x14ac:dyDescent="0.25">
      <c r="A23536" s="3">
        <v>41796.68109953704</v>
      </c>
      <c r="B23536" s="6">
        <v>391807.8</v>
      </c>
      <c r="C23536" s="7">
        <f t="shared" si="367"/>
        <v>391.80779999999999</v>
      </c>
      <c r="I23536" s="1"/>
    </row>
    <row r="23537" spans="1:9" x14ac:dyDescent="0.25">
      <c r="A23537" s="3">
        <v>41796.686226851853</v>
      </c>
      <c r="B23537" s="6">
        <v>391824.44999999995</v>
      </c>
      <c r="C23537" s="7">
        <f t="shared" si="367"/>
        <v>391.82444999999996</v>
      </c>
      <c r="I23537" s="1"/>
    </row>
    <row r="23538" spans="1:9" x14ac:dyDescent="0.25">
      <c r="A23538" s="3">
        <v>41796.688472222224</v>
      </c>
      <c r="B23538" s="6">
        <v>391841.1</v>
      </c>
      <c r="C23538" s="7">
        <f t="shared" si="367"/>
        <v>391.84109999999998</v>
      </c>
      <c r="I23538" s="1"/>
    </row>
    <row r="23539" spans="1:9" x14ac:dyDescent="0.25">
      <c r="A23539" s="3">
        <v>41796.692233796297</v>
      </c>
      <c r="B23539" s="6">
        <v>391857.74999999994</v>
      </c>
      <c r="C23539" s="7">
        <f t="shared" si="367"/>
        <v>391.85774999999995</v>
      </c>
      <c r="I23539" s="1"/>
    </row>
    <row r="23540" spans="1:9" x14ac:dyDescent="0.25">
      <c r="A23540" s="3">
        <v>41796.692476851851</v>
      </c>
      <c r="B23540" s="6">
        <v>391874.39999999997</v>
      </c>
      <c r="C23540" s="7">
        <f t="shared" si="367"/>
        <v>391.87439999999998</v>
      </c>
      <c r="I23540" s="1"/>
    </row>
    <row r="23541" spans="1:9" x14ac:dyDescent="0.25">
      <c r="A23541" s="3">
        <v>41796.695497685185</v>
      </c>
      <c r="B23541" s="6">
        <v>391891.05</v>
      </c>
      <c r="C23541" s="7">
        <f t="shared" si="367"/>
        <v>391.89105000000001</v>
      </c>
      <c r="I23541" s="1"/>
    </row>
    <row r="23542" spans="1:9" x14ac:dyDescent="0.25">
      <c r="A23542" s="3">
        <v>41796.695567129631</v>
      </c>
      <c r="B23542" s="6">
        <v>391907.69999999995</v>
      </c>
      <c r="C23542" s="7">
        <f t="shared" si="367"/>
        <v>391.90769999999998</v>
      </c>
      <c r="I23542" s="1"/>
    </row>
    <row r="23543" spans="1:9" x14ac:dyDescent="0.25">
      <c r="A23543" s="3">
        <v>41796.698680555557</v>
      </c>
      <c r="B23543" s="6">
        <v>391924.35</v>
      </c>
      <c r="C23543" s="7">
        <f t="shared" si="367"/>
        <v>391.92435</v>
      </c>
      <c r="I23543" s="1"/>
    </row>
    <row r="23544" spans="1:9" x14ac:dyDescent="0.25">
      <c r="A23544" s="3">
        <v>41796.698958333334</v>
      </c>
      <c r="B23544" s="6">
        <v>391940.99999999994</v>
      </c>
      <c r="C23544" s="7">
        <f t="shared" si="367"/>
        <v>391.94099999999992</v>
      </c>
      <c r="I23544" s="1"/>
    </row>
    <row r="23545" spans="1:9" x14ac:dyDescent="0.25">
      <c r="A23545" s="3">
        <v>41796.70989583333</v>
      </c>
      <c r="B23545" s="6">
        <v>391957.64999999997</v>
      </c>
      <c r="C23545" s="7">
        <f t="shared" si="367"/>
        <v>391.95764999999994</v>
      </c>
      <c r="I23545" s="1"/>
    </row>
    <row r="23546" spans="1:9" x14ac:dyDescent="0.25">
      <c r="A23546" s="3">
        <v>41796.710023148145</v>
      </c>
      <c r="B23546" s="6">
        <v>391974.3</v>
      </c>
      <c r="C23546" s="7">
        <f t="shared" si="367"/>
        <v>391.97429999999997</v>
      </c>
      <c r="I23546" s="1"/>
    </row>
    <row r="23547" spans="1:9" x14ac:dyDescent="0.25">
      <c r="A23547" s="3">
        <v>41796.715104166666</v>
      </c>
      <c r="B23547" s="6">
        <v>391990.94999999995</v>
      </c>
      <c r="C23547" s="7">
        <f t="shared" si="367"/>
        <v>391.99094999999994</v>
      </c>
      <c r="I23547" s="1"/>
    </row>
    <row r="23548" spans="1:9" x14ac:dyDescent="0.25">
      <c r="A23548" s="3">
        <v>41796.715451388889</v>
      </c>
      <c r="B23548" s="6">
        <v>392007.6</v>
      </c>
      <c r="C23548" s="7">
        <f t="shared" si="367"/>
        <v>392.00759999999997</v>
      </c>
      <c r="I23548" s="1"/>
    </row>
    <row r="23549" spans="1:9" x14ac:dyDescent="0.25">
      <c r="A23549" s="3">
        <v>41796.721608796295</v>
      </c>
      <c r="B23549" s="6">
        <v>392024.24999999994</v>
      </c>
      <c r="C23549" s="7">
        <f t="shared" si="367"/>
        <v>392.02424999999994</v>
      </c>
      <c r="I23549" s="1"/>
    </row>
    <row r="23550" spans="1:9" x14ac:dyDescent="0.25">
      <c r="A23550" s="3">
        <v>41796.721805555557</v>
      </c>
      <c r="B23550" s="6">
        <v>392040.89999999997</v>
      </c>
      <c r="C23550" s="7">
        <f t="shared" si="367"/>
        <v>392.04089999999997</v>
      </c>
      <c r="I23550" s="1"/>
    </row>
    <row r="23551" spans="1:9" x14ac:dyDescent="0.25">
      <c r="A23551" s="3">
        <v>41796.724050925928</v>
      </c>
      <c r="B23551" s="6">
        <v>392057.55</v>
      </c>
      <c r="C23551" s="7">
        <f t="shared" si="367"/>
        <v>392.05754999999999</v>
      </c>
      <c r="I23551" s="1"/>
    </row>
    <row r="23552" spans="1:9" x14ac:dyDescent="0.25">
      <c r="A23552" s="3">
        <v>41796.725104166668</v>
      </c>
      <c r="B23552" s="6">
        <v>392074.19999999995</v>
      </c>
      <c r="C23552" s="7">
        <f t="shared" si="367"/>
        <v>392.07419999999996</v>
      </c>
      <c r="I23552" s="1"/>
    </row>
    <row r="23553" spans="1:9" x14ac:dyDescent="0.25">
      <c r="A23553" s="3">
        <v>41796.727754629632</v>
      </c>
      <c r="B23553" s="6">
        <v>392090.85</v>
      </c>
      <c r="C23553" s="7">
        <f t="shared" si="367"/>
        <v>392.09084999999999</v>
      </c>
      <c r="I23553" s="1"/>
    </row>
    <row r="23554" spans="1:9" x14ac:dyDescent="0.25">
      <c r="A23554" s="3">
        <v>41796.727916666663</v>
      </c>
      <c r="B23554" s="6">
        <v>392107.49999999994</v>
      </c>
      <c r="C23554" s="7">
        <f t="shared" si="367"/>
        <v>392.10749999999996</v>
      </c>
      <c r="I23554" s="1"/>
    </row>
    <row r="23555" spans="1:9" x14ac:dyDescent="0.25">
      <c r="A23555" s="3">
        <v>41796.729837962965</v>
      </c>
      <c r="B23555" s="6">
        <v>392124.14999999997</v>
      </c>
      <c r="C23555" s="7">
        <f t="shared" ref="C23555:C23618" si="368">B23555/1000</f>
        <v>392.12414999999999</v>
      </c>
      <c r="I23555" s="1"/>
    </row>
    <row r="23556" spans="1:9" x14ac:dyDescent="0.25">
      <c r="A23556" s="3">
        <v>41796.729988425926</v>
      </c>
      <c r="B23556" s="6">
        <v>392140.79999999999</v>
      </c>
      <c r="C23556" s="7">
        <f t="shared" si="368"/>
        <v>392.14080000000001</v>
      </c>
      <c r="I23556" s="1"/>
    </row>
    <row r="23557" spans="1:9" x14ac:dyDescent="0.25">
      <c r="A23557" s="3">
        <v>41796.732789351852</v>
      </c>
      <c r="B23557" s="6">
        <v>392157.44999999995</v>
      </c>
      <c r="C23557" s="7">
        <f t="shared" si="368"/>
        <v>392.15744999999993</v>
      </c>
      <c r="I23557" s="1"/>
    </row>
    <row r="23558" spans="1:9" x14ac:dyDescent="0.25">
      <c r="A23558" s="3">
        <v>41796.733194444445</v>
      </c>
      <c r="B23558" s="6">
        <v>392174.1</v>
      </c>
      <c r="C23558" s="7">
        <f t="shared" si="368"/>
        <v>392.17409999999995</v>
      </c>
      <c r="I23558" s="1"/>
    </row>
    <row r="23559" spans="1:9" x14ac:dyDescent="0.25">
      <c r="A23559" s="3">
        <v>41796.734918981485</v>
      </c>
      <c r="B23559" s="6">
        <v>392190.74999999994</v>
      </c>
      <c r="C23559" s="7">
        <f t="shared" si="368"/>
        <v>392.19074999999992</v>
      </c>
      <c r="I23559" s="1"/>
    </row>
    <row r="23560" spans="1:9" x14ac:dyDescent="0.25">
      <c r="A23560" s="3">
        <v>41796.73505787037</v>
      </c>
      <c r="B23560" s="6">
        <v>392207.39999999997</v>
      </c>
      <c r="C23560" s="7">
        <f t="shared" si="368"/>
        <v>392.20739999999995</v>
      </c>
      <c r="I23560" s="1"/>
    </row>
    <row r="23561" spans="1:9" x14ac:dyDescent="0.25">
      <c r="A23561" s="3">
        <v>41796.736458333333</v>
      </c>
      <c r="B23561" s="6">
        <v>392224.05</v>
      </c>
      <c r="C23561" s="7">
        <f t="shared" si="368"/>
        <v>392.22404999999998</v>
      </c>
      <c r="I23561" s="1"/>
    </row>
    <row r="23562" spans="1:9" x14ac:dyDescent="0.25">
      <c r="A23562" s="3">
        <v>41796.736539351848</v>
      </c>
      <c r="B23562" s="6">
        <v>392240.69999999995</v>
      </c>
      <c r="C23562" s="7">
        <f t="shared" si="368"/>
        <v>392.24069999999995</v>
      </c>
      <c r="I23562" s="1"/>
    </row>
    <row r="23563" spans="1:9" x14ac:dyDescent="0.25">
      <c r="A23563" s="3">
        <v>41796.741481481484</v>
      </c>
      <c r="B23563" s="6">
        <v>392257.35</v>
      </c>
      <c r="C23563" s="7">
        <f t="shared" si="368"/>
        <v>392.25734999999997</v>
      </c>
      <c r="I23563" s="1"/>
    </row>
    <row r="23564" spans="1:9" x14ac:dyDescent="0.25">
      <c r="A23564" s="3">
        <v>41796.741574074076</v>
      </c>
      <c r="B23564" s="6">
        <v>392273.99999999994</v>
      </c>
      <c r="C23564" s="7">
        <f t="shared" si="368"/>
        <v>392.27399999999994</v>
      </c>
      <c r="I23564" s="1"/>
    </row>
    <row r="23565" spans="1:9" x14ac:dyDescent="0.25">
      <c r="A23565" s="3">
        <v>41796.744062500002</v>
      </c>
      <c r="B23565" s="6">
        <v>392290.64999999997</v>
      </c>
      <c r="C23565" s="7">
        <f t="shared" si="368"/>
        <v>392.29064999999997</v>
      </c>
      <c r="I23565" s="1"/>
    </row>
    <row r="23566" spans="1:9" x14ac:dyDescent="0.25">
      <c r="A23566" s="3">
        <v>41796.74417824074</v>
      </c>
      <c r="B23566" s="6">
        <v>392307.3</v>
      </c>
      <c r="C23566" s="7">
        <f t="shared" si="368"/>
        <v>392.3073</v>
      </c>
      <c r="I23566" s="1"/>
    </row>
    <row r="23567" spans="1:9" x14ac:dyDescent="0.25">
      <c r="A23567" s="3">
        <v>41796.745740740742</v>
      </c>
      <c r="B23567" s="6">
        <v>392323.94999999995</v>
      </c>
      <c r="C23567" s="7">
        <f t="shared" si="368"/>
        <v>392.32394999999997</v>
      </c>
      <c r="I23567" s="1"/>
    </row>
    <row r="23568" spans="1:9" x14ac:dyDescent="0.25">
      <c r="A23568" s="3">
        <v>41796.745983796296</v>
      </c>
      <c r="B23568" s="6">
        <v>392340.6</v>
      </c>
      <c r="C23568" s="7">
        <f t="shared" si="368"/>
        <v>392.34059999999999</v>
      </c>
      <c r="I23568" s="1"/>
    </row>
    <row r="23569" spans="1:9" x14ac:dyDescent="0.25">
      <c r="A23569" s="3">
        <v>41796.749895833331</v>
      </c>
      <c r="B23569" s="6">
        <v>392357.24999999994</v>
      </c>
      <c r="C23569" s="7">
        <f t="shared" si="368"/>
        <v>392.35724999999996</v>
      </c>
      <c r="I23569" s="1"/>
    </row>
    <row r="23570" spans="1:9" x14ac:dyDescent="0.25">
      <c r="A23570" s="3">
        <v>41796.750034722223</v>
      </c>
      <c r="B23570" s="6">
        <v>392373.89999999997</v>
      </c>
      <c r="C23570" s="7">
        <f t="shared" si="368"/>
        <v>392.37389999999999</v>
      </c>
      <c r="I23570" s="1"/>
    </row>
    <row r="23571" spans="1:9" x14ac:dyDescent="0.25">
      <c r="A23571" s="3">
        <v>41796.752511574072</v>
      </c>
      <c r="B23571" s="6">
        <v>392390.55</v>
      </c>
      <c r="C23571" s="7">
        <f t="shared" si="368"/>
        <v>392.39054999999996</v>
      </c>
      <c r="I23571" s="1"/>
    </row>
    <row r="23572" spans="1:9" x14ac:dyDescent="0.25">
      <c r="A23572" s="3">
        <v>41796.752685185187</v>
      </c>
      <c r="B23572" s="6">
        <v>392407.19999999995</v>
      </c>
      <c r="C23572" s="7">
        <f t="shared" si="368"/>
        <v>392.40719999999993</v>
      </c>
      <c r="I23572" s="1"/>
    </row>
    <row r="23573" spans="1:9" x14ac:dyDescent="0.25">
      <c r="A23573" s="3">
        <v>41796.759560185186</v>
      </c>
      <c r="B23573" s="6">
        <v>392423.85</v>
      </c>
      <c r="C23573" s="7">
        <f t="shared" si="368"/>
        <v>392.42384999999996</v>
      </c>
      <c r="I23573" s="1"/>
    </row>
    <row r="23574" spans="1:9" x14ac:dyDescent="0.25">
      <c r="A23574" s="3">
        <v>41796.759791666664</v>
      </c>
      <c r="B23574" s="6">
        <v>392440.49999999994</v>
      </c>
      <c r="C23574" s="7">
        <f t="shared" si="368"/>
        <v>392.44049999999993</v>
      </c>
      <c r="I23574" s="1"/>
    </row>
    <row r="23575" spans="1:9" x14ac:dyDescent="0.25">
      <c r="A23575" s="3">
        <v>41796.762083333335</v>
      </c>
      <c r="B23575" s="6">
        <v>392457.14999999997</v>
      </c>
      <c r="C23575" s="7">
        <f t="shared" si="368"/>
        <v>392.45714999999996</v>
      </c>
      <c r="I23575" s="1"/>
    </row>
    <row r="23576" spans="1:9" x14ac:dyDescent="0.25">
      <c r="A23576" s="3">
        <v>41796.762245370373</v>
      </c>
      <c r="B23576" s="6">
        <v>392473.8</v>
      </c>
      <c r="C23576" s="7">
        <f t="shared" si="368"/>
        <v>392.47379999999998</v>
      </c>
      <c r="I23576" s="1"/>
    </row>
    <row r="23577" spans="1:9" x14ac:dyDescent="0.25">
      <c r="A23577" s="3">
        <v>41796.764409722222</v>
      </c>
      <c r="B23577" s="6">
        <v>392490.44999999995</v>
      </c>
      <c r="C23577" s="7">
        <f t="shared" si="368"/>
        <v>392.49044999999995</v>
      </c>
      <c r="I23577" s="1"/>
    </row>
    <row r="23578" spans="1:9" x14ac:dyDescent="0.25">
      <c r="A23578" s="3">
        <v>41796.764861111114</v>
      </c>
      <c r="B23578" s="6">
        <v>392507.1</v>
      </c>
      <c r="C23578" s="7">
        <f t="shared" si="368"/>
        <v>392.50709999999998</v>
      </c>
      <c r="I23578" s="1"/>
    </row>
    <row r="23579" spans="1:9" x14ac:dyDescent="0.25">
      <c r="A23579" s="3">
        <v>41796.766064814816</v>
      </c>
      <c r="B23579" s="6">
        <v>392523.74999999994</v>
      </c>
      <c r="C23579" s="7">
        <f t="shared" si="368"/>
        <v>392.52374999999995</v>
      </c>
      <c r="I23579" s="1"/>
    </row>
    <row r="23580" spans="1:9" x14ac:dyDescent="0.25">
      <c r="A23580" s="3">
        <v>41796.766157407408</v>
      </c>
      <c r="B23580" s="6">
        <v>392540.39999999997</v>
      </c>
      <c r="C23580" s="7">
        <f t="shared" si="368"/>
        <v>392.54039999999998</v>
      </c>
      <c r="I23580" s="1"/>
    </row>
    <row r="23581" spans="1:9" x14ac:dyDescent="0.25">
      <c r="A23581" s="3">
        <v>41796.769861111112</v>
      </c>
      <c r="B23581" s="6">
        <v>392557.05</v>
      </c>
      <c r="C23581" s="7">
        <f t="shared" si="368"/>
        <v>392.55705</v>
      </c>
      <c r="I23581" s="1"/>
    </row>
    <row r="23582" spans="1:9" x14ac:dyDescent="0.25">
      <c r="A23582" s="3">
        <v>41796.770046296297</v>
      </c>
      <c r="B23582" s="6">
        <v>392573.69999999995</v>
      </c>
      <c r="C23582" s="7">
        <f t="shared" si="368"/>
        <v>392.57369999999997</v>
      </c>
      <c r="I23582" s="1"/>
    </row>
    <row r="23583" spans="1:9" x14ac:dyDescent="0.25">
      <c r="A23583" s="3">
        <v>41796.774398148147</v>
      </c>
      <c r="B23583" s="6">
        <v>392590.35</v>
      </c>
      <c r="C23583" s="7">
        <f t="shared" si="368"/>
        <v>392.59035</v>
      </c>
      <c r="I23583" s="1"/>
    </row>
    <row r="23584" spans="1:9" x14ac:dyDescent="0.25">
      <c r="A23584" s="3">
        <v>41796.77484953704</v>
      </c>
      <c r="B23584" s="6">
        <v>392606.99999999994</v>
      </c>
      <c r="C23584" s="7">
        <f t="shared" si="368"/>
        <v>392.60699999999991</v>
      </c>
      <c r="I23584" s="1"/>
    </row>
    <row r="23585" spans="1:9" x14ac:dyDescent="0.25">
      <c r="A23585" s="3">
        <v>41796.779907407406</v>
      </c>
      <c r="B23585" s="6">
        <v>392623.64999999997</v>
      </c>
      <c r="C23585" s="7">
        <f t="shared" si="368"/>
        <v>392.62364999999994</v>
      </c>
      <c r="I23585" s="1"/>
    </row>
    <row r="23586" spans="1:9" x14ac:dyDescent="0.25">
      <c r="A23586" s="3">
        <v>41796.782094907408</v>
      </c>
      <c r="B23586" s="6">
        <v>392640.3</v>
      </c>
      <c r="C23586" s="7">
        <f t="shared" si="368"/>
        <v>392.64029999999997</v>
      </c>
      <c r="I23586" s="1"/>
    </row>
    <row r="23587" spans="1:9" x14ac:dyDescent="0.25">
      <c r="A23587" s="3">
        <v>41796.784467592595</v>
      </c>
      <c r="B23587" s="6">
        <v>392656.94999999995</v>
      </c>
      <c r="C23587" s="7">
        <f t="shared" si="368"/>
        <v>392.65694999999994</v>
      </c>
      <c r="I23587" s="1"/>
    </row>
    <row r="23588" spans="1:9" x14ac:dyDescent="0.25">
      <c r="A23588" s="3">
        <v>41796.784560185188</v>
      </c>
      <c r="B23588" s="6">
        <v>392673.6</v>
      </c>
      <c r="C23588" s="7">
        <f t="shared" si="368"/>
        <v>392.67359999999996</v>
      </c>
      <c r="I23588" s="1"/>
    </row>
    <row r="23589" spans="1:9" x14ac:dyDescent="0.25">
      <c r="A23589" s="3">
        <v>41796.78875</v>
      </c>
      <c r="B23589" s="6">
        <v>392690.24999999994</v>
      </c>
      <c r="C23589" s="7">
        <f t="shared" si="368"/>
        <v>392.69024999999993</v>
      </c>
      <c r="I23589" s="1"/>
    </row>
    <row r="23590" spans="1:9" x14ac:dyDescent="0.25">
      <c r="A23590" s="3">
        <v>41796.789305555554</v>
      </c>
      <c r="B23590" s="6">
        <v>392706.89999999997</v>
      </c>
      <c r="C23590" s="7">
        <f t="shared" si="368"/>
        <v>392.70689999999996</v>
      </c>
      <c r="I23590" s="1"/>
    </row>
    <row r="23591" spans="1:9" x14ac:dyDescent="0.25">
      <c r="A23591" s="3">
        <v>41796.792997685188</v>
      </c>
      <c r="B23591" s="6">
        <v>392723.55</v>
      </c>
      <c r="C23591" s="7">
        <f t="shared" si="368"/>
        <v>392.72354999999999</v>
      </c>
      <c r="I23591" s="1"/>
    </row>
    <row r="23592" spans="1:9" x14ac:dyDescent="0.25">
      <c r="A23592" s="3">
        <v>41796.793969907405</v>
      </c>
      <c r="B23592" s="6">
        <v>392740.19999999995</v>
      </c>
      <c r="C23592" s="7">
        <f t="shared" si="368"/>
        <v>392.74019999999996</v>
      </c>
      <c r="I23592" s="1"/>
    </row>
    <row r="23593" spans="1:9" x14ac:dyDescent="0.25">
      <c r="A23593" s="3">
        <v>41796.797326388885</v>
      </c>
      <c r="B23593" s="6">
        <v>392756.85</v>
      </c>
      <c r="C23593" s="7">
        <f t="shared" si="368"/>
        <v>392.75684999999999</v>
      </c>
      <c r="I23593" s="1"/>
    </row>
    <row r="23594" spans="1:9" x14ac:dyDescent="0.25">
      <c r="A23594" s="3">
        <v>41796.797442129631</v>
      </c>
      <c r="B23594" s="6">
        <v>392773.49999999994</v>
      </c>
      <c r="C23594" s="7">
        <f t="shared" si="368"/>
        <v>392.77349999999996</v>
      </c>
      <c r="I23594" s="1"/>
    </row>
    <row r="23595" spans="1:9" x14ac:dyDescent="0.25">
      <c r="A23595" s="3">
        <v>41796.808055555557</v>
      </c>
      <c r="B23595" s="6">
        <v>392790.14999999997</v>
      </c>
      <c r="C23595" s="7">
        <f t="shared" si="368"/>
        <v>392.79014999999998</v>
      </c>
      <c r="I23595" s="1"/>
    </row>
    <row r="23596" spans="1:9" x14ac:dyDescent="0.25">
      <c r="A23596" s="3">
        <v>41796.808263888888</v>
      </c>
      <c r="B23596" s="6">
        <v>392806.8</v>
      </c>
      <c r="C23596" s="7">
        <f t="shared" si="368"/>
        <v>392.80680000000001</v>
      </c>
      <c r="I23596" s="1"/>
    </row>
    <row r="23597" spans="1:9" x14ac:dyDescent="0.25">
      <c r="A23597" s="3">
        <v>41796.812071759261</v>
      </c>
      <c r="B23597" s="6">
        <v>392823.44999999995</v>
      </c>
      <c r="C23597" s="7">
        <f t="shared" si="368"/>
        <v>392.82344999999998</v>
      </c>
      <c r="I23597" s="1"/>
    </row>
    <row r="23598" spans="1:9" x14ac:dyDescent="0.25">
      <c r="A23598" s="3">
        <v>41796.812245370369</v>
      </c>
      <c r="B23598" s="6">
        <v>392840.1</v>
      </c>
      <c r="C23598" s="7">
        <f t="shared" si="368"/>
        <v>392.84009999999995</v>
      </c>
      <c r="I23598" s="1"/>
    </row>
    <row r="23599" spans="1:9" x14ac:dyDescent="0.25">
      <c r="A23599" s="3">
        <v>41796.81726851852</v>
      </c>
      <c r="B23599" s="6">
        <v>392856.74999999994</v>
      </c>
      <c r="C23599" s="7">
        <f t="shared" si="368"/>
        <v>392.85674999999992</v>
      </c>
      <c r="I23599" s="1"/>
    </row>
    <row r="23600" spans="1:9" x14ac:dyDescent="0.25">
      <c r="A23600" s="3">
        <v>41796.817465277774</v>
      </c>
      <c r="B23600" s="6">
        <v>392873.39999999997</v>
      </c>
      <c r="C23600" s="7">
        <f t="shared" si="368"/>
        <v>392.87339999999995</v>
      </c>
      <c r="I23600" s="1"/>
    </row>
    <row r="23601" spans="1:9" x14ac:dyDescent="0.25">
      <c r="A23601" s="3">
        <v>41796.822893518518</v>
      </c>
      <c r="B23601" s="6">
        <v>392890.05</v>
      </c>
      <c r="C23601" s="7">
        <f t="shared" si="368"/>
        <v>392.89004999999997</v>
      </c>
      <c r="I23601" s="1"/>
    </row>
    <row r="23602" spans="1:9" x14ac:dyDescent="0.25">
      <c r="A23602" s="3">
        <v>41796.823067129626</v>
      </c>
      <c r="B23602" s="6">
        <v>392906.69999999995</v>
      </c>
      <c r="C23602" s="7">
        <f t="shared" si="368"/>
        <v>392.90669999999994</v>
      </c>
      <c r="I23602" s="1"/>
    </row>
    <row r="23603" spans="1:9" x14ac:dyDescent="0.25">
      <c r="A23603" s="3">
        <v>41796.8280787037</v>
      </c>
      <c r="B23603" s="6">
        <v>392923.35</v>
      </c>
      <c r="C23603" s="7">
        <f t="shared" si="368"/>
        <v>392.92334999999997</v>
      </c>
      <c r="I23603" s="1"/>
    </row>
    <row r="23604" spans="1:9" x14ac:dyDescent="0.25">
      <c r="A23604" s="3">
        <v>41796.828310185185</v>
      </c>
      <c r="B23604" s="6">
        <v>392939.99999999994</v>
      </c>
      <c r="C23604" s="7">
        <f t="shared" si="368"/>
        <v>392.93999999999994</v>
      </c>
      <c r="I23604" s="1"/>
    </row>
    <row r="23605" spans="1:9" x14ac:dyDescent="0.25">
      <c r="A23605" s="3">
        <v>41796.834999999999</v>
      </c>
      <c r="B23605" s="6">
        <v>392956.64999999997</v>
      </c>
      <c r="C23605" s="7">
        <f t="shared" si="368"/>
        <v>392.95664999999997</v>
      </c>
      <c r="I23605" s="1"/>
    </row>
    <row r="23606" spans="1:9" x14ac:dyDescent="0.25">
      <c r="A23606" s="3">
        <v>41796.835150462961</v>
      </c>
      <c r="B23606" s="6">
        <v>392973.3</v>
      </c>
      <c r="C23606" s="7">
        <f t="shared" si="368"/>
        <v>392.97329999999999</v>
      </c>
      <c r="I23606" s="1"/>
    </row>
    <row r="23607" spans="1:9" x14ac:dyDescent="0.25">
      <c r="A23607" s="3">
        <v>41796.839363425926</v>
      </c>
      <c r="B23607" s="6">
        <v>392989.94999999995</v>
      </c>
      <c r="C23607" s="7">
        <f t="shared" si="368"/>
        <v>392.98994999999996</v>
      </c>
      <c r="I23607" s="1"/>
    </row>
    <row r="23608" spans="1:9" x14ac:dyDescent="0.25">
      <c r="A23608" s="3">
        <v>41796.839537037034</v>
      </c>
      <c r="B23608" s="6">
        <v>393006.6</v>
      </c>
      <c r="C23608" s="7">
        <f t="shared" si="368"/>
        <v>393.00659999999999</v>
      </c>
      <c r="I23608" s="1"/>
    </row>
    <row r="23609" spans="1:9" x14ac:dyDescent="0.25">
      <c r="A23609" s="3">
        <v>41796.843599537038</v>
      </c>
      <c r="B23609" s="6">
        <v>393023.24999999994</v>
      </c>
      <c r="C23609" s="7">
        <f t="shared" si="368"/>
        <v>393.02324999999996</v>
      </c>
      <c r="I23609" s="1"/>
    </row>
    <row r="23610" spans="1:9" x14ac:dyDescent="0.25">
      <c r="A23610" s="3">
        <v>41796.843692129631</v>
      </c>
      <c r="B23610" s="6">
        <v>393039.89999999997</v>
      </c>
      <c r="C23610" s="7">
        <f t="shared" si="368"/>
        <v>393.03989999999999</v>
      </c>
      <c r="I23610" s="1"/>
    </row>
    <row r="23611" spans="1:9" x14ac:dyDescent="0.25">
      <c r="A23611" s="3">
        <v>41796.868275462963</v>
      </c>
      <c r="B23611" s="6">
        <v>393056.55</v>
      </c>
      <c r="C23611" s="7">
        <f t="shared" si="368"/>
        <v>393.05655000000002</v>
      </c>
      <c r="I23611" s="1"/>
    </row>
    <row r="23612" spans="1:9" x14ac:dyDescent="0.25">
      <c r="A23612" s="3">
        <v>41796.87939814815</v>
      </c>
      <c r="B23612" s="6">
        <v>393073.19999999995</v>
      </c>
      <c r="C23612" s="7">
        <f t="shared" si="368"/>
        <v>393.07319999999993</v>
      </c>
      <c r="I23612" s="1"/>
    </row>
    <row r="23613" spans="1:9" x14ac:dyDescent="0.25">
      <c r="A23613" s="3">
        <v>41826.344386574077</v>
      </c>
      <c r="B23613" s="6">
        <v>393089.85</v>
      </c>
      <c r="C23613" s="7">
        <f t="shared" si="368"/>
        <v>393.08984999999996</v>
      </c>
      <c r="I23613" s="1"/>
    </row>
    <row r="23614" spans="1:9" x14ac:dyDescent="0.25">
      <c r="A23614" s="3">
        <v>41826.344837962963</v>
      </c>
      <c r="B23614" s="6">
        <v>393106.49999999994</v>
      </c>
      <c r="C23614" s="7">
        <f t="shared" si="368"/>
        <v>393.10649999999993</v>
      </c>
      <c r="I23614" s="1"/>
    </row>
    <row r="23615" spans="1:9" x14ac:dyDescent="0.25">
      <c r="A23615" s="3">
        <v>41826.353877314818</v>
      </c>
      <c r="B23615" s="6">
        <v>393123.14999999997</v>
      </c>
      <c r="C23615" s="7">
        <f t="shared" si="368"/>
        <v>393.12314999999995</v>
      </c>
      <c r="I23615" s="1"/>
    </row>
    <row r="23616" spans="1:9" x14ac:dyDescent="0.25">
      <c r="A23616" s="3">
        <v>41826.354178240741</v>
      </c>
      <c r="B23616" s="6">
        <v>393139.8</v>
      </c>
      <c r="C23616" s="7">
        <f t="shared" si="368"/>
        <v>393.13979999999998</v>
      </c>
      <c r="I23616" s="1"/>
    </row>
    <row r="23617" spans="1:9" x14ac:dyDescent="0.25">
      <c r="A23617" s="3">
        <v>41826.361597222225</v>
      </c>
      <c r="B23617" s="6">
        <v>393156.44999999995</v>
      </c>
      <c r="C23617" s="7">
        <f t="shared" si="368"/>
        <v>393.15644999999995</v>
      </c>
      <c r="I23617" s="1"/>
    </row>
    <row r="23618" spans="1:9" x14ac:dyDescent="0.25">
      <c r="A23618" s="3">
        <v>41826.363391203704</v>
      </c>
      <c r="B23618" s="6">
        <v>393173.1</v>
      </c>
      <c r="C23618" s="7">
        <f t="shared" si="368"/>
        <v>393.17309999999998</v>
      </c>
      <c r="I23618" s="1"/>
    </row>
    <row r="23619" spans="1:9" x14ac:dyDescent="0.25">
      <c r="A23619" s="3">
        <v>41826.371666666666</v>
      </c>
      <c r="B23619" s="6">
        <v>393189.74999999994</v>
      </c>
      <c r="C23619" s="7">
        <f t="shared" ref="C23619:C23682" si="369">B23619/1000</f>
        <v>393.18974999999995</v>
      </c>
      <c r="I23619" s="1"/>
    </row>
    <row r="23620" spans="1:9" x14ac:dyDescent="0.25">
      <c r="A23620" s="3">
        <v>41826.371851851851</v>
      </c>
      <c r="B23620" s="6">
        <v>393206.39999999997</v>
      </c>
      <c r="C23620" s="7">
        <f t="shared" si="369"/>
        <v>393.20639999999997</v>
      </c>
      <c r="I23620" s="1"/>
    </row>
    <row r="23621" spans="1:9" x14ac:dyDescent="0.25">
      <c r="A23621" s="3">
        <v>41826.376851851855</v>
      </c>
      <c r="B23621" s="6">
        <v>393223.05</v>
      </c>
      <c r="C23621" s="7">
        <f t="shared" si="369"/>
        <v>393.22305</v>
      </c>
      <c r="I23621" s="1"/>
    </row>
    <row r="23622" spans="1:9" x14ac:dyDescent="0.25">
      <c r="A23622" s="3">
        <v>41826.377152777779</v>
      </c>
      <c r="B23622" s="6">
        <v>393239.69999999995</v>
      </c>
      <c r="C23622" s="7">
        <f t="shared" si="369"/>
        <v>393.23969999999997</v>
      </c>
      <c r="I23622" s="1"/>
    </row>
    <row r="23623" spans="1:9" x14ac:dyDescent="0.25">
      <c r="A23623" s="3">
        <v>41826.380486111113</v>
      </c>
      <c r="B23623" s="6">
        <v>393256.35</v>
      </c>
      <c r="C23623" s="7">
        <f t="shared" si="369"/>
        <v>393.25635</v>
      </c>
      <c r="I23623" s="1"/>
    </row>
    <row r="23624" spans="1:9" x14ac:dyDescent="0.25">
      <c r="A23624" s="3">
        <v>41826.380659722221</v>
      </c>
      <c r="B23624" s="6">
        <v>393272.99999999994</v>
      </c>
      <c r="C23624" s="7">
        <f t="shared" si="369"/>
        <v>393.27299999999997</v>
      </c>
      <c r="I23624" s="1"/>
    </row>
    <row r="23625" spans="1:9" x14ac:dyDescent="0.25">
      <c r="A23625" s="3">
        <v>41826.38616898148</v>
      </c>
      <c r="B23625" s="6">
        <v>393289.64999999997</v>
      </c>
      <c r="C23625" s="7">
        <f t="shared" si="369"/>
        <v>393.28964999999994</v>
      </c>
      <c r="I23625" s="1"/>
    </row>
    <row r="23626" spans="1:9" x14ac:dyDescent="0.25">
      <c r="A23626" s="3">
        <v>41826.386469907404</v>
      </c>
      <c r="B23626" s="6">
        <v>393306.3</v>
      </c>
      <c r="C23626" s="7">
        <f t="shared" si="369"/>
        <v>393.30629999999996</v>
      </c>
      <c r="I23626" s="1"/>
    </row>
    <row r="23627" spans="1:9" x14ac:dyDescent="0.25">
      <c r="A23627" s="3">
        <v>41826.387650462966</v>
      </c>
      <c r="B23627" s="6">
        <v>393322.94999999995</v>
      </c>
      <c r="C23627" s="7">
        <f t="shared" si="369"/>
        <v>393.32294999999993</v>
      </c>
      <c r="I23627" s="1"/>
    </row>
    <row r="23628" spans="1:9" x14ac:dyDescent="0.25">
      <c r="A23628" s="3">
        <v>41826.387777777774</v>
      </c>
      <c r="B23628" s="6">
        <v>393339.6</v>
      </c>
      <c r="C23628" s="7">
        <f t="shared" si="369"/>
        <v>393.33959999999996</v>
      </c>
      <c r="I23628" s="1"/>
    </row>
    <row r="23629" spans="1:9" x14ac:dyDescent="0.25">
      <c r="A23629" s="3">
        <v>41826.392372685186</v>
      </c>
      <c r="B23629" s="6">
        <v>393356.24999999994</v>
      </c>
      <c r="C23629" s="7">
        <f t="shared" si="369"/>
        <v>393.35624999999993</v>
      </c>
      <c r="I23629" s="1"/>
    </row>
    <row r="23630" spans="1:9" x14ac:dyDescent="0.25">
      <c r="A23630" s="3">
        <v>41826.392754629633</v>
      </c>
      <c r="B23630" s="6">
        <v>393372.89999999997</v>
      </c>
      <c r="C23630" s="7">
        <f t="shared" si="369"/>
        <v>393.37289999999996</v>
      </c>
      <c r="I23630" s="1"/>
    </row>
    <row r="23631" spans="1:9" x14ac:dyDescent="0.25">
      <c r="A23631" s="3">
        <v>41826.397152777776</v>
      </c>
      <c r="B23631" s="6">
        <v>393389.55</v>
      </c>
      <c r="C23631" s="7">
        <f t="shared" si="369"/>
        <v>393.38954999999999</v>
      </c>
      <c r="I23631" s="1"/>
    </row>
    <row r="23632" spans="1:9" x14ac:dyDescent="0.25">
      <c r="A23632" s="3">
        <v>41826.397256944445</v>
      </c>
      <c r="B23632" s="6">
        <v>393406.19999999995</v>
      </c>
      <c r="C23632" s="7">
        <f t="shared" si="369"/>
        <v>393.40619999999996</v>
      </c>
      <c r="I23632" s="1"/>
    </row>
    <row r="23633" spans="1:9" x14ac:dyDescent="0.25">
      <c r="A23633" s="3">
        <v>41826.400023148148</v>
      </c>
      <c r="B23633" s="6">
        <v>393422.85</v>
      </c>
      <c r="C23633" s="7">
        <f t="shared" si="369"/>
        <v>393.42284999999998</v>
      </c>
      <c r="I23633" s="1"/>
    </row>
    <row r="23634" spans="1:9" x14ac:dyDescent="0.25">
      <c r="A23634" s="3">
        <v>41826.400173611109</v>
      </c>
      <c r="B23634" s="6">
        <v>393439.49999999994</v>
      </c>
      <c r="C23634" s="7">
        <f t="shared" si="369"/>
        <v>393.43949999999995</v>
      </c>
      <c r="I23634" s="1"/>
    </row>
    <row r="23635" spans="1:9" x14ac:dyDescent="0.25">
      <c r="A23635" s="3">
        <v>41826.402719907404</v>
      </c>
      <c r="B23635" s="6">
        <v>393456.14999999997</v>
      </c>
      <c r="C23635" s="7">
        <f t="shared" si="369"/>
        <v>393.45614999999998</v>
      </c>
      <c r="I23635" s="1"/>
    </row>
    <row r="23636" spans="1:9" x14ac:dyDescent="0.25">
      <c r="A23636" s="3">
        <v>41826.403958333336</v>
      </c>
      <c r="B23636" s="6">
        <v>393472.8</v>
      </c>
      <c r="C23636" s="7">
        <f t="shared" si="369"/>
        <v>393.47280000000001</v>
      </c>
      <c r="I23636" s="1"/>
    </row>
    <row r="23637" spans="1:9" x14ac:dyDescent="0.25">
      <c r="A23637" s="3">
        <v>41826.407638888886</v>
      </c>
      <c r="B23637" s="6">
        <v>393489.44999999995</v>
      </c>
      <c r="C23637" s="7">
        <f t="shared" si="369"/>
        <v>393.48944999999998</v>
      </c>
      <c r="I23637" s="1"/>
    </row>
    <row r="23638" spans="1:9" x14ac:dyDescent="0.25">
      <c r="A23638" s="3">
        <v>41826.407824074071</v>
      </c>
      <c r="B23638" s="6">
        <v>393506.1</v>
      </c>
      <c r="C23638" s="7">
        <f t="shared" si="369"/>
        <v>393.5061</v>
      </c>
      <c r="I23638" s="1"/>
    </row>
    <row r="23639" spans="1:9" x14ac:dyDescent="0.25">
      <c r="A23639" s="3">
        <v>41826.415324074071</v>
      </c>
      <c r="B23639" s="6">
        <v>393522.74999999994</v>
      </c>
      <c r="C23639" s="7">
        <f t="shared" si="369"/>
        <v>393.52274999999992</v>
      </c>
      <c r="I23639" s="1"/>
    </row>
    <row r="23640" spans="1:9" x14ac:dyDescent="0.25">
      <c r="A23640" s="3">
        <v>41826.416319444441</v>
      </c>
      <c r="B23640" s="6">
        <v>393539.39999999997</v>
      </c>
      <c r="C23640" s="7">
        <f t="shared" si="369"/>
        <v>393.53939999999994</v>
      </c>
      <c r="I23640" s="1"/>
    </row>
    <row r="23641" spans="1:9" x14ac:dyDescent="0.25">
      <c r="A23641" s="3">
        <v>41826.422581018516</v>
      </c>
      <c r="B23641" s="6">
        <v>393556.05</v>
      </c>
      <c r="C23641" s="7">
        <f t="shared" si="369"/>
        <v>393.55604999999997</v>
      </c>
      <c r="I23641" s="1"/>
    </row>
    <row r="23642" spans="1:9" x14ac:dyDescent="0.25">
      <c r="A23642" s="3">
        <v>41826.425659722219</v>
      </c>
      <c r="B23642" s="6">
        <v>393572.69999999995</v>
      </c>
      <c r="C23642" s="7">
        <f t="shared" si="369"/>
        <v>393.57269999999994</v>
      </c>
      <c r="I23642" s="1"/>
    </row>
    <row r="23643" spans="1:9" x14ac:dyDescent="0.25">
      <c r="A23643" s="3">
        <v>41826.428298611114</v>
      </c>
      <c r="B23643" s="6">
        <v>393589.35</v>
      </c>
      <c r="C23643" s="7">
        <f t="shared" si="369"/>
        <v>393.58934999999997</v>
      </c>
      <c r="I23643" s="1"/>
    </row>
    <row r="23644" spans="1:9" x14ac:dyDescent="0.25">
      <c r="A23644" s="3">
        <v>41826.428483796299</v>
      </c>
      <c r="B23644" s="6">
        <v>393605.99999999994</v>
      </c>
      <c r="C23644" s="7">
        <f t="shared" si="369"/>
        <v>393.60599999999994</v>
      </c>
      <c r="I23644" s="1"/>
    </row>
    <row r="23645" spans="1:9" x14ac:dyDescent="0.25">
      <c r="A23645" s="3">
        <v>41826.431574074071</v>
      </c>
      <c r="B23645" s="6">
        <v>393622.64999999997</v>
      </c>
      <c r="C23645" s="7">
        <f t="shared" si="369"/>
        <v>393.62264999999996</v>
      </c>
      <c r="I23645" s="1"/>
    </row>
    <row r="23646" spans="1:9" x14ac:dyDescent="0.25">
      <c r="A23646" s="3">
        <v>41826.431712962964</v>
      </c>
      <c r="B23646" s="6">
        <v>393639.3</v>
      </c>
      <c r="C23646" s="7">
        <f t="shared" si="369"/>
        <v>393.63929999999999</v>
      </c>
      <c r="I23646" s="1"/>
    </row>
    <row r="23647" spans="1:9" x14ac:dyDescent="0.25">
      <c r="A23647" s="3">
        <v>41826.435555555552</v>
      </c>
      <c r="B23647" s="6">
        <v>393655.94999999995</v>
      </c>
      <c r="C23647" s="7">
        <f t="shared" si="369"/>
        <v>393.65594999999996</v>
      </c>
      <c r="I23647" s="1"/>
    </row>
    <row r="23648" spans="1:9" x14ac:dyDescent="0.25">
      <c r="A23648" s="3">
        <v>41826.435937499999</v>
      </c>
      <c r="B23648" s="6">
        <v>393672.6</v>
      </c>
      <c r="C23648" s="7">
        <f t="shared" si="369"/>
        <v>393.67259999999999</v>
      </c>
      <c r="I23648" s="1"/>
    </row>
    <row r="23649" spans="1:9" x14ac:dyDescent="0.25">
      <c r="A23649" s="3">
        <v>41826.439004629632</v>
      </c>
      <c r="B23649" s="6">
        <v>393689.24999999994</v>
      </c>
      <c r="C23649" s="7">
        <f t="shared" si="369"/>
        <v>393.68924999999996</v>
      </c>
      <c r="I23649" s="1"/>
    </row>
    <row r="23650" spans="1:9" x14ac:dyDescent="0.25">
      <c r="A23650" s="3">
        <v>41826.439247685186</v>
      </c>
      <c r="B23650" s="6">
        <v>393705.89999999997</v>
      </c>
      <c r="C23650" s="7">
        <f t="shared" si="369"/>
        <v>393.70589999999999</v>
      </c>
      <c r="I23650" s="1"/>
    </row>
    <row r="23651" spans="1:9" x14ac:dyDescent="0.25">
      <c r="A23651" s="3">
        <v>41826.44604166667</v>
      </c>
      <c r="B23651" s="6">
        <v>393722.55</v>
      </c>
      <c r="C23651" s="7">
        <f t="shared" si="369"/>
        <v>393.72255000000001</v>
      </c>
      <c r="I23651" s="1"/>
    </row>
    <row r="23652" spans="1:9" x14ac:dyDescent="0.25">
      <c r="A23652" s="3">
        <v>41826.446180555555</v>
      </c>
      <c r="B23652" s="6">
        <v>393739.19999999995</v>
      </c>
      <c r="C23652" s="7">
        <f t="shared" si="369"/>
        <v>393.73919999999993</v>
      </c>
      <c r="I23652" s="1"/>
    </row>
    <row r="23653" spans="1:9" x14ac:dyDescent="0.25">
      <c r="A23653" s="3">
        <v>41826.447164351855</v>
      </c>
      <c r="B23653" s="6">
        <v>393755.85</v>
      </c>
      <c r="C23653" s="7">
        <f t="shared" si="369"/>
        <v>393.75584999999995</v>
      </c>
      <c r="I23653" s="1"/>
    </row>
    <row r="23654" spans="1:9" x14ac:dyDescent="0.25">
      <c r="A23654" s="3">
        <v>41826.447268518517</v>
      </c>
      <c r="B23654" s="6">
        <v>393772.49999999994</v>
      </c>
      <c r="C23654" s="7">
        <f t="shared" si="369"/>
        <v>393.77249999999992</v>
      </c>
      <c r="I23654" s="1"/>
    </row>
    <row r="23655" spans="1:9" x14ac:dyDescent="0.25">
      <c r="A23655" s="3">
        <v>41826.450902777775</v>
      </c>
      <c r="B23655" s="6">
        <v>393789.14999999997</v>
      </c>
      <c r="C23655" s="7">
        <f t="shared" si="369"/>
        <v>393.78914999999995</v>
      </c>
      <c r="I23655" s="1"/>
    </row>
    <row r="23656" spans="1:9" x14ac:dyDescent="0.25">
      <c r="A23656" s="3">
        <v>41826.451365740744</v>
      </c>
      <c r="B23656" s="6">
        <v>393805.8</v>
      </c>
      <c r="C23656" s="7">
        <f t="shared" si="369"/>
        <v>393.80579999999998</v>
      </c>
      <c r="I23656" s="1"/>
    </row>
    <row r="23657" spans="1:9" x14ac:dyDescent="0.25">
      <c r="A23657" s="3">
        <v>41826.454930555556</v>
      </c>
      <c r="B23657" s="6">
        <v>393822.44999999995</v>
      </c>
      <c r="C23657" s="7">
        <f t="shared" si="369"/>
        <v>393.82244999999995</v>
      </c>
      <c r="I23657" s="1"/>
    </row>
    <row r="23658" spans="1:9" x14ac:dyDescent="0.25">
      <c r="A23658" s="3">
        <v>41826.458831018521</v>
      </c>
      <c r="B23658" s="6">
        <v>393839.1</v>
      </c>
      <c r="C23658" s="7">
        <f t="shared" si="369"/>
        <v>393.83909999999997</v>
      </c>
      <c r="I23658" s="1"/>
    </row>
    <row r="23659" spans="1:9" x14ac:dyDescent="0.25">
      <c r="A23659" s="3">
        <v>41826.464247685188</v>
      </c>
      <c r="B23659" s="6">
        <v>393855.74999999994</v>
      </c>
      <c r="C23659" s="7">
        <f t="shared" si="369"/>
        <v>393.85574999999994</v>
      </c>
      <c r="I23659" s="1"/>
    </row>
    <row r="23660" spans="1:9" x14ac:dyDescent="0.25">
      <c r="A23660" s="3">
        <v>41826.464398148149</v>
      </c>
      <c r="B23660" s="6">
        <v>393872.39999999997</v>
      </c>
      <c r="C23660" s="7">
        <f t="shared" si="369"/>
        <v>393.87239999999997</v>
      </c>
      <c r="I23660" s="1"/>
    </row>
    <row r="23661" spans="1:9" x14ac:dyDescent="0.25">
      <c r="A23661" s="3">
        <v>41826.46675925926</v>
      </c>
      <c r="B23661" s="6">
        <v>393889.05</v>
      </c>
      <c r="C23661" s="7">
        <f t="shared" si="369"/>
        <v>393.88905</v>
      </c>
      <c r="I23661" s="1"/>
    </row>
    <row r="23662" spans="1:9" x14ac:dyDescent="0.25">
      <c r="A23662" s="3">
        <v>41826.466898148145</v>
      </c>
      <c r="B23662" s="6">
        <v>393905.69999999995</v>
      </c>
      <c r="C23662" s="7">
        <f t="shared" si="369"/>
        <v>393.90569999999997</v>
      </c>
      <c r="I23662" s="1"/>
    </row>
    <row r="23663" spans="1:9" x14ac:dyDescent="0.25">
      <c r="A23663" s="3">
        <v>41826.471215277779</v>
      </c>
      <c r="B23663" s="6">
        <v>393922.35</v>
      </c>
      <c r="C23663" s="7">
        <f t="shared" si="369"/>
        <v>393.92234999999999</v>
      </c>
      <c r="I23663" s="1"/>
    </row>
    <row r="23664" spans="1:9" x14ac:dyDescent="0.25">
      <c r="A23664" s="3">
        <v>41826.472569444442</v>
      </c>
      <c r="B23664" s="6">
        <v>393938.99999999994</v>
      </c>
      <c r="C23664" s="7">
        <f t="shared" si="369"/>
        <v>393.93899999999996</v>
      </c>
      <c r="I23664" s="1"/>
    </row>
    <row r="23665" spans="1:9" x14ac:dyDescent="0.25">
      <c r="A23665" s="3">
        <v>41826.480428240742</v>
      </c>
      <c r="B23665" s="6">
        <v>393955.64999999997</v>
      </c>
      <c r="C23665" s="7">
        <f t="shared" si="369"/>
        <v>393.95564999999999</v>
      </c>
      <c r="I23665" s="1"/>
    </row>
    <row r="23666" spans="1:9" x14ac:dyDescent="0.25">
      <c r="A23666" s="3">
        <v>41826.480868055558</v>
      </c>
      <c r="B23666" s="6">
        <v>393972.3</v>
      </c>
      <c r="C23666" s="7">
        <f t="shared" si="369"/>
        <v>393.97229999999996</v>
      </c>
      <c r="I23666" s="1"/>
    </row>
    <row r="23667" spans="1:9" x14ac:dyDescent="0.25">
      <c r="A23667" s="3">
        <v>41826.483275462961</v>
      </c>
      <c r="B23667" s="6">
        <v>393988.94999999995</v>
      </c>
      <c r="C23667" s="7">
        <f t="shared" si="369"/>
        <v>393.98894999999993</v>
      </c>
      <c r="I23667" s="1"/>
    </row>
    <row r="23668" spans="1:9" x14ac:dyDescent="0.25">
      <c r="A23668" s="3">
        <v>41826.483541666668</v>
      </c>
      <c r="B23668" s="6">
        <v>394005.6</v>
      </c>
      <c r="C23668" s="7">
        <f t="shared" si="369"/>
        <v>394.00559999999996</v>
      </c>
      <c r="I23668" s="1"/>
    </row>
    <row r="23669" spans="1:9" x14ac:dyDescent="0.25">
      <c r="A23669" s="3">
        <v>41826.486006944448</v>
      </c>
      <c r="B23669" s="6">
        <v>394022.24999999994</v>
      </c>
      <c r="C23669" s="7">
        <f t="shared" si="369"/>
        <v>394.02224999999993</v>
      </c>
      <c r="I23669" s="1"/>
    </row>
    <row r="23670" spans="1:9" x14ac:dyDescent="0.25">
      <c r="A23670" s="3">
        <v>41826.486238425925</v>
      </c>
      <c r="B23670" s="6">
        <v>394038.89999999997</v>
      </c>
      <c r="C23670" s="7">
        <f t="shared" si="369"/>
        <v>394.03889999999996</v>
      </c>
      <c r="I23670" s="1"/>
    </row>
    <row r="23671" spans="1:9" x14ac:dyDescent="0.25">
      <c r="A23671" s="3">
        <v>41826.495011574072</v>
      </c>
      <c r="B23671" s="6">
        <v>394055.55</v>
      </c>
      <c r="C23671" s="7">
        <f t="shared" si="369"/>
        <v>394.05554999999998</v>
      </c>
      <c r="I23671" s="1"/>
    </row>
    <row r="23672" spans="1:9" x14ac:dyDescent="0.25">
      <c r="A23672" s="3">
        <v>41826.496145833335</v>
      </c>
      <c r="B23672" s="6">
        <v>394072.19999999995</v>
      </c>
      <c r="C23672" s="7">
        <f t="shared" si="369"/>
        <v>394.07219999999995</v>
      </c>
      <c r="I23672" s="1"/>
    </row>
    <row r="23673" spans="1:9" x14ac:dyDescent="0.25">
      <c r="A23673" s="3">
        <v>41826.501550925925</v>
      </c>
      <c r="B23673" s="6">
        <v>394088.85</v>
      </c>
      <c r="C23673" s="7">
        <f t="shared" si="369"/>
        <v>394.08884999999998</v>
      </c>
      <c r="I23673" s="1"/>
    </row>
    <row r="23674" spans="1:9" x14ac:dyDescent="0.25">
      <c r="A23674" s="3">
        <v>41826.502280092594</v>
      </c>
      <c r="B23674" s="6">
        <v>394105.49999999994</v>
      </c>
      <c r="C23674" s="7">
        <f t="shared" si="369"/>
        <v>394.10549999999995</v>
      </c>
      <c r="I23674" s="1"/>
    </row>
    <row r="23675" spans="1:9" x14ac:dyDescent="0.25">
      <c r="A23675" s="3">
        <v>41826.508969907409</v>
      </c>
      <c r="B23675" s="6">
        <v>394122.14999999997</v>
      </c>
      <c r="C23675" s="7">
        <f t="shared" si="369"/>
        <v>394.12214999999998</v>
      </c>
      <c r="I23675" s="1"/>
    </row>
    <row r="23676" spans="1:9" x14ac:dyDescent="0.25">
      <c r="A23676" s="3">
        <v>41826.509282407409</v>
      </c>
      <c r="B23676" s="6">
        <v>394138.8</v>
      </c>
      <c r="C23676" s="7">
        <f t="shared" si="369"/>
        <v>394.1388</v>
      </c>
      <c r="I23676" s="1"/>
    </row>
    <row r="23677" spans="1:9" x14ac:dyDescent="0.25">
      <c r="A23677" s="3">
        <v>41826.511354166665</v>
      </c>
      <c r="B23677" s="6">
        <v>394155.44999999995</v>
      </c>
      <c r="C23677" s="7">
        <f t="shared" si="369"/>
        <v>394.15544999999997</v>
      </c>
      <c r="I23677" s="1"/>
    </row>
    <row r="23678" spans="1:9" x14ac:dyDescent="0.25">
      <c r="A23678" s="3">
        <v>41826.511435185188</v>
      </c>
      <c r="B23678" s="6">
        <v>394172.1</v>
      </c>
      <c r="C23678" s="7">
        <f t="shared" si="369"/>
        <v>394.1721</v>
      </c>
      <c r="I23678" s="1"/>
    </row>
    <row r="23679" spans="1:9" x14ac:dyDescent="0.25">
      <c r="A23679" s="3">
        <v>41826.514282407406</v>
      </c>
      <c r="B23679" s="6">
        <v>394188.74999999994</v>
      </c>
      <c r="C23679" s="7">
        <f t="shared" si="369"/>
        <v>394.18874999999991</v>
      </c>
      <c r="I23679" s="1"/>
    </row>
    <row r="23680" spans="1:9" x14ac:dyDescent="0.25">
      <c r="A23680" s="3">
        <v>41826.516423611109</v>
      </c>
      <c r="B23680" s="6">
        <v>394205.39999999997</v>
      </c>
      <c r="C23680" s="7">
        <f t="shared" si="369"/>
        <v>394.20539999999994</v>
      </c>
      <c r="I23680" s="1"/>
    </row>
    <row r="23681" spans="1:9" x14ac:dyDescent="0.25">
      <c r="A23681" s="3">
        <v>41826.518333333333</v>
      </c>
      <c r="B23681" s="6">
        <v>394222.05</v>
      </c>
      <c r="C23681" s="7">
        <f t="shared" si="369"/>
        <v>394.22204999999997</v>
      </c>
      <c r="I23681" s="1"/>
    </row>
    <row r="23682" spans="1:9" x14ac:dyDescent="0.25">
      <c r="A23682" s="3">
        <v>41826.518576388888</v>
      </c>
      <c r="B23682" s="6">
        <v>394238.69999999995</v>
      </c>
      <c r="C23682" s="7">
        <f t="shared" si="369"/>
        <v>394.23869999999994</v>
      </c>
      <c r="I23682" s="1"/>
    </row>
    <row r="23683" spans="1:9" x14ac:dyDescent="0.25">
      <c r="A23683" s="3">
        <v>41826.521631944444</v>
      </c>
      <c r="B23683" s="6">
        <v>394255.35</v>
      </c>
      <c r="C23683" s="7">
        <f t="shared" ref="C23683:C23746" si="370">B23683/1000</f>
        <v>394.25534999999996</v>
      </c>
      <c r="I23683" s="1"/>
    </row>
    <row r="23684" spans="1:9" x14ac:dyDescent="0.25">
      <c r="A23684" s="3">
        <v>41826.52171296296</v>
      </c>
      <c r="B23684" s="6">
        <v>394271.99999999994</v>
      </c>
      <c r="C23684" s="7">
        <f t="shared" si="370"/>
        <v>394.27199999999993</v>
      </c>
      <c r="I23684" s="1"/>
    </row>
    <row r="23685" spans="1:9" x14ac:dyDescent="0.25">
      <c r="A23685" s="3">
        <v>41826.523159722223</v>
      </c>
      <c r="B23685" s="6">
        <v>394288.64999999997</v>
      </c>
      <c r="C23685" s="7">
        <f t="shared" si="370"/>
        <v>394.28864999999996</v>
      </c>
      <c r="I23685" s="1"/>
    </row>
    <row r="23686" spans="1:9" x14ac:dyDescent="0.25">
      <c r="A23686" s="3">
        <v>41826.523240740738</v>
      </c>
      <c r="B23686" s="6">
        <v>394305.3</v>
      </c>
      <c r="C23686" s="7">
        <f t="shared" si="370"/>
        <v>394.30529999999999</v>
      </c>
      <c r="I23686" s="1"/>
    </row>
    <row r="23687" spans="1:9" x14ac:dyDescent="0.25">
      <c r="A23687" s="3">
        <v>41826.530856481484</v>
      </c>
      <c r="B23687" s="6">
        <v>394321.94999999995</v>
      </c>
      <c r="C23687" s="7">
        <f t="shared" si="370"/>
        <v>394.32194999999996</v>
      </c>
      <c r="I23687" s="1"/>
    </row>
    <row r="23688" spans="1:9" x14ac:dyDescent="0.25">
      <c r="A23688" s="3">
        <v>41826.531064814815</v>
      </c>
      <c r="B23688" s="6">
        <v>394338.6</v>
      </c>
      <c r="C23688" s="7">
        <f t="shared" si="370"/>
        <v>394.33859999999999</v>
      </c>
      <c r="I23688" s="1"/>
    </row>
    <row r="23689" spans="1:9" x14ac:dyDescent="0.25">
      <c r="A23689" s="3">
        <v>41826.533576388887</v>
      </c>
      <c r="B23689" s="6">
        <v>394355.24999999994</v>
      </c>
      <c r="C23689" s="7">
        <f t="shared" si="370"/>
        <v>394.35524999999996</v>
      </c>
      <c r="I23689" s="1"/>
    </row>
    <row r="23690" spans="1:9" x14ac:dyDescent="0.25">
      <c r="A23690" s="3">
        <v>41826.533738425926</v>
      </c>
      <c r="B23690" s="6">
        <v>394371.89999999997</v>
      </c>
      <c r="C23690" s="7">
        <f t="shared" si="370"/>
        <v>394.37189999999998</v>
      </c>
      <c r="I23690" s="1"/>
    </row>
    <row r="23691" spans="1:9" x14ac:dyDescent="0.25">
      <c r="A23691" s="3">
        <v>41826.54215277778</v>
      </c>
      <c r="B23691" s="6">
        <v>394388.55</v>
      </c>
      <c r="C23691" s="7">
        <f t="shared" si="370"/>
        <v>394.38855000000001</v>
      </c>
      <c r="I23691" s="1"/>
    </row>
    <row r="23692" spans="1:9" x14ac:dyDescent="0.25">
      <c r="A23692" s="3">
        <v>41826.542546296296</v>
      </c>
      <c r="B23692" s="6">
        <v>394405.19999999995</v>
      </c>
      <c r="C23692" s="7">
        <f t="shared" si="370"/>
        <v>394.40519999999998</v>
      </c>
      <c r="I23692" s="1"/>
    </row>
    <row r="23693" spans="1:9" x14ac:dyDescent="0.25">
      <c r="A23693" s="3">
        <v>41826.545624999999</v>
      </c>
      <c r="B23693" s="6">
        <v>394421.85</v>
      </c>
      <c r="C23693" s="7">
        <f t="shared" si="370"/>
        <v>394.42184999999995</v>
      </c>
      <c r="I23693" s="1"/>
    </row>
    <row r="23694" spans="1:9" x14ac:dyDescent="0.25">
      <c r="A23694" s="3">
        <v>41826.545752314814</v>
      </c>
      <c r="B23694" s="6">
        <v>394438.49999999994</v>
      </c>
      <c r="C23694" s="7">
        <f t="shared" si="370"/>
        <v>394.43849999999992</v>
      </c>
      <c r="I23694" s="1"/>
    </row>
    <row r="23695" spans="1:9" x14ac:dyDescent="0.25">
      <c r="A23695" s="3">
        <v>41826.550937499997</v>
      </c>
      <c r="B23695" s="6">
        <v>394455.14999999997</v>
      </c>
      <c r="C23695" s="7">
        <f t="shared" si="370"/>
        <v>394.45514999999995</v>
      </c>
      <c r="I23695" s="1"/>
    </row>
    <row r="23696" spans="1:9" x14ac:dyDescent="0.25">
      <c r="A23696" s="3">
        <v>41826.551226851851</v>
      </c>
      <c r="B23696" s="6">
        <v>394471.8</v>
      </c>
      <c r="C23696" s="7">
        <f t="shared" si="370"/>
        <v>394.47179999999997</v>
      </c>
      <c r="I23696" s="1"/>
    </row>
    <row r="23697" spans="1:9" x14ac:dyDescent="0.25">
      <c r="A23697" s="3">
        <v>41826.558206018519</v>
      </c>
      <c r="B23697" s="6">
        <v>394488.44999999995</v>
      </c>
      <c r="C23697" s="7">
        <f t="shared" si="370"/>
        <v>394.48844999999994</v>
      </c>
      <c r="I23697" s="1"/>
    </row>
    <row r="23698" spans="1:9" x14ac:dyDescent="0.25">
      <c r="A23698" s="3">
        <v>41826.558958333335</v>
      </c>
      <c r="B23698" s="6">
        <v>394505.1</v>
      </c>
      <c r="C23698" s="7">
        <f t="shared" si="370"/>
        <v>394.50509999999997</v>
      </c>
      <c r="I23698" s="1"/>
    </row>
    <row r="23699" spans="1:9" x14ac:dyDescent="0.25">
      <c r="A23699" s="3">
        <v>41826.568425925929</v>
      </c>
      <c r="B23699" s="6">
        <v>394521.74999999994</v>
      </c>
      <c r="C23699" s="7">
        <f t="shared" si="370"/>
        <v>394.52174999999994</v>
      </c>
      <c r="I23699" s="1"/>
    </row>
    <row r="23700" spans="1:9" x14ac:dyDescent="0.25">
      <c r="A23700" s="3">
        <v>41826.568657407406</v>
      </c>
      <c r="B23700" s="6">
        <v>394538.39999999997</v>
      </c>
      <c r="C23700" s="7">
        <f t="shared" si="370"/>
        <v>394.53839999999997</v>
      </c>
      <c r="I23700" s="1"/>
    </row>
    <row r="23701" spans="1:9" x14ac:dyDescent="0.25">
      <c r="A23701" s="3">
        <v>41826.569768518515</v>
      </c>
      <c r="B23701" s="6">
        <v>394555.05</v>
      </c>
      <c r="C23701" s="7">
        <f t="shared" si="370"/>
        <v>394.55504999999999</v>
      </c>
      <c r="I23701" s="1"/>
    </row>
    <row r="23702" spans="1:9" x14ac:dyDescent="0.25">
      <c r="A23702" s="3">
        <v>41826.570092592592</v>
      </c>
      <c r="B23702" s="6">
        <v>394571.69999999995</v>
      </c>
      <c r="C23702" s="7">
        <f t="shared" si="370"/>
        <v>394.57169999999996</v>
      </c>
      <c r="I23702" s="1"/>
    </row>
    <row r="23703" spans="1:9" x14ac:dyDescent="0.25">
      <c r="A23703" s="3">
        <v>41826.572766203702</v>
      </c>
      <c r="B23703" s="6">
        <v>394588.35</v>
      </c>
      <c r="C23703" s="7">
        <f t="shared" si="370"/>
        <v>394.58834999999999</v>
      </c>
      <c r="I23703" s="1"/>
    </row>
    <row r="23704" spans="1:9" x14ac:dyDescent="0.25">
      <c r="A23704" s="3">
        <v>41826.572997685187</v>
      </c>
      <c r="B23704" s="6">
        <v>394604.99999999994</v>
      </c>
      <c r="C23704" s="7">
        <f t="shared" si="370"/>
        <v>394.60499999999996</v>
      </c>
      <c r="I23704" s="1"/>
    </row>
    <row r="23705" spans="1:9" x14ac:dyDescent="0.25">
      <c r="A23705" s="3">
        <v>41826.577199074076</v>
      </c>
      <c r="B23705" s="6">
        <v>394621.64999999997</v>
      </c>
      <c r="C23705" s="7">
        <f t="shared" si="370"/>
        <v>394.62164999999999</v>
      </c>
      <c r="I23705" s="1"/>
    </row>
    <row r="23706" spans="1:9" x14ac:dyDescent="0.25">
      <c r="A23706" s="3">
        <v>41826.578356481485</v>
      </c>
      <c r="B23706" s="6">
        <v>394638.3</v>
      </c>
      <c r="C23706" s="7">
        <f t="shared" si="370"/>
        <v>394.63830000000002</v>
      </c>
      <c r="I23706" s="1"/>
    </row>
    <row r="23707" spans="1:9" x14ac:dyDescent="0.25">
      <c r="A23707" s="3">
        <v>41826.581400462965</v>
      </c>
      <c r="B23707" s="6">
        <v>394654.94999999995</v>
      </c>
      <c r="C23707" s="7">
        <f t="shared" si="370"/>
        <v>394.65494999999993</v>
      </c>
      <c r="I23707" s="1"/>
    </row>
    <row r="23708" spans="1:9" x14ac:dyDescent="0.25">
      <c r="A23708" s="3">
        <v>41826.581516203703</v>
      </c>
      <c r="B23708" s="6">
        <v>394671.6</v>
      </c>
      <c r="C23708" s="7">
        <f t="shared" si="370"/>
        <v>394.67159999999996</v>
      </c>
      <c r="I23708" s="1"/>
    </row>
    <row r="23709" spans="1:9" x14ac:dyDescent="0.25">
      <c r="A23709" s="3">
        <v>41826.58935185185</v>
      </c>
      <c r="B23709" s="6">
        <v>394688.24999999994</v>
      </c>
      <c r="C23709" s="7">
        <f t="shared" si="370"/>
        <v>394.68824999999993</v>
      </c>
      <c r="I23709" s="1"/>
    </row>
    <row r="23710" spans="1:9" x14ac:dyDescent="0.25">
      <c r="A23710" s="3">
        <v>41826.590775462966</v>
      </c>
      <c r="B23710" s="6">
        <v>394704.89999999997</v>
      </c>
      <c r="C23710" s="7">
        <f t="shared" si="370"/>
        <v>394.70489999999995</v>
      </c>
      <c r="I23710" s="1"/>
    </row>
    <row r="23711" spans="1:9" x14ac:dyDescent="0.25">
      <c r="A23711" s="3">
        <v>41826.598229166666</v>
      </c>
      <c r="B23711" s="6">
        <v>394721.55</v>
      </c>
      <c r="C23711" s="7">
        <f t="shared" si="370"/>
        <v>394.72154999999998</v>
      </c>
      <c r="I23711" s="1"/>
    </row>
    <row r="23712" spans="1:9" x14ac:dyDescent="0.25">
      <c r="A23712" s="3">
        <v>41826.59888888889</v>
      </c>
      <c r="B23712" s="6">
        <v>394738.19999999995</v>
      </c>
      <c r="C23712" s="7">
        <f t="shared" si="370"/>
        <v>394.73819999999995</v>
      </c>
      <c r="I23712" s="1"/>
    </row>
    <row r="23713" spans="1:9" x14ac:dyDescent="0.25">
      <c r="A23713" s="3">
        <v>41826.603206018517</v>
      </c>
      <c r="B23713" s="6">
        <v>394754.85</v>
      </c>
      <c r="C23713" s="7">
        <f t="shared" si="370"/>
        <v>394.75484999999998</v>
      </c>
      <c r="I23713" s="1"/>
    </row>
    <row r="23714" spans="1:9" x14ac:dyDescent="0.25">
      <c r="A23714" s="3">
        <v>41826.604120370372</v>
      </c>
      <c r="B23714" s="6">
        <v>394771.49999999994</v>
      </c>
      <c r="C23714" s="7">
        <f t="shared" si="370"/>
        <v>394.77149999999995</v>
      </c>
      <c r="I23714" s="1"/>
    </row>
    <row r="23715" spans="1:9" x14ac:dyDescent="0.25">
      <c r="A23715" s="3">
        <v>41826.610081018516</v>
      </c>
      <c r="B23715" s="6">
        <v>394788.14999999997</v>
      </c>
      <c r="C23715" s="7">
        <f t="shared" si="370"/>
        <v>394.78814999999997</v>
      </c>
      <c r="I23715" s="1"/>
    </row>
    <row r="23716" spans="1:9" x14ac:dyDescent="0.25">
      <c r="A23716" s="3">
        <v>41826.610324074078</v>
      </c>
      <c r="B23716" s="6">
        <v>394804.8</v>
      </c>
      <c r="C23716" s="7">
        <f t="shared" si="370"/>
        <v>394.8048</v>
      </c>
      <c r="I23716" s="1"/>
    </row>
    <row r="23717" spans="1:9" x14ac:dyDescent="0.25">
      <c r="A23717" s="3">
        <v>41826.614699074074</v>
      </c>
      <c r="B23717" s="6">
        <v>394821.44999999995</v>
      </c>
      <c r="C23717" s="7">
        <f t="shared" si="370"/>
        <v>394.82144999999997</v>
      </c>
      <c r="I23717" s="1"/>
    </row>
    <row r="23718" spans="1:9" x14ac:dyDescent="0.25">
      <c r="A23718" s="3">
        <v>41826.616041666668</v>
      </c>
      <c r="B23718" s="6">
        <v>394838.1</v>
      </c>
      <c r="C23718" s="7">
        <f t="shared" si="370"/>
        <v>394.8381</v>
      </c>
      <c r="I23718" s="1"/>
    </row>
    <row r="23719" spans="1:9" x14ac:dyDescent="0.25">
      <c r="A23719" s="3">
        <v>41826.618344907409</v>
      </c>
      <c r="B23719" s="6">
        <v>394854.74999999994</v>
      </c>
      <c r="C23719" s="7">
        <f t="shared" si="370"/>
        <v>394.85474999999997</v>
      </c>
      <c r="I23719" s="1"/>
    </row>
    <row r="23720" spans="1:9" x14ac:dyDescent="0.25">
      <c r="A23720" s="3">
        <v>41826.618703703702</v>
      </c>
      <c r="B23720" s="6">
        <v>394871.39999999997</v>
      </c>
      <c r="C23720" s="7">
        <f t="shared" si="370"/>
        <v>394.87139999999994</v>
      </c>
      <c r="I23720" s="1"/>
    </row>
    <row r="23721" spans="1:9" x14ac:dyDescent="0.25">
      <c r="A23721" s="3">
        <v>41826.623495370368</v>
      </c>
      <c r="B23721" s="6">
        <v>394888.05</v>
      </c>
      <c r="C23721" s="7">
        <f t="shared" si="370"/>
        <v>394.88804999999996</v>
      </c>
      <c r="I23721" s="1"/>
    </row>
    <row r="23722" spans="1:9" x14ac:dyDescent="0.25">
      <c r="A23722" s="3">
        <v>41826.623611111114</v>
      </c>
      <c r="B23722" s="6">
        <v>394904.69999999995</v>
      </c>
      <c r="C23722" s="7">
        <f t="shared" si="370"/>
        <v>394.90469999999993</v>
      </c>
      <c r="I23722" s="1"/>
    </row>
    <row r="23723" spans="1:9" x14ac:dyDescent="0.25">
      <c r="A23723" s="3">
        <v>41826.627766203703</v>
      </c>
      <c r="B23723" s="6">
        <v>394921.35</v>
      </c>
      <c r="C23723" s="7">
        <f t="shared" si="370"/>
        <v>394.92134999999996</v>
      </c>
      <c r="I23723" s="1"/>
    </row>
    <row r="23724" spans="1:9" x14ac:dyDescent="0.25">
      <c r="A23724" s="3">
        <v>41826.627824074072</v>
      </c>
      <c r="B23724" s="6">
        <v>394937.99999999994</v>
      </c>
      <c r="C23724" s="7">
        <f t="shared" si="370"/>
        <v>394.93799999999993</v>
      </c>
      <c r="I23724" s="1"/>
    </row>
    <row r="23725" spans="1:9" x14ac:dyDescent="0.25">
      <c r="A23725" s="3">
        <v>41826.628703703704</v>
      </c>
      <c r="B23725" s="6">
        <v>394954.64999999997</v>
      </c>
      <c r="C23725" s="7">
        <f t="shared" si="370"/>
        <v>394.95464999999996</v>
      </c>
      <c r="I23725" s="1"/>
    </row>
    <row r="23726" spans="1:9" x14ac:dyDescent="0.25">
      <c r="A23726" s="3">
        <v>41826.629062499997</v>
      </c>
      <c r="B23726" s="6">
        <v>394971.3</v>
      </c>
      <c r="C23726" s="7">
        <f t="shared" si="370"/>
        <v>394.97129999999999</v>
      </c>
      <c r="I23726" s="1"/>
    </row>
    <row r="23727" spans="1:9" x14ac:dyDescent="0.25">
      <c r="A23727" s="3">
        <v>41826.631990740738</v>
      </c>
      <c r="B23727" s="6">
        <v>394987.94999999995</v>
      </c>
      <c r="C23727" s="7">
        <f t="shared" si="370"/>
        <v>394.98794999999996</v>
      </c>
      <c r="I23727" s="1"/>
    </row>
    <row r="23728" spans="1:9" x14ac:dyDescent="0.25">
      <c r="A23728" s="3">
        <v>41826.632465277777</v>
      </c>
      <c r="B23728" s="6">
        <v>395004.6</v>
      </c>
      <c r="C23728" s="7">
        <f t="shared" si="370"/>
        <v>395.00459999999998</v>
      </c>
      <c r="I23728" s="1"/>
    </row>
    <row r="23729" spans="1:9" x14ac:dyDescent="0.25">
      <c r="A23729" s="3">
        <v>41826.635347222225</v>
      </c>
      <c r="B23729" s="6">
        <v>395021.24999999994</v>
      </c>
      <c r="C23729" s="7">
        <f t="shared" si="370"/>
        <v>395.02124999999995</v>
      </c>
      <c r="I23729" s="1"/>
    </row>
    <row r="23730" spans="1:9" x14ac:dyDescent="0.25">
      <c r="A23730" s="3">
        <v>41826.635439814818</v>
      </c>
      <c r="B23730" s="6">
        <v>395037.89999999997</v>
      </c>
      <c r="C23730" s="7">
        <f t="shared" si="370"/>
        <v>395.03789999999998</v>
      </c>
      <c r="I23730" s="1"/>
    </row>
    <row r="23731" spans="1:9" x14ac:dyDescent="0.25">
      <c r="A23731" s="3">
        <v>41826.636608796296</v>
      </c>
      <c r="B23731" s="6">
        <v>395054.55</v>
      </c>
      <c r="C23731" s="7">
        <f t="shared" si="370"/>
        <v>395.05455000000001</v>
      </c>
      <c r="I23731" s="1"/>
    </row>
    <row r="23732" spans="1:9" x14ac:dyDescent="0.25">
      <c r="A23732" s="3">
        <v>41826.63685185185</v>
      </c>
      <c r="B23732" s="6">
        <v>395071.19999999995</v>
      </c>
      <c r="C23732" s="7">
        <f t="shared" si="370"/>
        <v>395.07119999999998</v>
      </c>
      <c r="I23732" s="1"/>
    </row>
    <row r="23733" spans="1:9" x14ac:dyDescent="0.25">
      <c r="A23733" s="3">
        <v>41826.642453703702</v>
      </c>
      <c r="B23733" s="6">
        <v>395087.85</v>
      </c>
      <c r="C23733" s="7">
        <f t="shared" si="370"/>
        <v>395.08785</v>
      </c>
      <c r="I23733" s="1"/>
    </row>
    <row r="23734" spans="1:9" x14ac:dyDescent="0.25">
      <c r="A23734" s="3">
        <v>41826.642685185187</v>
      </c>
      <c r="B23734" s="6">
        <v>395104.49999999994</v>
      </c>
      <c r="C23734" s="7">
        <f t="shared" si="370"/>
        <v>395.10449999999992</v>
      </c>
      <c r="I23734" s="1"/>
    </row>
    <row r="23735" spans="1:9" x14ac:dyDescent="0.25">
      <c r="A23735" s="3">
        <v>41826.646284722221</v>
      </c>
      <c r="B23735" s="6">
        <v>395121.14999999997</v>
      </c>
      <c r="C23735" s="7">
        <f t="shared" si="370"/>
        <v>395.12114999999994</v>
      </c>
      <c r="I23735" s="1"/>
    </row>
    <row r="23736" spans="1:9" x14ac:dyDescent="0.25">
      <c r="A23736" s="3">
        <v>41826.646412037036</v>
      </c>
      <c r="B23736" s="6">
        <v>395137.8</v>
      </c>
      <c r="C23736" s="7">
        <f t="shared" si="370"/>
        <v>395.13779999999997</v>
      </c>
      <c r="I23736" s="1"/>
    </row>
    <row r="23737" spans="1:9" x14ac:dyDescent="0.25">
      <c r="A23737" s="3">
        <v>41826.648020833331</v>
      </c>
      <c r="B23737" s="6">
        <v>395154.44999999995</v>
      </c>
      <c r="C23737" s="7">
        <f t="shared" si="370"/>
        <v>395.15444999999994</v>
      </c>
      <c r="I23737" s="1"/>
    </row>
    <row r="23738" spans="1:9" x14ac:dyDescent="0.25">
      <c r="A23738" s="3">
        <v>41826.649537037039</v>
      </c>
      <c r="B23738" s="6">
        <v>395171.1</v>
      </c>
      <c r="C23738" s="7">
        <f t="shared" si="370"/>
        <v>395.17109999999997</v>
      </c>
      <c r="I23738" s="1"/>
    </row>
    <row r="23739" spans="1:9" x14ac:dyDescent="0.25">
      <c r="A23739" s="3">
        <v>41826.653425925928</v>
      </c>
      <c r="B23739" s="6">
        <v>395187.74999999994</v>
      </c>
      <c r="C23739" s="7">
        <f t="shared" si="370"/>
        <v>395.18774999999994</v>
      </c>
      <c r="I23739" s="1"/>
    </row>
    <row r="23740" spans="1:9" x14ac:dyDescent="0.25">
      <c r="A23740" s="3">
        <v>41826.65351851852</v>
      </c>
      <c r="B23740" s="6">
        <v>395204.39999999997</v>
      </c>
      <c r="C23740" s="7">
        <f t="shared" si="370"/>
        <v>395.20439999999996</v>
      </c>
      <c r="I23740" s="1"/>
    </row>
    <row r="23741" spans="1:9" x14ac:dyDescent="0.25">
      <c r="A23741" s="3">
        <v>41826.656412037039</v>
      </c>
      <c r="B23741" s="6">
        <v>395221.05</v>
      </c>
      <c r="C23741" s="7">
        <f t="shared" si="370"/>
        <v>395.22104999999999</v>
      </c>
      <c r="I23741" s="1"/>
    </row>
    <row r="23742" spans="1:9" x14ac:dyDescent="0.25">
      <c r="A23742" s="3">
        <v>41826.656550925924</v>
      </c>
      <c r="B23742" s="6">
        <v>395237.69999999995</v>
      </c>
      <c r="C23742" s="7">
        <f t="shared" si="370"/>
        <v>395.23769999999996</v>
      </c>
      <c r="I23742" s="1"/>
    </row>
    <row r="23743" spans="1:9" x14ac:dyDescent="0.25">
      <c r="A23743" s="3">
        <v>41826.666631944441</v>
      </c>
      <c r="B23743" s="6">
        <v>395254.35</v>
      </c>
      <c r="C23743" s="7">
        <f t="shared" si="370"/>
        <v>395.25434999999999</v>
      </c>
      <c r="I23743" s="1"/>
    </row>
    <row r="23744" spans="1:9" x14ac:dyDescent="0.25">
      <c r="A23744" s="3">
        <v>41826.667048611111</v>
      </c>
      <c r="B23744" s="6">
        <v>395270.99999999994</v>
      </c>
      <c r="C23744" s="7">
        <f t="shared" si="370"/>
        <v>395.27099999999996</v>
      </c>
      <c r="I23744" s="1"/>
    </row>
    <row r="23745" spans="1:9" x14ac:dyDescent="0.25">
      <c r="A23745" s="3">
        <v>41826.671284722222</v>
      </c>
      <c r="B23745" s="6">
        <v>395287.64999999997</v>
      </c>
      <c r="C23745" s="7">
        <f t="shared" si="370"/>
        <v>395.28764999999999</v>
      </c>
      <c r="I23745" s="1"/>
    </row>
    <row r="23746" spans="1:9" x14ac:dyDescent="0.25">
      <c r="A23746" s="3">
        <v>41826.671620370369</v>
      </c>
      <c r="B23746" s="6">
        <v>395304.3</v>
      </c>
      <c r="C23746" s="7">
        <f t="shared" si="370"/>
        <v>395.30430000000001</v>
      </c>
      <c r="I23746" s="1"/>
    </row>
    <row r="23747" spans="1:9" x14ac:dyDescent="0.25">
      <c r="A23747" s="3">
        <v>41826.67728009259</v>
      </c>
      <c r="B23747" s="6">
        <v>395320.94999999995</v>
      </c>
      <c r="C23747" s="7">
        <f t="shared" ref="C23747:C23810" si="371">B23747/1000</f>
        <v>395.32094999999993</v>
      </c>
      <c r="I23747" s="1"/>
    </row>
    <row r="23748" spans="1:9" x14ac:dyDescent="0.25">
      <c r="A23748" s="3">
        <v>41826.6796412037</v>
      </c>
      <c r="B23748" s="6">
        <v>395337.6</v>
      </c>
      <c r="C23748" s="7">
        <f t="shared" si="371"/>
        <v>395.33759999999995</v>
      </c>
      <c r="I23748" s="1"/>
    </row>
    <row r="23749" spans="1:9" x14ac:dyDescent="0.25">
      <c r="A23749" s="3">
        <v>41826.681666666664</v>
      </c>
      <c r="B23749" s="6">
        <v>395354.24999999994</v>
      </c>
      <c r="C23749" s="7">
        <f t="shared" si="371"/>
        <v>395.35424999999992</v>
      </c>
      <c r="I23749" s="1"/>
    </row>
    <row r="23750" spans="1:9" x14ac:dyDescent="0.25">
      <c r="A23750" s="3">
        <v>41826.682604166665</v>
      </c>
      <c r="B23750" s="6">
        <v>395370.89999999997</v>
      </c>
      <c r="C23750" s="7">
        <f t="shared" si="371"/>
        <v>395.37089999999995</v>
      </c>
      <c r="I23750" s="1"/>
    </row>
    <row r="23751" spans="1:9" x14ac:dyDescent="0.25">
      <c r="A23751" s="3">
        <v>41826.686249999999</v>
      </c>
      <c r="B23751" s="6">
        <v>395387.55</v>
      </c>
      <c r="C23751" s="7">
        <f t="shared" si="371"/>
        <v>395.38754999999998</v>
      </c>
      <c r="I23751" s="1"/>
    </row>
    <row r="23752" spans="1:9" x14ac:dyDescent="0.25">
      <c r="A23752" s="3">
        <v>41826.686365740738</v>
      </c>
      <c r="B23752" s="6">
        <v>395404.19999999995</v>
      </c>
      <c r="C23752" s="7">
        <f t="shared" si="371"/>
        <v>395.40419999999995</v>
      </c>
      <c r="I23752" s="1"/>
    </row>
    <row r="23753" spans="1:9" x14ac:dyDescent="0.25">
      <c r="A23753" s="3">
        <v>41826.69153935185</v>
      </c>
      <c r="B23753" s="6">
        <v>395420.85</v>
      </c>
      <c r="C23753" s="7">
        <f t="shared" si="371"/>
        <v>395.42084999999997</v>
      </c>
      <c r="I23753" s="1"/>
    </row>
    <row r="23754" spans="1:9" x14ac:dyDescent="0.25">
      <c r="A23754" s="3">
        <v>41826.691666666666</v>
      </c>
      <c r="B23754" s="6">
        <v>395437.49999999994</v>
      </c>
      <c r="C23754" s="7">
        <f t="shared" si="371"/>
        <v>395.43749999999994</v>
      </c>
      <c r="I23754" s="1"/>
    </row>
    <row r="23755" spans="1:9" x14ac:dyDescent="0.25">
      <c r="A23755" s="3">
        <v>41826.692557870374</v>
      </c>
      <c r="B23755" s="6">
        <v>395454.14999999997</v>
      </c>
      <c r="C23755" s="7">
        <f t="shared" si="371"/>
        <v>395.45414999999997</v>
      </c>
      <c r="I23755" s="1"/>
    </row>
    <row r="23756" spans="1:9" x14ac:dyDescent="0.25">
      <c r="A23756" s="3">
        <v>41826.692766203705</v>
      </c>
      <c r="B23756" s="6">
        <v>395470.8</v>
      </c>
      <c r="C23756" s="7">
        <f t="shared" si="371"/>
        <v>395.4708</v>
      </c>
      <c r="I23756" s="1"/>
    </row>
    <row r="23757" spans="1:9" x14ac:dyDescent="0.25">
      <c r="A23757" s="3">
        <v>41826.696666666663</v>
      </c>
      <c r="B23757" s="6">
        <v>395487.44999999995</v>
      </c>
      <c r="C23757" s="7">
        <f t="shared" si="371"/>
        <v>395.48744999999997</v>
      </c>
      <c r="I23757" s="1"/>
    </row>
    <row r="23758" spans="1:9" x14ac:dyDescent="0.25">
      <c r="A23758" s="3">
        <v>41826.696979166663</v>
      </c>
      <c r="B23758" s="6">
        <v>395504.1</v>
      </c>
      <c r="C23758" s="7">
        <f t="shared" si="371"/>
        <v>395.50409999999999</v>
      </c>
      <c r="I23758" s="1"/>
    </row>
    <row r="23759" spans="1:9" x14ac:dyDescent="0.25">
      <c r="A23759" s="3">
        <v>41826.700682870367</v>
      </c>
      <c r="B23759" s="6">
        <v>395520.74999999994</v>
      </c>
      <c r="C23759" s="7">
        <f t="shared" si="371"/>
        <v>395.52074999999996</v>
      </c>
      <c r="I23759" s="1"/>
    </row>
    <row r="23760" spans="1:9" x14ac:dyDescent="0.25">
      <c r="A23760" s="3">
        <v>41826.701018518521</v>
      </c>
      <c r="B23760" s="6">
        <v>395537.39999999997</v>
      </c>
      <c r="C23760" s="7">
        <f t="shared" si="371"/>
        <v>395.53739999999999</v>
      </c>
      <c r="I23760" s="1"/>
    </row>
    <row r="23761" spans="1:9" x14ac:dyDescent="0.25">
      <c r="A23761" s="3">
        <v>41826.704155092593</v>
      </c>
      <c r="B23761" s="6">
        <v>395554.05</v>
      </c>
      <c r="C23761" s="7">
        <f t="shared" si="371"/>
        <v>395.55404999999996</v>
      </c>
      <c r="I23761" s="1"/>
    </row>
    <row r="23762" spans="1:9" x14ac:dyDescent="0.25">
      <c r="A23762" s="3">
        <v>41826.704664351855</v>
      </c>
      <c r="B23762" s="6">
        <v>395570.69999999995</v>
      </c>
      <c r="C23762" s="7">
        <f t="shared" si="371"/>
        <v>395.57069999999993</v>
      </c>
      <c r="I23762" s="1"/>
    </row>
    <row r="23763" spans="1:9" x14ac:dyDescent="0.25">
      <c r="A23763" s="3">
        <v>41826.706956018519</v>
      </c>
      <c r="B23763" s="6">
        <v>395587.35</v>
      </c>
      <c r="C23763" s="7">
        <f t="shared" si="371"/>
        <v>395.58734999999996</v>
      </c>
      <c r="I23763" s="1"/>
    </row>
    <row r="23764" spans="1:9" x14ac:dyDescent="0.25">
      <c r="A23764" s="3">
        <v>41826.707418981481</v>
      </c>
      <c r="B23764" s="6">
        <v>395603.99999999994</v>
      </c>
      <c r="C23764" s="7">
        <f t="shared" si="371"/>
        <v>395.60399999999993</v>
      </c>
      <c r="I23764" s="1"/>
    </row>
    <row r="23765" spans="1:9" x14ac:dyDescent="0.25">
      <c r="A23765" s="3">
        <v>41826.711030092592</v>
      </c>
      <c r="B23765" s="6">
        <v>395620.64999999997</v>
      </c>
      <c r="C23765" s="7">
        <f t="shared" si="371"/>
        <v>395.62064999999996</v>
      </c>
      <c r="I23765" s="1"/>
    </row>
    <row r="23766" spans="1:9" x14ac:dyDescent="0.25">
      <c r="A23766" s="3">
        <v>41826.7112037037</v>
      </c>
      <c r="B23766" s="6">
        <v>395637.3</v>
      </c>
      <c r="C23766" s="7">
        <f t="shared" si="371"/>
        <v>395.63729999999998</v>
      </c>
      <c r="I23766" s="1"/>
    </row>
    <row r="23767" spans="1:9" x14ac:dyDescent="0.25">
      <c r="A23767" s="3">
        <v>41826.71234953704</v>
      </c>
      <c r="B23767" s="6">
        <v>395653.94999999995</v>
      </c>
      <c r="C23767" s="7">
        <f t="shared" si="371"/>
        <v>395.65394999999995</v>
      </c>
      <c r="I23767" s="1"/>
    </row>
    <row r="23768" spans="1:9" x14ac:dyDescent="0.25">
      <c r="A23768" s="3">
        <v>41826.712442129632</v>
      </c>
      <c r="B23768" s="6">
        <v>395670.6</v>
      </c>
      <c r="C23768" s="7">
        <f t="shared" si="371"/>
        <v>395.67059999999998</v>
      </c>
      <c r="I23768" s="1"/>
    </row>
    <row r="23769" spans="1:9" x14ac:dyDescent="0.25">
      <c r="A23769" s="3">
        <v>41826.715567129628</v>
      </c>
      <c r="B23769" s="6">
        <v>395687.24999999994</v>
      </c>
      <c r="C23769" s="7">
        <f t="shared" si="371"/>
        <v>395.68724999999995</v>
      </c>
      <c r="I23769" s="1"/>
    </row>
    <row r="23770" spans="1:9" x14ac:dyDescent="0.25">
      <c r="A23770" s="3">
        <v>41826.715694444443</v>
      </c>
      <c r="B23770" s="6">
        <v>395703.89999999997</v>
      </c>
      <c r="C23770" s="7">
        <f t="shared" si="371"/>
        <v>395.70389999999998</v>
      </c>
      <c r="I23770" s="1"/>
    </row>
    <row r="23771" spans="1:9" x14ac:dyDescent="0.25">
      <c r="A23771" s="3">
        <v>41826.717106481483</v>
      </c>
      <c r="B23771" s="6">
        <v>395720.55</v>
      </c>
      <c r="C23771" s="7">
        <f t="shared" si="371"/>
        <v>395.72055</v>
      </c>
      <c r="I23771" s="1"/>
    </row>
    <row r="23772" spans="1:9" x14ac:dyDescent="0.25">
      <c r="A23772" s="3">
        <v>41826.717673611114</v>
      </c>
      <c r="B23772" s="6">
        <v>395737.19999999995</v>
      </c>
      <c r="C23772" s="7">
        <f t="shared" si="371"/>
        <v>395.73719999999997</v>
      </c>
      <c r="I23772" s="1"/>
    </row>
    <row r="23773" spans="1:9" x14ac:dyDescent="0.25">
      <c r="A23773" s="3">
        <v>41826.722627314812</v>
      </c>
      <c r="B23773" s="6">
        <v>395753.85</v>
      </c>
      <c r="C23773" s="7">
        <f t="shared" si="371"/>
        <v>395.75385</v>
      </c>
      <c r="I23773" s="1"/>
    </row>
    <row r="23774" spans="1:9" x14ac:dyDescent="0.25">
      <c r="A23774" s="3">
        <v>41826.723344907405</v>
      </c>
      <c r="B23774" s="6">
        <v>395770.49999999994</v>
      </c>
      <c r="C23774" s="7">
        <f t="shared" si="371"/>
        <v>395.77049999999997</v>
      </c>
      <c r="I23774" s="1"/>
    </row>
    <row r="23775" spans="1:9" x14ac:dyDescent="0.25">
      <c r="A23775" s="3">
        <v>41826.727962962963</v>
      </c>
      <c r="B23775" s="6">
        <v>395787.14999999997</v>
      </c>
      <c r="C23775" s="7">
        <f t="shared" si="371"/>
        <v>395.78714999999994</v>
      </c>
      <c r="I23775" s="1"/>
    </row>
    <row r="23776" spans="1:9" x14ac:dyDescent="0.25">
      <c r="A23776" s="3">
        <v>41826.728206018517</v>
      </c>
      <c r="B23776" s="6">
        <v>395803.8</v>
      </c>
      <c r="C23776" s="7">
        <f t="shared" si="371"/>
        <v>395.80379999999997</v>
      </c>
      <c r="I23776" s="1"/>
    </row>
    <row r="23777" spans="1:9" x14ac:dyDescent="0.25">
      <c r="A23777" s="3">
        <v>41826.729872685188</v>
      </c>
      <c r="B23777" s="6">
        <v>395820.44999999995</v>
      </c>
      <c r="C23777" s="7">
        <f t="shared" si="371"/>
        <v>395.82044999999994</v>
      </c>
      <c r="I23777" s="1"/>
    </row>
    <row r="23778" spans="1:9" x14ac:dyDescent="0.25">
      <c r="A23778" s="3">
        <v>41826.731365740743</v>
      </c>
      <c r="B23778" s="6">
        <v>395837.1</v>
      </c>
      <c r="C23778" s="7">
        <f t="shared" si="371"/>
        <v>395.83709999999996</v>
      </c>
      <c r="I23778" s="1"/>
    </row>
    <row r="23779" spans="1:9" x14ac:dyDescent="0.25">
      <c r="A23779" s="3">
        <v>41826.732951388891</v>
      </c>
      <c r="B23779" s="6">
        <v>395853.74999999994</v>
      </c>
      <c r="C23779" s="7">
        <f t="shared" si="371"/>
        <v>395.85374999999993</v>
      </c>
      <c r="I23779" s="1"/>
    </row>
    <row r="23780" spans="1:9" x14ac:dyDescent="0.25">
      <c r="A23780" s="3">
        <v>41826.733113425929</v>
      </c>
      <c r="B23780" s="6">
        <v>395870.39999999997</v>
      </c>
      <c r="C23780" s="7">
        <f t="shared" si="371"/>
        <v>395.87039999999996</v>
      </c>
      <c r="I23780" s="1"/>
    </row>
    <row r="23781" spans="1:9" x14ac:dyDescent="0.25">
      <c r="A23781" s="3">
        <v>41826.734814814816</v>
      </c>
      <c r="B23781" s="6">
        <v>395887.05</v>
      </c>
      <c r="C23781" s="7">
        <f t="shared" si="371"/>
        <v>395.88704999999999</v>
      </c>
      <c r="I23781" s="1"/>
    </row>
    <row r="23782" spans="1:9" x14ac:dyDescent="0.25">
      <c r="A23782" s="3">
        <v>41826.735208333332</v>
      </c>
      <c r="B23782" s="6">
        <v>395903.69999999995</v>
      </c>
      <c r="C23782" s="7">
        <f t="shared" si="371"/>
        <v>395.90369999999996</v>
      </c>
      <c r="I23782" s="1"/>
    </row>
    <row r="23783" spans="1:9" x14ac:dyDescent="0.25">
      <c r="A23783" s="3">
        <v>41826.738159722219</v>
      </c>
      <c r="B23783" s="6">
        <v>395920.35</v>
      </c>
      <c r="C23783" s="7">
        <f t="shared" si="371"/>
        <v>395.92034999999998</v>
      </c>
      <c r="I23783" s="1"/>
    </row>
    <row r="23784" spans="1:9" x14ac:dyDescent="0.25">
      <c r="A23784" s="3">
        <v>41826.738287037035</v>
      </c>
      <c r="B23784" s="6">
        <v>395936.99999999994</v>
      </c>
      <c r="C23784" s="7">
        <f t="shared" si="371"/>
        <v>395.93699999999995</v>
      </c>
      <c r="I23784" s="1"/>
    </row>
    <row r="23785" spans="1:9" x14ac:dyDescent="0.25">
      <c r="A23785" s="3">
        <v>41826.738923611112</v>
      </c>
      <c r="B23785" s="6">
        <v>395953.64999999997</v>
      </c>
      <c r="C23785" s="7">
        <f t="shared" si="371"/>
        <v>395.95364999999998</v>
      </c>
      <c r="I23785" s="1"/>
    </row>
    <row r="23786" spans="1:9" x14ac:dyDescent="0.25">
      <c r="A23786" s="3">
        <v>41826.739050925928</v>
      </c>
      <c r="B23786" s="6">
        <v>395970.3</v>
      </c>
      <c r="C23786" s="7">
        <f t="shared" si="371"/>
        <v>395.97030000000001</v>
      </c>
      <c r="I23786" s="1"/>
    </row>
    <row r="23787" spans="1:9" x14ac:dyDescent="0.25">
      <c r="A23787" s="3">
        <v>41826.743310185186</v>
      </c>
      <c r="B23787" s="6">
        <v>395986.94999999995</v>
      </c>
      <c r="C23787" s="7">
        <f t="shared" si="371"/>
        <v>395.98694999999998</v>
      </c>
      <c r="I23787" s="1"/>
    </row>
    <row r="23788" spans="1:9" x14ac:dyDescent="0.25">
      <c r="A23788" s="3">
        <v>41826.743483796294</v>
      </c>
      <c r="B23788" s="6">
        <v>396003.6</v>
      </c>
      <c r="C23788" s="7">
        <f t="shared" si="371"/>
        <v>396.00359999999995</v>
      </c>
      <c r="I23788" s="1"/>
    </row>
    <row r="23789" spans="1:9" x14ac:dyDescent="0.25">
      <c r="A23789" s="3">
        <v>41826.744583333333</v>
      </c>
      <c r="B23789" s="6">
        <v>396020.24999999994</v>
      </c>
      <c r="C23789" s="7">
        <f t="shared" si="371"/>
        <v>396.02024999999992</v>
      </c>
      <c r="I23789" s="1"/>
    </row>
    <row r="23790" spans="1:9" x14ac:dyDescent="0.25">
      <c r="A23790" s="3">
        <v>41826.744652777779</v>
      </c>
      <c r="B23790" s="6">
        <v>396036.89999999997</v>
      </c>
      <c r="C23790" s="7">
        <f t="shared" si="371"/>
        <v>396.03689999999995</v>
      </c>
      <c r="I23790" s="1"/>
    </row>
    <row r="23791" spans="1:9" x14ac:dyDescent="0.25">
      <c r="A23791" s="3">
        <v>41826.746655092589</v>
      </c>
      <c r="B23791" s="6">
        <v>396053.55</v>
      </c>
      <c r="C23791" s="7">
        <f t="shared" si="371"/>
        <v>396.05354999999997</v>
      </c>
      <c r="I23791" s="1"/>
    </row>
    <row r="23792" spans="1:9" x14ac:dyDescent="0.25">
      <c r="A23792" s="3">
        <v>41826.746921296297</v>
      </c>
      <c r="B23792" s="6">
        <v>396070.19999999995</v>
      </c>
      <c r="C23792" s="7">
        <f t="shared" si="371"/>
        <v>396.07019999999994</v>
      </c>
      <c r="I23792" s="1"/>
    </row>
    <row r="23793" spans="1:9" x14ac:dyDescent="0.25">
      <c r="A23793" s="3">
        <v>41826.74895833333</v>
      </c>
      <c r="B23793" s="6">
        <v>396086.85</v>
      </c>
      <c r="C23793" s="7">
        <f t="shared" si="371"/>
        <v>396.08684999999997</v>
      </c>
      <c r="I23793" s="1"/>
    </row>
    <row r="23794" spans="1:9" x14ac:dyDescent="0.25">
      <c r="A23794" s="3">
        <v>41826.749050925922</v>
      </c>
      <c r="B23794" s="6">
        <v>396103.49999999994</v>
      </c>
      <c r="C23794" s="7">
        <f t="shared" si="371"/>
        <v>396.10349999999994</v>
      </c>
      <c r="I23794" s="1"/>
    </row>
    <row r="23795" spans="1:9" x14ac:dyDescent="0.25">
      <c r="A23795" s="3">
        <v>41826.750081018516</v>
      </c>
      <c r="B23795" s="6">
        <v>396120.14999999997</v>
      </c>
      <c r="C23795" s="7">
        <f t="shared" si="371"/>
        <v>396.12014999999997</v>
      </c>
      <c r="I23795" s="1"/>
    </row>
    <row r="23796" spans="1:9" x14ac:dyDescent="0.25">
      <c r="A23796" s="3">
        <v>41826.750162037039</v>
      </c>
      <c r="B23796" s="6">
        <v>396136.8</v>
      </c>
      <c r="C23796" s="7">
        <f t="shared" si="371"/>
        <v>396.13679999999999</v>
      </c>
      <c r="I23796" s="1"/>
    </row>
    <row r="23797" spans="1:9" x14ac:dyDescent="0.25">
      <c r="A23797" s="3">
        <v>41826.752303240741</v>
      </c>
      <c r="B23797" s="6">
        <v>396153.44999999995</v>
      </c>
      <c r="C23797" s="7">
        <f t="shared" si="371"/>
        <v>396.15344999999996</v>
      </c>
      <c r="I23797" s="1"/>
    </row>
    <row r="23798" spans="1:9" x14ac:dyDescent="0.25">
      <c r="A23798" s="3">
        <v>41826.752465277779</v>
      </c>
      <c r="B23798" s="6">
        <v>396170.1</v>
      </c>
      <c r="C23798" s="7">
        <f t="shared" si="371"/>
        <v>396.17009999999999</v>
      </c>
      <c r="I23798" s="1"/>
    </row>
    <row r="23799" spans="1:9" x14ac:dyDescent="0.25">
      <c r="A23799" s="3">
        <v>41826.755347222221</v>
      </c>
      <c r="B23799" s="6">
        <v>396186.74999999994</v>
      </c>
      <c r="C23799" s="7">
        <f t="shared" si="371"/>
        <v>396.18674999999996</v>
      </c>
      <c r="I23799" s="1"/>
    </row>
    <row r="23800" spans="1:9" x14ac:dyDescent="0.25">
      <c r="A23800" s="3">
        <v>41826.756076388891</v>
      </c>
      <c r="B23800" s="6">
        <v>396203.39999999997</v>
      </c>
      <c r="C23800" s="7">
        <f t="shared" si="371"/>
        <v>396.20339999999999</v>
      </c>
      <c r="I23800" s="1"/>
    </row>
    <row r="23801" spans="1:9" x14ac:dyDescent="0.25">
      <c r="A23801" s="3">
        <v>41826.757592592592</v>
      </c>
      <c r="B23801" s="6">
        <v>396220.05</v>
      </c>
      <c r="C23801" s="7">
        <f t="shared" si="371"/>
        <v>396.22005000000001</v>
      </c>
      <c r="I23801" s="1"/>
    </row>
    <row r="23802" spans="1:9" x14ac:dyDescent="0.25">
      <c r="A23802" s="3">
        <v>41826.757673611108</v>
      </c>
      <c r="B23802" s="6">
        <v>396236.69999999995</v>
      </c>
      <c r="C23802" s="7">
        <f t="shared" si="371"/>
        <v>396.23669999999993</v>
      </c>
      <c r="I23802" s="1"/>
    </row>
    <row r="23803" spans="1:9" x14ac:dyDescent="0.25">
      <c r="A23803" s="3">
        <v>41826.763437499998</v>
      </c>
      <c r="B23803" s="6">
        <v>396253.35</v>
      </c>
      <c r="C23803" s="7">
        <f t="shared" si="371"/>
        <v>396.25334999999995</v>
      </c>
      <c r="I23803" s="1"/>
    </row>
    <row r="23804" spans="1:9" x14ac:dyDescent="0.25">
      <c r="A23804" s="3">
        <v>41826.76363425926</v>
      </c>
      <c r="B23804" s="6">
        <v>396269.99999999994</v>
      </c>
      <c r="C23804" s="7">
        <f t="shared" si="371"/>
        <v>396.26999999999992</v>
      </c>
      <c r="I23804" s="1"/>
    </row>
    <row r="23805" spans="1:9" x14ac:dyDescent="0.25">
      <c r="A23805" s="3">
        <v>41826.766168981485</v>
      </c>
      <c r="B23805" s="6">
        <v>396286.64999999997</v>
      </c>
      <c r="C23805" s="7">
        <f t="shared" si="371"/>
        <v>396.28664999999995</v>
      </c>
      <c r="I23805" s="1"/>
    </row>
    <row r="23806" spans="1:9" x14ac:dyDescent="0.25">
      <c r="A23806" s="3">
        <v>41826.766296296293</v>
      </c>
      <c r="B23806" s="6">
        <v>396303.3</v>
      </c>
      <c r="C23806" s="7">
        <f t="shared" si="371"/>
        <v>396.30329999999998</v>
      </c>
      <c r="I23806" s="1"/>
    </row>
    <row r="23807" spans="1:9" x14ac:dyDescent="0.25">
      <c r="A23807" s="3">
        <v>41826.768483796295</v>
      </c>
      <c r="B23807" s="6">
        <v>396319.94999999995</v>
      </c>
      <c r="C23807" s="7">
        <f t="shared" si="371"/>
        <v>396.31994999999995</v>
      </c>
      <c r="I23807" s="1"/>
    </row>
    <row r="23808" spans="1:9" x14ac:dyDescent="0.25">
      <c r="A23808" s="3">
        <v>41826.769780092596</v>
      </c>
      <c r="B23808" s="6">
        <v>396336.6</v>
      </c>
      <c r="C23808" s="7">
        <f t="shared" si="371"/>
        <v>396.33659999999998</v>
      </c>
      <c r="I23808" s="1"/>
    </row>
    <row r="23809" spans="1:9" x14ac:dyDescent="0.25">
      <c r="A23809" s="3">
        <v>41826.780717592592</v>
      </c>
      <c r="B23809" s="6">
        <v>396353.24999999994</v>
      </c>
      <c r="C23809" s="7">
        <f t="shared" si="371"/>
        <v>396.35324999999995</v>
      </c>
      <c r="I23809" s="1"/>
    </row>
    <row r="23810" spans="1:9" x14ac:dyDescent="0.25">
      <c r="A23810" s="3">
        <v>41826.781388888892</v>
      </c>
      <c r="B23810" s="6">
        <v>396369.89999999997</v>
      </c>
      <c r="C23810" s="7">
        <f t="shared" si="371"/>
        <v>396.36989999999997</v>
      </c>
      <c r="I23810" s="1"/>
    </row>
    <row r="23811" spans="1:9" x14ac:dyDescent="0.25">
      <c r="A23811" s="3">
        <v>41826.788495370369</v>
      </c>
      <c r="B23811" s="6">
        <v>396386.55</v>
      </c>
      <c r="C23811" s="7">
        <f t="shared" ref="C23811:C23874" si="372">B23811/1000</f>
        <v>396.38655</v>
      </c>
      <c r="I23811" s="1"/>
    </row>
    <row r="23812" spans="1:9" x14ac:dyDescent="0.25">
      <c r="A23812" s="3">
        <v>41826.78875</v>
      </c>
      <c r="B23812" s="6">
        <v>396403.19999999995</v>
      </c>
      <c r="C23812" s="7">
        <f t="shared" si="372"/>
        <v>396.40319999999997</v>
      </c>
      <c r="I23812" s="1"/>
    </row>
    <row r="23813" spans="1:9" x14ac:dyDescent="0.25">
      <c r="A23813" s="3">
        <v>41826.790856481479</v>
      </c>
      <c r="B23813" s="6">
        <v>396419.85</v>
      </c>
      <c r="C23813" s="7">
        <f t="shared" si="372"/>
        <v>396.41985</v>
      </c>
      <c r="I23813" s="1"/>
    </row>
    <row r="23814" spans="1:9" x14ac:dyDescent="0.25">
      <c r="A23814" s="3">
        <v>41826.790914351855</v>
      </c>
      <c r="B23814" s="6">
        <v>396436.49999999994</v>
      </c>
      <c r="C23814" s="7">
        <f t="shared" si="372"/>
        <v>396.43649999999997</v>
      </c>
      <c r="I23814" s="1"/>
    </row>
    <row r="23815" spans="1:9" x14ac:dyDescent="0.25">
      <c r="A23815" s="3">
        <v>41826.792696759258</v>
      </c>
      <c r="B23815" s="6">
        <v>396453.14999999997</v>
      </c>
      <c r="C23815" s="7">
        <f t="shared" si="372"/>
        <v>396.45314999999994</v>
      </c>
      <c r="I23815" s="1"/>
    </row>
    <row r="23816" spans="1:9" x14ac:dyDescent="0.25">
      <c r="A23816" s="3">
        <v>41826.79283564815</v>
      </c>
      <c r="B23816" s="6">
        <v>396469.8</v>
      </c>
      <c r="C23816" s="7">
        <f t="shared" si="372"/>
        <v>396.46979999999996</v>
      </c>
      <c r="I23816" s="1"/>
    </row>
    <row r="23817" spans="1:9" x14ac:dyDescent="0.25">
      <c r="A23817" s="3">
        <v>41826.803391203706</v>
      </c>
      <c r="B23817" s="6">
        <v>396486.44999999995</v>
      </c>
      <c r="C23817" s="7">
        <f t="shared" si="372"/>
        <v>396.48644999999993</v>
      </c>
      <c r="I23817" s="1"/>
    </row>
    <row r="23818" spans="1:9" x14ac:dyDescent="0.25">
      <c r="A23818" s="3">
        <v>41826.803495370368</v>
      </c>
      <c r="B23818" s="6">
        <v>396503.1</v>
      </c>
      <c r="C23818" s="7">
        <f t="shared" si="372"/>
        <v>396.50309999999996</v>
      </c>
      <c r="I23818" s="1"/>
    </row>
    <row r="23819" spans="1:9" x14ac:dyDescent="0.25">
      <c r="A23819" s="3">
        <v>41826.816481481481</v>
      </c>
      <c r="B23819" s="6">
        <v>396519.74999999994</v>
      </c>
      <c r="C23819" s="7">
        <f t="shared" si="372"/>
        <v>396.51974999999993</v>
      </c>
      <c r="I23819" s="1"/>
    </row>
    <row r="23820" spans="1:9" x14ac:dyDescent="0.25">
      <c r="A23820" s="3">
        <v>41826.817650462966</v>
      </c>
      <c r="B23820" s="6">
        <v>396536.39999999997</v>
      </c>
      <c r="C23820" s="7">
        <f t="shared" si="372"/>
        <v>396.53639999999996</v>
      </c>
      <c r="I23820" s="1"/>
    </row>
    <row r="23821" spans="1:9" x14ac:dyDescent="0.25">
      <c r="A23821" s="3">
        <v>41826.941087962965</v>
      </c>
      <c r="B23821" s="6">
        <v>396553.05</v>
      </c>
      <c r="C23821" s="7">
        <f t="shared" si="372"/>
        <v>396.55304999999998</v>
      </c>
      <c r="I23821" s="1"/>
    </row>
    <row r="23822" spans="1:9" x14ac:dyDescent="0.25">
      <c r="A23822" s="3">
        <v>41826.944907407407</v>
      </c>
      <c r="B23822" s="6">
        <v>396569.69999999995</v>
      </c>
      <c r="C23822" s="7">
        <f t="shared" si="372"/>
        <v>396.56969999999995</v>
      </c>
      <c r="I23822" s="1"/>
    </row>
    <row r="23823" spans="1:9" x14ac:dyDescent="0.25">
      <c r="A23823" s="3">
        <v>41857.33289351852</v>
      </c>
      <c r="B23823" s="6">
        <v>396586.35</v>
      </c>
      <c r="C23823" s="7">
        <f t="shared" si="372"/>
        <v>396.58634999999998</v>
      </c>
      <c r="I23823" s="1"/>
    </row>
    <row r="23824" spans="1:9" x14ac:dyDescent="0.25">
      <c r="A23824" s="3">
        <v>41857.333171296297</v>
      </c>
      <c r="B23824" s="6">
        <v>396602.99999999994</v>
      </c>
      <c r="C23824" s="7">
        <f t="shared" si="372"/>
        <v>396.60299999999995</v>
      </c>
      <c r="I23824" s="1"/>
    </row>
    <row r="23825" spans="1:9" x14ac:dyDescent="0.25">
      <c r="A23825" s="3">
        <v>41857.34070601852</v>
      </c>
      <c r="B23825" s="6">
        <v>396619.64999999997</v>
      </c>
      <c r="C23825" s="7">
        <f t="shared" si="372"/>
        <v>396.61964999999998</v>
      </c>
      <c r="I23825" s="1"/>
    </row>
    <row r="23826" spans="1:9" x14ac:dyDescent="0.25">
      <c r="A23826" s="3">
        <v>41857.34101851852</v>
      </c>
      <c r="B23826" s="6">
        <v>396636.3</v>
      </c>
      <c r="C23826" s="7">
        <f t="shared" si="372"/>
        <v>396.63630000000001</v>
      </c>
      <c r="I23826" s="1"/>
    </row>
    <row r="23827" spans="1:9" x14ac:dyDescent="0.25">
      <c r="A23827" s="3">
        <v>41857.352407407408</v>
      </c>
      <c r="B23827" s="6">
        <v>396652.94999999995</v>
      </c>
      <c r="C23827" s="7">
        <f t="shared" si="372"/>
        <v>396.65294999999998</v>
      </c>
      <c r="I23827" s="1"/>
    </row>
    <row r="23828" spans="1:9" x14ac:dyDescent="0.25">
      <c r="A23828" s="3">
        <v>41857.352592592593</v>
      </c>
      <c r="B23828" s="6">
        <v>396669.6</v>
      </c>
      <c r="C23828" s="7">
        <f t="shared" si="372"/>
        <v>396.6696</v>
      </c>
      <c r="I23828" s="1"/>
    </row>
    <row r="23829" spans="1:9" x14ac:dyDescent="0.25">
      <c r="A23829" s="3">
        <v>41857.359849537039</v>
      </c>
      <c r="B23829" s="6">
        <v>396686.24999999994</v>
      </c>
      <c r="C23829" s="7">
        <f t="shared" si="372"/>
        <v>396.68624999999992</v>
      </c>
      <c r="I23829" s="1"/>
    </row>
    <row r="23830" spans="1:9" x14ac:dyDescent="0.25">
      <c r="A23830" s="3">
        <v>41857.360034722224</v>
      </c>
      <c r="B23830" s="6">
        <v>396702.89999999997</v>
      </c>
      <c r="C23830" s="7">
        <f t="shared" si="372"/>
        <v>396.70289999999994</v>
      </c>
      <c r="I23830" s="1"/>
    </row>
    <row r="23831" spans="1:9" x14ac:dyDescent="0.25">
      <c r="A23831" s="3">
        <v>41857.362754629627</v>
      </c>
      <c r="B23831" s="6">
        <v>396719.55</v>
      </c>
      <c r="C23831" s="7">
        <f t="shared" si="372"/>
        <v>396.71954999999997</v>
      </c>
      <c r="I23831" s="1"/>
    </row>
    <row r="23832" spans="1:9" x14ac:dyDescent="0.25">
      <c r="A23832" s="3">
        <v>41857.362916666665</v>
      </c>
      <c r="B23832" s="6">
        <v>396736.19999999995</v>
      </c>
      <c r="C23832" s="7">
        <f t="shared" si="372"/>
        <v>396.73619999999994</v>
      </c>
      <c r="I23832" s="1"/>
    </row>
    <row r="23833" spans="1:9" x14ac:dyDescent="0.25">
      <c r="A23833" s="3">
        <v>41857.366516203707</v>
      </c>
      <c r="B23833" s="6">
        <v>396752.85</v>
      </c>
      <c r="C23833" s="7">
        <f t="shared" si="372"/>
        <v>396.75284999999997</v>
      </c>
      <c r="I23833" s="1"/>
    </row>
    <row r="23834" spans="1:9" x14ac:dyDescent="0.25">
      <c r="A23834" s="3">
        <v>41857.366712962961</v>
      </c>
      <c r="B23834" s="6">
        <v>396769.49999999994</v>
      </c>
      <c r="C23834" s="7">
        <f t="shared" si="372"/>
        <v>396.76949999999994</v>
      </c>
      <c r="I23834" s="1"/>
    </row>
    <row r="23835" spans="1:9" x14ac:dyDescent="0.25">
      <c r="A23835" s="3">
        <v>41857.372997685183</v>
      </c>
      <c r="B23835" s="6">
        <v>396786.14999999997</v>
      </c>
      <c r="C23835" s="7">
        <f t="shared" si="372"/>
        <v>396.78614999999996</v>
      </c>
      <c r="I23835" s="1"/>
    </row>
    <row r="23836" spans="1:9" x14ac:dyDescent="0.25">
      <c r="A23836" s="3">
        <v>41857.373229166667</v>
      </c>
      <c r="B23836" s="6">
        <v>396802.8</v>
      </c>
      <c r="C23836" s="7">
        <f t="shared" si="372"/>
        <v>396.80279999999999</v>
      </c>
      <c r="I23836" s="1"/>
    </row>
    <row r="23837" spans="1:9" x14ac:dyDescent="0.25">
      <c r="A23837" s="3">
        <v>41857.375057870369</v>
      </c>
      <c r="B23837" s="6">
        <v>396819.44999999995</v>
      </c>
      <c r="C23837" s="7">
        <f t="shared" si="372"/>
        <v>396.81944999999996</v>
      </c>
      <c r="I23837" s="1"/>
    </row>
    <row r="23838" spans="1:9" x14ac:dyDescent="0.25">
      <c r="A23838" s="3">
        <v>41857.375254629631</v>
      </c>
      <c r="B23838" s="6">
        <v>396836.1</v>
      </c>
      <c r="C23838" s="7">
        <f t="shared" si="372"/>
        <v>396.83609999999999</v>
      </c>
      <c r="I23838" s="1"/>
    </row>
    <row r="23839" spans="1:9" x14ac:dyDescent="0.25">
      <c r="A23839" s="3">
        <v>41857.379074074073</v>
      </c>
      <c r="B23839" s="6">
        <v>396852.74999999994</v>
      </c>
      <c r="C23839" s="7">
        <f t="shared" si="372"/>
        <v>396.85274999999996</v>
      </c>
      <c r="I23839" s="1"/>
    </row>
    <row r="23840" spans="1:9" x14ac:dyDescent="0.25">
      <c r="A23840" s="3">
        <v>41857.379479166666</v>
      </c>
      <c r="B23840" s="6">
        <v>396869.39999999997</v>
      </c>
      <c r="C23840" s="7">
        <f t="shared" si="372"/>
        <v>396.86939999999998</v>
      </c>
      <c r="I23840" s="1"/>
    </row>
    <row r="23841" spans="1:9" x14ac:dyDescent="0.25">
      <c r="A23841" s="3">
        <v>41857.38453703704</v>
      </c>
      <c r="B23841" s="6">
        <v>396886.05</v>
      </c>
      <c r="C23841" s="7">
        <f t="shared" si="372"/>
        <v>396.88605000000001</v>
      </c>
      <c r="I23841" s="1"/>
    </row>
    <row r="23842" spans="1:9" x14ac:dyDescent="0.25">
      <c r="A23842" s="3">
        <v>41857.384756944448</v>
      </c>
      <c r="B23842" s="6">
        <v>396902.69999999995</v>
      </c>
      <c r="C23842" s="7">
        <f t="shared" si="372"/>
        <v>396.90269999999998</v>
      </c>
      <c r="I23842" s="1"/>
    </row>
    <row r="23843" spans="1:9" x14ac:dyDescent="0.25">
      <c r="A23843" s="3">
        <v>41857.388206018521</v>
      </c>
      <c r="B23843" s="6">
        <v>396919.35</v>
      </c>
      <c r="C23843" s="7">
        <f t="shared" si="372"/>
        <v>396.91934999999995</v>
      </c>
      <c r="I23843" s="1"/>
    </row>
    <row r="23844" spans="1:9" x14ac:dyDescent="0.25">
      <c r="A23844" s="3">
        <v>41857.390300925923</v>
      </c>
      <c r="B23844" s="6">
        <v>396935.99999999994</v>
      </c>
      <c r="C23844" s="7">
        <f t="shared" si="372"/>
        <v>396.93599999999992</v>
      </c>
      <c r="I23844" s="1"/>
    </row>
    <row r="23845" spans="1:9" x14ac:dyDescent="0.25">
      <c r="A23845" s="3">
        <v>41857.39502314815</v>
      </c>
      <c r="B23845" s="6">
        <v>396952.64999999997</v>
      </c>
      <c r="C23845" s="7">
        <f t="shared" si="372"/>
        <v>396.95264999999995</v>
      </c>
      <c r="I23845" s="1"/>
    </row>
    <row r="23846" spans="1:9" x14ac:dyDescent="0.25">
      <c r="A23846" s="3">
        <v>41857.395335648151</v>
      </c>
      <c r="B23846" s="6">
        <v>396969.3</v>
      </c>
      <c r="C23846" s="7">
        <f t="shared" si="372"/>
        <v>396.96929999999998</v>
      </c>
      <c r="I23846" s="1"/>
    </row>
    <row r="23847" spans="1:9" x14ac:dyDescent="0.25">
      <c r="A23847" s="3">
        <v>41857.401493055557</v>
      </c>
      <c r="B23847" s="6">
        <v>396985.94999999995</v>
      </c>
      <c r="C23847" s="7">
        <f t="shared" si="372"/>
        <v>396.98594999999995</v>
      </c>
      <c r="I23847" s="1"/>
    </row>
    <row r="23848" spans="1:9" x14ac:dyDescent="0.25">
      <c r="A23848" s="3">
        <v>41857.401770833334</v>
      </c>
      <c r="B23848" s="6">
        <v>397002.6</v>
      </c>
      <c r="C23848" s="7">
        <f t="shared" si="372"/>
        <v>397.00259999999997</v>
      </c>
      <c r="I23848" s="1"/>
    </row>
    <row r="23849" spans="1:9" x14ac:dyDescent="0.25">
      <c r="A23849" s="3">
        <v>41857.409247685187</v>
      </c>
      <c r="B23849" s="6">
        <v>397019.24999999994</v>
      </c>
      <c r="C23849" s="7">
        <f t="shared" si="372"/>
        <v>397.01924999999994</v>
      </c>
      <c r="I23849" s="1"/>
    </row>
    <row r="23850" spans="1:9" x14ac:dyDescent="0.25">
      <c r="A23850" s="3">
        <v>41857.409525462965</v>
      </c>
      <c r="B23850" s="6">
        <v>397035.89999999997</v>
      </c>
      <c r="C23850" s="7">
        <f t="shared" si="372"/>
        <v>397.03589999999997</v>
      </c>
      <c r="I23850" s="1"/>
    </row>
    <row r="23851" spans="1:9" x14ac:dyDescent="0.25">
      <c r="A23851" s="3">
        <v>41857.415625000001</v>
      </c>
      <c r="B23851" s="6">
        <v>397052.55</v>
      </c>
      <c r="C23851" s="7">
        <f t="shared" si="372"/>
        <v>397.05255</v>
      </c>
      <c r="I23851" s="1"/>
    </row>
    <row r="23852" spans="1:9" x14ac:dyDescent="0.25">
      <c r="A23852" s="3">
        <v>41857.415763888886</v>
      </c>
      <c r="B23852" s="6">
        <v>397069.19999999995</v>
      </c>
      <c r="C23852" s="7">
        <f t="shared" si="372"/>
        <v>397.06919999999997</v>
      </c>
      <c r="I23852" s="1"/>
    </row>
    <row r="23853" spans="1:9" x14ac:dyDescent="0.25">
      <c r="A23853" s="3">
        <v>41857.427141203705</v>
      </c>
      <c r="B23853" s="6">
        <v>397085.85</v>
      </c>
      <c r="C23853" s="7">
        <f t="shared" si="372"/>
        <v>397.08584999999999</v>
      </c>
      <c r="I23853" s="1"/>
    </row>
    <row r="23854" spans="1:9" x14ac:dyDescent="0.25">
      <c r="A23854" s="3">
        <v>41857.427766203706</v>
      </c>
      <c r="B23854" s="6">
        <v>397102.49999999994</v>
      </c>
      <c r="C23854" s="7">
        <f t="shared" si="372"/>
        <v>397.10249999999996</v>
      </c>
      <c r="I23854" s="1"/>
    </row>
    <row r="23855" spans="1:9" x14ac:dyDescent="0.25">
      <c r="A23855" s="3">
        <v>41857.43891203704</v>
      </c>
      <c r="B23855" s="6">
        <v>397119.14999999997</v>
      </c>
      <c r="C23855" s="7">
        <f t="shared" si="372"/>
        <v>397.11914999999999</v>
      </c>
      <c r="I23855" s="1"/>
    </row>
    <row r="23856" spans="1:9" x14ac:dyDescent="0.25">
      <c r="A23856" s="3">
        <v>41857.440138888887</v>
      </c>
      <c r="B23856" s="6">
        <v>397135.8</v>
      </c>
      <c r="C23856" s="7">
        <f t="shared" si="372"/>
        <v>397.13579999999996</v>
      </c>
      <c r="I23856" s="1"/>
    </row>
    <row r="23857" spans="1:9" x14ac:dyDescent="0.25">
      <c r="A23857" s="3">
        <v>41857.447731481479</v>
      </c>
      <c r="B23857" s="6">
        <v>397152.44999999995</v>
      </c>
      <c r="C23857" s="7">
        <f t="shared" si="372"/>
        <v>397.15244999999993</v>
      </c>
      <c r="I23857" s="1"/>
    </row>
    <row r="23858" spans="1:9" x14ac:dyDescent="0.25">
      <c r="A23858" s="3">
        <v>41857.448599537034</v>
      </c>
      <c r="B23858" s="6">
        <v>397169.1</v>
      </c>
      <c r="C23858" s="7">
        <f t="shared" si="372"/>
        <v>397.16909999999996</v>
      </c>
      <c r="I23858" s="1"/>
    </row>
    <row r="23859" spans="1:9" x14ac:dyDescent="0.25">
      <c r="A23859" s="3">
        <v>41857.452581018515</v>
      </c>
      <c r="B23859" s="6">
        <v>397185.74999999994</v>
      </c>
      <c r="C23859" s="7">
        <f t="shared" si="372"/>
        <v>397.18574999999993</v>
      </c>
      <c r="I23859" s="1"/>
    </row>
    <row r="23860" spans="1:9" x14ac:dyDescent="0.25">
      <c r="A23860" s="3">
        <v>41857.452731481484</v>
      </c>
      <c r="B23860" s="6">
        <v>397202.39999999997</v>
      </c>
      <c r="C23860" s="7">
        <f t="shared" si="372"/>
        <v>397.20239999999995</v>
      </c>
      <c r="I23860" s="1"/>
    </row>
    <row r="23861" spans="1:9" x14ac:dyDescent="0.25">
      <c r="A23861" s="3">
        <v>41857.458252314813</v>
      </c>
      <c r="B23861" s="6">
        <v>397219.05</v>
      </c>
      <c r="C23861" s="7">
        <f t="shared" si="372"/>
        <v>397.21904999999998</v>
      </c>
      <c r="I23861" s="1"/>
    </row>
    <row r="23862" spans="1:9" x14ac:dyDescent="0.25">
      <c r="A23862" s="3">
        <v>41857.458414351851</v>
      </c>
      <c r="B23862" s="6">
        <v>397235.69999999995</v>
      </c>
      <c r="C23862" s="7">
        <f t="shared" si="372"/>
        <v>397.23569999999995</v>
      </c>
      <c r="I23862" s="1"/>
    </row>
    <row r="23863" spans="1:9" x14ac:dyDescent="0.25">
      <c r="A23863" s="3">
        <v>41857.466886574075</v>
      </c>
      <c r="B23863" s="6">
        <v>397252.35</v>
      </c>
      <c r="C23863" s="7">
        <f t="shared" si="372"/>
        <v>397.25234999999998</v>
      </c>
      <c r="I23863" s="1"/>
    </row>
    <row r="23864" spans="1:9" x14ac:dyDescent="0.25">
      <c r="A23864" s="3">
        <v>41857.467037037037</v>
      </c>
      <c r="B23864" s="6">
        <v>397268.99999999994</v>
      </c>
      <c r="C23864" s="7">
        <f t="shared" si="372"/>
        <v>397.26899999999995</v>
      </c>
      <c r="I23864" s="1"/>
    </row>
    <row r="23865" spans="1:9" x14ac:dyDescent="0.25">
      <c r="A23865" s="3">
        <v>41857.477106481485</v>
      </c>
      <c r="B23865" s="6">
        <v>397285.64999999997</v>
      </c>
      <c r="C23865" s="7">
        <f t="shared" si="372"/>
        <v>397.28564999999998</v>
      </c>
      <c r="I23865" s="1"/>
    </row>
    <row r="23866" spans="1:9" x14ac:dyDescent="0.25">
      <c r="A23866" s="3">
        <v>41857.477453703701</v>
      </c>
      <c r="B23866" s="6">
        <v>397302.3</v>
      </c>
      <c r="C23866" s="7">
        <f t="shared" si="372"/>
        <v>397.3023</v>
      </c>
      <c r="I23866" s="1"/>
    </row>
    <row r="23867" spans="1:9" x14ac:dyDescent="0.25">
      <c r="A23867" s="3">
        <v>41857.481608796297</v>
      </c>
      <c r="B23867" s="6">
        <v>397318.94999999995</v>
      </c>
      <c r="C23867" s="7">
        <f t="shared" si="372"/>
        <v>397.31894999999997</v>
      </c>
      <c r="I23867" s="1"/>
    </row>
    <row r="23868" spans="1:9" x14ac:dyDescent="0.25">
      <c r="A23868" s="3">
        <v>41857.481747685182</v>
      </c>
      <c r="B23868" s="6">
        <v>397335.6</v>
      </c>
      <c r="C23868" s="7">
        <f t="shared" si="372"/>
        <v>397.3356</v>
      </c>
      <c r="I23868" s="1"/>
    </row>
    <row r="23869" spans="1:9" x14ac:dyDescent="0.25">
      <c r="A23869" s="3">
        <v>41857.487013888887</v>
      </c>
      <c r="B23869" s="6">
        <v>397352.24999999994</v>
      </c>
      <c r="C23869" s="7">
        <f t="shared" si="372"/>
        <v>397.35224999999997</v>
      </c>
      <c r="I23869" s="1"/>
    </row>
    <row r="23870" spans="1:9" x14ac:dyDescent="0.25">
      <c r="A23870" s="3">
        <v>41857.487199074072</v>
      </c>
      <c r="B23870" s="6">
        <v>397368.89999999997</v>
      </c>
      <c r="C23870" s="7">
        <f t="shared" si="372"/>
        <v>397.36889999999994</v>
      </c>
      <c r="I23870" s="1"/>
    </row>
    <row r="23871" spans="1:9" x14ac:dyDescent="0.25">
      <c r="A23871" s="3">
        <v>41857.493252314816</v>
      </c>
      <c r="B23871" s="6">
        <v>397385.55</v>
      </c>
      <c r="C23871" s="7">
        <f t="shared" si="372"/>
        <v>397.38554999999997</v>
      </c>
      <c r="I23871" s="1"/>
    </row>
    <row r="23872" spans="1:9" x14ac:dyDescent="0.25">
      <c r="A23872" s="3">
        <v>41857.494444444441</v>
      </c>
      <c r="B23872" s="6">
        <v>397402.19999999995</v>
      </c>
      <c r="C23872" s="7">
        <f t="shared" si="372"/>
        <v>397.40219999999994</v>
      </c>
      <c r="I23872" s="1"/>
    </row>
    <row r="23873" spans="1:9" x14ac:dyDescent="0.25">
      <c r="A23873" s="3">
        <v>41857.497083333335</v>
      </c>
      <c r="B23873" s="6">
        <v>397418.85</v>
      </c>
      <c r="C23873" s="7">
        <f t="shared" si="372"/>
        <v>397.41884999999996</v>
      </c>
      <c r="I23873" s="1"/>
    </row>
    <row r="23874" spans="1:9" x14ac:dyDescent="0.25">
      <c r="A23874" s="3">
        <v>41857.497453703705</v>
      </c>
      <c r="B23874" s="6">
        <v>397435.49999999994</v>
      </c>
      <c r="C23874" s="7">
        <f t="shared" si="372"/>
        <v>397.43549999999993</v>
      </c>
      <c r="I23874" s="1"/>
    </row>
    <row r="23875" spans="1:9" x14ac:dyDescent="0.25">
      <c r="A23875" s="3">
        <v>41857.499710648146</v>
      </c>
      <c r="B23875" s="6">
        <v>397452.14999999997</v>
      </c>
      <c r="C23875" s="7">
        <f t="shared" ref="C23875:C23938" si="373">B23875/1000</f>
        <v>397.45214999999996</v>
      </c>
      <c r="I23875" s="1"/>
    </row>
    <row r="23876" spans="1:9" x14ac:dyDescent="0.25">
      <c r="A23876" s="3">
        <v>41857.499803240738</v>
      </c>
      <c r="B23876" s="6">
        <v>397468.8</v>
      </c>
      <c r="C23876" s="7">
        <f t="shared" si="373"/>
        <v>397.46879999999999</v>
      </c>
      <c r="I23876" s="1"/>
    </row>
    <row r="23877" spans="1:9" x14ac:dyDescent="0.25">
      <c r="A23877" s="3">
        <v>41857.506076388891</v>
      </c>
      <c r="B23877" s="6">
        <v>397485.44999999995</v>
      </c>
      <c r="C23877" s="7">
        <f t="shared" si="373"/>
        <v>397.48544999999996</v>
      </c>
      <c r="I23877" s="1"/>
    </row>
    <row r="23878" spans="1:9" x14ac:dyDescent="0.25">
      <c r="A23878" s="3">
        <v>41857.508101851854</v>
      </c>
      <c r="B23878" s="6">
        <v>397502.1</v>
      </c>
      <c r="C23878" s="7">
        <f t="shared" si="373"/>
        <v>397.50209999999998</v>
      </c>
      <c r="I23878" s="1"/>
    </row>
    <row r="23879" spans="1:9" x14ac:dyDescent="0.25">
      <c r="A23879" s="3">
        <v>41857.509016203701</v>
      </c>
      <c r="B23879" s="6">
        <v>397518.74999999994</v>
      </c>
      <c r="C23879" s="7">
        <f t="shared" si="373"/>
        <v>397.51874999999995</v>
      </c>
      <c r="I23879" s="1"/>
    </row>
    <row r="23880" spans="1:9" x14ac:dyDescent="0.25">
      <c r="A23880" s="3">
        <v>41857.509120370371</v>
      </c>
      <c r="B23880" s="6">
        <v>397535.39999999997</v>
      </c>
      <c r="C23880" s="7">
        <f t="shared" si="373"/>
        <v>397.53539999999998</v>
      </c>
      <c r="I23880" s="1"/>
    </row>
    <row r="23881" spans="1:9" x14ac:dyDescent="0.25">
      <c r="A23881" s="3">
        <v>41857.513831018521</v>
      </c>
      <c r="B23881" s="6">
        <v>397552.05</v>
      </c>
      <c r="C23881" s="7">
        <f t="shared" si="373"/>
        <v>397.55205000000001</v>
      </c>
      <c r="I23881" s="1"/>
    </row>
    <row r="23882" spans="1:9" x14ac:dyDescent="0.25">
      <c r="A23882" s="3">
        <v>41857.51394675926</v>
      </c>
      <c r="B23882" s="6">
        <v>397568.69999999995</v>
      </c>
      <c r="C23882" s="7">
        <f t="shared" si="373"/>
        <v>397.56869999999998</v>
      </c>
      <c r="I23882" s="1"/>
    </row>
    <row r="23883" spans="1:9" x14ac:dyDescent="0.25">
      <c r="A23883" s="3">
        <v>41857.514872685184</v>
      </c>
      <c r="B23883" s="6">
        <v>397585.35</v>
      </c>
      <c r="C23883" s="7">
        <f t="shared" si="373"/>
        <v>397.58534999999995</v>
      </c>
      <c r="I23883" s="1"/>
    </row>
    <row r="23884" spans="1:9" x14ac:dyDescent="0.25">
      <c r="A23884" s="3">
        <v>41857.514953703707</v>
      </c>
      <c r="B23884" s="6">
        <v>397601.99999999994</v>
      </c>
      <c r="C23884" s="7">
        <f t="shared" si="373"/>
        <v>397.60199999999992</v>
      </c>
      <c r="I23884" s="1"/>
    </row>
    <row r="23885" spans="1:9" x14ac:dyDescent="0.25">
      <c r="A23885" s="3">
        <v>41857.51803240741</v>
      </c>
      <c r="B23885" s="6">
        <v>397618.64999999997</v>
      </c>
      <c r="C23885" s="7">
        <f t="shared" si="373"/>
        <v>397.61864999999995</v>
      </c>
      <c r="I23885" s="1"/>
    </row>
    <row r="23886" spans="1:9" x14ac:dyDescent="0.25">
      <c r="A23886" s="3">
        <v>41857.520046296297</v>
      </c>
      <c r="B23886" s="6">
        <v>397635.3</v>
      </c>
      <c r="C23886" s="7">
        <f t="shared" si="373"/>
        <v>397.63529999999997</v>
      </c>
      <c r="I23886" s="1"/>
    </row>
    <row r="23887" spans="1:9" x14ac:dyDescent="0.25">
      <c r="A23887" s="3">
        <v>41857.524884259263</v>
      </c>
      <c r="B23887" s="6">
        <v>397651.94999999995</v>
      </c>
      <c r="C23887" s="7">
        <f t="shared" si="373"/>
        <v>397.65194999999994</v>
      </c>
      <c r="I23887" s="1"/>
    </row>
    <row r="23888" spans="1:9" x14ac:dyDescent="0.25">
      <c r="A23888" s="3">
        <v>41857.524965277778</v>
      </c>
      <c r="B23888" s="6">
        <v>397668.6</v>
      </c>
      <c r="C23888" s="7">
        <f t="shared" si="373"/>
        <v>397.66859999999997</v>
      </c>
      <c r="I23888" s="1"/>
    </row>
    <row r="23889" spans="1:9" x14ac:dyDescent="0.25">
      <c r="A23889" s="3">
        <v>41857.531226851854</v>
      </c>
      <c r="B23889" s="6">
        <v>397685.24999999994</v>
      </c>
      <c r="C23889" s="7">
        <f t="shared" si="373"/>
        <v>397.68524999999994</v>
      </c>
      <c r="I23889" s="1"/>
    </row>
    <row r="23890" spans="1:9" x14ac:dyDescent="0.25">
      <c r="A23890" s="3">
        <v>41857.531886574077</v>
      </c>
      <c r="B23890" s="6">
        <v>397701.89999999997</v>
      </c>
      <c r="C23890" s="7">
        <f t="shared" si="373"/>
        <v>397.70189999999997</v>
      </c>
      <c r="I23890" s="1"/>
    </row>
    <row r="23891" spans="1:9" x14ac:dyDescent="0.25">
      <c r="A23891" s="3">
        <v>41857.533425925925</v>
      </c>
      <c r="B23891" s="6">
        <v>397718.55</v>
      </c>
      <c r="C23891" s="7">
        <f t="shared" si="373"/>
        <v>397.71854999999999</v>
      </c>
      <c r="I23891" s="1"/>
    </row>
    <row r="23892" spans="1:9" x14ac:dyDescent="0.25">
      <c r="A23892" s="3">
        <v>41857.533842592595</v>
      </c>
      <c r="B23892" s="6">
        <v>397735.19999999995</v>
      </c>
      <c r="C23892" s="7">
        <f t="shared" si="373"/>
        <v>397.73519999999996</v>
      </c>
      <c r="I23892" s="1"/>
    </row>
    <row r="23893" spans="1:9" x14ac:dyDescent="0.25">
      <c r="A23893" s="3">
        <v>41857.538460648146</v>
      </c>
      <c r="B23893" s="6">
        <v>397751.85</v>
      </c>
      <c r="C23893" s="7">
        <f t="shared" si="373"/>
        <v>397.75184999999999</v>
      </c>
      <c r="I23893" s="1"/>
    </row>
    <row r="23894" spans="1:9" x14ac:dyDescent="0.25">
      <c r="A23894" s="3">
        <v>41857.539907407408</v>
      </c>
      <c r="B23894" s="6">
        <v>397768.49999999994</v>
      </c>
      <c r="C23894" s="7">
        <f t="shared" si="373"/>
        <v>397.76849999999996</v>
      </c>
      <c r="I23894" s="1"/>
    </row>
    <row r="23895" spans="1:9" x14ac:dyDescent="0.25">
      <c r="A23895" s="3">
        <v>41857.543136574073</v>
      </c>
      <c r="B23895" s="6">
        <v>397785.14999999997</v>
      </c>
      <c r="C23895" s="7">
        <f t="shared" si="373"/>
        <v>397.78514999999999</v>
      </c>
      <c r="I23895" s="1"/>
    </row>
    <row r="23896" spans="1:9" x14ac:dyDescent="0.25">
      <c r="A23896" s="3">
        <v>41857.543229166666</v>
      </c>
      <c r="B23896" s="6">
        <v>397801.8</v>
      </c>
      <c r="C23896" s="7">
        <f t="shared" si="373"/>
        <v>397.80180000000001</v>
      </c>
      <c r="I23896" s="1"/>
    </row>
    <row r="23897" spans="1:9" x14ac:dyDescent="0.25">
      <c r="A23897" s="3">
        <v>41857.544930555552</v>
      </c>
      <c r="B23897" s="6">
        <v>397818.44999999995</v>
      </c>
      <c r="C23897" s="7">
        <f t="shared" si="373"/>
        <v>397.81844999999993</v>
      </c>
      <c r="I23897" s="1"/>
    </row>
    <row r="23898" spans="1:9" x14ac:dyDescent="0.25">
      <c r="A23898" s="3">
        <v>41857.545057870368</v>
      </c>
      <c r="B23898" s="6">
        <v>397835.1</v>
      </c>
      <c r="C23898" s="7">
        <f t="shared" si="373"/>
        <v>397.83509999999995</v>
      </c>
      <c r="I23898" s="1"/>
    </row>
    <row r="23899" spans="1:9" x14ac:dyDescent="0.25">
      <c r="A23899" s="3">
        <v>41857.547488425924</v>
      </c>
      <c r="B23899" s="6">
        <v>397851.74999999994</v>
      </c>
      <c r="C23899" s="7">
        <f t="shared" si="373"/>
        <v>397.85174999999992</v>
      </c>
      <c r="I23899" s="1"/>
    </row>
    <row r="23900" spans="1:9" x14ac:dyDescent="0.25">
      <c r="A23900" s="3">
        <v>41857.547615740739</v>
      </c>
      <c r="B23900" s="6">
        <v>397868.39999999997</v>
      </c>
      <c r="C23900" s="7">
        <f t="shared" si="373"/>
        <v>397.86839999999995</v>
      </c>
      <c r="I23900" s="1"/>
    </row>
    <row r="23901" spans="1:9" x14ac:dyDescent="0.25">
      <c r="A23901" s="3">
        <v>41857.551388888889</v>
      </c>
      <c r="B23901" s="6">
        <v>397885.05</v>
      </c>
      <c r="C23901" s="7">
        <f t="shared" si="373"/>
        <v>397.88504999999998</v>
      </c>
      <c r="I23901" s="1"/>
    </row>
    <row r="23902" spans="1:9" x14ac:dyDescent="0.25">
      <c r="A23902" s="3">
        <v>41857.551631944443</v>
      </c>
      <c r="B23902" s="6">
        <v>397901.69999999995</v>
      </c>
      <c r="C23902" s="7">
        <f t="shared" si="373"/>
        <v>397.90169999999995</v>
      </c>
      <c r="I23902" s="1"/>
    </row>
    <row r="23903" spans="1:9" x14ac:dyDescent="0.25">
      <c r="A23903" s="3">
        <v>41857.552847222221</v>
      </c>
      <c r="B23903" s="6">
        <v>397918.35</v>
      </c>
      <c r="C23903" s="7">
        <f t="shared" si="373"/>
        <v>397.91834999999998</v>
      </c>
      <c r="I23903" s="1"/>
    </row>
    <row r="23904" spans="1:9" x14ac:dyDescent="0.25">
      <c r="A23904" s="3">
        <v>41857.552986111114</v>
      </c>
      <c r="B23904" s="6">
        <v>397934.99999999994</v>
      </c>
      <c r="C23904" s="7">
        <f t="shared" si="373"/>
        <v>397.93499999999995</v>
      </c>
      <c r="I23904" s="1"/>
    </row>
    <row r="23905" spans="1:9" x14ac:dyDescent="0.25">
      <c r="A23905" s="3">
        <v>41857.558657407404</v>
      </c>
      <c r="B23905" s="6">
        <v>397951.64999999997</v>
      </c>
      <c r="C23905" s="7">
        <f t="shared" si="373"/>
        <v>397.95164999999997</v>
      </c>
      <c r="I23905" s="1"/>
    </row>
    <row r="23906" spans="1:9" x14ac:dyDescent="0.25">
      <c r="A23906" s="3">
        <v>41857.558854166666</v>
      </c>
      <c r="B23906" s="6">
        <v>397968.3</v>
      </c>
      <c r="C23906" s="7">
        <f t="shared" si="373"/>
        <v>397.9683</v>
      </c>
      <c r="I23906" s="1"/>
    </row>
    <row r="23907" spans="1:9" x14ac:dyDescent="0.25">
      <c r="A23907" s="3">
        <v>41857.560300925928</v>
      </c>
      <c r="B23907" s="6">
        <v>397984.94999999995</v>
      </c>
      <c r="C23907" s="7">
        <f t="shared" si="373"/>
        <v>397.98494999999997</v>
      </c>
      <c r="I23907" s="1"/>
    </row>
    <row r="23908" spans="1:9" x14ac:dyDescent="0.25">
      <c r="A23908" s="3">
        <v>41857.560381944444</v>
      </c>
      <c r="B23908" s="6">
        <v>398001.6</v>
      </c>
      <c r="C23908" s="7">
        <f t="shared" si="373"/>
        <v>398.0016</v>
      </c>
      <c r="I23908" s="1"/>
    </row>
    <row r="23909" spans="1:9" x14ac:dyDescent="0.25">
      <c r="A23909" s="3">
        <v>41857.5624537037</v>
      </c>
      <c r="B23909" s="6">
        <v>398018.24999999994</v>
      </c>
      <c r="C23909" s="7">
        <f t="shared" si="373"/>
        <v>398.01824999999997</v>
      </c>
      <c r="I23909" s="1"/>
    </row>
    <row r="23910" spans="1:9" x14ac:dyDescent="0.25">
      <c r="A23910" s="3">
        <v>41857.562638888892</v>
      </c>
      <c r="B23910" s="6">
        <v>398034.89999999997</v>
      </c>
      <c r="C23910" s="7">
        <f t="shared" si="373"/>
        <v>398.03489999999999</v>
      </c>
      <c r="I23910" s="1"/>
    </row>
    <row r="23911" spans="1:9" x14ac:dyDescent="0.25">
      <c r="A23911" s="3">
        <v>41857.564074074071</v>
      </c>
      <c r="B23911" s="6">
        <v>398051.55</v>
      </c>
      <c r="C23911" s="7">
        <f t="shared" si="373"/>
        <v>398.05154999999996</v>
      </c>
      <c r="I23911" s="1"/>
    </row>
    <row r="23912" spans="1:9" x14ac:dyDescent="0.25">
      <c r="A23912" s="3">
        <v>41857.564363425925</v>
      </c>
      <c r="B23912" s="6">
        <v>398068.19999999995</v>
      </c>
      <c r="C23912" s="7">
        <f t="shared" si="373"/>
        <v>398.06819999999993</v>
      </c>
      <c r="I23912" s="1"/>
    </row>
    <row r="23913" spans="1:9" x14ac:dyDescent="0.25">
      <c r="A23913" s="3">
        <v>41857.566886574074</v>
      </c>
      <c r="B23913" s="6">
        <v>398084.85</v>
      </c>
      <c r="C23913" s="7">
        <f t="shared" si="373"/>
        <v>398.08484999999996</v>
      </c>
      <c r="I23913" s="1"/>
    </row>
    <row r="23914" spans="1:9" x14ac:dyDescent="0.25">
      <c r="A23914" s="3">
        <v>41857.56695601852</v>
      </c>
      <c r="B23914" s="6">
        <v>398101.49999999994</v>
      </c>
      <c r="C23914" s="7">
        <f t="shared" si="373"/>
        <v>398.10149999999993</v>
      </c>
      <c r="I23914" s="1"/>
    </row>
    <row r="23915" spans="1:9" x14ac:dyDescent="0.25">
      <c r="A23915" s="3">
        <v>41857.568981481483</v>
      </c>
      <c r="B23915" s="6">
        <v>398118.14999999997</v>
      </c>
      <c r="C23915" s="7">
        <f t="shared" si="373"/>
        <v>398.11814999999996</v>
      </c>
      <c r="I23915" s="1"/>
    </row>
    <row r="23916" spans="1:9" x14ac:dyDescent="0.25">
      <c r="A23916" s="3">
        <v>41857.569039351853</v>
      </c>
      <c r="B23916" s="6">
        <v>398134.8</v>
      </c>
      <c r="C23916" s="7">
        <f t="shared" si="373"/>
        <v>398.13479999999998</v>
      </c>
      <c r="I23916" s="1"/>
    </row>
    <row r="23917" spans="1:9" x14ac:dyDescent="0.25">
      <c r="A23917" s="3">
        <v>41857.571493055555</v>
      </c>
      <c r="B23917" s="6">
        <v>398151.44999999995</v>
      </c>
      <c r="C23917" s="7">
        <f t="shared" si="373"/>
        <v>398.15144999999995</v>
      </c>
      <c r="I23917" s="1"/>
    </row>
    <row r="23918" spans="1:9" x14ac:dyDescent="0.25">
      <c r="A23918" s="3">
        <v>41857.571793981479</v>
      </c>
      <c r="B23918" s="6">
        <v>398168.1</v>
      </c>
      <c r="C23918" s="7">
        <f t="shared" si="373"/>
        <v>398.16809999999998</v>
      </c>
      <c r="I23918" s="1"/>
    </row>
    <row r="23919" spans="1:9" x14ac:dyDescent="0.25">
      <c r="A23919" s="3">
        <v>41857.574421296296</v>
      </c>
      <c r="B23919" s="6">
        <v>398184.74999999994</v>
      </c>
      <c r="C23919" s="7">
        <f t="shared" si="373"/>
        <v>398.18474999999995</v>
      </c>
      <c r="I23919" s="1"/>
    </row>
    <row r="23920" spans="1:9" x14ac:dyDescent="0.25">
      <c r="A23920" s="3">
        <v>41857.574629629627</v>
      </c>
      <c r="B23920" s="6">
        <v>398201.39999999997</v>
      </c>
      <c r="C23920" s="7">
        <f t="shared" si="373"/>
        <v>398.20139999999998</v>
      </c>
      <c r="I23920" s="1"/>
    </row>
    <row r="23921" spans="1:9" x14ac:dyDescent="0.25">
      <c r="A23921" s="3">
        <v>41857.577743055554</v>
      </c>
      <c r="B23921" s="6">
        <v>398218.05</v>
      </c>
      <c r="C23921" s="7">
        <f t="shared" si="373"/>
        <v>398.21805000000001</v>
      </c>
      <c r="I23921" s="1"/>
    </row>
    <row r="23922" spans="1:9" x14ac:dyDescent="0.25">
      <c r="A23922" s="3">
        <v>41857.577847222223</v>
      </c>
      <c r="B23922" s="6">
        <v>398234.69999999995</v>
      </c>
      <c r="C23922" s="7">
        <f t="shared" si="373"/>
        <v>398.23469999999998</v>
      </c>
      <c r="I23922" s="1"/>
    </row>
    <row r="23923" spans="1:9" x14ac:dyDescent="0.25">
      <c r="A23923" s="3">
        <v>41857.578912037039</v>
      </c>
      <c r="B23923" s="6">
        <v>398251.35</v>
      </c>
      <c r="C23923" s="7">
        <f t="shared" si="373"/>
        <v>398.25135</v>
      </c>
      <c r="I23923" s="1"/>
    </row>
    <row r="23924" spans="1:9" x14ac:dyDescent="0.25">
      <c r="A23924" s="3">
        <v>41857.579050925924</v>
      </c>
      <c r="B23924" s="6">
        <v>398267.99999999994</v>
      </c>
      <c r="C23924" s="7">
        <f t="shared" si="373"/>
        <v>398.26799999999992</v>
      </c>
      <c r="I23924" s="1"/>
    </row>
    <row r="23925" spans="1:9" x14ac:dyDescent="0.25">
      <c r="A23925" s="3">
        <v>41857.581875000003</v>
      </c>
      <c r="B23925" s="6">
        <v>398284.64999999997</v>
      </c>
      <c r="C23925" s="7">
        <f t="shared" si="373"/>
        <v>398.28464999999994</v>
      </c>
      <c r="I23925" s="1"/>
    </row>
    <row r="23926" spans="1:9" x14ac:dyDescent="0.25">
      <c r="A23926" s="3">
        <v>41857.582106481481</v>
      </c>
      <c r="B23926" s="6">
        <v>398301.3</v>
      </c>
      <c r="C23926" s="7">
        <f t="shared" si="373"/>
        <v>398.30129999999997</v>
      </c>
      <c r="I23926" s="1"/>
    </row>
    <row r="23927" spans="1:9" x14ac:dyDescent="0.25">
      <c r="A23927" s="3">
        <v>41857.583113425928</v>
      </c>
      <c r="B23927" s="6">
        <v>398317.94999999995</v>
      </c>
      <c r="C23927" s="7">
        <f t="shared" si="373"/>
        <v>398.31794999999994</v>
      </c>
      <c r="I23927" s="1"/>
    </row>
    <row r="23928" spans="1:9" x14ac:dyDescent="0.25">
      <c r="A23928" s="3">
        <v>41857.583194444444</v>
      </c>
      <c r="B23928" s="6">
        <v>398334.6</v>
      </c>
      <c r="C23928" s="7">
        <f t="shared" si="373"/>
        <v>398.33459999999997</v>
      </c>
      <c r="I23928" s="1"/>
    </row>
    <row r="23929" spans="1:9" x14ac:dyDescent="0.25">
      <c r="A23929" s="3">
        <v>41857.586192129631</v>
      </c>
      <c r="B23929" s="6">
        <v>398351.24999999994</v>
      </c>
      <c r="C23929" s="7">
        <f t="shared" si="373"/>
        <v>398.35124999999994</v>
      </c>
      <c r="I23929" s="1"/>
    </row>
    <row r="23930" spans="1:9" x14ac:dyDescent="0.25">
      <c r="A23930" s="3">
        <v>41857.586354166669</v>
      </c>
      <c r="B23930" s="6">
        <v>398367.89999999997</v>
      </c>
      <c r="C23930" s="7">
        <f t="shared" si="373"/>
        <v>398.36789999999996</v>
      </c>
      <c r="I23930" s="1"/>
    </row>
    <row r="23931" spans="1:9" x14ac:dyDescent="0.25">
      <c r="A23931" s="3">
        <v>41857.58761574074</v>
      </c>
      <c r="B23931" s="6">
        <v>398384.55</v>
      </c>
      <c r="C23931" s="7">
        <f t="shared" si="373"/>
        <v>398.38454999999999</v>
      </c>
      <c r="I23931" s="1"/>
    </row>
    <row r="23932" spans="1:9" x14ac:dyDescent="0.25">
      <c r="A23932" s="3">
        <v>41857.587685185186</v>
      </c>
      <c r="B23932" s="6">
        <v>398401.19999999995</v>
      </c>
      <c r="C23932" s="7">
        <f t="shared" si="373"/>
        <v>398.40119999999996</v>
      </c>
      <c r="I23932" s="1"/>
    </row>
    <row r="23933" spans="1:9" x14ac:dyDescent="0.25">
      <c r="A23933" s="3">
        <v>41857.588495370372</v>
      </c>
      <c r="B23933" s="6">
        <v>398417.85</v>
      </c>
      <c r="C23933" s="7">
        <f t="shared" si="373"/>
        <v>398.41784999999999</v>
      </c>
      <c r="I23933" s="1"/>
    </row>
    <row r="23934" spans="1:9" x14ac:dyDescent="0.25">
      <c r="A23934" s="3">
        <v>41857.588564814818</v>
      </c>
      <c r="B23934" s="6">
        <v>398434.49999999994</v>
      </c>
      <c r="C23934" s="7">
        <f t="shared" si="373"/>
        <v>398.43449999999996</v>
      </c>
      <c r="I23934" s="1"/>
    </row>
    <row r="23935" spans="1:9" x14ac:dyDescent="0.25">
      <c r="A23935" s="3">
        <v>41857.590115740742</v>
      </c>
      <c r="B23935" s="6">
        <v>398451.14999999997</v>
      </c>
      <c r="C23935" s="7">
        <f t="shared" si="373"/>
        <v>398.45114999999998</v>
      </c>
      <c r="I23935" s="1"/>
    </row>
    <row r="23936" spans="1:9" x14ac:dyDescent="0.25">
      <c r="A23936" s="3">
        <v>41857.590266203704</v>
      </c>
      <c r="B23936" s="6">
        <v>398467.8</v>
      </c>
      <c r="C23936" s="7">
        <f t="shared" si="373"/>
        <v>398.46780000000001</v>
      </c>
      <c r="I23936" s="1"/>
    </row>
    <row r="23937" spans="1:9" x14ac:dyDescent="0.25">
      <c r="A23937" s="3">
        <v>41857.591851851852</v>
      </c>
      <c r="B23937" s="6">
        <v>398484.44999999995</v>
      </c>
      <c r="C23937" s="7">
        <f t="shared" si="373"/>
        <v>398.48444999999998</v>
      </c>
      <c r="I23937" s="1"/>
    </row>
    <row r="23938" spans="1:9" x14ac:dyDescent="0.25">
      <c r="A23938" s="3">
        <v>41857.592164351852</v>
      </c>
      <c r="B23938" s="6">
        <v>398501.1</v>
      </c>
      <c r="C23938" s="7">
        <f t="shared" si="373"/>
        <v>398.50109999999995</v>
      </c>
      <c r="I23938" s="1"/>
    </row>
    <row r="23939" spans="1:9" x14ac:dyDescent="0.25">
      <c r="A23939" s="3">
        <v>41857.593738425923</v>
      </c>
      <c r="B23939" s="6">
        <v>398517.74999999994</v>
      </c>
      <c r="C23939" s="7">
        <f t="shared" ref="C23939:C24002" si="374">B23939/1000</f>
        <v>398.51774999999992</v>
      </c>
      <c r="I23939" s="1"/>
    </row>
    <row r="23940" spans="1:9" x14ac:dyDescent="0.25">
      <c r="A23940" s="3">
        <v>41857.593807870369</v>
      </c>
      <c r="B23940" s="6">
        <v>398534.39999999997</v>
      </c>
      <c r="C23940" s="7">
        <f t="shared" si="374"/>
        <v>398.53439999999995</v>
      </c>
      <c r="I23940" s="1"/>
    </row>
    <row r="23941" spans="1:9" x14ac:dyDescent="0.25">
      <c r="A23941" s="3">
        <v>41857.594606481478</v>
      </c>
      <c r="B23941" s="6">
        <v>398551.05</v>
      </c>
      <c r="C23941" s="7">
        <f t="shared" si="374"/>
        <v>398.55104999999998</v>
      </c>
      <c r="I23941" s="1"/>
    </row>
    <row r="23942" spans="1:9" x14ac:dyDescent="0.25">
      <c r="A23942" s="3">
        <v>41857.594768518517</v>
      </c>
      <c r="B23942" s="6">
        <v>398567.69999999995</v>
      </c>
      <c r="C23942" s="7">
        <f t="shared" si="374"/>
        <v>398.56769999999995</v>
      </c>
      <c r="I23942" s="1"/>
    </row>
    <row r="23943" spans="1:9" x14ac:dyDescent="0.25">
      <c r="A23943" s="3">
        <v>41857.596388888887</v>
      </c>
      <c r="B23943" s="6">
        <v>398584.35</v>
      </c>
      <c r="C23943" s="7">
        <f t="shared" si="374"/>
        <v>398.58434999999997</v>
      </c>
      <c r="I23943" s="1"/>
    </row>
    <row r="23944" spans="1:9" x14ac:dyDescent="0.25">
      <c r="A23944" s="3">
        <v>41857.59652777778</v>
      </c>
      <c r="B23944" s="6">
        <v>398600.99999999994</v>
      </c>
      <c r="C23944" s="7">
        <f t="shared" si="374"/>
        <v>398.60099999999994</v>
      </c>
      <c r="I23944" s="1"/>
    </row>
    <row r="23945" spans="1:9" x14ac:dyDescent="0.25">
      <c r="A23945" s="3">
        <v>41857.599826388891</v>
      </c>
      <c r="B23945" s="6">
        <v>398617.64999999997</v>
      </c>
      <c r="C23945" s="7">
        <f t="shared" si="374"/>
        <v>398.61764999999997</v>
      </c>
      <c r="I23945" s="1"/>
    </row>
    <row r="23946" spans="1:9" x14ac:dyDescent="0.25">
      <c r="A23946" s="3">
        <v>41857.60015046296</v>
      </c>
      <c r="B23946" s="6">
        <v>398634.3</v>
      </c>
      <c r="C23946" s="7">
        <f t="shared" si="374"/>
        <v>398.6343</v>
      </c>
      <c r="I23946" s="1"/>
    </row>
    <row r="23947" spans="1:9" x14ac:dyDescent="0.25">
      <c r="A23947" s="3">
        <v>41857.602731481478</v>
      </c>
      <c r="B23947" s="6">
        <v>398650.94999999995</v>
      </c>
      <c r="C23947" s="7">
        <f t="shared" si="374"/>
        <v>398.65094999999997</v>
      </c>
      <c r="I23947" s="1"/>
    </row>
    <row r="23948" spans="1:9" x14ac:dyDescent="0.25">
      <c r="A23948" s="3">
        <v>41857.602951388886</v>
      </c>
      <c r="B23948" s="6">
        <v>398667.6</v>
      </c>
      <c r="C23948" s="7">
        <f t="shared" si="374"/>
        <v>398.66759999999999</v>
      </c>
      <c r="I23948" s="1"/>
    </row>
    <row r="23949" spans="1:9" x14ac:dyDescent="0.25">
      <c r="A23949" s="3">
        <v>41857.605868055558</v>
      </c>
      <c r="B23949" s="6">
        <v>398684.24999999994</v>
      </c>
      <c r="C23949" s="7">
        <f t="shared" si="374"/>
        <v>398.68424999999996</v>
      </c>
      <c r="I23949" s="1"/>
    </row>
    <row r="23950" spans="1:9" x14ac:dyDescent="0.25">
      <c r="A23950" s="3">
        <v>41857.605983796297</v>
      </c>
      <c r="B23950" s="6">
        <v>398700.89999999997</v>
      </c>
      <c r="C23950" s="7">
        <f t="shared" si="374"/>
        <v>398.70089999999999</v>
      </c>
      <c r="I23950" s="1"/>
    </row>
    <row r="23951" spans="1:9" x14ac:dyDescent="0.25">
      <c r="A23951" s="3">
        <v>41857.60732638889</v>
      </c>
      <c r="B23951" s="6">
        <v>398717.55</v>
      </c>
      <c r="C23951" s="7">
        <f t="shared" si="374"/>
        <v>398.71754999999996</v>
      </c>
      <c r="I23951" s="1"/>
    </row>
    <row r="23952" spans="1:9" x14ac:dyDescent="0.25">
      <c r="A23952" s="3">
        <v>41857.607430555552</v>
      </c>
      <c r="B23952" s="6">
        <v>398734.19999999995</v>
      </c>
      <c r="C23952" s="7">
        <f t="shared" si="374"/>
        <v>398.73419999999993</v>
      </c>
      <c r="I23952" s="1"/>
    </row>
    <row r="23953" spans="1:9" x14ac:dyDescent="0.25">
      <c r="A23953" s="3">
        <v>41857.610844907409</v>
      </c>
      <c r="B23953" s="6">
        <v>398750.85</v>
      </c>
      <c r="C23953" s="7">
        <f t="shared" si="374"/>
        <v>398.75084999999996</v>
      </c>
      <c r="I23953" s="1"/>
    </row>
    <row r="23954" spans="1:9" x14ac:dyDescent="0.25">
      <c r="A23954" s="3">
        <v>41857.611631944441</v>
      </c>
      <c r="B23954" s="6">
        <v>398767.49999999994</v>
      </c>
      <c r="C23954" s="7">
        <f t="shared" si="374"/>
        <v>398.76749999999993</v>
      </c>
      <c r="I23954" s="1"/>
    </row>
    <row r="23955" spans="1:9" x14ac:dyDescent="0.25">
      <c r="A23955" s="3">
        <v>41857.612407407411</v>
      </c>
      <c r="B23955" s="6">
        <v>398784.14999999997</v>
      </c>
      <c r="C23955" s="7">
        <f t="shared" si="374"/>
        <v>398.78414999999995</v>
      </c>
      <c r="I23955" s="1"/>
    </row>
    <row r="23956" spans="1:9" x14ac:dyDescent="0.25">
      <c r="A23956" s="3">
        <v>41857.612569444442</v>
      </c>
      <c r="B23956" s="6">
        <v>398800.8</v>
      </c>
      <c r="C23956" s="7">
        <f t="shared" si="374"/>
        <v>398.80079999999998</v>
      </c>
      <c r="I23956" s="1"/>
    </row>
    <row r="23957" spans="1:9" x14ac:dyDescent="0.25">
      <c r="A23957" s="3">
        <v>41857.614305555559</v>
      </c>
      <c r="B23957" s="6">
        <v>398817.44999999995</v>
      </c>
      <c r="C23957" s="7">
        <f t="shared" si="374"/>
        <v>398.81744999999995</v>
      </c>
      <c r="I23957" s="1"/>
    </row>
    <row r="23958" spans="1:9" x14ac:dyDescent="0.25">
      <c r="A23958" s="3">
        <v>41857.61440972222</v>
      </c>
      <c r="B23958" s="6">
        <v>398834.1</v>
      </c>
      <c r="C23958" s="7">
        <f t="shared" si="374"/>
        <v>398.83409999999998</v>
      </c>
      <c r="I23958" s="1"/>
    </row>
    <row r="23959" spans="1:9" x14ac:dyDescent="0.25">
      <c r="A23959" s="3">
        <v>41857.616805555554</v>
      </c>
      <c r="B23959" s="6">
        <v>398850.74999999994</v>
      </c>
      <c r="C23959" s="7">
        <f t="shared" si="374"/>
        <v>398.85074999999995</v>
      </c>
      <c r="I23959" s="1"/>
    </row>
    <row r="23960" spans="1:9" x14ac:dyDescent="0.25">
      <c r="A23960" s="3">
        <v>41857.616875</v>
      </c>
      <c r="B23960" s="6">
        <v>398867.39999999997</v>
      </c>
      <c r="C23960" s="7">
        <f t="shared" si="374"/>
        <v>398.86739999999998</v>
      </c>
      <c r="I23960" s="1"/>
    </row>
    <row r="23961" spans="1:9" x14ac:dyDescent="0.25">
      <c r="A23961" s="3">
        <v>41857.618518518517</v>
      </c>
      <c r="B23961" s="6">
        <v>398884.05</v>
      </c>
      <c r="C23961" s="7">
        <f t="shared" si="374"/>
        <v>398.88405</v>
      </c>
      <c r="I23961" s="1"/>
    </row>
    <row r="23962" spans="1:9" x14ac:dyDescent="0.25">
      <c r="A23962" s="3">
        <v>41857.618993055556</v>
      </c>
      <c r="B23962" s="6">
        <v>398900.69999999995</v>
      </c>
      <c r="C23962" s="7">
        <f t="shared" si="374"/>
        <v>398.90069999999997</v>
      </c>
      <c r="I23962" s="1"/>
    </row>
    <row r="23963" spans="1:9" x14ac:dyDescent="0.25">
      <c r="A23963" s="3">
        <v>41857.621168981481</v>
      </c>
      <c r="B23963" s="6">
        <v>398917.35</v>
      </c>
      <c r="C23963" s="7">
        <f t="shared" si="374"/>
        <v>398.91735</v>
      </c>
      <c r="I23963" s="1"/>
    </row>
    <row r="23964" spans="1:9" x14ac:dyDescent="0.25">
      <c r="A23964" s="3">
        <v>41857.621817129628</v>
      </c>
      <c r="B23964" s="6">
        <v>398933.99999999994</v>
      </c>
      <c r="C23964" s="7">
        <f t="shared" si="374"/>
        <v>398.93399999999997</v>
      </c>
      <c r="I23964" s="1"/>
    </row>
    <row r="23965" spans="1:9" x14ac:dyDescent="0.25">
      <c r="A23965" s="3">
        <v>41857.623506944445</v>
      </c>
      <c r="B23965" s="6">
        <v>398950.64999999997</v>
      </c>
      <c r="C23965" s="7">
        <f t="shared" si="374"/>
        <v>398.95064999999994</v>
      </c>
      <c r="I23965" s="1"/>
    </row>
    <row r="23966" spans="1:9" x14ac:dyDescent="0.25">
      <c r="A23966" s="3">
        <v>41857.623912037037</v>
      </c>
      <c r="B23966" s="6">
        <v>398967.3</v>
      </c>
      <c r="C23966" s="7">
        <f t="shared" si="374"/>
        <v>398.96729999999997</v>
      </c>
      <c r="I23966" s="1"/>
    </row>
    <row r="23967" spans="1:9" x14ac:dyDescent="0.25">
      <c r="A23967" s="3">
        <v>41857.625011574077</v>
      </c>
      <c r="B23967" s="6">
        <v>398983.94999999995</v>
      </c>
      <c r="C23967" s="7">
        <f t="shared" si="374"/>
        <v>398.98394999999994</v>
      </c>
      <c r="I23967" s="1"/>
    </row>
    <row r="23968" spans="1:9" x14ac:dyDescent="0.25">
      <c r="A23968" s="3">
        <v>41857.625081018516</v>
      </c>
      <c r="B23968" s="6">
        <v>399000.6</v>
      </c>
      <c r="C23968" s="7">
        <f t="shared" si="374"/>
        <v>399.00059999999996</v>
      </c>
      <c r="I23968" s="1"/>
    </row>
    <row r="23969" spans="1:9" x14ac:dyDescent="0.25">
      <c r="A23969" s="3">
        <v>41857.62599537037</v>
      </c>
      <c r="B23969" s="6">
        <v>399017.24999999994</v>
      </c>
      <c r="C23969" s="7">
        <f t="shared" si="374"/>
        <v>399.01724999999993</v>
      </c>
      <c r="I23969" s="1"/>
    </row>
    <row r="23970" spans="1:9" x14ac:dyDescent="0.25">
      <c r="A23970" s="3">
        <v>41857.626250000001</v>
      </c>
      <c r="B23970" s="6">
        <v>399033.89999999997</v>
      </c>
      <c r="C23970" s="7">
        <f t="shared" si="374"/>
        <v>399.03389999999996</v>
      </c>
      <c r="I23970" s="1"/>
    </row>
    <row r="23971" spans="1:9" x14ac:dyDescent="0.25">
      <c r="A23971" s="3">
        <v>41857.629837962966</v>
      </c>
      <c r="B23971" s="6">
        <v>399050.55</v>
      </c>
      <c r="C23971" s="7">
        <f t="shared" si="374"/>
        <v>399.05054999999999</v>
      </c>
      <c r="I23971" s="1"/>
    </row>
    <row r="23972" spans="1:9" x14ac:dyDescent="0.25">
      <c r="A23972" s="3">
        <v>41857.630011574074</v>
      </c>
      <c r="B23972" s="6">
        <v>399067.19999999995</v>
      </c>
      <c r="C23972" s="7">
        <f t="shared" si="374"/>
        <v>399.06719999999996</v>
      </c>
      <c r="I23972" s="1"/>
    </row>
    <row r="23973" spans="1:9" x14ac:dyDescent="0.25">
      <c r="A23973" s="3">
        <v>41857.631666666668</v>
      </c>
      <c r="B23973" s="6">
        <v>399083.85</v>
      </c>
      <c r="C23973" s="7">
        <f t="shared" si="374"/>
        <v>399.08384999999998</v>
      </c>
      <c r="I23973" s="1"/>
    </row>
    <row r="23974" spans="1:9" x14ac:dyDescent="0.25">
      <c r="A23974" s="3">
        <v>41857.631828703707</v>
      </c>
      <c r="B23974" s="6">
        <v>399100.49999999994</v>
      </c>
      <c r="C23974" s="7">
        <f t="shared" si="374"/>
        <v>399.10049999999995</v>
      </c>
      <c r="I23974" s="1"/>
    </row>
    <row r="23975" spans="1:9" x14ac:dyDescent="0.25">
      <c r="A23975" s="3">
        <v>41857.634097222224</v>
      </c>
      <c r="B23975" s="6">
        <v>399117.14999999997</v>
      </c>
      <c r="C23975" s="7">
        <f t="shared" si="374"/>
        <v>399.11714999999998</v>
      </c>
      <c r="I23975" s="1"/>
    </row>
    <row r="23976" spans="1:9" x14ac:dyDescent="0.25">
      <c r="A23976" s="3">
        <v>41857.635185185187</v>
      </c>
      <c r="B23976" s="6">
        <v>399133.8</v>
      </c>
      <c r="C23976" s="7">
        <f t="shared" si="374"/>
        <v>399.13380000000001</v>
      </c>
      <c r="I23976" s="1"/>
    </row>
    <row r="23977" spans="1:9" x14ac:dyDescent="0.25">
      <c r="A23977" s="3">
        <v>41857.637118055558</v>
      </c>
      <c r="B23977" s="6">
        <v>399150.44999999995</v>
      </c>
      <c r="C23977" s="7">
        <f t="shared" si="374"/>
        <v>399.15044999999998</v>
      </c>
      <c r="I23977" s="1"/>
    </row>
    <row r="23978" spans="1:9" x14ac:dyDescent="0.25">
      <c r="A23978" s="3">
        <v>41857.637303240743</v>
      </c>
      <c r="B23978" s="6">
        <v>399167.1</v>
      </c>
      <c r="C23978" s="7">
        <f t="shared" si="374"/>
        <v>399.1671</v>
      </c>
      <c r="I23978" s="1"/>
    </row>
    <row r="23979" spans="1:9" x14ac:dyDescent="0.25">
      <c r="A23979" s="3">
        <v>41857.638865740744</v>
      </c>
      <c r="B23979" s="6">
        <v>399183.74999999994</v>
      </c>
      <c r="C23979" s="7">
        <f t="shared" si="374"/>
        <v>399.18374999999992</v>
      </c>
      <c r="I23979" s="1"/>
    </row>
    <row r="23980" spans="1:9" x14ac:dyDescent="0.25">
      <c r="A23980" s="3">
        <v>41857.639050925929</v>
      </c>
      <c r="B23980" s="6">
        <v>399200.39999999997</v>
      </c>
      <c r="C23980" s="7">
        <f t="shared" si="374"/>
        <v>399.20039999999995</v>
      </c>
      <c r="I23980" s="1"/>
    </row>
    <row r="23981" spans="1:9" x14ac:dyDescent="0.25">
      <c r="A23981" s="3">
        <v>41857.641134259262</v>
      </c>
      <c r="B23981" s="6">
        <v>399217.05</v>
      </c>
      <c r="C23981" s="7">
        <f t="shared" si="374"/>
        <v>399.21704999999997</v>
      </c>
      <c r="I23981" s="1"/>
    </row>
    <row r="23982" spans="1:9" x14ac:dyDescent="0.25">
      <c r="A23982" s="3">
        <v>41857.641226851854</v>
      </c>
      <c r="B23982" s="6">
        <v>399233.69999999995</v>
      </c>
      <c r="C23982" s="7">
        <f t="shared" si="374"/>
        <v>399.23369999999994</v>
      </c>
      <c r="I23982" s="1"/>
    </row>
    <row r="23983" spans="1:9" x14ac:dyDescent="0.25">
      <c r="A23983" s="3">
        <v>41857.641979166663</v>
      </c>
      <c r="B23983" s="6">
        <v>399250.35</v>
      </c>
      <c r="C23983" s="7">
        <f t="shared" si="374"/>
        <v>399.25034999999997</v>
      </c>
      <c r="I23983" s="1"/>
    </row>
    <row r="23984" spans="1:9" x14ac:dyDescent="0.25">
      <c r="A23984" s="3">
        <v>41857.642106481479</v>
      </c>
      <c r="B23984" s="6">
        <v>399266.99999999994</v>
      </c>
      <c r="C23984" s="7">
        <f t="shared" si="374"/>
        <v>399.26699999999994</v>
      </c>
      <c r="I23984" s="1"/>
    </row>
    <row r="23985" spans="1:9" x14ac:dyDescent="0.25">
      <c r="A23985" s="3">
        <v>41857.643495370372</v>
      </c>
      <c r="B23985" s="6">
        <v>399283.64999999997</v>
      </c>
      <c r="C23985" s="7">
        <f t="shared" si="374"/>
        <v>399.28364999999997</v>
      </c>
      <c r="I23985" s="1"/>
    </row>
    <row r="23986" spans="1:9" x14ac:dyDescent="0.25">
      <c r="A23986" s="3">
        <v>41857.643634259257</v>
      </c>
      <c r="B23986" s="6">
        <v>399300.3</v>
      </c>
      <c r="C23986" s="7">
        <f t="shared" si="374"/>
        <v>399.30029999999999</v>
      </c>
      <c r="I23986" s="1"/>
    </row>
    <row r="23987" spans="1:9" x14ac:dyDescent="0.25">
      <c r="A23987" s="3">
        <v>41857.645243055558</v>
      </c>
      <c r="B23987" s="6">
        <v>399316.94999999995</v>
      </c>
      <c r="C23987" s="7">
        <f t="shared" si="374"/>
        <v>399.31694999999996</v>
      </c>
      <c r="I23987" s="1"/>
    </row>
    <row r="23988" spans="1:9" x14ac:dyDescent="0.25">
      <c r="A23988" s="3">
        <v>41857.645312499997</v>
      </c>
      <c r="B23988" s="6">
        <v>399333.6</v>
      </c>
      <c r="C23988" s="7">
        <f t="shared" si="374"/>
        <v>399.33359999999999</v>
      </c>
      <c r="I23988" s="1"/>
    </row>
    <row r="23989" spans="1:9" x14ac:dyDescent="0.25">
      <c r="A23989" s="3">
        <v>41857.646377314813</v>
      </c>
      <c r="B23989" s="6">
        <v>399350.24999999994</v>
      </c>
      <c r="C23989" s="7">
        <f t="shared" si="374"/>
        <v>399.35024999999996</v>
      </c>
      <c r="I23989" s="1"/>
    </row>
    <row r="23990" spans="1:9" x14ac:dyDescent="0.25">
      <c r="A23990" s="3">
        <v>41857.646874999999</v>
      </c>
      <c r="B23990" s="6">
        <v>399366.89999999997</v>
      </c>
      <c r="C23990" s="7">
        <f t="shared" si="374"/>
        <v>399.36689999999999</v>
      </c>
      <c r="I23990" s="1"/>
    </row>
    <row r="23991" spans="1:9" x14ac:dyDescent="0.25">
      <c r="A23991" s="3">
        <v>41857.648298611108</v>
      </c>
      <c r="B23991" s="6">
        <v>399383.55</v>
      </c>
      <c r="C23991" s="7">
        <f t="shared" si="374"/>
        <v>399.38355000000001</v>
      </c>
      <c r="I23991" s="1"/>
    </row>
    <row r="23992" spans="1:9" x14ac:dyDescent="0.25">
      <c r="A23992" s="3">
        <v>41857.6483912037</v>
      </c>
      <c r="B23992" s="6">
        <v>399400.19999999995</v>
      </c>
      <c r="C23992" s="7">
        <f t="shared" si="374"/>
        <v>399.40019999999993</v>
      </c>
      <c r="I23992" s="1"/>
    </row>
    <row r="23993" spans="1:9" x14ac:dyDescent="0.25">
      <c r="A23993" s="3">
        <v>41857.649386574078</v>
      </c>
      <c r="B23993" s="6">
        <v>399416.85</v>
      </c>
      <c r="C23993" s="7">
        <f t="shared" si="374"/>
        <v>399.41684999999995</v>
      </c>
      <c r="I23993" s="1"/>
    </row>
    <row r="23994" spans="1:9" x14ac:dyDescent="0.25">
      <c r="A23994" s="3">
        <v>41857.649421296293</v>
      </c>
      <c r="B23994" s="6">
        <v>399433.49999999994</v>
      </c>
      <c r="C23994" s="7">
        <f t="shared" si="374"/>
        <v>399.43349999999992</v>
      </c>
      <c r="I23994" s="1"/>
    </row>
    <row r="23995" spans="1:9" x14ac:dyDescent="0.25">
      <c r="A23995" s="3">
        <v>41857.651250000003</v>
      </c>
      <c r="B23995" s="6">
        <v>399450.14999999997</v>
      </c>
      <c r="C23995" s="7">
        <f t="shared" si="374"/>
        <v>399.45014999999995</v>
      </c>
      <c r="I23995" s="1"/>
    </row>
    <row r="23996" spans="1:9" x14ac:dyDescent="0.25">
      <c r="A23996" s="3">
        <v>41857.651342592595</v>
      </c>
      <c r="B23996" s="6">
        <v>399466.8</v>
      </c>
      <c r="C23996" s="7">
        <f t="shared" si="374"/>
        <v>399.46679999999998</v>
      </c>
      <c r="I23996" s="1"/>
    </row>
    <row r="23997" spans="1:9" x14ac:dyDescent="0.25">
      <c r="A23997" s="3">
        <v>41857.652453703704</v>
      </c>
      <c r="B23997" s="6">
        <v>399483.44999999995</v>
      </c>
      <c r="C23997" s="7">
        <f t="shared" si="374"/>
        <v>399.48344999999995</v>
      </c>
      <c r="I23997" s="1"/>
    </row>
    <row r="23998" spans="1:9" x14ac:dyDescent="0.25">
      <c r="A23998" s="3">
        <v>41857.652569444443</v>
      </c>
      <c r="B23998" s="6">
        <v>399500.1</v>
      </c>
      <c r="C23998" s="7">
        <f t="shared" si="374"/>
        <v>399.50009999999997</v>
      </c>
      <c r="I23998" s="1"/>
    </row>
    <row r="23999" spans="1:9" x14ac:dyDescent="0.25">
      <c r="A23999" s="3">
        <v>41857.653738425928</v>
      </c>
      <c r="B23999" s="6">
        <v>399516.74999999994</v>
      </c>
      <c r="C23999" s="7">
        <f t="shared" si="374"/>
        <v>399.51674999999994</v>
      </c>
      <c r="I23999" s="1"/>
    </row>
    <row r="24000" spans="1:9" x14ac:dyDescent="0.25">
      <c r="A24000" s="3">
        <v>41857.653935185182</v>
      </c>
      <c r="B24000" s="6">
        <v>399533.39999999997</v>
      </c>
      <c r="C24000" s="7">
        <f t="shared" si="374"/>
        <v>399.53339999999997</v>
      </c>
      <c r="I24000" s="1"/>
    </row>
    <row r="24001" spans="1:9" x14ac:dyDescent="0.25">
      <c r="A24001" s="3">
        <v>41857.655960648146</v>
      </c>
      <c r="B24001" s="6">
        <v>399550.05</v>
      </c>
      <c r="C24001" s="7">
        <f t="shared" si="374"/>
        <v>399.55005</v>
      </c>
      <c r="I24001" s="1"/>
    </row>
    <row r="24002" spans="1:9" x14ac:dyDescent="0.25">
      <c r="A24002" s="3">
        <v>41857.656030092592</v>
      </c>
      <c r="B24002" s="6">
        <v>399566.69999999995</v>
      </c>
      <c r="C24002" s="7">
        <f t="shared" si="374"/>
        <v>399.56669999999997</v>
      </c>
      <c r="I24002" s="1"/>
    </row>
    <row r="24003" spans="1:9" x14ac:dyDescent="0.25">
      <c r="A24003" s="3">
        <v>41857.657870370371</v>
      </c>
      <c r="B24003" s="6">
        <v>399583.35</v>
      </c>
      <c r="C24003" s="7">
        <f t="shared" ref="C24003:C24066" si="375">B24003/1000</f>
        <v>399.58335</v>
      </c>
      <c r="I24003" s="1"/>
    </row>
    <row r="24004" spans="1:9" x14ac:dyDescent="0.25">
      <c r="A24004" s="3">
        <v>41857.658217592594</v>
      </c>
      <c r="B24004" s="6">
        <v>399599.99999999994</v>
      </c>
      <c r="C24004" s="7">
        <f t="shared" si="375"/>
        <v>399.59999999999997</v>
      </c>
      <c r="I24004" s="1"/>
    </row>
    <row r="24005" spans="1:9" x14ac:dyDescent="0.25">
      <c r="A24005" s="3">
        <v>41857.659756944442</v>
      </c>
      <c r="B24005" s="6">
        <v>399616.64999999997</v>
      </c>
      <c r="C24005" s="7">
        <f t="shared" si="375"/>
        <v>399.61664999999999</v>
      </c>
      <c r="I24005" s="1"/>
    </row>
    <row r="24006" spans="1:9" x14ac:dyDescent="0.25">
      <c r="A24006" s="3">
        <v>41857.660046296296</v>
      </c>
      <c r="B24006" s="6">
        <v>399633.3</v>
      </c>
      <c r="C24006" s="7">
        <f t="shared" si="375"/>
        <v>399.63329999999996</v>
      </c>
      <c r="I24006" s="1"/>
    </row>
    <row r="24007" spans="1:9" x14ac:dyDescent="0.25">
      <c r="A24007" s="3">
        <v>41857.661249999997</v>
      </c>
      <c r="B24007" s="6">
        <v>399649.94999999995</v>
      </c>
      <c r="C24007" s="7">
        <f t="shared" si="375"/>
        <v>399.64994999999993</v>
      </c>
      <c r="I24007" s="1"/>
    </row>
    <row r="24008" spans="1:9" x14ac:dyDescent="0.25">
      <c r="A24008" s="3">
        <v>41857.66134259259</v>
      </c>
      <c r="B24008" s="6">
        <v>399666.6</v>
      </c>
      <c r="C24008" s="7">
        <f t="shared" si="375"/>
        <v>399.66659999999996</v>
      </c>
      <c r="I24008" s="1"/>
    </row>
    <row r="24009" spans="1:9" x14ac:dyDescent="0.25">
      <c r="A24009" s="3">
        <v>41857.662256944444</v>
      </c>
      <c r="B24009" s="6">
        <v>399683.24999999994</v>
      </c>
      <c r="C24009" s="7">
        <f t="shared" si="375"/>
        <v>399.68324999999993</v>
      </c>
      <c r="I24009" s="1"/>
    </row>
    <row r="24010" spans="1:9" x14ac:dyDescent="0.25">
      <c r="A24010" s="3">
        <v>41857.662349537037</v>
      </c>
      <c r="B24010" s="6">
        <v>399699.89999999997</v>
      </c>
      <c r="C24010" s="7">
        <f t="shared" si="375"/>
        <v>399.69989999999996</v>
      </c>
      <c r="I24010" s="1"/>
    </row>
    <row r="24011" spans="1:9" x14ac:dyDescent="0.25">
      <c r="A24011" s="3">
        <v>41857.665046296293</v>
      </c>
      <c r="B24011" s="6">
        <v>399716.55</v>
      </c>
      <c r="C24011" s="7">
        <f t="shared" si="375"/>
        <v>399.71654999999998</v>
      </c>
      <c r="I24011" s="1"/>
    </row>
    <row r="24012" spans="1:9" x14ac:dyDescent="0.25">
      <c r="A24012" s="3">
        <v>41857.665150462963</v>
      </c>
      <c r="B24012" s="6">
        <v>399733.19999999995</v>
      </c>
      <c r="C24012" s="7">
        <f t="shared" si="375"/>
        <v>399.73319999999995</v>
      </c>
      <c r="I24012" s="1"/>
    </row>
    <row r="24013" spans="1:9" x14ac:dyDescent="0.25">
      <c r="A24013" s="3">
        <v>41857.667337962965</v>
      </c>
      <c r="B24013" s="6">
        <v>399749.85</v>
      </c>
      <c r="C24013" s="7">
        <f t="shared" si="375"/>
        <v>399.74984999999998</v>
      </c>
      <c r="I24013" s="1"/>
    </row>
    <row r="24014" spans="1:9" x14ac:dyDescent="0.25">
      <c r="A24014" s="3">
        <v>41857.667453703703</v>
      </c>
      <c r="B24014" s="6">
        <v>399766.49999999994</v>
      </c>
      <c r="C24014" s="7">
        <f t="shared" si="375"/>
        <v>399.76649999999995</v>
      </c>
      <c r="I24014" s="1"/>
    </row>
    <row r="24015" spans="1:9" x14ac:dyDescent="0.25">
      <c r="A24015" s="3">
        <v>41857.669340277775</v>
      </c>
      <c r="B24015" s="6">
        <v>399783.14999999997</v>
      </c>
      <c r="C24015" s="7">
        <f t="shared" si="375"/>
        <v>399.78314999999998</v>
      </c>
      <c r="I24015" s="1"/>
    </row>
    <row r="24016" spans="1:9" x14ac:dyDescent="0.25">
      <c r="A24016" s="3">
        <v>41857.669456018521</v>
      </c>
      <c r="B24016" s="6">
        <v>399799.8</v>
      </c>
      <c r="C24016" s="7">
        <f t="shared" si="375"/>
        <v>399.7998</v>
      </c>
      <c r="I24016" s="1"/>
    </row>
    <row r="24017" spans="1:9" x14ac:dyDescent="0.25">
      <c r="A24017" s="3">
        <v>41857.671319444446</v>
      </c>
      <c r="B24017" s="6">
        <v>399816.44999999995</v>
      </c>
      <c r="C24017" s="7">
        <f t="shared" si="375"/>
        <v>399.81644999999997</v>
      </c>
      <c r="I24017" s="1"/>
    </row>
    <row r="24018" spans="1:9" x14ac:dyDescent="0.25">
      <c r="A24018" s="3">
        <v>41857.6718287037</v>
      </c>
      <c r="B24018" s="6">
        <v>399833.1</v>
      </c>
      <c r="C24018" s="7">
        <f t="shared" si="375"/>
        <v>399.8331</v>
      </c>
      <c r="I24018" s="1"/>
    </row>
    <row r="24019" spans="1:9" x14ac:dyDescent="0.25">
      <c r="A24019" s="3">
        <v>41857.673506944448</v>
      </c>
      <c r="B24019" s="6">
        <v>399849.74999999994</v>
      </c>
      <c r="C24019" s="7">
        <f t="shared" si="375"/>
        <v>399.84974999999991</v>
      </c>
      <c r="I24019" s="1"/>
    </row>
    <row r="24020" spans="1:9" x14ac:dyDescent="0.25">
      <c r="A24020" s="3">
        <v>41857.673657407409</v>
      </c>
      <c r="B24020" s="6">
        <v>399866.39999999997</v>
      </c>
      <c r="C24020" s="7">
        <f t="shared" si="375"/>
        <v>399.86639999999994</v>
      </c>
      <c r="I24020" s="1"/>
    </row>
    <row r="24021" spans="1:9" x14ac:dyDescent="0.25">
      <c r="A24021" s="3">
        <v>41857.675636574073</v>
      </c>
      <c r="B24021" s="6">
        <v>399883.05</v>
      </c>
      <c r="C24021" s="7">
        <f t="shared" si="375"/>
        <v>399.88304999999997</v>
      </c>
      <c r="I24021" s="1"/>
    </row>
    <row r="24022" spans="1:9" x14ac:dyDescent="0.25">
      <c r="A24022" s="3">
        <v>41857.675752314812</v>
      </c>
      <c r="B24022" s="6">
        <v>399899.69999999995</v>
      </c>
      <c r="C24022" s="7">
        <f t="shared" si="375"/>
        <v>399.89969999999994</v>
      </c>
      <c r="I24022" s="1"/>
    </row>
    <row r="24023" spans="1:9" x14ac:dyDescent="0.25">
      <c r="A24023" s="3">
        <v>41857.67659722222</v>
      </c>
      <c r="B24023" s="6">
        <v>399916.35</v>
      </c>
      <c r="C24023" s="7">
        <f t="shared" si="375"/>
        <v>399.91634999999997</v>
      </c>
      <c r="I24023" s="1"/>
    </row>
    <row r="24024" spans="1:9" x14ac:dyDescent="0.25">
      <c r="A24024" s="3">
        <v>41857.676666666666</v>
      </c>
      <c r="B24024" s="6">
        <v>399932.99999999994</v>
      </c>
      <c r="C24024" s="7">
        <f t="shared" si="375"/>
        <v>399.93299999999994</v>
      </c>
      <c r="I24024" s="1"/>
    </row>
    <row r="24025" spans="1:9" x14ac:dyDescent="0.25">
      <c r="A24025" s="3">
        <v>41857.677881944444</v>
      </c>
      <c r="B24025" s="6">
        <v>399949.64999999997</v>
      </c>
      <c r="C24025" s="7">
        <f t="shared" si="375"/>
        <v>399.94964999999996</v>
      </c>
      <c r="I24025" s="1"/>
    </row>
    <row r="24026" spans="1:9" x14ac:dyDescent="0.25">
      <c r="A24026" s="3">
        <v>41857.677997685183</v>
      </c>
      <c r="B24026" s="6">
        <v>399966.3</v>
      </c>
      <c r="C24026" s="7">
        <f t="shared" si="375"/>
        <v>399.96629999999999</v>
      </c>
      <c r="I24026" s="1"/>
    </row>
    <row r="24027" spans="1:9" x14ac:dyDescent="0.25">
      <c r="A24027" s="3">
        <v>41857.679699074077</v>
      </c>
      <c r="B24027" s="6">
        <v>399982.94999999995</v>
      </c>
      <c r="C24027" s="7">
        <f t="shared" si="375"/>
        <v>399.98294999999996</v>
      </c>
      <c r="I24027" s="1"/>
    </row>
    <row r="24028" spans="1:9" x14ac:dyDescent="0.25">
      <c r="A24028" s="3">
        <v>41857.679872685185</v>
      </c>
      <c r="B24028" s="6">
        <v>399999.6</v>
      </c>
      <c r="C24028" s="7">
        <f t="shared" si="375"/>
        <v>399.99959999999999</v>
      </c>
      <c r="I24028" s="1"/>
    </row>
    <row r="24029" spans="1:9" x14ac:dyDescent="0.25">
      <c r="A24029" s="3">
        <v>41857.680775462963</v>
      </c>
      <c r="B24029" s="6">
        <v>400016.24999999994</v>
      </c>
      <c r="C24029" s="7">
        <f t="shared" si="375"/>
        <v>400.01624999999996</v>
      </c>
      <c r="I24029" s="1"/>
    </row>
    <row r="24030" spans="1:9" x14ac:dyDescent="0.25">
      <c r="A24030" s="3">
        <v>41857.680856481478</v>
      </c>
      <c r="B24030" s="6">
        <v>400032.89999999997</v>
      </c>
      <c r="C24030" s="7">
        <f t="shared" si="375"/>
        <v>400.03289999999998</v>
      </c>
      <c r="I24030" s="1"/>
    </row>
    <row r="24031" spans="1:9" x14ac:dyDescent="0.25">
      <c r="A24031" s="3">
        <v>41857.684016203704</v>
      </c>
      <c r="B24031" s="6">
        <v>400049.55</v>
      </c>
      <c r="C24031" s="7">
        <f t="shared" si="375"/>
        <v>400.04955000000001</v>
      </c>
      <c r="I24031" s="1"/>
    </row>
    <row r="24032" spans="1:9" x14ac:dyDescent="0.25">
      <c r="A24032" s="3">
        <v>41857.684351851851</v>
      </c>
      <c r="B24032" s="6">
        <v>400066.19999999995</v>
      </c>
      <c r="C24032" s="7">
        <f t="shared" si="375"/>
        <v>400.06619999999998</v>
      </c>
      <c r="I24032" s="1"/>
    </row>
    <row r="24033" spans="1:9" x14ac:dyDescent="0.25">
      <c r="A24033" s="3">
        <v>41857.685810185183</v>
      </c>
      <c r="B24033" s="6">
        <v>400082.85</v>
      </c>
      <c r="C24033" s="7">
        <f t="shared" si="375"/>
        <v>400.08284999999995</v>
      </c>
      <c r="I24033" s="1"/>
    </row>
    <row r="24034" spans="1:9" x14ac:dyDescent="0.25">
      <c r="A24034" s="3">
        <v>41857.686041666668</v>
      </c>
      <c r="B24034" s="6">
        <v>400099.49999999994</v>
      </c>
      <c r="C24034" s="7">
        <f t="shared" si="375"/>
        <v>400.09949999999992</v>
      </c>
      <c r="I24034" s="1"/>
    </row>
    <row r="24035" spans="1:9" x14ac:dyDescent="0.25">
      <c r="A24035" s="3">
        <v>41857.688171296293</v>
      </c>
      <c r="B24035" s="6">
        <v>400116.14999999997</v>
      </c>
      <c r="C24035" s="7">
        <f t="shared" si="375"/>
        <v>400.11614999999995</v>
      </c>
      <c r="I24035" s="1"/>
    </row>
    <row r="24036" spans="1:9" x14ac:dyDescent="0.25">
      <c r="A24036" s="3">
        <v>41857.688240740739</v>
      </c>
      <c r="B24036" s="6">
        <v>400132.8</v>
      </c>
      <c r="C24036" s="7">
        <f t="shared" si="375"/>
        <v>400.13279999999997</v>
      </c>
      <c r="I24036" s="1"/>
    </row>
    <row r="24037" spans="1:9" x14ac:dyDescent="0.25">
      <c r="A24037" s="3">
        <v>41857.689201388886</v>
      </c>
      <c r="B24037" s="6">
        <v>400149.44999999995</v>
      </c>
      <c r="C24037" s="7">
        <f t="shared" si="375"/>
        <v>400.14944999999994</v>
      </c>
      <c r="I24037" s="1"/>
    </row>
    <row r="24038" spans="1:9" x14ac:dyDescent="0.25">
      <c r="A24038" s="3">
        <v>41857.689456018517</v>
      </c>
      <c r="B24038" s="6">
        <v>400166.1</v>
      </c>
      <c r="C24038" s="7">
        <f t="shared" si="375"/>
        <v>400.16609999999997</v>
      </c>
      <c r="I24038" s="1"/>
    </row>
    <row r="24039" spans="1:9" x14ac:dyDescent="0.25">
      <c r="A24039" s="3">
        <v>41857.692025462966</v>
      </c>
      <c r="B24039" s="6">
        <v>400182.74999999994</v>
      </c>
      <c r="C24039" s="7">
        <f t="shared" si="375"/>
        <v>400.18274999999994</v>
      </c>
      <c r="I24039" s="1"/>
    </row>
    <row r="24040" spans="1:9" x14ac:dyDescent="0.25">
      <c r="A24040" s="3">
        <v>41857.692129629628</v>
      </c>
      <c r="B24040" s="6">
        <v>400199.39999999997</v>
      </c>
      <c r="C24040" s="7">
        <f t="shared" si="375"/>
        <v>400.19939999999997</v>
      </c>
      <c r="I24040" s="1"/>
    </row>
    <row r="24041" spans="1:9" x14ac:dyDescent="0.25">
      <c r="A24041" s="3">
        <v>41857.6952662037</v>
      </c>
      <c r="B24041" s="6">
        <v>400216.05</v>
      </c>
      <c r="C24041" s="7">
        <f t="shared" si="375"/>
        <v>400.21605</v>
      </c>
      <c r="I24041" s="1"/>
    </row>
    <row r="24042" spans="1:9" x14ac:dyDescent="0.25">
      <c r="A24042" s="3">
        <v>41857.695474537039</v>
      </c>
      <c r="B24042" s="6">
        <v>400232.69999999995</v>
      </c>
      <c r="C24042" s="7">
        <f t="shared" si="375"/>
        <v>400.23269999999997</v>
      </c>
      <c r="I24042" s="1"/>
    </row>
    <row r="24043" spans="1:9" x14ac:dyDescent="0.25">
      <c r="A24043" s="3">
        <v>41857.696273148147</v>
      </c>
      <c r="B24043" s="6">
        <v>400249.35</v>
      </c>
      <c r="C24043" s="7">
        <f t="shared" si="375"/>
        <v>400.24934999999999</v>
      </c>
      <c r="I24043" s="1"/>
    </row>
    <row r="24044" spans="1:9" x14ac:dyDescent="0.25">
      <c r="A24044" s="3">
        <v>41857.696458333332</v>
      </c>
      <c r="B24044" s="6">
        <v>400265.99999999994</v>
      </c>
      <c r="C24044" s="7">
        <f t="shared" si="375"/>
        <v>400.26599999999996</v>
      </c>
      <c r="I24044" s="1"/>
    </row>
    <row r="24045" spans="1:9" x14ac:dyDescent="0.25">
      <c r="A24045" s="3">
        <v>41857.698530092595</v>
      </c>
      <c r="B24045" s="6">
        <v>400282.64999999997</v>
      </c>
      <c r="C24045" s="7">
        <f t="shared" si="375"/>
        <v>400.28264999999999</v>
      </c>
      <c r="I24045" s="1"/>
    </row>
    <row r="24046" spans="1:9" x14ac:dyDescent="0.25">
      <c r="A24046" s="3">
        <v>41857.698622685188</v>
      </c>
      <c r="B24046" s="6">
        <v>400299.3</v>
      </c>
      <c r="C24046" s="7">
        <f t="shared" si="375"/>
        <v>400.29930000000002</v>
      </c>
      <c r="I24046" s="1"/>
    </row>
    <row r="24047" spans="1:9" x14ac:dyDescent="0.25">
      <c r="A24047" s="3">
        <v>41857.700219907405</v>
      </c>
      <c r="B24047" s="6">
        <v>400315.94999999995</v>
      </c>
      <c r="C24047" s="7">
        <f t="shared" si="375"/>
        <v>400.31594999999993</v>
      </c>
      <c r="I24047" s="1"/>
    </row>
    <row r="24048" spans="1:9" x14ac:dyDescent="0.25">
      <c r="A24048" s="3">
        <v>41857.700358796297</v>
      </c>
      <c r="B24048" s="6">
        <v>400332.6</v>
      </c>
      <c r="C24048" s="7">
        <f t="shared" si="375"/>
        <v>400.33259999999996</v>
      </c>
      <c r="I24048" s="1"/>
    </row>
    <row r="24049" spans="1:9" x14ac:dyDescent="0.25">
      <c r="A24049" s="3">
        <v>41857.7033912037</v>
      </c>
      <c r="B24049" s="6">
        <v>400349.24999999994</v>
      </c>
      <c r="C24049" s="7">
        <f t="shared" si="375"/>
        <v>400.34924999999993</v>
      </c>
      <c r="I24049" s="1"/>
    </row>
    <row r="24050" spans="1:9" x14ac:dyDescent="0.25">
      <c r="A24050" s="3">
        <v>41857.704259259262</v>
      </c>
      <c r="B24050" s="6">
        <v>400365.89999999997</v>
      </c>
      <c r="C24050" s="7">
        <f t="shared" si="375"/>
        <v>400.36589999999995</v>
      </c>
      <c r="I24050" s="1"/>
    </row>
    <row r="24051" spans="1:9" x14ac:dyDescent="0.25">
      <c r="A24051" s="3">
        <v>41857.707905092589</v>
      </c>
      <c r="B24051" s="6">
        <v>400382.55</v>
      </c>
      <c r="C24051" s="7">
        <f t="shared" si="375"/>
        <v>400.38254999999998</v>
      </c>
      <c r="I24051" s="1"/>
    </row>
    <row r="24052" spans="1:9" x14ac:dyDescent="0.25">
      <c r="A24052" s="3">
        <v>41857.708333333336</v>
      </c>
      <c r="B24052" s="6">
        <v>400399.19999999995</v>
      </c>
      <c r="C24052" s="7">
        <f t="shared" si="375"/>
        <v>400.39919999999995</v>
      </c>
      <c r="I24052" s="1"/>
    </row>
    <row r="24053" spans="1:9" x14ac:dyDescent="0.25">
      <c r="A24053" s="3">
        <v>41857.710914351854</v>
      </c>
      <c r="B24053" s="6">
        <v>400415.85</v>
      </c>
      <c r="C24053" s="7">
        <f t="shared" si="375"/>
        <v>400.41584999999998</v>
      </c>
      <c r="I24053" s="1"/>
    </row>
    <row r="24054" spans="1:9" x14ac:dyDescent="0.25">
      <c r="A24054" s="3">
        <v>41857.711157407408</v>
      </c>
      <c r="B24054" s="6">
        <v>400432.49999999994</v>
      </c>
      <c r="C24054" s="7">
        <f t="shared" si="375"/>
        <v>400.43249999999995</v>
      </c>
      <c r="I24054" s="1"/>
    </row>
    <row r="24055" spans="1:9" x14ac:dyDescent="0.25">
      <c r="A24055" s="3">
        <v>41857.713946759257</v>
      </c>
      <c r="B24055" s="6">
        <v>400449.14999999997</v>
      </c>
      <c r="C24055" s="7">
        <f t="shared" si="375"/>
        <v>400.44914999999997</v>
      </c>
      <c r="I24055" s="1"/>
    </row>
    <row r="24056" spans="1:9" x14ac:dyDescent="0.25">
      <c r="A24056" s="3">
        <v>41857.714224537034</v>
      </c>
      <c r="B24056" s="6">
        <v>400465.8</v>
      </c>
      <c r="C24056" s="7">
        <f t="shared" si="375"/>
        <v>400.4658</v>
      </c>
      <c r="I24056" s="1"/>
    </row>
    <row r="24057" spans="1:9" x14ac:dyDescent="0.25">
      <c r="A24057" s="3">
        <v>41857.716689814813</v>
      </c>
      <c r="B24057" s="6">
        <v>400482.44999999995</v>
      </c>
      <c r="C24057" s="7">
        <f t="shared" si="375"/>
        <v>400.48244999999997</v>
      </c>
      <c r="I24057" s="1"/>
    </row>
    <row r="24058" spans="1:9" x14ac:dyDescent="0.25">
      <c r="A24058" s="3">
        <v>41857.716828703706</v>
      </c>
      <c r="B24058" s="6">
        <v>400499.1</v>
      </c>
      <c r="C24058" s="7">
        <f t="shared" si="375"/>
        <v>400.4991</v>
      </c>
      <c r="I24058" s="1"/>
    </row>
    <row r="24059" spans="1:9" x14ac:dyDescent="0.25">
      <c r="A24059" s="3">
        <v>41857.719212962962</v>
      </c>
      <c r="B24059" s="6">
        <v>400515.74999999994</v>
      </c>
      <c r="C24059" s="7">
        <f t="shared" si="375"/>
        <v>400.51574999999997</v>
      </c>
      <c r="I24059" s="1"/>
    </row>
    <row r="24060" spans="1:9" x14ac:dyDescent="0.25">
      <c r="A24060" s="3">
        <v>41857.719317129631</v>
      </c>
      <c r="B24060" s="6">
        <v>400532.39999999997</v>
      </c>
      <c r="C24060" s="7">
        <f t="shared" si="375"/>
        <v>400.53239999999994</v>
      </c>
      <c r="I24060" s="1"/>
    </row>
    <row r="24061" spans="1:9" x14ac:dyDescent="0.25">
      <c r="A24061" s="3">
        <v>41857.723599537036</v>
      </c>
      <c r="B24061" s="6">
        <v>400549.05</v>
      </c>
      <c r="C24061" s="7">
        <f t="shared" si="375"/>
        <v>400.54904999999997</v>
      </c>
      <c r="I24061" s="1"/>
    </row>
    <row r="24062" spans="1:9" x14ac:dyDescent="0.25">
      <c r="A24062" s="3">
        <v>41857.724178240744</v>
      </c>
      <c r="B24062" s="6">
        <v>400565.69999999995</v>
      </c>
      <c r="C24062" s="7">
        <f t="shared" si="375"/>
        <v>400.56569999999994</v>
      </c>
      <c r="I24062" s="1"/>
    </row>
    <row r="24063" spans="1:9" x14ac:dyDescent="0.25">
      <c r="A24063" s="3">
        <v>41857.725937499999</v>
      </c>
      <c r="B24063" s="6">
        <v>400582.35</v>
      </c>
      <c r="C24063" s="7">
        <f t="shared" si="375"/>
        <v>400.58234999999996</v>
      </c>
      <c r="I24063" s="1"/>
    </row>
    <row r="24064" spans="1:9" x14ac:dyDescent="0.25">
      <c r="A24064" s="3">
        <v>41857.726157407407</v>
      </c>
      <c r="B24064" s="6">
        <v>400598.99999999994</v>
      </c>
      <c r="C24064" s="7">
        <f t="shared" si="375"/>
        <v>400.59899999999993</v>
      </c>
      <c r="I24064" s="1"/>
    </row>
    <row r="24065" spans="1:9" x14ac:dyDescent="0.25">
      <c r="A24065" s="3">
        <v>41857.728043981479</v>
      </c>
      <c r="B24065" s="6">
        <v>400615.64999999997</v>
      </c>
      <c r="C24065" s="7">
        <f t="shared" si="375"/>
        <v>400.61564999999996</v>
      </c>
      <c r="I24065" s="1"/>
    </row>
    <row r="24066" spans="1:9" x14ac:dyDescent="0.25">
      <c r="A24066" s="3">
        <v>41857.728206018517</v>
      </c>
      <c r="B24066" s="6">
        <v>400632.3</v>
      </c>
      <c r="C24066" s="7">
        <f t="shared" si="375"/>
        <v>400.63229999999999</v>
      </c>
      <c r="I24066" s="1"/>
    </row>
    <row r="24067" spans="1:9" x14ac:dyDescent="0.25">
      <c r="A24067" s="3">
        <v>41857.729039351849</v>
      </c>
      <c r="B24067" s="6">
        <v>400648.94999999995</v>
      </c>
      <c r="C24067" s="7">
        <f t="shared" ref="C24067:C24130" si="376">B24067/1000</f>
        <v>400.64894999999996</v>
      </c>
      <c r="I24067" s="1"/>
    </row>
    <row r="24068" spans="1:9" x14ac:dyDescent="0.25">
      <c r="A24068" s="3">
        <v>41857.729201388887</v>
      </c>
      <c r="B24068" s="6">
        <v>400665.59999999998</v>
      </c>
      <c r="C24068" s="7">
        <f t="shared" si="376"/>
        <v>400.66559999999998</v>
      </c>
      <c r="I24068" s="1"/>
    </row>
    <row r="24069" spans="1:9" x14ac:dyDescent="0.25">
      <c r="A24069" s="3">
        <v>41857.730370370373</v>
      </c>
      <c r="B24069" s="6">
        <v>400682.24999999994</v>
      </c>
      <c r="C24069" s="7">
        <f t="shared" si="376"/>
        <v>400.68224999999995</v>
      </c>
      <c r="I24069" s="1"/>
    </row>
    <row r="24070" spans="1:9" x14ac:dyDescent="0.25">
      <c r="A24070" s="3">
        <v>41857.730416666665</v>
      </c>
      <c r="B24070" s="6">
        <v>400698.89999999997</v>
      </c>
      <c r="C24070" s="7">
        <f t="shared" si="376"/>
        <v>400.69889999999998</v>
      </c>
      <c r="I24070" s="1"/>
    </row>
    <row r="24071" spans="1:9" x14ac:dyDescent="0.25">
      <c r="A24071" s="3">
        <v>41857.731273148151</v>
      </c>
      <c r="B24071" s="6">
        <v>400715.55</v>
      </c>
      <c r="C24071" s="7">
        <f t="shared" si="376"/>
        <v>400.71555000000001</v>
      </c>
      <c r="I24071" s="1"/>
    </row>
    <row r="24072" spans="1:9" x14ac:dyDescent="0.25">
      <c r="A24072" s="3">
        <v>41857.731516203705</v>
      </c>
      <c r="B24072" s="6">
        <v>400732.19999999995</v>
      </c>
      <c r="C24072" s="7">
        <f t="shared" si="376"/>
        <v>400.73219999999998</v>
      </c>
      <c r="I24072" s="1"/>
    </row>
    <row r="24073" spans="1:9" x14ac:dyDescent="0.25">
      <c r="A24073" s="3">
        <v>41857.7344212963</v>
      </c>
      <c r="B24073" s="6">
        <v>400748.85</v>
      </c>
      <c r="C24073" s="7">
        <f t="shared" si="376"/>
        <v>400.74885</v>
      </c>
      <c r="I24073" s="1"/>
    </row>
    <row r="24074" spans="1:9" x14ac:dyDescent="0.25">
      <c r="A24074" s="3">
        <v>41857.734548611108</v>
      </c>
      <c r="B24074" s="6">
        <v>400765.49999999994</v>
      </c>
      <c r="C24074" s="7">
        <f t="shared" si="376"/>
        <v>400.76549999999992</v>
      </c>
      <c r="I24074" s="1"/>
    </row>
    <row r="24075" spans="1:9" x14ac:dyDescent="0.25">
      <c r="A24075" s="3">
        <v>41857.736111111109</v>
      </c>
      <c r="B24075" s="6">
        <v>400782.14999999997</v>
      </c>
      <c r="C24075" s="7">
        <f t="shared" si="376"/>
        <v>400.78214999999994</v>
      </c>
      <c r="I24075" s="1"/>
    </row>
    <row r="24076" spans="1:9" x14ac:dyDescent="0.25">
      <c r="A24076" s="3">
        <v>41857.736215277779</v>
      </c>
      <c r="B24076" s="6">
        <v>400798.8</v>
      </c>
      <c r="C24076" s="7">
        <f t="shared" si="376"/>
        <v>400.79879999999997</v>
      </c>
      <c r="I24076" s="1"/>
    </row>
    <row r="24077" spans="1:9" x14ac:dyDescent="0.25">
      <c r="A24077" s="3">
        <v>41857.743807870371</v>
      </c>
      <c r="B24077" s="6">
        <v>400815.44999999995</v>
      </c>
      <c r="C24077" s="7">
        <f t="shared" si="376"/>
        <v>400.81544999999994</v>
      </c>
      <c r="I24077" s="1"/>
    </row>
    <row r="24078" spans="1:9" x14ac:dyDescent="0.25">
      <c r="A24078" s="3">
        <v>41857.743923611109</v>
      </c>
      <c r="B24078" s="6">
        <v>400832.1</v>
      </c>
      <c r="C24078" s="7">
        <f t="shared" si="376"/>
        <v>400.83209999999997</v>
      </c>
      <c r="I24078" s="1"/>
    </row>
    <row r="24079" spans="1:9" x14ac:dyDescent="0.25">
      <c r="A24079" s="3">
        <v>41857.745416666665</v>
      </c>
      <c r="B24079" s="6">
        <v>400848.74999999994</v>
      </c>
      <c r="C24079" s="7">
        <f t="shared" si="376"/>
        <v>400.84874999999994</v>
      </c>
      <c r="I24079" s="1"/>
    </row>
    <row r="24080" spans="1:9" x14ac:dyDescent="0.25">
      <c r="A24080" s="3">
        <v>41857.74627314815</v>
      </c>
      <c r="B24080" s="6">
        <v>400865.39999999997</v>
      </c>
      <c r="C24080" s="7">
        <f t="shared" si="376"/>
        <v>400.86539999999997</v>
      </c>
      <c r="I24080" s="1"/>
    </row>
    <row r="24081" spans="1:9" x14ac:dyDescent="0.25">
      <c r="A24081" s="3">
        <v>41857.751261574071</v>
      </c>
      <c r="B24081" s="6">
        <v>400882.05</v>
      </c>
      <c r="C24081" s="7">
        <f t="shared" si="376"/>
        <v>400.88204999999999</v>
      </c>
      <c r="I24081" s="1"/>
    </row>
    <row r="24082" spans="1:9" x14ac:dyDescent="0.25">
      <c r="A24082" s="3">
        <v>41857.75141203704</v>
      </c>
      <c r="B24082" s="6">
        <v>400898.69999999995</v>
      </c>
      <c r="C24082" s="7">
        <f t="shared" si="376"/>
        <v>400.89869999999996</v>
      </c>
      <c r="I24082" s="1"/>
    </row>
    <row r="24083" spans="1:9" x14ac:dyDescent="0.25">
      <c r="A24083" s="3">
        <v>41857.755115740743</v>
      </c>
      <c r="B24083" s="6">
        <v>400915.35</v>
      </c>
      <c r="C24083" s="7">
        <f t="shared" si="376"/>
        <v>400.91534999999999</v>
      </c>
      <c r="I24083" s="1"/>
    </row>
    <row r="24084" spans="1:9" x14ac:dyDescent="0.25">
      <c r="A24084" s="3">
        <v>41857.755300925928</v>
      </c>
      <c r="B24084" s="6">
        <v>400931.99999999994</v>
      </c>
      <c r="C24084" s="7">
        <f t="shared" si="376"/>
        <v>400.93199999999996</v>
      </c>
      <c r="I24084" s="1"/>
    </row>
    <row r="24085" spans="1:9" x14ac:dyDescent="0.25">
      <c r="A24085" s="3">
        <v>41857.757870370369</v>
      </c>
      <c r="B24085" s="6">
        <v>400948.64999999997</v>
      </c>
      <c r="C24085" s="7">
        <f t="shared" si="376"/>
        <v>400.94864999999999</v>
      </c>
      <c r="I24085" s="1"/>
    </row>
    <row r="24086" spans="1:9" x14ac:dyDescent="0.25">
      <c r="A24086" s="3">
        <v>41857.759444444448</v>
      </c>
      <c r="B24086" s="6">
        <v>400965.3</v>
      </c>
      <c r="C24086" s="7">
        <f t="shared" si="376"/>
        <v>400.96530000000001</v>
      </c>
      <c r="I24086" s="1"/>
    </row>
    <row r="24087" spans="1:9" x14ac:dyDescent="0.25">
      <c r="A24087" s="3">
        <v>41857.761759259258</v>
      </c>
      <c r="B24087" s="6">
        <v>400981.94999999995</v>
      </c>
      <c r="C24087" s="7">
        <f t="shared" si="376"/>
        <v>400.98194999999993</v>
      </c>
      <c r="I24087" s="1"/>
    </row>
    <row r="24088" spans="1:9" x14ac:dyDescent="0.25">
      <c r="A24088" s="3">
        <v>41857.761956018519</v>
      </c>
      <c r="B24088" s="6">
        <v>400998.6</v>
      </c>
      <c r="C24088" s="7">
        <f t="shared" si="376"/>
        <v>400.99859999999995</v>
      </c>
      <c r="I24088" s="1"/>
    </row>
    <row r="24089" spans="1:9" x14ac:dyDescent="0.25">
      <c r="A24089" s="3">
        <v>41857.770555555559</v>
      </c>
      <c r="B24089" s="6">
        <v>401015.24999999994</v>
      </c>
      <c r="C24089" s="7">
        <f t="shared" si="376"/>
        <v>401.01524999999992</v>
      </c>
      <c r="I24089" s="1"/>
    </row>
    <row r="24090" spans="1:9" x14ac:dyDescent="0.25">
      <c r="A24090" s="3">
        <v>41857.770694444444</v>
      </c>
      <c r="B24090" s="6">
        <v>401031.89999999997</v>
      </c>
      <c r="C24090" s="7">
        <f t="shared" si="376"/>
        <v>401.03189999999995</v>
      </c>
      <c r="I24090" s="1"/>
    </row>
    <row r="24091" spans="1:9" x14ac:dyDescent="0.25">
      <c r="A24091" s="3">
        <v>41857.777951388889</v>
      </c>
      <c r="B24091" s="6">
        <v>401048.55</v>
      </c>
      <c r="C24091" s="7">
        <f t="shared" si="376"/>
        <v>401.04854999999998</v>
      </c>
      <c r="I24091" s="1"/>
    </row>
    <row r="24092" spans="1:9" x14ac:dyDescent="0.25">
      <c r="A24092" s="3">
        <v>41857.778032407405</v>
      </c>
      <c r="B24092" s="6">
        <v>401065.19999999995</v>
      </c>
      <c r="C24092" s="7">
        <f t="shared" si="376"/>
        <v>401.06519999999995</v>
      </c>
      <c r="I24092" s="1"/>
    </row>
    <row r="24093" spans="1:9" x14ac:dyDescent="0.25">
      <c r="A24093" s="3">
        <v>41857.782083333332</v>
      </c>
      <c r="B24093" s="6">
        <v>401081.85</v>
      </c>
      <c r="C24093" s="7">
        <f t="shared" si="376"/>
        <v>401.08184999999997</v>
      </c>
      <c r="I24093" s="1"/>
    </row>
    <row r="24094" spans="1:9" x14ac:dyDescent="0.25">
      <c r="A24094" s="3">
        <v>41857.782314814816</v>
      </c>
      <c r="B24094" s="6">
        <v>401098.49999999994</v>
      </c>
      <c r="C24094" s="7">
        <f t="shared" si="376"/>
        <v>401.09849999999994</v>
      </c>
      <c r="I24094" s="1"/>
    </row>
    <row r="24095" spans="1:9" x14ac:dyDescent="0.25">
      <c r="A24095" s="3">
        <v>41857.788437499999</v>
      </c>
      <c r="B24095" s="6">
        <v>401115.14999999997</v>
      </c>
      <c r="C24095" s="7">
        <f t="shared" si="376"/>
        <v>401.11514999999997</v>
      </c>
      <c r="I24095" s="1"/>
    </row>
    <row r="24096" spans="1:9" x14ac:dyDescent="0.25">
      <c r="A24096" s="3">
        <v>41857.788553240738</v>
      </c>
      <c r="B24096" s="6">
        <v>401131.8</v>
      </c>
      <c r="C24096" s="7">
        <f t="shared" si="376"/>
        <v>401.1318</v>
      </c>
      <c r="I24096" s="1"/>
    </row>
    <row r="24097" spans="1:9" x14ac:dyDescent="0.25">
      <c r="A24097" s="3">
        <v>41857.793969907405</v>
      </c>
      <c r="B24097" s="6">
        <v>401148.44999999995</v>
      </c>
      <c r="C24097" s="7">
        <f t="shared" si="376"/>
        <v>401.14844999999997</v>
      </c>
      <c r="I24097" s="1"/>
    </row>
    <row r="24098" spans="1:9" x14ac:dyDescent="0.25">
      <c r="A24098" s="3">
        <v>41857.794930555552</v>
      </c>
      <c r="B24098" s="6">
        <v>401165.1</v>
      </c>
      <c r="C24098" s="7">
        <f t="shared" si="376"/>
        <v>401.1651</v>
      </c>
      <c r="I24098" s="1"/>
    </row>
    <row r="24099" spans="1:9" x14ac:dyDescent="0.25">
      <c r="A24099" s="3">
        <v>41857.79755787037</v>
      </c>
      <c r="B24099" s="6">
        <v>401181.74999999994</v>
      </c>
      <c r="C24099" s="7">
        <f t="shared" si="376"/>
        <v>401.18174999999997</v>
      </c>
      <c r="I24099" s="1"/>
    </row>
    <row r="24100" spans="1:9" x14ac:dyDescent="0.25">
      <c r="A24100" s="3">
        <v>41857.798449074071</v>
      </c>
      <c r="B24100" s="6">
        <v>401198.39999999997</v>
      </c>
      <c r="C24100" s="7">
        <f t="shared" si="376"/>
        <v>401.19839999999999</v>
      </c>
      <c r="I24100" s="1"/>
    </row>
    <row r="24101" spans="1:9" x14ac:dyDescent="0.25">
      <c r="A24101" s="3">
        <v>41857.806296296294</v>
      </c>
      <c r="B24101" s="6">
        <v>401215.05</v>
      </c>
      <c r="C24101" s="7">
        <f t="shared" si="376"/>
        <v>401.21504999999996</v>
      </c>
      <c r="I24101" s="1"/>
    </row>
    <row r="24102" spans="1:9" x14ac:dyDescent="0.25">
      <c r="A24102" s="3">
        <v>41857.806597222225</v>
      </c>
      <c r="B24102" s="6">
        <v>401231.69999999995</v>
      </c>
      <c r="C24102" s="7">
        <f t="shared" si="376"/>
        <v>401.23169999999993</v>
      </c>
      <c r="I24102" s="1"/>
    </row>
    <row r="24103" spans="1:9" x14ac:dyDescent="0.25">
      <c r="A24103" s="3">
        <v>41857.810659722221</v>
      </c>
      <c r="B24103" s="6">
        <v>401248.35</v>
      </c>
      <c r="C24103" s="7">
        <f t="shared" si="376"/>
        <v>401.24834999999996</v>
      </c>
      <c r="I24103" s="1"/>
    </row>
    <row r="24104" spans="1:9" x14ac:dyDescent="0.25">
      <c r="A24104" s="3">
        <v>41857.81082175926</v>
      </c>
      <c r="B24104" s="6">
        <v>401264.99999999994</v>
      </c>
      <c r="C24104" s="7">
        <f t="shared" si="376"/>
        <v>401.26499999999993</v>
      </c>
      <c r="I24104" s="1"/>
    </row>
    <row r="24105" spans="1:9" x14ac:dyDescent="0.25">
      <c r="A24105" s="3">
        <v>41857.822280092594</v>
      </c>
      <c r="B24105" s="6">
        <v>401281.64999999997</v>
      </c>
      <c r="C24105" s="7">
        <f t="shared" si="376"/>
        <v>401.28164999999996</v>
      </c>
      <c r="I24105" s="1"/>
    </row>
    <row r="24106" spans="1:9" x14ac:dyDescent="0.25">
      <c r="A24106" s="3">
        <v>41857.822476851848</v>
      </c>
      <c r="B24106" s="6">
        <v>401298.3</v>
      </c>
      <c r="C24106" s="7">
        <f t="shared" si="376"/>
        <v>401.29829999999998</v>
      </c>
      <c r="I24106" s="1"/>
    </row>
    <row r="24107" spans="1:9" x14ac:dyDescent="0.25">
      <c r="A24107" s="3">
        <v>41888.327627314815</v>
      </c>
      <c r="B24107" s="6">
        <v>401314.94999999995</v>
      </c>
      <c r="C24107" s="7">
        <f t="shared" si="376"/>
        <v>401.31494999999995</v>
      </c>
      <c r="I24107" s="1"/>
    </row>
    <row r="24108" spans="1:9" x14ac:dyDescent="0.25">
      <c r="A24108" s="3">
        <v>41888.3358912037</v>
      </c>
      <c r="B24108" s="6">
        <v>401331.6</v>
      </c>
      <c r="C24108" s="7">
        <f t="shared" si="376"/>
        <v>401.33159999999998</v>
      </c>
      <c r="I24108" s="1"/>
    </row>
    <row r="24109" spans="1:9" x14ac:dyDescent="0.25">
      <c r="A24109" s="3">
        <v>41888.355196759258</v>
      </c>
      <c r="B24109" s="6">
        <v>401348.24999999994</v>
      </c>
      <c r="C24109" s="7">
        <f t="shared" si="376"/>
        <v>401.34824999999995</v>
      </c>
      <c r="I24109" s="1"/>
    </row>
    <row r="24110" spans="1:9" x14ac:dyDescent="0.25">
      <c r="A24110" s="3">
        <v>41888.357083333336</v>
      </c>
      <c r="B24110" s="6">
        <v>401364.89999999997</v>
      </c>
      <c r="C24110" s="7">
        <f t="shared" si="376"/>
        <v>401.36489999999998</v>
      </c>
      <c r="I24110" s="1"/>
    </row>
    <row r="24111" spans="1:9" x14ac:dyDescent="0.25">
      <c r="A24111" s="3">
        <v>41888.371828703705</v>
      </c>
      <c r="B24111" s="6">
        <v>401381.55</v>
      </c>
      <c r="C24111" s="7">
        <f t="shared" si="376"/>
        <v>401.38155</v>
      </c>
      <c r="I24111" s="1"/>
    </row>
    <row r="24112" spans="1:9" x14ac:dyDescent="0.25">
      <c r="A24112" s="3">
        <v>41888.372013888889</v>
      </c>
      <c r="B24112" s="6">
        <v>401398.19999999995</v>
      </c>
      <c r="C24112" s="7">
        <f t="shared" si="376"/>
        <v>401.39819999999997</v>
      </c>
      <c r="I24112" s="1"/>
    </row>
    <row r="24113" spans="1:9" x14ac:dyDescent="0.25">
      <c r="A24113" s="3">
        <v>41888.379537037035</v>
      </c>
      <c r="B24113" s="6">
        <v>401414.85</v>
      </c>
      <c r="C24113" s="7">
        <f t="shared" si="376"/>
        <v>401.41485</v>
      </c>
      <c r="I24113" s="1"/>
    </row>
    <row r="24114" spans="1:9" x14ac:dyDescent="0.25">
      <c r="A24114" s="3">
        <v>41888.379745370374</v>
      </c>
      <c r="B24114" s="6">
        <v>401431.49999999994</v>
      </c>
      <c r="C24114" s="7">
        <f t="shared" si="376"/>
        <v>401.43149999999991</v>
      </c>
      <c r="I24114" s="1"/>
    </row>
    <row r="24115" spans="1:9" x14ac:dyDescent="0.25">
      <c r="A24115" s="3">
        <v>41888.387569444443</v>
      </c>
      <c r="B24115" s="6">
        <v>401448.14999999997</v>
      </c>
      <c r="C24115" s="7">
        <f t="shared" si="376"/>
        <v>401.44814999999994</v>
      </c>
      <c r="I24115" s="1"/>
    </row>
    <row r="24116" spans="1:9" x14ac:dyDescent="0.25">
      <c r="A24116" s="3">
        <v>41888.38790509259</v>
      </c>
      <c r="B24116" s="6">
        <v>401464.8</v>
      </c>
      <c r="C24116" s="7">
        <f t="shared" si="376"/>
        <v>401.46479999999997</v>
      </c>
      <c r="I24116" s="1"/>
    </row>
    <row r="24117" spans="1:9" x14ac:dyDescent="0.25">
      <c r="A24117" s="3">
        <v>41888.396770833337</v>
      </c>
      <c r="B24117" s="6">
        <v>401481.44999999995</v>
      </c>
      <c r="C24117" s="7">
        <f t="shared" si="376"/>
        <v>401.48144999999994</v>
      </c>
      <c r="I24117" s="1"/>
    </row>
    <row r="24118" spans="1:9" x14ac:dyDescent="0.25">
      <c r="A24118" s="3">
        <v>41888.396979166668</v>
      </c>
      <c r="B24118" s="6">
        <v>401498.1</v>
      </c>
      <c r="C24118" s="7">
        <f t="shared" si="376"/>
        <v>401.49809999999997</v>
      </c>
      <c r="I24118" s="1"/>
    </row>
    <row r="24119" spans="1:9" x14ac:dyDescent="0.25">
      <c r="A24119" s="3">
        <v>41888.405752314815</v>
      </c>
      <c r="B24119" s="6">
        <v>401514.74999999994</v>
      </c>
      <c r="C24119" s="7">
        <f t="shared" si="376"/>
        <v>401.51474999999994</v>
      </c>
      <c r="I24119" s="1"/>
    </row>
    <row r="24120" spans="1:9" x14ac:dyDescent="0.25">
      <c r="A24120" s="3">
        <v>41888.407719907409</v>
      </c>
      <c r="B24120" s="6">
        <v>401531.39999999997</v>
      </c>
      <c r="C24120" s="7">
        <f t="shared" si="376"/>
        <v>401.53139999999996</v>
      </c>
      <c r="I24120" s="1"/>
    </row>
    <row r="24121" spans="1:9" x14ac:dyDescent="0.25">
      <c r="A24121" s="3">
        <v>41888.417546296296</v>
      </c>
      <c r="B24121" s="6">
        <v>401548.05</v>
      </c>
      <c r="C24121" s="7">
        <f t="shared" si="376"/>
        <v>401.54804999999999</v>
      </c>
      <c r="I24121" s="1"/>
    </row>
    <row r="24122" spans="1:9" x14ac:dyDescent="0.25">
      <c r="A24122" s="3">
        <v>41888.418726851851</v>
      </c>
      <c r="B24122" s="6">
        <v>401564.69999999995</v>
      </c>
      <c r="C24122" s="7">
        <f t="shared" si="376"/>
        <v>401.56469999999996</v>
      </c>
      <c r="I24122" s="1"/>
    </row>
    <row r="24123" spans="1:9" x14ac:dyDescent="0.25">
      <c r="A24123" s="3">
        <v>41888.424178240741</v>
      </c>
      <c r="B24123" s="6">
        <v>401581.35</v>
      </c>
      <c r="C24123" s="7">
        <f t="shared" si="376"/>
        <v>401.58134999999999</v>
      </c>
      <c r="I24123" s="1"/>
    </row>
    <row r="24124" spans="1:9" x14ac:dyDescent="0.25">
      <c r="A24124" s="3">
        <v>41888.424814814818</v>
      </c>
      <c r="B24124" s="6">
        <v>401597.99999999994</v>
      </c>
      <c r="C24124" s="7">
        <f t="shared" si="376"/>
        <v>401.59799999999996</v>
      </c>
      <c r="I24124" s="1"/>
    </row>
    <row r="24125" spans="1:9" x14ac:dyDescent="0.25">
      <c r="A24125" s="3">
        <v>41888.434386574074</v>
      </c>
      <c r="B24125" s="6">
        <v>401614.64999999997</v>
      </c>
      <c r="C24125" s="7">
        <f t="shared" si="376"/>
        <v>401.61464999999998</v>
      </c>
      <c r="I24125" s="1"/>
    </row>
    <row r="24126" spans="1:9" x14ac:dyDescent="0.25">
      <c r="A24126" s="3">
        <v>41888.434502314813</v>
      </c>
      <c r="B24126" s="6">
        <v>401631.3</v>
      </c>
      <c r="C24126" s="7">
        <f t="shared" si="376"/>
        <v>401.63130000000001</v>
      </c>
      <c r="I24126" s="1"/>
    </row>
    <row r="24127" spans="1:9" x14ac:dyDescent="0.25">
      <c r="A24127" s="3">
        <v>41888.438206018516</v>
      </c>
      <c r="B24127" s="6">
        <v>401647.94999999995</v>
      </c>
      <c r="C24127" s="7">
        <f t="shared" si="376"/>
        <v>401.64794999999998</v>
      </c>
      <c r="I24127" s="1"/>
    </row>
    <row r="24128" spans="1:9" x14ac:dyDescent="0.25">
      <c r="A24128" s="3">
        <v>41888.438402777778</v>
      </c>
      <c r="B24128" s="6">
        <v>401664.6</v>
      </c>
      <c r="C24128" s="7">
        <f t="shared" si="376"/>
        <v>401.66459999999995</v>
      </c>
      <c r="I24128" s="1"/>
    </row>
    <row r="24129" spans="1:9" x14ac:dyDescent="0.25">
      <c r="A24129" s="3">
        <v>41888.441446759258</v>
      </c>
      <c r="B24129" s="6">
        <v>401681.24999999994</v>
      </c>
      <c r="C24129" s="7">
        <f t="shared" si="376"/>
        <v>401.68124999999992</v>
      </c>
      <c r="I24129" s="1"/>
    </row>
    <row r="24130" spans="1:9" x14ac:dyDescent="0.25">
      <c r="A24130" s="3">
        <v>41888.441620370373</v>
      </c>
      <c r="B24130" s="6">
        <v>401697.89999999997</v>
      </c>
      <c r="C24130" s="7">
        <f t="shared" si="376"/>
        <v>401.69789999999995</v>
      </c>
      <c r="I24130" s="1"/>
    </row>
    <row r="24131" spans="1:9" x14ac:dyDescent="0.25">
      <c r="A24131" s="3">
        <v>41888.445949074077</v>
      </c>
      <c r="B24131" s="6">
        <v>401714.55</v>
      </c>
      <c r="C24131" s="7">
        <f t="shared" ref="C24131:C24194" si="377">B24131/1000</f>
        <v>401.71454999999997</v>
      </c>
      <c r="I24131" s="1"/>
    </row>
    <row r="24132" spans="1:9" x14ac:dyDescent="0.25">
      <c r="A24132" s="3">
        <v>41888.446111111109</v>
      </c>
      <c r="B24132" s="6">
        <v>401731.19999999995</v>
      </c>
      <c r="C24132" s="7">
        <f t="shared" si="377"/>
        <v>401.73119999999994</v>
      </c>
      <c r="I24132" s="1"/>
    </row>
    <row r="24133" spans="1:9" x14ac:dyDescent="0.25">
      <c r="A24133" s="3">
        <v>41888.449293981481</v>
      </c>
      <c r="B24133" s="6">
        <v>401747.85</v>
      </c>
      <c r="C24133" s="7">
        <f t="shared" si="377"/>
        <v>401.74784999999997</v>
      </c>
      <c r="I24133" s="1"/>
    </row>
    <row r="24134" spans="1:9" x14ac:dyDescent="0.25">
      <c r="A24134" s="3">
        <v>41888.449918981481</v>
      </c>
      <c r="B24134" s="6">
        <v>401764.49999999994</v>
      </c>
      <c r="C24134" s="7">
        <f t="shared" si="377"/>
        <v>401.76449999999994</v>
      </c>
      <c r="I24134" s="1"/>
    </row>
    <row r="24135" spans="1:9" x14ac:dyDescent="0.25">
      <c r="A24135" s="3">
        <v>41888.454791666663</v>
      </c>
      <c r="B24135" s="6">
        <v>401781.14999999997</v>
      </c>
      <c r="C24135" s="7">
        <f t="shared" si="377"/>
        <v>401.78114999999997</v>
      </c>
      <c r="I24135" s="1"/>
    </row>
    <row r="24136" spans="1:9" x14ac:dyDescent="0.25">
      <c r="A24136" s="3">
        <v>41888.455312500002</v>
      </c>
      <c r="B24136" s="6">
        <v>401797.8</v>
      </c>
      <c r="C24136" s="7">
        <f t="shared" si="377"/>
        <v>401.7978</v>
      </c>
      <c r="I24136" s="1"/>
    </row>
    <row r="24137" spans="1:9" x14ac:dyDescent="0.25">
      <c r="A24137" s="3">
        <v>41888.457187499997</v>
      </c>
      <c r="B24137" s="6">
        <v>401814.44999999995</v>
      </c>
      <c r="C24137" s="7">
        <f t="shared" si="377"/>
        <v>401.81444999999997</v>
      </c>
      <c r="I24137" s="1"/>
    </row>
    <row r="24138" spans="1:9" x14ac:dyDescent="0.25">
      <c r="A24138" s="3">
        <v>41888.457326388889</v>
      </c>
      <c r="B24138" s="6">
        <v>401831.1</v>
      </c>
      <c r="C24138" s="7">
        <f t="shared" si="377"/>
        <v>401.83109999999999</v>
      </c>
      <c r="I24138" s="1"/>
    </row>
    <row r="24139" spans="1:9" x14ac:dyDescent="0.25">
      <c r="A24139" s="3">
        <v>41888.459097222221</v>
      </c>
      <c r="B24139" s="6">
        <v>401847.74999999994</v>
      </c>
      <c r="C24139" s="7">
        <f t="shared" si="377"/>
        <v>401.84774999999996</v>
      </c>
      <c r="I24139" s="1"/>
    </row>
    <row r="24140" spans="1:9" x14ac:dyDescent="0.25">
      <c r="A24140" s="3">
        <v>41888.459664351853</v>
      </c>
      <c r="B24140" s="6">
        <v>401864.39999999997</v>
      </c>
      <c r="C24140" s="7">
        <f t="shared" si="377"/>
        <v>401.86439999999999</v>
      </c>
      <c r="I24140" s="1"/>
    </row>
    <row r="24141" spans="1:9" x14ac:dyDescent="0.25">
      <c r="A24141" s="3">
        <v>41888.463483796295</v>
      </c>
      <c r="B24141" s="6">
        <v>401881.05</v>
      </c>
      <c r="C24141" s="7">
        <f t="shared" si="377"/>
        <v>401.88105000000002</v>
      </c>
      <c r="I24141" s="1"/>
    </row>
    <row r="24142" spans="1:9" x14ac:dyDescent="0.25">
      <c r="A24142" s="3">
        <v>41888.46365740741</v>
      </c>
      <c r="B24142" s="6">
        <v>401897.69999999995</v>
      </c>
      <c r="C24142" s="7">
        <f t="shared" si="377"/>
        <v>401.89769999999993</v>
      </c>
      <c r="I24142" s="1"/>
    </row>
    <row r="24143" spans="1:9" x14ac:dyDescent="0.25">
      <c r="A24143" s="3">
        <v>41888.46565972222</v>
      </c>
      <c r="B24143" s="6">
        <v>401914.35</v>
      </c>
      <c r="C24143" s="7">
        <f t="shared" si="377"/>
        <v>401.91434999999996</v>
      </c>
      <c r="I24143" s="1"/>
    </row>
    <row r="24144" spans="1:9" x14ac:dyDescent="0.25">
      <c r="A24144" s="3">
        <v>41888.466168981482</v>
      </c>
      <c r="B24144" s="6">
        <v>401930.99999999994</v>
      </c>
      <c r="C24144" s="7">
        <f t="shared" si="377"/>
        <v>401.93099999999993</v>
      </c>
      <c r="I24144" s="1"/>
    </row>
    <row r="24145" spans="1:9" x14ac:dyDescent="0.25">
      <c r="A24145" s="3">
        <v>41888.47078703704</v>
      </c>
      <c r="B24145" s="6">
        <v>401947.64999999997</v>
      </c>
      <c r="C24145" s="7">
        <f t="shared" si="377"/>
        <v>401.94764999999995</v>
      </c>
      <c r="I24145" s="1"/>
    </row>
    <row r="24146" spans="1:9" x14ac:dyDescent="0.25">
      <c r="A24146" s="3">
        <v>41888.471250000002</v>
      </c>
      <c r="B24146" s="6">
        <v>401964.3</v>
      </c>
      <c r="C24146" s="7">
        <f t="shared" si="377"/>
        <v>401.96429999999998</v>
      </c>
      <c r="I24146" s="1"/>
    </row>
    <row r="24147" spans="1:9" x14ac:dyDescent="0.25">
      <c r="A24147" s="3">
        <v>41888.47388888889</v>
      </c>
      <c r="B24147" s="6">
        <v>401980.94999999995</v>
      </c>
      <c r="C24147" s="7">
        <f t="shared" si="377"/>
        <v>401.98094999999995</v>
      </c>
      <c r="I24147" s="1"/>
    </row>
    <row r="24148" spans="1:9" x14ac:dyDescent="0.25">
      <c r="A24148" s="3">
        <v>41888.474004629628</v>
      </c>
      <c r="B24148" s="6">
        <v>401997.6</v>
      </c>
      <c r="C24148" s="7">
        <f t="shared" si="377"/>
        <v>401.99759999999998</v>
      </c>
      <c r="I24148" s="1"/>
    </row>
    <row r="24149" spans="1:9" x14ac:dyDescent="0.25">
      <c r="A24149" s="3">
        <v>41888.480057870373</v>
      </c>
      <c r="B24149" s="6">
        <v>402014.24999999994</v>
      </c>
      <c r="C24149" s="7">
        <f t="shared" si="377"/>
        <v>402.01424999999995</v>
      </c>
      <c r="I24149" s="1"/>
    </row>
    <row r="24150" spans="1:9" x14ac:dyDescent="0.25">
      <c r="A24150" s="3">
        <v>41888.480300925927</v>
      </c>
      <c r="B24150" s="6">
        <v>402030.89999999997</v>
      </c>
      <c r="C24150" s="7">
        <f t="shared" si="377"/>
        <v>402.03089999999997</v>
      </c>
      <c r="I24150" s="1"/>
    </row>
    <row r="24151" spans="1:9" x14ac:dyDescent="0.25">
      <c r="A24151" s="3">
        <v>41888.486087962963</v>
      </c>
      <c r="B24151" s="6">
        <v>402047.55</v>
      </c>
      <c r="C24151" s="7">
        <f t="shared" si="377"/>
        <v>402.04755</v>
      </c>
      <c r="I24151" s="1"/>
    </row>
    <row r="24152" spans="1:9" x14ac:dyDescent="0.25">
      <c r="A24152" s="3">
        <v>41888.486168981479</v>
      </c>
      <c r="B24152" s="6">
        <v>402064.19999999995</v>
      </c>
      <c r="C24152" s="7">
        <f t="shared" si="377"/>
        <v>402.06419999999997</v>
      </c>
      <c r="I24152" s="1"/>
    </row>
    <row r="24153" spans="1:9" x14ac:dyDescent="0.25">
      <c r="A24153" s="3">
        <v>41888.488113425927</v>
      </c>
      <c r="B24153" s="6">
        <v>402080.85</v>
      </c>
      <c r="C24153" s="7">
        <f t="shared" si="377"/>
        <v>402.08085</v>
      </c>
      <c r="I24153" s="1"/>
    </row>
    <row r="24154" spans="1:9" x14ac:dyDescent="0.25">
      <c r="A24154" s="3">
        <v>41888.488217592596</v>
      </c>
      <c r="B24154" s="6">
        <v>402097.49999999994</v>
      </c>
      <c r="C24154" s="7">
        <f t="shared" si="377"/>
        <v>402.09749999999997</v>
      </c>
      <c r="I24154" s="1"/>
    </row>
    <row r="24155" spans="1:9" x14ac:dyDescent="0.25">
      <c r="A24155" s="3">
        <v>41888.491053240738</v>
      </c>
      <c r="B24155" s="6">
        <v>402114.14999999997</v>
      </c>
      <c r="C24155" s="7">
        <f t="shared" si="377"/>
        <v>402.11414999999994</v>
      </c>
      <c r="I24155" s="1"/>
    </row>
    <row r="24156" spans="1:9" x14ac:dyDescent="0.25">
      <c r="A24156" s="3">
        <v>41888.491157407407</v>
      </c>
      <c r="B24156" s="6">
        <v>402130.8</v>
      </c>
      <c r="C24156" s="7">
        <f t="shared" si="377"/>
        <v>402.13079999999997</v>
      </c>
      <c r="I24156" s="1"/>
    </row>
    <row r="24157" spans="1:9" x14ac:dyDescent="0.25">
      <c r="A24157" s="3">
        <v>41888.492164351854</v>
      </c>
      <c r="B24157" s="6">
        <v>402147.44999999995</v>
      </c>
      <c r="C24157" s="7">
        <f t="shared" si="377"/>
        <v>402.14744999999994</v>
      </c>
      <c r="I24157" s="1"/>
    </row>
    <row r="24158" spans="1:9" x14ac:dyDescent="0.25">
      <c r="A24158" s="3">
        <v>41888.492256944446</v>
      </c>
      <c r="B24158" s="6">
        <v>402164.1</v>
      </c>
      <c r="C24158" s="7">
        <f t="shared" si="377"/>
        <v>402.16409999999996</v>
      </c>
      <c r="I24158" s="1"/>
    </row>
    <row r="24159" spans="1:9" x14ac:dyDescent="0.25">
      <c r="A24159" s="3">
        <v>41888.494768518518</v>
      </c>
      <c r="B24159" s="6">
        <v>402180.74999999994</v>
      </c>
      <c r="C24159" s="7">
        <f t="shared" si="377"/>
        <v>402.18074999999993</v>
      </c>
      <c r="I24159" s="1"/>
    </row>
    <row r="24160" spans="1:9" x14ac:dyDescent="0.25">
      <c r="A24160" s="3">
        <v>41888.494942129626</v>
      </c>
      <c r="B24160" s="6">
        <v>402197.39999999997</v>
      </c>
      <c r="C24160" s="7">
        <f t="shared" si="377"/>
        <v>402.19739999999996</v>
      </c>
      <c r="I24160" s="1"/>
    </row>
    <row r="24161" spans="1:9" x14ac:dyDescent="0.25">
      <c r="A24161" s="3">
        <v>41888.500520833331</v>
      </c>
      <c r="B24161" s="6">
        <v>402214.05</v>
      </c>
      <c r="C24161" s="7">
        <f t="shared" si="377"/>
        <v>402.21404999999999</v>
      </c>
      <c r="I24161" s="1"/>
    </row>
    <row r="24162" spans="1:9" x14ac:dyDescent="0.25">
      <c r="A24162" s="3">
        <v>41888.500636574077</v>
      </c>
      <c r="B24162" s="6">
        <v>402230.69999999995</v>
      </c>
      <c r="C24162" s="7">
        <f t="shared" si="377"/>
        <v>402.23069999999996</v>
      </c>
      <c r="I24162" s="1"/>
    </row>
    <row r="24163" spans="1:9" x14ac:dyDescent="0.25">
      <c r="A24163" s="3">
        <v>41888.503101851849</v>
      </c>
      <c r="B24163" s="6">
        <v>402247.35</v>
      </c>
      <c r="C24163" s="7">
        <f t="shared" si="377"/>
        <v>402.24734999999998</v>
      </c>
      <c r="I24163" s="1"/>
    </row>
    <row r="24164" spans="1:9" x14ac:dyDescent="0.25">
      <c r="A24164" s="3">
        <v>41888.503321759257</v>
      </c>
      <c r="B24164" s="6">
        <v>402263.99999999994</v>
      </c>
      <c r="C24164" s="7">
        <f t="shared" si="377"/>
        <v>402.26399999999995</v>
      </c>
      <c r="I24164" s="1"/>
    </row>
    <row r="24165" spans="1:9" x14ac:dyDescent="0.25">
      <c r="A24165" s="3">
        <v>41888.505636574075</v>
      </c>
      <c r="B24165" s="6">
        <v>402280.64999999997</v>
      </c>
      <c r="C24165" s="7">
        <f t="shared" si="377"/>
        <v>402.28064999999998</v>
      </c>
      <c r="I24165" s="1"/>
    </row>
    <row r="24166" spans="1:9" x14ac:dyDescent="0.25">
      <c r="A24166" s="3">
        <v>41888.505740740744</v>
      </c>
      <c r="B24166" s="6">
        <v>402297.3</v>
      </c>
      <c r="C24166" s="7">
        <f t="shared" si="377"/>
        <v>402.29730000000001</v>
      </c>
      <c r="I24166" s="1"/>
    </row>
    <row r="24167" spans="1:9" x14ac:dyDescent="0.25">
      <c r="A24167" s="3">
        <v>41888.5080787037</v>
      </c>
      <c r="B24167" s="6">
        <v>402313.94999999995</v>
      </c>
      <c r="C24167" s="7">
        <f t="shared" si="377"/>
        <v>402.31394999999998</v>
      </c>
      <c r="I24167" s="1"/>
    </row>
    <row r="24168" spans="1:9" x14ac:dyDescent="0.25">
      <c r="A24168" s="3">
        <v>41888.508379629631</v>
      </c>
      <c r="B24168" s="6">
        <v>402330.6</v>
      </c>
      <c r="C24168" s="7">
        <f t="shared" si="377"/>
        <v>402.3306</v>
      </c>
      <c r="I24168" s="1"/>
    </row>
    <row r="24169" spans="1:9" x14ac:dyDescent="0.25">
      <c r="A24169" s="3">
        <v>41888.510405092595</v>
      </c>
      <c r="B24169" s="6">
        <v>402347.24999999994</v>
      </c>
      <c r="C24169" s="7">
        <f t="shared" si="377"/>
        <v>402.34724999999992</v>
      </c>
      <c r="I24169" s="1"/>
    </row>
    <row r="24170" spans="1:9" x14ac:dyDescent="0.25">
      <c r="A24170" s="3">
        <v>41888.510474537034</v>
      </c>
      <c r="B24170" s="6">
        <v>402363.89999999997</v>
      </c>
      <c r="C24170" s="7">
        <f t="shared" si="377"/>
        <v>402.36389999999994</v>
      </c>
      <c r="I24170" s="1"/>
    </row>
    <row r="24171" spans="1:9" x14ac:dyDescent="0.25">
      <c r="A24171" s="3">
        <v>41888.512152777781</v>
      </c>
      <c r="B24171" s="6">
        <v>402380.55</v>
      </c>
      <c r="C24171" s="7">
        <f t="shared" si="377"/>
        <v>402.38054999999997</v>
      </c>
      <c r="I24171" s="1"/>
    </row>
    <row r="24172" spans="1:9" x14ac:dyDescent="0.25">
      <c r="A24172" s="3">
        <v>41888.512280092589</v>
      </c>
      <c r="B24172" s="6">
        <v>402397.19999999995</v>
      </c>
      <c r="C24172" s="7">
        <f t="shared" si="377"/>
        <v>402.39719999999994</v>
      </c>
      <c r="I24172" s="1"/>
    </row>
    <row r="24173" spans="1:9" x14ac:dyDescent="0.25">
      <c r="A24173" s="3">
        <v>41888.514710648145</v>
      </c>
      <c r="B24173" s="6">
        <v>402413.85</v>
      </c>
      <c r="C24173" s="7">
        <f t="shared" si="377"/>
        <v>402.41384999999997</v>
      </c>
      <c r="I24173" s="1"/>
    </row>
    <row r="24174" spans="1:9" x14ac:dyDescent="0.25">
      <c r="A24174" s="3">
        <v>41888.514837962961</v>
      </c>
      <c r="B24174" s="6">
        <v>402430.49999999994</v>
      </c>
      <c r="C24174" s="7">
        <f t="shared" si="377"/>
        <v>402.43049999999994</v>
      </c>
      <c r="I24174" s="1"/>
    </row>
    <row r="24175" spans="1:9" x14ac:dyDescent="0.25">
      <c r="A24175" s="3">
        <v>41888.518055555556</v>
      </c>
      <c r="B24175" s="6">
        <v>402447.14999999997</v>
      </c>
      <c r="C24175" s="7">
        <f t="shared" si="377"/>
        <v>402.44714999999997</v>
      </c>
      <c r="I24175" s="1"/>
    </row>
    <row r="24176" spans="1:9" x14ac:dyDescent="0.25">
      <c r="A24176" s="3">
        <v>41888.518229166664</v>
      </c>
      <c r="B24176" s="6">
        <v>402463.8</v>
      </c>
      <c r="C24176" s="7">
        <f t="shared" si="377"/>
        <v>402.46379999999999</v>
      </c>
      <c r="I24176" s="1"/>
    </row>
    <row r="24177" spans="1:9" x14ac:dyDescent="0.25">
      <c r="A24177" s="3">
        <v>41888.519074074073</v>
      </c>
      <c r="B24177" s="6">
        <v>402480.44999999995</v>
      </c>
      <c r="C24177" s="7">
        <f t="shared" si="377"/>
        <v>402.48044999999996</v>
      </c>
      <c r="I24177" s="1"/>
    </row>
    <row r="24178" spans="1:9" x14ac:dyDescent="0.25">
      <c r="A24178" s="3">
        <v>41888.519189814811</v>
      </c>
      <c r="B24178" s="6">
        <v>402497.1</v>
      </c>
      <c r="C24178" s="7">
        <f t="shared" si="377"/>
        <v>402.49709999999999</v>
      </c>
      <c r="I24178" s="1"/>
    </row>
    <row r="24179" spans="1:9" x14ac:dyDescent="0.25">
      <c r="A24179" s="3">
        <v>41888.520543981482</v>
      </c>
      <c r="B24179" s="6">
        <v>402513.74999999994</v>
      </c>
      <c r="C24179" s="7">
        <f t="shared" si="377"/>
        <v>402.51374999999996</v>
      </c>
      <c r="I24179" s="1"/>
    </row>
    <row r="24180" spans="1:9" x14ac:dyDescent="0.25">
      <c r="A24180" s="3">
        <v>41888.520775462966</v>
      </c>
      <c r="B24180" s="6">
        <v>402530.39999999997</v>
      </c>
      <c r="C24180" s="7">
        <f t="shared" si="377"/>
        <v>402.53039999999999</v>
      </c>
      <c r="I24180" s="1"/>
    </row>
    <row r="24181" spans="1:9" x14ac:dyDescent="0.25">
      <c r="A24181" s="3">
        <v>41888.523923611108</v>
      </c>
      <c r="B24181" s="6">
        <v>402547.05</v>
      </c>
      <c r="C24181" s="7">
        <f t="shared" si="377"/>
        <v>402.54705000000001</v>
      </c>
      <c r="I24181" s="1"/>
    </row>
    <row r="24182" spans="1:9" x14ac:dyDescent="0.25">
      <c r="A24182" s="3">
        <v>41888.524027777778</v>
      </c>
      <c r="B24182" s="6">
        <v>402563.69999999995</v>
      </c>
      <c r="C24182" s="7">
        <f t="shared" si="377"/>
        <v>402.56369999999993</v>
      </c>
      <c r="I24182" s="1"/>
    </row>
    <row r="24183" spans="1:9" x14ac:dyDescent="0.25">
      <c r="A24183" s="3">
        <v>41888.526018518518</v>
      </c>
      <c r="B24183" s="6">
        <v>402580.35</v>
      </c>
      <c r="C24183" s="7">
        <f t="shared" si="377"/>
        <v>402.58034999999995</v>
      </c>
      <c r="I24183" s="1"/>
    </row>
    <row r="24184" spans="1:9" x14ac:dyDescent="0.25">
      <c r="A24184" s="3">
        <v>41888.526250000003</v>
      </c>
      <c r="B24184" s="6">
        <v>402596.99999999994</v>
      </c>
      <c r="C24184" s="7">
        <f t="shared" si="377"/>
        <v>402.59699999999992</v>
      </c>
      <c r="I24184" s="1"/>
    </row>
    <row r="24185" spans="1:9" x14ac:dyDescent="0.25">
      <c r="A24185" s="3">
        <v>41888.528287037036</v>
      </c>
      <c r="B24185" s="6">
        <v>402613.64999999997</v>
      </c>
      <c r="C24185" s="7">
        <f t="shared" si="377"/>
        <v>402.61364999999995</v>
      </c>
      <c r="I24185" s="1"/>
    </row>
    <row r="24186" spans="1:9" x14ac:dyDescent="0.25">
      <c r="A24186" s="3">
        <v>41888.528368055559</v>
      </c>
      <c r="B24186" s="6">
        <v>402630.3</v>
      </c>
      <c r="C24186" s="7">
        <f t="shared" si="377"/>
        <v>402.63029999999998</v>
      </c>
      <c r="I24186" s="1"/>
    </row>
    <row r="24187" spans="1:9" x14ac:dyDescent="0.25">
      <c r="A24187" s="3">
        <v>41888.531678240739</v>
      </c>
      <c r="B24187" s="6">
        <v>402646.94999999995</v>
      </c>
      <c r="C24187" s="7">
        <f t="shared" si="377"/>
        <v>402.64694999999995</v>
      </c>
      <c r="I24187" s="1"/>
    </row>
    <row r="24188" spans="1:9" x14ac:dyDescent="0.25">
      <c r="A24188" s="3">
        <v>41888.531782407408</v>
      </c>
      <c r="B24188" s="6">
        <v>402663.6</v>
      </c>
      <c r="C24188" s="7">
        <f t="shared" si="377"/>
        <v>402.66359999999997</v>
      </c>
      <c r="I24188" s="1"/>
    </row>
    <row r="24189" spans="1:9" x14ac:dyDescent="0.25">
      <c r="A24189" s="3">
        <v>41888.535057870373</v>
      </c>
      <c r="B24189" s="6">
        <v>402680.24999999994</v>
      </c>
      <c r="C24189" s="7">
        <f t="shared" si="377"/>
        <v>402.68024999999994</v>
      </c>
      <c r="I24189" s="1"/>
    </row>
    <row r="24190" spans="1:9" x14ac:dyDescent="0.25">
      <c r="A24190" s="3">
        <v>41888.535462962966</v>
      </c>
      <c r="B24190" s="6">
        <v>402696.89999999997</v>
      </c>
      <c r="C24190" s="7">
        <f t="shared" si="377"/>
        <v>402.69689999999997</v>
      </c>
      <c r="I24190" s="1"/>
    </row>
    <row r="24191" spans="1:9" x14ac:dyDescent="0.25">
      <c r="A24191" s="3">
        <v>41888.537326388891</v>
      </c>
      <c r="B24191" s="6">
        <v>402713.55</v>
      </c>
      <c r="C24191" s="7">
        <f t="shared" si="377"/>
        <v>402.71355</v>
      </c>
      <c r="I24191" s="1"/>
    </row>
    <row r="24192" spans="1:9" x14ac:dyDescent="0.25">
      <c r="A24192" s="3">
        <v>41888.537476851852</v>
      </c>
      <c r="B24192" s="6">
        <v>402730.19999999995</v>
      </c>
      <c r="C24192" s="7">
        <f t="shared" si="377"/>
        <v>402.73019999999997</v>
      </c>
      <c r="I24192" s="1"/>
    </row>
    <row r="24193" spans="1:9" x14ac:dyDescent="0.25">
      <c r="A24193" s="3">
        <v>41888.538900462961</v>
      </c>
      <c r="B24193" s="6">
        <v>402746.85</v>
      </c>
      <c r="C24193" s="7">
        <f t="shared" si="377"/>
        <v>402.74684999999999</v>
      </c>
      <c r="I24193" s="1"/>
    </row>
    <row r="24194" spans="1:9" x14ac:dyDescent="0.25">
      <c r="A24194" s="3">
        <v>41888.538981481484</v>
      </c>
      <c r="B24194" s="6">
        <v>402763.49999999994</v>
      </c>
      <c r="C24194" s="7">
        <f t="shared" si="377"/>
        <v>402.76349999999996</v>
      </c>
      <c r="I24194" s="1"/>
    </row>
    <row r="24195" spans="1:9" x14ac:dyDescent="0.25">
      <c r="A24195" s="3">
        <v>41888.541481481479</v>
      </c>
      <c r="B24195" s="6">
        <v>402780.14999999997</v>
      </c>
      <c r="C24195" s="7">
        <f t="shared" ref="C24195:C24258" si="378">B24195/1000</f>
        <v>402.78014999999999</v>
      </c>
      <c r="I24195" s="1"/>
    </row>
    <row r="24196" spans="1:9" x14ac:dyDescent="0.25">
      <c r="A24196" s="3">
        <v>41888.541689814818</v>
      </c>
      <c r="B24196" s="6">
        <v>402796.79999999999</v>
      </c>
      <c r="C24196" s="7">
        <f t="shared" si="378"/>
        <v>402.79679999999996</v>
      </c>
      <c r="I24196" s="1"/>
    </row>
    <row r="24197" spans="1:9" x14ac:dyDescent="0.25">
      <c r="A24197" s="3">
        <v>41888.543206018519</v>
      </c>
      <c r="B24197" s="6">
        <v>402813.44999999995</v>
      </c>
      <c r="C24197" s="7">
        <f t="shared" si="378"/>
        <v>402.81344999999993</v>
      </c>
      <c r="I24197" s="1"/>
    </row>
    <row r="24198" spans="1:9" x14ac:dyDescent="0.25">
      <c r="A24198" s="3">
        <v>41888.543344907404</v>
      </c>
      <c r="B24198" s="6">
        <v>402830.1</v>
      </c>
      <c r="C24198" s="7">
        <f t="shared" si="378"/>
        <v>402.83009999999996</v>
      </c>
      <c r="I24198" s="1"/>
    </row>
    <row r="24199" spans="1:9" x14ac:dyDescent="0.25">
      <c r="A24199" s="3">
        <v>41888.544664351852</v>
      </c>
      <c r="B24199" s="6">
        <v>402846.74999999994</v>
      </c>
      <c r="C24199" s="7">
        <f t="shared" si="378"/>
        <v>402.84674999999993</v>
      </c>
      <c r="I24199" s="1"/>
    </row>
    <row r="24200" spans="1:9" x14ac:dyDescent="0.25">
      <c r="A24200" s="3">
        <v>41888.545763888891</v>
      </c>
      <c r="B24200" s="6">
        <v>402863.39999999997</v>
      </c>
      <c r="C24200" s="7">
        <f t="shared" si="378"/>
        <v>402.86339999999996</v>
      </c>
      <c r="I24200" s="1"/>
    </row>
    <row r="24201" spans="1:9" x14ac:dyDescent="0.25">
      <c r="A24201" s="3">
        <v>41888.548032407409</v>
      </c>
      <c r="B24201" s="6">
        <v>402880.05</v>
      </c>
      <c r="C24201" s="7">
        <f t="shared" si="378"/>
        <v>402.88004999999998</v>
      </c>
      <c r="I24201" s="1"/>
    </row>
    <row r="24202" spans="1:9" x14ac:dyDescent="0.25">
      <c r="A24202" s="3">
        <v>41888.548159722224</v>
      </c>
      <c r="B24202" s="6">
        <v>402896.69999999995</v>
      </c>
      <c r="C24202" s="7">
        <f t="shared" si="378"/>
        <v>402.89669999999995</v>
      </c>
      <c r="I24202" s="1"/>
    </row>
    <row r="24203" spans="1:9" x14ac:dyDescent="0.25">
      <c r="A24203" s="3">
        <v>41888.549837962964</v>
      </c>
      <c r="B24203" s="6">
        <v>402913.35</v>
      </c>
      <c r="C24203" s="7">
        <f t="shared" si="378"/>
        <v>402.91334999999998</v>
      </c>
      <c r="I24203" s="1"/>
    </row>
    <row r="24204" spans="1:9" x14ac:dyDescent="0.25">
      <c r="A24204" s="3">
        <v>41888.549942129626</v>
      </c>
      <c r="B24204" s="6">
        <v>402929.99999999994</v>
      </c>
      <c r="C24204" s="7">
        <f t="shared" si="378"/>
        <v>402.92999999999995</v>
      </c>
      <c r="I24204" s="1"/>
    </row>
    <row r="24205" spans="1:9" x14ac:dyDescent="0.25">
      <c r="A24205" s="3">
        <v>41888.551168981481</v>
      </c>
      <c r="B24205" s="6">
        <v>402946.64999999997</v>
      </c>
      <c r="C24205" s="7">
        <f t="shared" si="378"/>
        <v>402.94664999999998</v>
      </c>
      <c r="I24205" s="1"/>
    </row>
    <row r="24206" spans="1:9" x14ac:dyDescent="0.25">
      <c r="A24206" s="3">
        <v>41888.551388888889</v>
      </c>
      <c r="B24206" s="6">
        <v>402963.3</v>
      </c>
      <c r="C24206" s="7">
        <f t="shared" si="378"/>
        <v>402.9633</v>
      </c>
      <c r="I24206" s="1"/>
    </row>
    <row r="24207" spans="1:9" x14ac:dyDescent="0.25">
      <c r="A24207" s="3">
        <v>41888.553761574076</v>
      </c>
      <c r="B24207" s="6">
        <v>402979.94999999995</v>
      </c>
      <c r="C24207" s="7">
        <f t="shared" si="378"/>
        <v>402.97994999999997</v>
      </c>
      <c r="I24207" s="1"/>
    </row>
    <row r="24208" spans="1:9" x14ac:dyDescent="0.25">
      <c r="A24208" s="3">
        <v>41888.553900462961</v>
      </c>
      <c r="B24208" s="6">
        <v>402996.6</v>
      </c>
      <c r="C24208" s="7">
        <f t="shared" si="378"/>
        <v>402.9966</v>
      </c>
      <c r="I24208" s="1"/>
    </row>
    <row r="24209" spans="1:9" x14ac:dyDescent="0.25">
      <c r="A24209" s="3">
        <v>41888.556122685186</v>
      </c>
      <c r="B24209" s="6">
        <v>403013.24999999994</v>
      </c>
      <c r="C24209" s="7">
        <f t="shared" si="378"/>
        <v>403.01324999999991</v>
      </c>
      <c r="I24209" s="1"/>
    </row>
    <row r="24210" spans="1:9" x14ac:dyDescent="0.25">
      <c r="A24210" s="3">
        <v>41888.556307870371</v>
      </c>
      <c r="B24210" s="6">
        <v>403029.89999999997</v>
      </c>
      <c r="C24210" s="7">
        <f t="shared" si="378"/>
        <v>403.02989999999994</v>
      </c>
      <c r="I24210" s="1"/>
    </row>
    <row r="24211" spans="1:9" x14ac:dyDescent="0.25">
      <c r="A24211" s="3">
        <v>41888.560254629629</v>
      </c>
      <c r="B24211" s="6">
        <v>403046.55</v>
      </c>
      <c r="C24211" s="7">
        <f t="shared" si="378"/>
        <v>403.04654999999997</v>
      </c>
      <c r="I24211" s="1"/>
    </row>
    <row r="24212" spans="1:9" x14ac:dyDescent="0.25">
      <c r="A24212" s="3">
        <v>41888.560474537036</v>
      </c>
      <c r="B24212" s="6">
        <v>403063.19999999995</v>
      </c>
      <c r="C24212" s="7">
        <f t="shared" si="378"/>
        <v>403.06319999999994</v>
      </c>
      <c r="I24212" s="1"/>
    </row>
    <row r="24213" spans="1:9" x14ac:dyDescent="0.25">
      <c r="A24213" s="3">
        <v>41888.563067129631</v>
      </c>
      <c r="B24213" s="6">
        <v>403079.85</v>
      </c>
      <c r="C24213" s="7">
        <f t="shared" si="378"/>
        <v>403.07984999999996</v>
      </c>
      <c r="I24213" s="1"/>
    </row>
    <row r="24214" spans="1:9" x14ac:dyDescent="0.25">
      <c r="A24214" s="3">
        <v>41888.563298611109</v>
      </c>
      <c r="B24214" s="6">
        <v>403096.49999999994</v>
      </c>
      <c r="C24214" s="7">
        <f t="shared" si="378"/>
        <v>403.09649999999993</v>
      </c>
      <c r="I24214" s="1"/>
    </row>
    <row r="24215" spans="1:9" x14ac:dyDescent="0.25">
      <c r="A24215" s="3">
        <v>41888.567372685182</v>
      </c>
      <c r="B24215" s="6">
        <v>403113.14999999997</v>
      </c>
      <c r="C24215" s="7">
        <f t="shared" si="378"/>
        <v>403.11314999999996</v>
      </c>
      <c r="I24215" s="1"/>
    </row>
    <row r="24216" spans="1:9" x14ac:dyDescent="0.25">
      <c r="A24216" s="3">
        <v>41888.567511574074</v>
      </c>
      <c r="B24216" s="6">
        <v>403129.8</v>
      </c>
      <c r="C24216" s="7">
        <f t="shared" si="378"/>
        <v>403.12979999999999</v>
      </c>
      <c r="I24216" s="1"/>
    </row>
    <row r="24217" spans="1:9" x14ac:dyDescent="0.25">
      <c r="A24217" s="3">
        <v>41888.570694444446</v>
      </c>
      <c r="B24217" s="6">
        <v>403146.44999999995</v>
      </c>
      <c r="C24217" s="7">
        <f t="shared" si="378"/>
        <v>403.14644999999996</v>
      </c>
      <c r="I24217" s="1"/>
    </row>
    <row r="24218" spans="1:9" x14ac:dyDescent="0.25">
      <c r="A24218" s="3">
        <v>41888.570856481485</v>
      </c>
      <c r="B24218" s="6">
        <v>403163.1</v>
      </c>
      <c r="C24218" s="7">
        <f t="shared" si="378"/>
        <v>403.16309999999999</v>
      </c>
      <c r="I24218" s="1"/>
    </row>
    <row r="24219" spans="1:9" x14ac:dyDescent="0.25">
      <c r="A24219" s="3">
        <v>41888.573564814818</v>
      </c>
      <c r="B24219" s="6">
        <v>403179.74999999994</v>
      </c>
      <c r="C24219" s="7">
        <f t="shared" si="378"/>
        <v>403.17974999999996</v>
      </c>
      <c r="I24219" s="1"/>
    </row>
    <row r="24220" spans="1:9" x14ac:dyDescent="0.25">
      <c r="A24220" s="3">
        <v>41888.573738425926</v>
      </c>
      <c r="B24220" s="6">
        <v>403196.39999999997</v>
      </c>
      <c r="C24220" s="7">
        <f t="shared" si="378"/>
        <v>403.19639999999998</v>
      </c>
      <c r="I24220" s="1"/>
    </row>
    <row r="24221" spans="1:9" x14ac:dyDescent="0.25">
      <c r="A24221" s="3">
        <v>41888.577905092592</v>
      </c>
      <c r="B24221" s="6">
        <v>403213.05</v>
      </c>
      <c r="C24221" s="7">
        <f t="shared" si="378"/>
        <v>403.21305000000001</v>
      </c>
      <c r="I24221" s="1"/>
    </row>
    <row r="24222" spans="1:9" x14ac:dyDescent="0.25">
      <c r="A24222" s="3">
        <v>41888.578055555554</v>
      </c>
      <c r="B24222" s="6">
        <v>403229.69999999995</v>
      </c>
      <c r="C24222" s="7">
        <f t="shared" si="378"/>
        <v>403.22969999999998</v>
      </c>
      <c r="I24222" s="1"/>
    </row>
    <row r="24223" spans="1:9" x14ac:dyDescent="0.25">
      <c r="A24223" s="3">
        <v>41888.580520833333</v>
      </c>
      <c r="B24223" s="6">
        <v>403246.35</v>
      </c>
      <c r="C24223" s="7">
        <f t="shared" si="378"/>
        <v>403.24634999999995</v>
      </c>
      <c r="I24223" s="1"/>
    </row>
    <row r="24224" spans="1:9" x14ac:dyDescent="0.25">
      <c r="A24224" s="3">
        <v>41888.580925925926</v>
      </c>
      <c r="B24224" s="6">
        <v>403262.99999999994</v>
      </c>
      <c r="C24224" s="7">
        <f t="shared" si="378"/>
        <v>403.26299999999992</v>
      </c>
      <c r="I24224" s="1"/>
    </row>
    <row r="24225" spans="1:9" x14ac:dyDescent="0.25">
      <c r="A24225" s="3">
        <v>41888.584918981483</v>
      </c>
      <c r="B24225" s="6">
        <v>403279.64999999997</v>
      </c>
      <c r="C24225" s="7">
        <f t="shared" si="378"/>
        <v>403.27964999999995</v>
      </c>
      <c r="I24225" s="1"/>
    </row>
    <row r="24226" spans="1:9" x14ac:dyDescent="0.25">
      <c r="A24226" s="3">
        <v>41888.585023148145</v>
      </c>
      <c r="B24226" s="6">
        <v>403296.3</v>
      </c>
      <c r="C24226" s="7">
        <f t="shared" si="378"/>
        <v>403.29629999999997</v>
      </c>
      <c r="I24226" s="1"/>
    </row>
    <row r="24227" spans="1:9" x14ac:dyDescent="0.25">
      <c r="A24227" s="3">
        <v>41888.587812500002</v>
      </c>
      <c r="B24227" s="6">
        <v>403312.94999999995</v>
      </c>
      <c r="C24227" s="7">
        <f t="shared" si="378"/>
        <v>403.31294999999994</v>
      </c>
      <c r="I24227" s="1"/>
    </row>
    <row r="24228" spans="1:9" x14ac:dyDescent="0.25">
      <c r="A24228" s="3">
        <v>41888.587905092594</v>
      </c>
      <c r="B24228" s="6">
        <v>403329.6</v>
      </c>
      <c r="C24228" s="7">
        <f t="shared" si="378"/>
        <v>403.32959999999997</v>
      </c>
      <c r="I24228" s="1"/>
    </row>
    <row r="24229" spans="1:9" x14ac:dyDescent="0.25">
      <c r="A24229" s="3">
        <v>41888.590520833335</v>
      </c>
      <c r="B24229" s="6">
        <v>403346.24999999994</v>
      </c>
      <c r="C24229" s="7">
        <f t="shared" si="378"/>
        <v>403.34624999999994</v>
      </c>
      <c r="I24229" s="1"/>
    </row>
    <row r="24230" spans="1:9" x14ac:dyDescent="0.25">
      <c r="A24230" s="3">
        <v>41888.591666666667</v>
      </c>
      <c r="B24230" s="6">
        <v>403362.89999999997</v>
      </c>
      <c r="C24230" s="7">
        <f t="shared" si="378"/>
        <v>403.36289999999997</v>
      </c>
      <c r="I24230" s="1"/>
    </row>
    <row r="24231" spans="1:9" x14ac:dyDescent="0.25">
      <c r="A24231" s="3">
        <v>41888.592789351853</v>
      </c>
      <c r="B24231" s="6">
        <v>403379.55</v>
      </c>
      <c r="C24231" s="7">
        <f t="shared" si="378"/>
        <v>403.37954999999999</v>
      </c>
      <c r="I24231" s="1"/>
    </row>
    <row r="24232" spans="1:9" x14ac:dyDescent="0.25">
      <c r="A24232" s="3">
        <v>41888.592986111114</v>
      </c>
      <c r="B24232" s="6">
        <v>403396.19999999995</v>
      </c>
      <c r="C24232" s="7">
        <f t="shared" si="378"/>
        <v>403.39619999999996</v>
      </c>
      <c r="I24232" s="1"/>
    </row>
    <row r="24233" spans="1:9" x14ac:dyDescent="0.25">
      <c r="A24233" s="3">
        <v>41888.598599537036</v>
      </c>
      <c r="B24233" s="6">
        <v>403412.85</v>
      </c>
      <c r="C24233" s="7">
        <f t="shared" si="378"/>
        <v>403.41284999999999</v>
      </c>
      <c r="I24233" s="1"/>
    </row>
    <row r="24234" spans="1:9" x14ac:dyDescent="0.25">
      <c r="A24234" s="3">
        <v>41888.598738425928</v>
      </c>
      <c r="B24234" s="6">
        <v>403429.49999999994</v>
      </c>
      <c r="C24234" s="7">
        <f t="shared" si="378"/>
        <v>403.42949999999996</v>
      </c>
      <c r="I24234" s="1"/>
    </row>
    <row r="24235" spans="1:9" x14ac:dyDescent="0.25">
      <c r="A24235" s="3">
        <v>41888.601319444446</v>
      </c>
      <c r="B24235" s="6">
        <v>403446.14999999997</v>
      </c>
      <c r="C24235" s="7">
        <f t="shared" si="378"/>
        <v>403.44614999999999</v>
      </c>
      <c r="I24235" s="1"/>
    </row>
    <row r="24236" spans="1:9" x14ac:dyDescent="0.25">
      <c r="A24236" s="3">
        <v>41888.601493055554</v>
      </c>
      <c r="B24236" s="6">
        <v>403462.8</v>
      </c>
      <c r="C24236" s="7">
        <f t="shared" si="378"/>
        <v>403.46280000000002</v>
      </c>
      <c r="I24236" s="1"/>
    </row>
    <row r="24237" spans="1:9" x14ac:dyDescent="0.25">
      <c r="A24237" s="3">
        <v>41888.603009259263</v>
      </c>
      <c r="B24237" s="6">
        <v>403479.44999999995</v>
      </c>
      <c r="C24237" s="7">
        <f t="shared" si="378"/>
        <v>403.47944999999993</v>
      </c>
      <c r="I24237" s="1"/>
    </row>
    <row r="24238" spans="1:9" x14ac:dyDescent="0.25">
      <c r="A24238" s="3">
        <v>41888.603125000001</v>
      </c>
      <c r="B24238" s="6">
        <v>403496.1</v>
      </c>
      <c r="C24238" s="7">
        <f t="shared" si="378"/>
        <v>403.49609999999996</v>
      </c>
      <c r="I24238" s="1"/>
    </row>
    <row r="24239" spans="1:9" x14ac:dyDescent="0.25">
      <c r="A24239" s="3">
        <v>41888.606319444443</v>
      </c>
      <c r="B24239" s="6">
        <v>403512.74999999994</v>
      </c>
      <c r="C24239" s="7">
        <f t="shared" si="378"/>
        <v>403.51274999999993</v>
      </c>
      <c r="I24239" s="1"/>
    </row>
    <row r="24240" spans="1:9" x14ac:dyDescent="0.25">
      <c r="A24240" s="3">
        <v>41888.606550925928</v>
      </c>
      <c r="B24240" s="6">
        <v>403529.39999999997</v>
      </c>
      <c r="C24240" s="7">
        <f t="shared" si="378"/>
        <v>403.52939999999995</v>
      </c>
      <c r="I24240" s="1"/>
    </row>
    <row r="24241" spans="1:9" x14ac:dyDescent="0.25">
      <c r="A24241" s="3">
        <v>41888.608912037038</v>
      </c>
      <c r="B24241" s="6">
        <v>403546.05</v>
      </c>
      <c r="C24241" s="7">
        <f t="shared" si="378"/>
        <v>403.54604999999998</v>
      </c>
      <c r="I24241" s="1"/>
    </row>
    <row r="24242" spans="1:9" x14ac:dyDescent="0.25">
      <c r="A24242" s="3">
        <v>41888.609016203707</v>
      </c>
      <c r="B24242" s="6">
        <v>403562.69999999995</v>
      </c>
      <c r="C24242" s="7">
        <f t="shared" si="378"/>
        <v>403.56269999999995</v>
      </c>
      <c r="I24242" s="1"/>
    </row>
    <row r="24243" spans="1:9" x14ac:dyDescent="0.25">
      <c r="A24243" s="3">
        <v>41888.609884259262</v>
      </c>
      <c r="B24243" s="6">
        <v>403579.35</v>
      </c>
      <c r="C24243" s="7">
        <f t="shared" si="378"/>
        <v>403.57934999999998</v>
      </c>
      <c r="I24243" s="1"/>
    </row>
    <row r="24244" spans="1:9" x14ac:dyDescent="0.25">
      <c r="A24244" s="3">
        <v>41888.609965277778</v>
      </c>
      <c r="B24244" s="6">
        <v>403595.99999999994</v>
      </c>
      <c r="C24244" s="7">
        <f t="shared" si="378"/>
        <v>403.59599999999995</v>
      </c>
      <c r="I24244" s="1"/>
    </row>
    <row r="24245" spans="1:9" x14ac:dyDescent="0.25">
      <c r="A24245" s="3">
        <v>41888.612928240742</v>
      </c>
      <c r="B24245" s="6">
        <v>403612.64999999997</v>
      </c>
      <c r="C24245" s="7">
        <f t="shared" si="378"/>
        <v>403.61264999999997</v>
      </c>
      <c r="I24245" s="1"/>
    </row>
    <row r="24246" spans="1:9" x14ac:dyDescent="0.25">
      <c r="A24246" s="3">
        <v>41888.613125000003</v>
      </c>
      <c r="B24246" s="6">
        <v>403629.3</v>
      </c>
      <c r="C24246" s="7">
        <f t="shared" si="378"/>
        <v>403.6293</v>
      </c>
      <c r="I24246" s="1"/>
    </row>
    <row r="24247" spans="1:9" x14ac:dyDescent="0.25">
      <c r="A24247" s="3">
        <v>41888.614351851851</v>
      </c>
      <c r="B24247" s="6">
        <v>403645.94999999995</v>
      </c>
      <c r="C24247" s="7">
        <f t="shared" si="378"/>
        <v>403.64594999999997</v>
      </c>
      <c r="I24247" s="1"/>
    </row>
    <row r="24248" spans="1:9" x14ac:dyDescent="0.25">
      <c r="A24248" s="3">
        <v>41888.614537037036</v>
      </c>
      <c r="B24248" s="6">
        <v>403662.6</v>
      </c>
      <c r="C24248" s="7">
        <f t="shared" si="378"/>
        <v>403.6626</v>
      </c>
      <c r="I24248" s="1"/>
    </row>
    <row r="24249" spans="1:9" x14ac:dyDescent="0.25">
      <c r="A24249" s="3">
        <v>41888.616932870369</v>
      </c>
      <c r="B24249" s="6">
        <v>403679.24999999994</v>
      </c>
      <c r="C24249" s="7">
        <f t="shared" si="378"/>
        <v>403.67924999999997</v>
      </c>
      <c r="I24249" s="1"/>
    </row>
    <row r="24250" spans="1:9" x14ac:dyDescent="0.25">
      <c r="A24250" s="3">
        <v>41888.617511574077</v>
      </c>
      <c r="B24250" s="6">
        <v>403695.89999999997</v>
      </c>
      <c r="C24250" s="7">
        <f t="shared" si="378"/>
        <v>403.69589999999994</v>
      </c>
      <c r="I24250" s="1"/>
    </row>
    <row r="24251" spans="1:9" x14ac:dyDescent="0.25">
      <c r="A24251" s="3">
        <v>41888.62023148148</v>
      </c>
      <c r="B24251" s="6">
        <v>403712.55</v>
      </c>
      <c r="C24251" s="7">
        <f t="shared" si="378"/>
        <v>403.71254999999996</v>
      </c>
      <c r="I24251" s="1"/>
    </row>
    <row r="24252" spans="1:9" x14ac:dyDescent="0.25">
      <c r="A24252" s="3">
        <v>41888.620335648149</v>
      </c>
      <c r="B24252" s="6">
        <v>403729.19999999995</v>
      </c>
      <c r="C24252" s="7">
        <f t="shared" si="378"/>
        <v>403.72919999999993</v>
      </c>
      <c r="I24252" s="1"/>
    </row>
    <row r="24253" spans="1:9" x14ac:dyDescent="0.25">
      <c r="A24253" s="3">
        <v>41888.621377314812</v>
      </c>
      <c r="B24253" s="6">
        <v>403745.85</v>
      </c>
      <c r="C24253" s="7">
        <f t="shared" si="378"/>
        <v>403.74584999999996</v>
      </c>
      <c r="I24253" s="1"/>
    </row>
    <row r="24254" spans="1:9" x14ac:dyDescent="0.25">
      <c r="A24254" s="3">
        <v>41888.621458333335</v>
      </c>
      <c r="B24254" s="6">
        <v>403762.49999999994</v>
      </c>
      <c r="C24254" s="7">
        <f t="shared" si="378"/>
        <v>403.76249999999993</v>
      </c>
      <c r="I24254" s="1"/>
    </row>
    <row r="24255" spans="1:9" x14ac:dyDescent="0.25">
      <c r="A24255" s="3">
        <v>41888.624305555553</v>
      </c>
      <c r="B24255" s="6">
        <v>403779.14999999997</v>
      </c>
      <c r="C24255" s="7">
        <f t="shared" si="378"/>
        <v>403.77914999999996</v>
      </c>
      <c r="I24255" s="1"/>
    </row>
    <row r="24256" spans="1:9" x14ac:dyDescent="0.25">
      <c r="A24256" s="3">
        <v>41888.624421296299</v>
      </c>
      <c r="B24256" s="6">
        <v>403795.8</v>
      </c>
      <c r="C24256" s="7">
        <f t="shared" si="378"/>
        <v>403.79579999999999</v>
      </c>
      <c r="I24256" s="1"/>
    </row>
    <row r="24257" spans="1:9" x14ac:dyDescent="0.25">
      <c r="A24257" s="3">
        <v>41888.627847222226</v>
      </c>
      <c r="B24257" s="6">
        <v>403812.44999999995</v>
      </c>
      <c r="C24257" s="7">
        <f t="shared" si="378"/>
        <v>403.81244999999996</v>
      </c>
      <c r="I24257" s="1"/>
    </row>
    <row r="24258" spans="1:9" x14ac:dyDescent="0.25">
      <c r="A24258" s="3">
        <v>41888.628032407411</v>
      </c>
      <c r="B24258" s="6">
        <v>403829.1</v>
      </c>
      <c r="C24258" s="7">
        <f t="shared" si="378"/>
        <v>403.82909999999998</v>
      </c>
      <c r="I24258" s="1"/>
    </row>
    <row r="24259" spans="1:9" x14ac:dyDescent="0.25">
      <c r="A24259" s="3">
        <v>41888.630104166667</v>
      </c>
      <c r="B24259" s="6">
        <v>403845.74999999994</v>
      </c>
      <c r="C24259" s="7">
        <f t="shared" ref="C24259:C24322" si="379">B24259/1000</f>
        <v>403.84574999999995</v>
      </c>
      <c r="I24259" s="1"/>
    </row>
    <row r="24260" spans="1:9" x14ac:dyDescent="0.25">
      <c r="A24260" s="3">
        <v>41888.630694444444</v>
      </c>
      <c r="B24260" s="6">
        <v>403862.39999999997</v>
      </c>
      <c r="C24260" s="7">
        <f t="shared" si="379"/>
        <v>403.86239999999998</v>
      </c>
      <c r="I24260" s="1"/>
    </row>
    <row r="24261" spans="1:9" x14ac:dyDescent="0.25">
      <c r="A24261" s="3">
        <v>41888.632824074077</v>
      </c>
      <c r="B24261" s="6">
        <v>403879.05</v>
      </c>
      <c r="C24261" s="7">
        <f t="shared" si="379"/>
        <v>403.87905000000001</v>
      </c>
      <c r="I24261" s="1"/>
    </row>
    <row r="24262" spans="1:9" x14ac:dyDescent="0.25">
      <c r="A24262" s="3">
        <v>41888.633043981485</v>
      </c>
      <c r="B24262" s="6">
        <v>403895.69999999995</v>
      </c>
      <c r="C24262" s="7">
        <f t="shared" si="379"/>
        <v>403.89569999999998</v>
      </c>
      <c r="I24262" s="1"/>
    </row>
    <row r="24263" spans="1:9" x14ac:dyDescent="0.25">
      <c r="A24263" s="3">
        <v>41888.634039351855</v>
      </c>
      <c r="B24263" s="6">
        <v>403912.35</v>
      </c>
      <c r="C24263" s="7">
        <f t="shared" si="379"/>
        <v>403.91235</v>
      </c>
      <c r="I24263" s="1"/>
    </row>
    <row r="24264" spans="1:9" x14ac:dyDescent="0.25">
      <c r="A24264" s="3">
        <v>41888.634293981479</v>
      </c>
      <c r="B24264" s="6">
        <v>403928.99999999994</v>
      </c>
      <c r="C24264" s="7">
        <f t="shared" si="379"/>
        <v>403.92899999999992</v>
      </c>
      <c r="I24264" s="1"/>
    </row>
    <row r="24265" spans="1:9" x14ac:dyDescent="0.25">
      <c r="A24265" s="3">
        <v>41888.636562500003</v>
      </c>
      <c r="B24265" s="6">
        <v>403945.64999999997</v>
      </c>
      <c r="C24265" s="7">
        <f t="shared" si="379"/>
        <v>403.94564999999994</v>
      </c>
      <c r="I24265" s="1"/>
    </row>
    <row r="24266" spans="1:9" x14ac:dyDescent="0.25">
      <c r="A24266" s="3">
        <v>41888.636956018519</v>
      </c>
      <c r="B24266" s="6">
        <v>403962.3</v>
      </c>
      <c r="C24266" s="7">
        <f t="shared" si="379"/>
        <v>403.96229999999997</v>
      </c>
      <c r="I24266" s="1"/>
    </row>
    <row r="24267" spans="1:9" x14ac:dyDescent="0.25">
      <c r="A24267" s="3">
        <v>41888.639236111114</v>
      </c>
      <c r="B24267" s="6">
        <v>403978.94999999995</v>
      </c>
      <c r="C24267" s="7">
        <f t="shared" si="379"/>
        <v>403.97894999999994</v>
      </c>
      <c r="I24267" s="1"/>
    </row>
    <row r="24268" spans="1:9" x14ac:dyDescent="0.25">
      <c r="A24268" s="3">
        <v>41888.639340277776</v>
      </c>
      <c r="B24268" s="6">
        <v>403995.6</v>
      </c>
      <c r="C24268" s="7">
        <f t="shared" si="379"/>
        <v>403.99559999999997</v>
      </c>
      <c r="I24268" s="1"/>
    </row>
    <row r="24269" spans="1:9" x14ac:dyDescent="0.25">
      <c r="A24269" s="3">
        <v>41888.64166666667</v>
      </c>
      <c r="B24269" s="6">
        <v>404012.24999999994</v>
      </c>
      <c r="C24269" s="7">
        <f t="shared" si="379"/>
        <v>404.01224999999994</v>
      </c>
      <c r="I24269" s="1"/>
    </row>
    <row r="24270" spans="1:9" x14ac:dyDescent="0.25">
      <c r="A24270" s="3">
        <v>41888.642060185186</v>
      </c>
      <c r="B24270" s="6">
        <v>404028.89999999997</v>
      </c>
      <c r="C24270" s="7">
        <f t="shared" si="379"/>
        <v>404.02889999999996</v>
      </c>
      <c r="I24270" s="1"/>
    </row>
    <row r="24271" spans="1:9" x14ac:dyDescent="0.25">
      <c r="A24271" s="3">
        <v>41888.645266203705</v>
      </c>
      <c r="B24271" s="6">
        <v>404045.55</v>
      </c>
      <c r="C24271" s="7">
        <f t="shared" si="379"/>
        <v>404.04554999999999</v>
      </c>
      <c r="I24271" s="1"/>
    </row>
    <row r="24272" spans="1:9" x14ac:dyDescent="0.25">
      <c r="A24272" s="3">
        <v>41888.645358796297</v>
      </c>
      <c r="B24272" s="6">
        <v>404062.19999999995</v>
      </c>
      <c r="C24272" s="7">
        <f t="shared" si="379"/>
        <v>404.06219999999996</v>
      </c>
      <c r="I24272" s="1"/>
    </row>
    <row r="24273" spans="1:9" x14ac:dyDescent="0.25">
      <c r="A24273" s="3">
        <v>41888.647303240738</v>
      </c>
      <c r="B24273" s="6">
        <v>404078.85</v>
      </c>
      <c r="C24273" s="7">
        <f t="shared" si="379"/>
        <v>404.07884999999999</v>
      </c>
      <c r="I24273" s="1"/>
    </row>
    <row r="24274" spans="1:9" x14ac:dyDescent="0.25">
      <c r="A24274" s="3">
        <v>41888.647430555553</v>
      </c>
      <c r="B24274" s="6">
        <v>404095.49999999994</v>
      </c>
      <c r="C24274" s="7">
        <f t="shared" si="379"/>
        <v>404.09549999999996</v>
      </c>
      <c r="I24274" s="1"/>
    </row>
    <row r="24275" spans="1:9" x14ac:dyDescent="0.25">
      <c r="A24275" s="3">
        <v>41888.650324074071</v>
      </c>
      <c r="B24275" s="6">
        <v>404112.14999999997</v>
      </c>
      <c r="C24275" s="7">
        <f t="shared" si="379"/>
        <v>404.11214999999999</v>
      </c>
      <c r="I24275" s="1"/>
    </row>
    <row r="24276" spans="1:9" x14ac:dyDescent="0.25">
      <c r="A24276" s="3">
        <v>41888.650439814817</v>
      </c>
      <c r="B24276" s="6">
        <v>404128.8</v>
      </c>
      <c r="C24276" s="7">
        <f t="shared" si="379"/>
        <v>404.12880000000001</v>
      </c>
      <c r="I24276" s="1"/>
    </row>
    <row r="24277" spans="1:9" x14ac:dyDescent="0.25">
      <c r="A24277" s="3">
        <v>41888.651724537034</v>
      </c>
      <c r="B24277" s="6">
        <v>404145.44999999995</v>
      </c>
      <c r="C24277" s="7">
        <f t="shared" si="379"/>
        <v>404.14544999999993</v>
      </c>
      <c r="I24277" s="1"/>
    </row>
    <row r="24278" spans="1:9" x14ac:dyDescent="0.25">
      <c r="A24278" s="3">
        <v>41888.651886574073</v>
      </c>
      <c r="B24278" s="6">
        <v>404162.1</v>
      </c>
      <c r="C24278" s="7">
        <f t="shared" si="379"/>
        <v>404.16209999999995</v>
      </c>
      <c r="I24278" s="1"/>
    </row>
    <row r="24279" spans="1:9" x14ac:dyDescent="0.25">
      <c r="A24279" s="3">
        <v>41888.655289351853</v>
      </c>
      <c r="B24279" s="6">
        <v>404178.74999999994</v>
      </c>
      <c r="C24279" s="7">
        <f t="shared" si="379"/>
        <v>404.17874999999992</v>
      </c>
      <c r="I24279" s="1"/>
    </row>
    <row r="24280" spans="1:9" x14ac:dyDescent="0.25">
      <c r="A24280" s="3">
        <v>41888.655416666668</v>
      </c>
      <c r="B24280" s="6">
        <v>404195.39999999997</v>
      </c>
      <c r="C24280" s="7">
        <f t="shared" si="379"/>
        <v>404.19539999999995</v>
      </c>
      <c r="I24280" s="1"/>
    </row>
    <row r="24281" spans="1:9" x14ac:dyDescent="0.25">
      <c r="A24281" s="3">
        <v>41888.656354166669</v>
      </c>
      <c r="B24281" s="6">
        <v>404212.05</v>
      </c>
      <c r="C24281" s="7">
        <f t="shared" si="379"/>
        <v>404.21204999999998</v>
      </c>
      <c r="I24281" s="1"/>
    </row>
    <row r="24282" spans="1:9" x14ac:dyDescent="0.25">
      <c r="A24282" s="3">
        <v>41888.656458333331</v>
      </c>
      <c r="B24282" s="6">
        <v>404228.69999999995</v>
      </c>
      <c r="C24282" s="7">
        <f t="shared" si="379"/>
        <v>404.22869999999995</v>
      </c>
      <c r="I24282" s="1"/>
    </row>
    <row r="24283" spans="1:9" x14ac:dyDescent="0.25">
      <c r="A24283" s="3">
        <v>41888.658159722225</v>
      </c>
      <c r="B24283" s="6">
        <v>404245.35</v>
      </c>
      <c r="C24283" s="7">
        <f t="shared" si="379"/>
        <v>404.24534999999997</v>
      </c>
      <c r="I24283" s="1"/>
    </row>
    <row r="24284" spans="1:9" x14ac:dyDescent="0.25">
      <c r="A24284" s="3">
        <v>41888.658506944441</v>
      </c>
      <c r="B24284" s="6">
        <v>404261.99999999994</v>
      </c>
      <c r="C24284" s="7">
        <f t="shared" si="379"/>
        <v>404.26199999999994</v>
      </c>
      <c r="I24284" s="1"/>
    </row>
    <row r="24285" spans="1:9" x14ac:dyDescent="0.25">
      <c r="A24285" s="3">
        <v>41888.664479166669</v>
      </c>
      <c r="B24285" s="6">
        <v>404278.64999999997</v>
      </c>
      <c r="C24285" s="7">
        <f t="shared" si="379"/>
        <v>404.27864999999997</v>
      </c>
      <c r="I24285" s="1"/>
    </row>
    <row r="24286" spans="1:9" x14ac:dyDescent="0.25">
      <c r="A24286" s="3">
        <v>41888.664606481485</v>
      </c>
      <c r="B24286" s="6">
        <v>404295.3</v>
      </c>
      <c r="C24286" s="7">
        <f t="shared" si="379"/>
        <v>404.2953</v>
      </c>
      <c r="I24286" s="1"/>
    </row>
    <row r="24287" spans="1:9" x14ac:dyDescent="0.25">
      <c r="A24287" s="3">
        <v>41888.667013888888</v>
      </c>
      <c r="B24287" s="6">
        <v>404311.94999999995</v>
      </c>
      <c r="C24287" s="7">
        <f t="shared" si="379"/>
        <v>404.31194999999997</v>
      </c>
      <c r="I24287" s="1"/>
    </row>
    <row r="24288" spans="1:9" x14ac:dyDescent="0.25">
      <c r="A24288" s="3">
        <v>41888.667094907411</v>
      </c>
      <c r="B24288" s="6">
        <v>404328.6</v>
      </c>
      <c r="C24288" s="7">
        <f t="shared" si="379"/>
        <v>404.32859999999999</v>
      </c>
      <c r="I24288" s="1"/>
    </row>
    <row r="24289" spans="1:9" x14ac:dyDescent="0.25">
      <c r="A24289" s="3">
        <v>41888.669733796298</v>
      </c>
      <c r="B24289" s="6">
        <v>404345.24999999994</v>
      </c>
      <c r="C24289" s="7">
        <f t="shared" si="379"/>
        <v>404.34524999999996</v>
      </c>
      <c r="I24289" s="1"/>
    </row>
    <row r="24290" spans="1:9" x14ac:dyDescent="0.25">
      <c r="A24290" s="3">
        <v>41888.670138888891</v>
      </c>
      <c r="B24290" s="6">
        <v>404361.89999999997</v>
      </c>
      <c r="C24290" s="7">
        <f t="shared" si="379"/>
        <v>404.36189999999999</v>
      </c>
      <c r="I24290" s="1"/>
    </row>
    <row r="24291" spans="1:9" x14ac:dyDescent="0.25">
      <c r="A24291" s="3">
        <v>41888.673530092594</v>
      </c>
      <c r="B24291" s="6">
        <v>404378.55</v>
      </c>
      <c r="C24291" s="7">
        <f t="shared" si="379"/>
        <v>404.37854999999996</v>
      </c>
      <c r="I24291" s="1"/>
    </row>
    <row r="24292" spans="1:9" x14ac:dyDescent="0.25">
      <c r="A24292" s="3">
        <v>41888.673773148148</v>
      </c>
      <c r="B24292" s="6">
        <v>404395.19999999995</v>
      </c>
      <c r="C24292" s="7">
        <f t="shared" si="379"/>
        <v>404.39519999999993</v>
      </c>
      <c r="I24292" s="1"/>
    </row>
    <row r="24293" spans="1:9" x14ac:dyDescent="0.25">
      <c r="A24293" s="3">
        <v>41888.678414351853</v>
      </c>
      <c r="B24293" s="6">
        <v>404411.85</v>
      </c>
      <c r="C24293" s="7">
        <f t="shared" si="379"/>
        <v>404.41184999999996</v>
      </c>
      <c r="I24293" s="1"/>
    </row>
    <row r="24294" spans="1:9" x14ac:dyDescent="0.25">
      <c r="A24294" s="3">
        <v>41888.678518518522</v>
      </c>
      <c r="B24294" s="6">
        <v>404428.49999999994</v>
      </c>
      <c r="C24294" s="7">
        <f t="shared" si="379"/>
        <v>404.42849999999993</v>
      </c>
      <c r="I24294" s="1"/>
    </row>
    <row r="24295" spans="1:9" x14ac:dyDescent="0.25">
      <c r="A24295" s="3">
        <v>41888.681111111109</v>
      </c>
      <c r="B24295" s="6">
        <v>404445.14999999997</v>
      </c>
      <c r="C24295" s="7">
        <f t="shared" si="379"/>
        <v>404.44514999999996</v>
      </c>
      <c r="I24295" s="1"/>
    </row>
    <row r="24296" spans="1:9" x14ac:dyDescent="0.25">
      <c r="A24296" s="3">
        <v>41888.681238425925</v>
      </c>
      <c r="B24296" s="6">
        <v>404461.8</v>
      </c>
      <c r="C24296" s="7">
        <f t="shared" si="379"/>
        <v>404.46179999999998</v>
      </c>
      <c r="I24296" s="1"/>
    </row>
    <row r="24297" spans="1:9" x14ac:dyDescent="0.25">
      <c r="A24297" s="3">
        <v>41888.682974537034</v>
      </c>
      <c r="B24297" s="6">
        <v>404478.44999999995</v>
      </c>
      <c r="C24297" s="7">
        <f t="shared" si="379"/>
        <v>404.47844999999995</v>
      </c>
      <c r="I24297" s="1"/>
    </row>
    <row r="24298" spans="1:9" x14ac:dyDescent="0.25">
      <c r="A24298" s="3">
        <v>41888.68309027778</v>
      </c>
      <c r="B24298" s="6">
        <v>404495.1</v>
      </c>
      <c r="C24298" s="7">
        <f t="shared" si="379"/>
        <v>404.49509999999998</v>
      </c>
      <c r="I24298" s="1"/>
    </row>
    <row r="24299" spans="1:9" x14ac:dyDescent="0.25">
      <c r="A24299" s="3">
        <v>41888.68482638889</v>
      </c>
      <c r="B24299" s="6">
        <v>404511.74999999994</v>
      </c>
      <c r="C24299" s="7">
        <f t="shared" si="379"/>
        <v>404.51174999999995</v>
      </c>
      <c r="I24299" s="1"/>
    </row>
    <row r="24300" spans="1:9" x14ac:dyDescent="0.25">
      <c r="A24300" s="3">
        <v>41888.684942129628</v>
      </c>
      <c r="B24300" s="6">
        <v>404528.39999999997</v>
      </c>
      <c r="C24300" s="7">
        <f t="shared" si="379"/>
        <v>404.52839999999998</v>
      </c>
      <c r="I24300" s="1"/>
    </row>
    <row r="24301" spans="1:9" x14ac:dyDescent="0.25">
      <c r="A24301" s="3">
        <v>41888.687476851854</v>
      </c>
      <c r="B24301" s="6">
        <v>404545.05</v>
      </c>
      <c r="C24301" s="7">
        <f t="shared" si="379"/>
        <v>404.54505</v>
      </c>
      <c r="I24301" s="1"/>
    </row>
    <row r="24302" spans="1:9" x14ac:dyDescent="0.25">
      <c r="A24302" s="3">
        <v>41888.687615740739</v>
      </c>
      <c r="B24302" s="6">
        <v>404561.69999999995</v>
      </c>
      <c r="C24302" s="7">
        <f t="shared" si="379"/>
        <v>404.56169999999997</v>
      </c>
      <c r="I24302" s="1"/>
    </row>
    <row r="24303" spans="1:9" x14ac:dyDescent="0.25">
      <c r="A24303" s="3">
        <v>41888.69458333333</v>
      </c>
      <c r="B24303" s="6">
        <v>404578.35</v>
      </c>
      <c r="C24303" s="7">
        <f t="shared" si="379"/>
        <v>404.57835</v>
      </c>
      <c r="I24303" s="1"/>
    </row>
    <row r="24304" spans="1:9" x14ac:dyDescent="0.25">
      <c r="A24304" s="3">
        <v>41888.694733796299</v>
      </c>
      <c r="B24304" s="6">
        <v>404594.99999999994</v>
      </c>
      <c r="C24304" s="7">
        <f t="shared" si="379"/>
        <v>404.59499999999991</v>
      </c>
      <c r="I24304" s="1"/>
    </row>
    <row r="24305" spans="1:9" x14ac:dyDescent="0.25">
      <c r="A24305" s="3">
        <v>41888.696550925924</v>
      </c>
      <c r="B24305" s="6">
        <v>404611.64999999997</v>
      </c>
      <c r="C24305" s="7">
        <f t="shared" si="379"/>
        <v>404.61164999999994</v>
      </c>
      <c r="I24305" s="1"/>
    </row>
    <row r="24306" spans="1:9" x14ac:dyDescent="0.25">
      <c r="A24306" s="3">
        <v>41888.696643518517</v>
      </c>
      <c r="B24306" s="6">
        <v>404628.3</v>
      </c>
      <c r="C24306" s="7">
        <f t="shared" si="379"/>
        <v>404.62829999999997</v>
      </c>
      <c r="I24306" s="1"/>
    </row>
    <row r="24307" spans="1:9" x14ac:dyDescent="0.25">
      <c r="A24307" s="3">
        <v>41888.697893518518</v>
      </c>
      <c r="B24307" s="6">
        <v>404644.94999999995</v>
      </c>
      <c r="C24307" s="7">
        <f t="shared" si="379"/>
        <v>404.64494999999994</v>
      </c>
      <c r="I24307" s="1"/>
    </row>
    <row r="24308" spans="1:9" x14ac:dyDescent="0.25">
      <c r="A24308" s="3">
        <v>41888.69804398148</v>
      </c>
      <c r="B24308" s="6">
        <v>404661.6</v>
      </c>
      <c r="C24308" s="7">
        <f t="shared" si="379"/>
        <v>404.66159999999996</v>
      </c>
      <c r="I24308" s="1"/>
    </row>
    <row r="24309" spans="1:9" x14ac:dyDescent="0.25">
      <c r="A24309" s="3">
        <v>41888.701458333337</v>
      </c>
      <c r="B24309" s="6">
        <v>404678.24999999994</v>
      </c>
      <c r="C24309" s="7">
        <f t="shared" si="379"/>
        <v>404.67824999999993</v>
      </c>
      <c r="I24309" s="1"/>
    </row>
    <row r="24310" spans="1:9" x14ac:dyDescent="0.25">
      <c r="A24310" s="3">
        <v>41888.701539351852</v>
      </c>
      <c r="B24310" s="6">
        <v>404694.89999999997</v>
      </c>
      <c r="C24310" s="7">
        <f t="shared" si="379"/>
        <v>404.69489999999996</v>
      </c>
      <c r="I24310" s="1"/>
    </row>
    <row r="24311" spans="1:9" x14ac:dyDescent="0.25">
      <c r="A24311" s="3">
        <v>41888.70412037037</v>
      </c>
      <c r="B24311" s="6">
        <v>404711.55</v>
      </c>
      <c r="C24311" s="7">
        <f t="shared" si="379"/>
        <v>404.71154999999999</v>
      </c>
      <c r="I24311" s="1"/>
    </row>
    <row r="24312" spans="1:9" x14ac:dyDescent="0.25">
      <c r="A24312" s="3">
        <v>41888.705104166664</v>
      </c>
      <c r="B24312" s="6">
        <v>404728.19999999995</v>
      </c>
      <c r="C24312" s="7">
        <f t="shared" si="379"/>
        <v>404.72819999999996</v>
      </c>
      <c r="I24312" s="1"/>
    </row>
    <row r="24313" spans="1:9" x14ac:dyDescent="0.25">
      <c r="A24313" s="3">
        <v>41888.707719907405</v>
      </c>
      <c r="B24313" s="6">
        <v>404744.85</v>
      </c>
      <c r="C24313" s="7">
        <f t="shared" si="379"/>
        <v>404.74484999999999</v>
      </c>
      <c r="I24313" s="1"/>
    </row>
    <row r="24314" spans="1:9" x14ac:dyDescent="0.25">
      <c r="A24314" s="3">
        <v>41888.708090277774</v>
      </c>
      <c r="B24314" s="6">
        <v>404761.49999999994</v>
      </c>
      <c r="C24314" s="7">
        <f t="shared" si="379"/>
        <v>404.76149999999996</v>
      </c>
      <c r="I24314" s="1"/>
    </row>
    <row r="24315" spans="1:9" x14ac:dyDescent="0.25">
      <c r="A24315" s="3">
        <v>41888.711041666669</v>
      </c>
      <c r="B24315" s="6">
        <v>404778.14999999997</v>
      </c>
      <c r="C24315" s="7">
        <f t="shared" si="379"/>
        <v>404.77814999999998</v>
      </c>
      <c r="I24315" s="1"/>
    </row>
    <row r="24316" spans="1:9" x14ac:dyDescent="0.25">
      <c r="A24316" s="3">
        <v>41888.711087962962</v>
      </c>
      <c r="B24316" s="6">
        <v>404794.8</v>
      </c>
      <c r="C24316" s="7">
        <f t="shared" si="379"/>
        <v>404.79480000000001</v>
      </c>
      <c r="I24316" s="1"/>
    </row>
    <row r="24317" spans="1:9" x14ac:dyDescent="0.25">
      <c r="A24317" s="3">
        <v>41888.711909722224</v>
      </c>
      <c r="B24317" s="6">
        <v>404811.44999999995</v>
      </c>
      <c r="C24317" s="7">
        <f t="shared" si="379"/>
        <v>404.81144999999998</v>
      </c>
      <c r="I24317" s="1"/>
    </row>
    <row r="24318" spans="1:9" x14ac:dyDescent="0.25">
      <c r="A24318" s="3">
        <v>41888.71199074074</v>
      </c>
      <c r="B24318" s="6">
        <v>404828.1</v>
      </c>
      <c r="C24318" s="7">
        <f t="shared" si="379"/>
        <v>404.82809999999995</v>
      </c>
      <c r="I24318" s="1"/>
    </row>
    <row r="24319" spans="1:9" x14ac:dyDescent="0.25">
      <c r="A24319" s="3">
        <v>41888.713356481479</v>
      </c>
      <c r="B24319" s="6">
        <v>404844.74999999994</v>
      </c>
      <c r="C24319" s="7">
        <f t="shared" si="379"/>
        <v>404.84474999999992</v>
      </c>
      <c r="I24319" s="1"/>
    </row>
    <row r="24320" spans="1:9" x14ac:dyDescent="0.25">
      <c r="A24320" s="3">
        <v>41888.713460648149</v>
      </c>
      <c r="B24320" s="6">
        <v>404861.39999999997</v>
      </c>
      <c r="C24320" s="7">
        <f t="shared" si="379"/>
        <v>404.86139999999995</v>
      </c>
      <c r="I24320" s="1"/>
    </row>
    <row r="24321" spans="1:9" x14ac:dyDescent="0.25">
      <c r="A24321" s="3">
        <v>41888.714085648149</v>
      </c>
      <c r="B24321" s="6">
        <v>404878.05</v>
      </c>
      <c r="C24321" s="7">
        <f t="shared" si="379"/>
        <v>404.87804999999997</v>
      </c>
      <c r="I24321" s="1"/>
    </row>
    <row r="24322" spans="1:9" x14ac:dyDescent="0.25">
      <c r="A24322" s="3">
        <v>41888.714247685188</v>
      </c>
      <c r="B24322" s="6">
        <v>404894.69999999995</v>
      </c>
      <c r="C24322" s="7">
        <f t="shared" si="379"/>
        <v>404.89469999999994</v>
      </c>
      <c r="I24322" s="1"/>
    </row>
    <row r="24323" spans="1:9" x14ac:dyDescent="0.25">
      <c r="A24323" s="3">
        <v>41888.715451388889</v>
      </c>
      <c r="B24323" s="6">
        <v>404911.35</v>
      </c>
      <c r="C24323" s="7">
        <f t="shared" ref="C24323:C24386" si="380">B24323/1000</f>
        <v>404.91134999999997</v>
      </c>
      <c r="I24323" s="1"/>
    </row>
    <row r="24324" spans="1:9" x14ac:dyDescent="0.25">
      <c r="A24324" s="3">
        <v>41888.715532407405</v>
      </c>
      <c r="B24324" s="6">
        <v>404927.99999999994</v>
      </c>
      <c r="C24324" s="7">
        <f t="shared" si="380"/>
        <v>404.92799999999994</v>
      </c>
      <c r="I24324" s="1"/>
    </row>
    <row r="24325" spans="1:9" x14ac:dyDescent="0.25">
      <c r="A24325" s="3">
        <v>41888.716273148151</v>
      </c>
      <c r="B24325" s="6">
        <v>404944.64999999997</v>
      </c>
      <c r="C24325" s="7">
        <f t="shared" si="380"/>
        <v>404.94464999999997</v>
      </c>
      <c r="I24325" s="1"/>
    </row>
    <row r="24326" spans="1:9" x14ac:dyDescent="0.25">
      <c r="A24326" s="3">
        <v>41888.71634259259</v>
      </c>
      <c r="B24326" s="6">
        <v>404961.3</v>
      </c>
      <c r="C24326" s="7">
        <f t="shared" si="380"/>
        <v>404.96129999999999</v>
      </c>
      <c r="I24326" s="1"/>
    </row>
    <row r="24327" spans="1:9" x14ac:dyDescent="0.25">
      <c r="A24327" s="3">
        <v>41888.717638888891</v>
      </c>
      <c r="B24327" s="6">
        <v>404977.94999999995</v>
      </c>
      <c r="C24327" s="7">
        <f t="shared" si="380"/>
        <v>404.97794999999996</v>
      </c>
      <c r="I24327" s="1"/>
    </row>
    <row r="24328" spans="1:9" x14ac:dyDescent="0.25">
      <c r="A24328" s="3">
        <v>41888.717812499999</v>
      </c>
      <c r="B24328" s="6">
        <v>404994.6</v>
      </c>
      <c r="C24328" s="7">
        <f t="shared" si="380"/>
        <v>404.99459999999999</v>
      </c>
      <c r="I24328" s="1"/>
    </row>
    <row r="24329" spans="1:9" x14ac:dyDescent="0.25">
      <c r="A24329" s="3">
        <v>41888.721388888887</v>
      </c>
      <c r="B24329" s="6">
        <v>405011.24999999994</v>
      </c>
      <c r="C24329" s="7">
        <f t="shared" si="380"/>
        <v>405.01124999999996</v>
      </c>
      <c r="I24329" s="1"/>
    </row>
    <row r="24330" spans="1:9" x14ac:dyDescent="0.25">
      <c r="A24330" s="3">
        <v>41888.721458333333</v>
      </c>
      <c r="B24330" s="6">
        <v>405027.89999999997</v>
      </c>
      <c r="C24330" s="7">
        <f t="shared" si="380"/>
        <v>405.02789999999999</v>
      </c>
      <c r="I24330" s="1"/>
    </row>
    <row r="24331" spans="1:9" x14ac:dyDescent="0.25">
      <c r="A24331" s="3">
        <v>41888.722858796296</v>
      </c>
      <c r="B24331" s="6">
        <v>405044.55</v>
      </c>
      <c r="C24331" s="7">
        <f t="shared" si="380"/>
        <v>405.04455000000002</v>
      </c>
      <c r="I24331" s="1"/>
    </row>
    <row r="24332" spans="1:9" x14ac:dyDescent="0.25">
      <c r="A24332" s="3">
        <v>41888.723101851851</v>
      </c>
      <c r="B24332" s="6">
        <v>405061.19999999995</v>
      </c>
      <c r="C24332" s="7">
        <f t="shared" si="380"/>
        <v>405.06119999999993</v>
      </c>
      <c r="I24332" s="1"/>
    </row>
    <row r="24333" spans="1:9" x14ac:dyDescent="0.25">
      <c r="A24333" s="3">
        <v>41888.724988425929</v>
      </c>
      <c r="B24333" s="6">
        <v>405077.85</v>
      </c>
      <c r="C24333" s="7">
        <f t="shared" si="380"/>
        <v>405.07784999999996</v>
      </c>
      <c r="I24333" s="1"/>
    </row>
    <row r="24334" spans="1:9" x14ac:dyDescent="0.25">
      <c r="A24334" s="3">
        <v>41888.725243055553</v>
      </c>
      <c r="B24334" s="6">
        <v>405094.49999999994</v>
      </c>
      <c r="C24334" s="7">
        <f t="shared" si="380"/>
        <v>405.09449999999993</v>
      </c>
      <c r="I24334" s="1"/>
    </row>
    <row r="24335" spans="1:9" x14ac:dyDescent="0.25">
      <c r="A24335" s="3">
        <v>41888.726631944446</v>
      </c>
      <c r="B24335" s="6">
        <v>405111.14999999997</v>
      </c>
      <c r="C24335" s="7">
        <f t="shared" si="380"/>
        <v>405.11114999999995</v>
      </c>
      <c r="I24335" s="1"/>
    </row>
    <row r="24336" spans="1:9" x14ac:dyDescent="0.25">
      <c r="A24336" s="3">
        <v>41888.726736111108</v>
      </c>
      <c r="B24336" s="6">
        <v>405127.8</v>
      </c>
      <c r="C24336" s="7">
        <f t="shared" si="380"/>
        <v>405.12779999999998</v>
      </c>
      <c r="I24336" s="1"/>
    </row>
    <row r="24337" spans="1:9" x14ac:dyDescent="0.25">
      <c r="A24337" s="3">
        <v>41888.727824074071</v>
      </c>
      <c r="B24337" s="6">
        <v>405144.44999999995</v>
      </c>
      <c r="C24337" s="7">
        <f t="shared" si="380"/>
        <v>405.14444999999995</v>
      </c>
      <c r="I24337" s="1"/>
    </row>
    <row r="24338" spans="1:9" x14ac:dyDescent="0.25">
      <c r="A24338" s="3">
        <v>41888.72792824074</v>
      </c>
      <c r="B24338" s="6">
        <v>405161.1</v>
      </c>
      <c r="C24338" s="7">
        <f t="shared" si="380"/>
        <v>405.16109999999998</v>
      </c>
      <c r="I24338" s="1"/>
    </row>
    <row r="24339" spans="1:9" x14ac:dyDescent="0.25">
      <c r="A24339" s="3">
        <v>41888.729328703703</v>
      </c>
      <c r="B24339" s="6">
        <v>405177.74999999994</v>
      </c>
      <c r="C24339" s="7">
        <f t="shared" si="380"/>
        <v>405.17774999999995</v>
      </c>
      <c r="I24339" s="1"/>
    </row>
    <row r="24340" spans="1:9" x14ac:dyDescent="0.25">
      <c r="A24340" s="3">
        <v>41888.729409722226</v>
      </c>
      <c r="B24340" s="6">
        <v>405194.39999999997</v>
      </c>
      <c r="C24340" s="7">
        <f t="shared" si="380"/>
        <v>405.19439999999997</v>
      </c>
      <c r="I24340" s="1"/>
    </row>
    <row r="24341" spans="1:9" x14ac:dyDescent="0.25">
      <c r="A24341" s="3">
        <v>41888.730462962965</v>
      </c>
      <c r="B24341" s="6">
        <v>405211.05</v>
      </c>
      <c r="C24341" s="7">
        <f t="shared" si="380"/>
        <v>405.21105</v>
      </c>
      <c r="I24341" s="1"/>
    </row>
    <row r="24342" spans="1:9" x14ac:dyDescent="0.25">
      <c r="A24342" s="3">
        <v>41888.73064814815</v>
      </c>
      <c r="B24342" s="6">
        <v>405227.69999999995</v>
      </c>
      <c r="C24342" s="7">
        <f t="shared" si="380"/>
        <v>405.22769999999997</v>
      </c>
      <c r="I24342" s="1"/>
    </row>
    <row r="24343" spans="1:9" x14ac:dyDescent="0.25">
      <c r="A24343" s="3">
        <v>41888.731759259259</v>
      </c>
      <c r="B24343" s="6">
        <v>405244.35</v>
      </c>
      <c r="C24343" s="7">
        <f t="shared" si="380"/>
        <v>405.24435</v>
      </c>
      <c r="I24343" s="1"/>
    </row>
    <row r="24344" spans="1:9" x14ac:dyDescent="0.25">
      <c r="A24344" s="3">
        <v>41888.731863425928</v>
      </c>
      <c r="B24344" s="6">
        <v>405260.99999999994</v>
      </c>
      <c r="C24344" s="7">
        <f t="shared" si="380"/>
        <v>405.26099999999997</v>
      </c>
      <c r="I24344" s="1"/>
    </row>
    <row r="24345" spans="1:9" x14ac:dyDescent="0.25">
      <c r="A24345" s="3">
        <v>41888.732939814814</v>
      </c>
      <c r="B24345" s="6">
        <v>405277.64999999997</v>
      </c>
      <c r="C24345" s="7">
        <f t="shared" si="380"/>
        <v>405.27764999999994</v>
      </c>
      <c r="I24345" s="1"/>
    </row>
    <row r="24346" spans="1:9" x14ac:dyDescent="0.25">
      <c r="A24346" s="3">
        <v>41888.733043981483</v>
      </c>
      <c r="B24346" s="6">
        <v>405294.3</v>
      </c>
      <c r="C24346" s="7">
        <f t="shared" si="380"/>
        <v>405.29429999999996</v>
      </c>
      <c r="I24346" s="1"/>
    </row>
    <row r="24347" spans="1:9" x14ac:dyDescent="0.25">
      <c r="A24347" s="3">
        <v>41888.734363425923</v>
      </c>
      <c r="B24347" s="6">
        <v>405310.94999999995</v>
      </c>
      <c r="C24347" s="7">
        <f t="shared" si="380"/>
        <v>405.31094999999993</v>
      </c>
      <c r="I24347" s="1"/>
    </row>
    <row r="24348" spans="1:9" x14ac:dyDescent="0.25">
      <c r="A24348" s="3">
        <v>41888.734560185185</v>
      </c>
      <c r="B24348" s="6">
        <v>405327.6</v>
      </c>
      <c r="C24348" s="7">
        <f t="shared" si="380"/>
        <v>405.32759999999996</v>
      </c>
      <c r="I24348" s="1"/>
    </row>
    <row r="24349" spans="1:9" x14ac:dyDescent="0.25">
      <c r="A24349" s="3">
        <v>41888.736550925925</v>
      </c>
      <c r="B24349" s="6">
        <v>405344.24999999994</v>
      </c>
      <c r="C24349" s="7">
        <f t="shared" si="380"/>
        <v>405.34424999999993</v>
      </c>
      <c r="I24349" s="1"/>
    </row>
    <row r="24350" spans="1:9" x14ac:dyDescent="0.25">
      <c r="A24350" s="3">
        <v>41888.736666666664</v>
      </c>
      <c r="B24350" s="6">
        <v>405360.89999999997</v>
      </c>
      <c r="C24350" s="7">
        <f t="shared" si="380"/>
        <v>405.36089999999996</v>
      </c>
      <c r="I24350" s="1"/>
    </row>
    <row r="24351" spans="1:9" x14ac:dyDescent="0.25">
      <c r="A24351" s="3">
        <v>41888.737488425926</v>
      </c>
      <c r="B24351" s="6">
        <v>405377.55</v>
      </c>
      <c r="C24351" s="7">
        <f t="shared" si="380"/>
        <v>405.37754999999999</v>
      </c>
      <c r="I24351" s="1"/>
    </row>
    <row r="24352" spans="1:9" x14ac:dyDescent="0.25">
      <c r="A24352" s="3">
        <v>41888.737766203703</v>
      </c>
      <c r="B24352" s="6">
        <v>405394.19999999995</v>
      </c>
      <c r="C24352" s="7">
        <f t="shared" si="380"/>
        <v>405.39419999999996</v>
      </c>
      <c r="I24352" s="1"/>
    </row>
    <row r="24353" spans="1:9" x14ac:dyDescent="0.25">
      <c r="A24353" s="3">
        <v>41888.738993055558</v>
      </c>
      <c r="B24353" s="6">
        <v>405410.85</v>
      </c>
      <c r="C24353" s="7">
        <f t="shared" si="380"/>
        <v>405.41084999999998</v>
      </c>
      <c r="I24353" s="1"/>
    </row>
    <row r="24354" spans="1:9" x14ac:dyDescent="0.25">
      <c r="A24354" s="3">
        <v>41888.739085648151</v>
      </c>
      <c r="B24354" s="6">
        <v>405427.49999999994</v>
      </c>
      <c r="C24354" s="7">
        <f t="shared" si="380"/>
        <v>405.42749999999995</v>
      </c>
      <c r="I24354" s="1"/>
    </row>
    <row r="24355" spans="1:9" x14ac:dyDescent="0.25">
      <c r="A24355" s="3">
        <v>41888.740682870368</v>
      </c>
      <c r="B24355" s="6">
        <v>405444.14999999997</v>
      </c>
      <c r="C24355" s="7">
        <f t="shared" si="380"/>
        <v>405.44414999999998</v>
      </c>
      <c r="I24355" s="1"/>
    </row>
    <row r="24356" spans="1:9" x14ac:dyDescent="0.25">
      <c r="A24356" s="3">
        <v>41888.74082175926</v>
      </c>
      <c r="B24356" s="6">
        <v>405460.8</v>
      </c>
      <c r="C24356" s="7">
        <f t="shared" si="380"/>
        <v>405.46080000000001</v>
      </c>
      <c r="I24356" s="1"/>
    </row>
    <row r="24357" spans="1:9" x14ac:dyDescent="0.25">
      <c r="A24357" s="3">
        <v>41888.747037037036</v>
      </c>
      <c r="B24357" s="6">
        <v>405477.44999999995</v>
      </c>
      <c r="C24357" s="7">
        <f t="shared" si="380"/>
        <v>405.47744999999998</v>
      </c>
      <c r="I24357" s="1"/>
    </row>
    <row r="24358" spans="1:9" x14ac:dyDescent="0.25">
      <c r="A24358" s="3">
        <v>41888.748043981483</v>
      </c>
      <c r="B24358" s="6">
        <v>405494.1</v>
      </c>
      <c r="C24358" s="7">
        <f t="shared" si="380"/>
        <v>405.4941</v>
      </c>
      <c r="I24358" s="1"/>
    </row>
    <row r="24359" spans="1:9" x14ac:dyDescent="0.25">
      <c r="A24359" s="3">
        <v>41888.751481481479</v>
      </c>
      <c r="B24359" s="6">
        <v>405510.74999999994</v>
      </c>
      <c r="C24359" s="7">
        <f t="shared" si="380"/>
        <v>405.51074999999992</v>
      </c>
      <c r="I24359" s="1"/>
    </row>
    <row r="24360" spans="1:9" x14ac:dyDescent="0.25">
      <c r="A24360" s="3">
        <v>41888.751585648148</v>
      </c>
      <c r="B24360" s="6">
        <v>405527.39999999997</v>
      </c>
      <c r="C24360" s="7">
        <f t="shared" si="380"/>
        <v>405.52739999999994</v>
      </c>
      <c r="I24360" s="1"/>
    </row>
    <row r="24361" spans="1:9" x14ac:dyDescent="0.25">
      <c r="A24361" s="3">
        <v>41888.753171296295</v>
      </c>
      <c r="B24361" s="6">
        <v>405544.05</v>
      </c>
      <c r="C24361" s="7">
        <f t="shared" si="380"/>
        <v>405.54404999999997</v>
      </c>
      <c r="I24361" s="1"/>
    </row>
    <row r="24362" spans="1:9" x14ac:dyDescent="0.25">
      <c r="A24362" s="3">
        <v>41888.754293981481</v>
      </c>
      <c r="B24362" s="6">
        <v>405560.69999999995</v>
      </c>
      <c r="C24362" s="7">
        <f t="shared" si="380"/>
        <v>405.56069999999994</v>
      </c>
      <c r="I24362" s="1"/>
    </row>
    <row r="24363" spans="1:9" x14ac:dyDescent="0.25">
      <c r="A24363" s="3">
        <v>41888.757581018515</v>
      </c>
      <c r="B24363" s="6">
        <v>405577.35</v>
      </c>
      <c r="C24363" s="7">
        <f t="shared" si="380"/>
        <v>405.57734999999997</v>
      </c>
      <c r="I24363" s="1"/>
    </row>
    <row r="24364" spans="1:9" x14ac:dyDescent="0.25">
      <c r="A24364" s="3">
        <v>41888.7577662037</v>
      </c>
      <c r="B24364" s="6">
        <v>405593.99999999994</v>
      </c>
      <c r="C24364" s="7">
        <f t="shared" si="380"/>
        <v>405.59399999999994</v>
      </c>
      <c r="I24364" s="1"/>
    </row>
    <row r="24365" spans="1:9" x14ac:dyDescent="0.25">
      <c r="A24365" s="3">
        <v>41888.759085648147</v>
      </c>
      <c r="B24365" s="6">
        <v>405610.64999999997</v>
      </c>
      <c r="C24365" s="7">
        <f t="shared" si="380"/>
        <v>405.61064999999996</v>
      </c>
      <c r="I24365" s="1"/>
    </row>
    <row r="24366" spans="1:9" x14ac:dyDescent="0.25">
      <c r="A24366" s="3">
        <v>41888.75922453704</v>
      </c>
      <c r="B24366" s="6">
        <v>405627.3</v>
      </c>
      <c r="C24366" s="7">
        <f t="shared" si="380"/>
        <v>405.62729999999999</v>
      </c>
      <c r="I24366" s="1"/>
    </row>
    <row r="24367" spans="1:9" x14ac:dyDescent="0.25">
      <c r="A24367" s="3">
        <v>41888.760081018518</v>
      </c>
      <c r="B24367" s="6">
        <v>405643.94999999995</v>
      </c>
      <c r="C24367" s="7">
        <f t="shared" si="380"/>
        <v>405.64394999999996</v>
      </c>
      <c r="I24367" s="1"/>
    </row>
    <row r="24368" spans="1:9" x14ac:dyDescent="0.25">
      <c r="A24368" s="3">
        <v>41888.760312500002</v>
      </c>
      <c r="B24368" s="6">
        <v>405660.6</v>
      </c>
      <c r="C24368" s="7">
        <f t="shared" si="380"/>
        <v>405.66059999999999</v>
      </c>
      <c r="I24368" s="1"/>
    </row>
    <row r="24369" spans="1:9" x14ac:dyDescent="0.25">
      <c r="A24369" s="3">
        <v>41888.762164351851</v>
      </c>
      <c r="B24369" s="6">
        <v>405677.24999999994</v>
      </c>
      <c r="C24369" s="7">
        <f t="shared" si="380"/>
        <v>405.67724999999996</v>
      </c>
      <c r="I24369" s="1"/>
    </row>
    <row r="24370" spans="1:9" x14ac:dyDescent="0.25">
      <c r="A24370" s="3">
        <v>41888.762407407405</v>
      </c>
      <c r="B24370" s="6">
        <v>405693.89999999997</v>
      </c>
      <c r="C24370" s="7">
        <f t="shared" si="380"/>
        <v>405.69389999999999</v>
      </c>
      <c r="I24370" s="1"/>
    </row>
    <row r="24371" spans="1:9" x14ac:dyDescent="0.25">
      <c r="A24371" s="3">
        <v>41888.764756944445</v>
      </c>
      <c r="B24371" s="6">
        <v>405710.55</v>
      </c>
      <c r="C24371" s="7">
        <f t="shared" si="380"/>
        <v>405.71055000000001</v>
      </c>
      <c r="I24371" s="1"/>
    </row>
    <row r="24372" spans="1:9" x14ac:dyDescent="0.25">
      <c r="A24372" s="3">
        <v>41888.764861111114</v>
      </c>
      <c r="B24372" s="6">
        <v>405727.19999999995</v>
      </c>
      <c r="C24372" s="7">
        <f t="shared" si="380"/>
        <v>405.72719999999993</v>
      </c>
      <c r="I24372" s="1"/>
    </row>
    <row r="24373" spans="1:9" x14ac:dyDescent="0.25">
      <c r="A24373" s="3">
        <v>41888.766064814816</v>
      </c>
      <c r="B24373" s="6">
        <v>405743.85</v>
      </c>
      <c r="C24373" s="7">
        <f t="shared" si="380"/>
        <v>405.74384999999995</v>
      </c>
      <c r="I24373" s="1"/>
    </row>
    <row r="24374" spans="1:9" x14ac:dyDescent="0.25">
      <c r="A24374" s="3">
        <v>41888.766226851854</v>
      </c>
      <c r="B24374" s="6">
        <v>405760.49999999994</v>
      </c>
      <c r="C24374" s="7">
        <f t="shared" si="380"/>
        <v>405.76049999999992</v>
      </c>
      <c r="I24374" s="1"/>
    </row>
    <row r="24375" spans="1:9" x14ac:dyDescent="0.25">
      <c r="A24375" s="3">
        <v>41888.767962962964</v>
      </c>
      <c r="B24375" s="6">
        <v>405777.14999999997</v>
      </c>
      <c r="C24375" s="7">
        <f t="shared" si="380"/>
        <v>405.77714999999995</v>
      </c>
      <c r="I24375" s="1"/>
    </row>
    <row r="24376" spans="1:9" x14ac:dyDescent="0.25">
      <c r="A24376" s="3">
        <v>41888.768194444441</v>
      </c>
      <c r="B24376" s="6">
        <v>405793.8</v>
      </c>
      <c r="C24376" s="7">
        <f t="shared" si="380"/>
        <v>405.79379999999998</v>
      </c>
      <c r="I24376" s="1"/>
    </row>
    <row r="24377" spans="1:9" x14ac:dyDescent="0.25">
      <c r="A24377" s="3">
        <v>41888.770219907405</v>
      </c>
      <c r="B24377" s="6">
        <v>405810.44999999995</v>
      </c>
      <c r="C24377" s="7">
        <f t="shared" si="380"/>
        <v>405.81044999999995</v>
      </c>
      <c r="I24377" s="1"/>
    </row>
    <row r="24378" spans="1:9" x14ac:dyDescent="0.25">
      <c r="A24378" s="3">
        <v>41888.770312499997</v>
      </c>
      <c r="B24378" s="6">
        <v>405827.1</v>
      </c>
      <c r="C24378" s="7">
        <f t="shared" si="380"/>
        <v>405.82709999999997</v>
      </c>
      <c r="I24378" s="1"/>
    </row>
    <row r="24379" spans="1:9" x14ac:dyDescent="0.25">
      <c r="A24379" s="3">
        <v>41888.773715277777</v>
      </c>
      <c r="B24379" s="6">
        <v>405843.74999999994</v>
      </c>
      <c r="C24379" s="7">
        <f t="shared" si="380"/>
        <v>405.84374999999994</v>
      </c>
      <c r="I24379" s="1"/>
    </row>
    <row r="24380" spans="1:9" x14ac:dyDescent="0.25">
      <c r="A24380" s="3">
        <v>41888.774039351854</v>
      </c>
      <c r="B24380" s="6">
        <v>405860.39999999997</v>
      </c>
      <c r="C24380" s="7">
        <f t="shared" si="380"/>
        <v>405.86039999999997</v>
      </c>
      <c r="I24380" s="1"/>
    </row>
    <row r="24381" spans="1:9" x14ac:dyDescent="0.25">
      <c r="A24381" s="3">
        <v>41888.777939814812</v>
      </c>
      <c r="B24381" s="6">
        <v>405877.05</v>
      </c>
      <c r="C24381" s="7">
        <f t="shared" si="380"/>
        <v>405.87705</v>
      </c>
      <c r="I24381" s="1"/>
    </row>
    <row r="24382" spans="1:9" x14ac:dyDescent="0.25">
      <c r="A24382" s="3">
        <v>41888.778078703705</v>
      </c>
      <c r="B24382" s="6">
        <v>405893.69999999995</v>
      </c>
      <c r="C24382" s="7">
        <f t="shared" si="380"/>
        <v>405.89369999999997</v>
      </c>
      <c r="I24382" s="1"/>
    </row>
    <row r="24383" spans="1:9" x14ac:dyDescent="0.25">
      <c r="A24383" s="3">
        <v>41888.780231481483</v>
      </c>
      <c r="B24383" s="6">
        <v>405910.35</v>
      </c>
      <c r="C24383" s="7">
        <f t="shared" si="380"/>
        <v>405.91034999999999</v>
      </c>
      <c r="I24383" s="1"/>
    </row>
    <row r="24384" spans="1:9" x14ac:dyDescent="0.25">
      <c r="A24384" s="3">
        <v>41888.780497685184</v>
      </c>
      <c r="B24384" s="6">
        <v>405926.99999999994</v>
      </c>
      <c r="C24384" s="7">
        <f t="shared" si="380"/>
        <v>405.92699999999996</v>
      </c>
      <c r="I24384" s="1"/>
    </row>
    <row r="24385" spans="1:9" x14ac:dyDescent="0.25">
      <c r="A24385" s="3">
        <v>41888.790312500001</v>
      </c>
      <c r="B24385" s="6">
        <v>405943.64999999997</v>
      </c>
      <c r="C24385" s="7">
        <f t="shared" si="380"/>
        <v>405.94364999999999</v>
      </c>
      <c r="I24385" s="1"/>
    </row>
    <row r="24386" spans="1:9" x14ac:dyDescent="0.25">
      <c r="A24386" s="3">
        <v>41888.790590277778</v>
      </c>
      <c r="B24386" s="6">
        <v>405960.3</v>
      </c>
      <c r="C24386" s="7">
        <f t="shared" si="380"/>
        <v>405.96029999999996</v>
      </c>
      <c r="I24386" s="1"/>
    </row>
    <row r="24387" spans="1:9" x14ac:dyDescent="0.25">
      <c r="A24387" s="3">
        <v>41888.797465277778</v>
      </c>
      <c r="B24387" s="6">
        <v>405976.94999999995</v>
      </c>
      <c r="C24387" s="7">
        <f t="shared" ref="C24387:C24450" si="381">B24387/1000</f>
        <v>405.97694999999993</v>
      </c>
      <c r="I24387" s="1"/>
    </row>
    <row r="24388" spans="1:9" x14ac:dyDescent="0.25">
      <c r="A24388" s="3">
        <v>41888.798298611109</v>
      </c>
      <c r="B24388" s="6">
        <v>405993.6</v>
      </c>
      <c r="C24388" s="7">
        <f t="shared" si="381"/>
        <v>405.99359999999996</v>
      </c>
      <c r="I24388" s="1"/>
    </row>
    <row r="24389" spans="1:9" x14ac:dyDescent="0.25">
      <c r="A24389" s="3">
        <v>41888.806226851855</v>
      </c>
      <c r="B24389" s="6">
        <v>406010.24999999994</v>
      </c>
      <c r="C24389" s="7">
        <f t="shared" si="381"/>
        <v>406.01024999999993</v>
      </c>
      <c r="I24389" s="1"/>
    </row>
    <row r="24390" spans="1:9" x14ac:dyDescent="0.25">
      <c r="A24390" s="3">
        <v>41888.806377314817</v>
      </c>
      <c r="B24390" s="6">
        <v>406026.89999999997</v>
      </c>
      <c r="C24390" s="7">
        <f t="shared" si="381"/>
        <v>406.02689999999996</v>
      </c>
      <c r="I24390" s="1"/>
    </row>
    <row r="24391" spans="1:9" x14ac:dyDescent="0.25">
      <c r="A24391" s="3">
        <v>41918.324004629627</v>
      </c>
      <c r="B24391" s="6">
        <v>406043.55</v>
      </c>
      <c r="C24391" s="7">
        <f t="shared" si="381"/>
        <v>406.04354999999998</v>
      </c>
      <c r="I24391" s="1"/>
    </row>
    <row r="24392" spans="1:9" x14ac:dyDescent="0.25">
      <c r="A24392" s="3">
        <v>41918.329629629632</v>
      </c>
      <c r="B24392" s="6">
        <v>406060.19999999995</v>
      </c>
      <c r="C24392" s="7">
        <f t="shared" si="381"/>
        <v>406.06019999999995</v>
      </c>
      <c r="I24392" s="1"/>
    </row>
    <row r="24393" spans="1:9" x14ac:dyDescent="0.25">
      <c r="A24393" s="3">
        <v>41918.34165509259</v>
      </c>
      <c r="B24393" s="6">
        <v>406076.85</v>
      </c>
      <c r="C24393" s="7">
        <f t="shared" si="381"/>
        <v>406.07684999999998</v>
      </c>
      <c r="I24393" s="1"/>
    </row>
    <row r="24394" spans="1:9" x14ac:dyDescent="0.25">
      <c r="A24394" s="3">
        <v>41918.342152777775</v>
      </c>
      <c r="B24394" s="6">
        <v>406093.49999999994</v>
      </c>
      <c r="C24394" s="7">
        <f t="shared" si="381"/>
        <v>406.09349999999995</v>
      </c>
      <c r="I24394" s="1"/>
    </row>
    <row r="24395" spans="1:9" x14ac:dyDescent="0.25">
      <c r="A24395" s="3">
        <v>41918.357210648152</v>
      </c>
      <c r="B24395" s="6">
        <v>406110.14999999997</v>
      </c>
      <c r="C24395" s="7">
        <f t="shared" si="381"/>
        <v>406.11014999999998</v>
      </c>
      <c r="I24395" s="1"/>
    </row>
    <row r="24396" spans="1:9" x14ac:dyDescent="0.25">
      <c r="A24396" s="3">
        <v>41918.357418981483</v>
      </c>
      <c r="B24396" s="6">
        <v>406126.8</v>
      </c>
      <c r="C24396" s="7">
        <f t="shared" si="381"/>
        <v>406.1268</v>
      </c>
      <c r="I24396" s="1"/>
    </row>
    <row r="24397" spans="1:9" x14ac:dyDescent="0.25">
      <c r="A24397" s="3">
        <v>41918.370416666665</v>
      </c>
      <c r="B24397" s="6">
        <v>406143.44999999995</v>
      </c>
      <c r="C24397" s="7">
        <f t="shared" si="381"/>
        <v>406.14344999999997</v>
      </c>
      <c r="I24397" s="1"/>
    </row>
    <row r="24398" spans="1:9" x14ac:dyDescent="0.25">
      <c r="A24398" s="3">
        <v>41918.370844907404</v>
      </c>
      <c r="B24398" s="6">
        <v>406160.1</v>
      </c>
      <c r="C24398" s="7">
        <f t="shared" si="381"/>
        <v>406.1601</v>
      </c>
      <c r="I24398" s="1"/>
    </row>
    <row r="24399" spans="1:9" x14ac:dyDescent="0.25">
      <c r="A24399" s="3">
        <v>41918.373831018522</v>
      </c>
      <c r="B24399" s="6">
        <v>406176.74999999994</v>
      </c>
      <c r="C24399" s="7">
        <f t="shared" si="381"/>
        <v>406.17674999999997</v>
      </c>
      <c r="I24399" s="1"/>
    </row>
    <row r="24400" spans="1:9" x14ac:dyDescent="0.25">
      <c r="A24400" s="3">
        <v>41918.374062499999</v>
      </c>
      <c r="B24400" s="6">
        <v>406193.39999999997</v>
      </c>
      <c r="C24400" s="7">
        <f t="shared" si="381"/>
        <v>406.19339999999994</v>
      </c>
      <c r="I24400" s="1"/>
    </row>
    <row r="24401" spans="1:9" x14ac:dyDescent="0.25">
      <c r="A24401" s="3">
        <v>41918.381944444445</v>
      </c>
      <c r="B24401" s="6">
        <v>406210.05</v>
      </c>
      <c r="C24401" s="7">
        <f t="shared" si="381"/>
        <v>406.21004999999997</v>
      </c>
      <c r="I24401" s="1"/>
    </row>
    <row r="24402" spans="1:9" x14ac:dyDescent="0.25">
      <c r="A24402" s="3">
        <v>41918.382106481484</v>
      </c>
      <c r="B24402" s="6">
        <v>406226.69999999995</v>
      </c>
      <c r="C24402" s="7">
        <f t="shared" si="381"/>
        <v>406.22669999999994</v>
      </c>
      <c r="I24402" s="1"/>
    </row>
    <row r="24403" spans="1:9" x14ac:dyDescent="0.25">
      <c r="A24403" s="3">
        <v>41918.394282407404</v>
      </c>
      <c r="B24403" s="6">
        <v>406243.35</v>
      </c>
      <c r="C24403" s="7">
        <f t="shared" si="381"/>
        <v>406.24334999999996</v>
      </c>
      <c r="I24403" s="1"/>
    </row>
    <row r="24404" spans="1:9" x14ac:dyDescent="0.25">
      <c r="A24404" s="3">
        <v>41918.394432870373</v>
      </c>
      <c r="B24404" s="6">
        <v>406259.99999999994</v>
      </c>
      <c r="C24404" s="7">
        <f t="shared" si="381"/>
        <v>406.25999999999993</v>
      </c>
      <c r="I24404" s="1"/>
    </row>
    <row r="24405" spans="1:9" x14ac:dyDescent="0.25">
      <c r="A24405" s="3">
        <v>41918.400173611109</v>
      </c>
      <c r="B24405" s="6">
        <v>406276.64999999997</v>
      </c>
      <c r="C24405" s="7">
        <f t="shared" si="381"/>
        <v>406.27664999999996</v>
      </c>
      <c r="I24405" s="1"/>
    </row>
    <row r="24406" spans="1:9" x14ac:dyDescent="0.25">
      <c r="A24406" s="3">
        <v>41918.401724537034</v>
      </c>
      <c r="B24406" s="6">
        <v>406293.3</v>
      </c>
      <c r="C24406" s="7">
        <f t="shared" si="381"/>
        <v>406.29329999999999</v>
      </c>
      <c r="I24406" s="1"/>
    </row>
    <row r="24407" spans="1:9" x14ac:dyDescent="0.25">
      <c r="A24407" s="3">
        <v>41918.405995370369</v>
      </c>
      <c r="B24407" s="6">
        <v>406309.94999999995</v>
      </c>
      <c r="C24407" s="7">
        <f t="shared" si="381"/>
        <v>406.30994999999996</v>
      </c>
      <c r="I24407" s="1"/>
    </row>
    <row r="24408" spans="1:9" x14ac:dyDescent="0.25">
      <c r="A24408" s="3">
        <v>41918.406076388892</v>
      </c>
      <c r="B24408" s="6">
        <v>406326.6</v>
      </c>
      <c r="C24408" s="7">
        <f t="shared" si="381"/>
        <v>406.32659999999998</v>
      </c>
      <c r="I24408" s="1"/>
    </row>
    <row r="24409" spans="1:9" x14ac:dyDescent="0.25">
      <c r="A24409" s="3">
        <v>41918.407106481478</v>
      </c>
      <c r="B24409" s="6">
        <v>406343.24999999994</v>
      </c>
      <c r="C24409" s="7">
        <f t="shared" si="381"/>
        <v>406.34324999999995</v>
      </c>
      <c r="I24409" s="1"/>
    </row>
    <row r="24410" spans="1:9" x14ac:dyDescent="0.25">
      <c r="A24410" s="3">
        <v>41918.40729166667</v>
      </c>
      <c r="B24410" s="6">
        <v>406359.89999999997</v>
      </c>
      <c r="C24410" s="7">
        <f t="shared" si="381"/>
        <v>406.35989999999998</v>
      </c>
      <c r="I24410" s="1"/>
    </row>
    <row r="24411" spans="1:9" x14ac:dyDescent="0.25">
      <c r="A24411" s="3">
        <v>41918.409363425926</v>
      </c>
      <c r="B24411" s="6">
        <v>406376.55</v>
      </c>
      <c r="C24411" s="7">
        <f t="shared" si="381"/>
        <v>406.37655000000001</v>
      </c>
      <c r="I24411" s="1"/>
    </row>
    <row r="24412" spans="1:9" x14ac:dyDescent="0.25">
      <c r="A24412" s="3">
        <v>41918.40960648148</v>
      </c>
      <c r="B24412" s="6">
        <v>406393.19999999995</v>
      </c>
      <c r="C24412" s="7">
        <f t="shared" si="381"/>
        <v>406.39319999999998</v>
      </c>
      <c r="I24412" s="1"/>
    </row>
    <row r="24413" spans="1:9" x14ac:dyDescent="0.25">
      <c r="A24413" s="3">
        <v>41918.414224537039</v>
      </c>
      <c r="B24413" s="6">
        <v>406409.85</v>
      </c>
      <c r="C24413" s="7">
        <f t="shared" si="381"/>
        <v>406.40984999999995</v>
      </c>
      <c r="I24413" s="1"/>
    </row>
    <row r="24414" spans="1:9" x14ac:dyDescent="0.25">
      <c r="A24414" s="3">
        <v>41918.414571759262</v>
      </c>
      <c r="B24414" s="6">
        <v>406426.49999999994</v>
      </c>
      <c r="C24414" s="7">
        <f t="shared" si="381"/>
        <v>406.42649999999992</v>
      </c>
      <c r="I24414" s="1"/>
    </row>
    <row r="24415" spans="1:9" x14ac:dyDescent="0.25">
      <c r="A24415" s="3">
        <v>41918.417870370373</v>
      </c>
      <c r="B24415" s="6">
        <v>406443.14999999997</v>
      </c>
      <c r="C24415" s="7">
        <f t="shared" si="381"/>
        <v>406.44314999999995</v>
      </c>
      <c r="I24415" s="1"/>
    </row>
    <row r="24416" spans="1:9" x14ac:dyDescent="0.25">
      <c r="A24416" s="3">
        <v>41918.417974537035</v>
      </c>
      <c r="B24416" s="6">
        <v>406459.8</v>
      </c>
      <c r="C24416" s="7">
        <f t="shared" si="381"/>
        <v>406.45979999999997</v>
      </c>
      <c r="I24416" s="1"/>
    </row>
    <row r="24417" spans="1:9" x14ac:dyDescent="0.25">
      <c r="A24417" s="3">
        <v>41918.420069444444</v>
      </c>
      <c r="B24417" s="6">
        <v>406476.44999999995</v>
      </c>
      <c r="C24417" s="7">
        <f t="shared" si="381"/>
        <v>406.47644999999994</v>
      </c>
      <c r="I24417" s="1"/>
    </row>
    <row r="24418" spans="1:9" x14ac:dyDescent="0.25">
      <c r="A24418" s="3">
        <v>41918.42019675926</v>
      </c>
      <c r="B24418" s="6">
        <v>406493.1</v>
      </c>
      <c r="C24418" s="7">
        <f t="shared" si="381"/>
        <v>406.49309999999997</v>
      </c>
      <c r="I24418" s="1"/>
    </row>
    <row r="24419" spans="1:9" x14ac:dyDescent="0.25">
      <c r="A24419" s="3">
        <v>41918.423136574071</v>
      </c>
      <c r="B24419" s="6">
        <v>406509.74999999994</v>
      </c>
      <c r="C24419" s="7">
        <f t="shared" si="381"/>
        <v>406.50974999999994</v>
      </c>
      <c r="I24419" s="1"/>
    </row>
    <row r="24420" spans="1:9" x14ac:dyDescent="0.25">
      <c r="A24420" s="3">
        <v>41918.423541666663</v>
      </c>
      <c r="B24420" s="6">
        <v>406526.39999999997</v>
      </c>
      <c r="C24420" s="7">
        <f t="shared" si="381"/>
        <v>406.52639999999997</v>
      </c>
      <c r="I24420" s="1"/>
    </row>
    <row r="24421" spans="1:9" x14ac:dyDescent="0.25">
      <c r="A24421" s="3">
        <v>41918.431435185186</v>
      </c>
      <c r="B24421" s="6">
        <v>406543.05</v>
      </c>
      <c r="C24421" s="7">
        <f t="shared" si="381"/>
        <v>406.54304999999999</v>
      </c>
      <c r="I24421" s="1"/>
    </row>
    <row r="24422" spans="1:9" x14ac:dyDescent="0.25">
      <c r="A24422" s="3">
        <v>41918.431666666664</v>
      </c>
      <c r="B24422" s="6">
        <v>406559.69999999995</v>
      </c>
      <c r="C24422" s="7">
        <f t="shared" si="381"/>
        <v>406.55969999999996</v>
      </c>
      <c r="I24422" s="1"/>
    </row>
    <row r="24423" spans="1:9" x14ac:dyDescent="0.25">
      <c r="A24423" s="3">
        <v>41918.435682870368</v>
      </c>
      <c r="B24423" s="6">
        <v>406576.35</v>
      </c>
      <c r="C24423" s="7">
        <f t="shared" si="381"/>
        <v>406.57634999999999</v>
      </c>
      <c r="I24423" s="1"/>
    </row>
    <row r="24424" spans="1:9" x14ac:dyDescent="0.25">
      <c r="A24424" s="3">
        <v>41918.435914351852</v>
      </c>
      <c r="B24424" s="6">
        <v>406592.99999999994</v>
      </c>
      <c r="C24424" s="7">
        <f t="shared" si="381"/>
        <v>406.59299999999996</v>
      </c>
      <c r="I24424" s="1"/>
    </row>
    <row r="24425" spans="1:9" x14ac:dyDescent="0.25">
      <c r="A24425" s="3">
        <v>41918.442731481482</v>
      </c>
      <c r="B24425" s="6">
        <v>406609.64999999997</v>
      </c>
      <c r="C24425" s="7">
        <f t="shared" si="381"/>
        <v>406.60964999999999</v>
      </c>
      <c r="I24425" s="1"/>
    </row>
    <row r="24426" spans="1:9" x14ac:dyDescent="0.25">
      <c r="A24426" s="3">
        <v>41918.442974537036</v>
      </c>
      <c r="B24426" s="6">
        <v>406626.3</v>
      </c>
      <c r="C24426" s="7">
        <f t="shared" si="381"/>
        <v>406.62630000000001</v>
      </c>
      <c r="I24426" s="1"/>
    </row>
    <row r="24427" spans="1:9" x14ac:dyDescent="0.25">
      <c r="A24427" s="3">
        <v>41918.450775462959</v>
      </c>
      <c r="B24427" s="6">
        <v>406642.94999999995</v>
      </c>
      <c r="C24427" s="7">
        <f t="shared" si="381"/>
        <v>406.64294999999993</v>
      </c>
      <c r="I24427" s="1"/>
    </row>
    <row r="24428" spans="1:9" x14ac:dyDescent="0.25">
      <c r="A24428" s="3">
        <v>41918.451041666667</v>
      </c>
      <c r="B24428" s="6">
        <v>406659.6</v>
      </c>
      <c r="C24428" s="7">
        <f t="shared" si="381"/>
        <v>406.65959999999995</v>
      </c>
      <c r="I24428" s="1"/>
    </row>
    <row r="24429" spans="1:9" x14ac:dyDescent="0.25">
      <c r="A24429" s="3">
        <v>41918.456932870373</v>
      </c>
      <c r="B24429" s="6">
        <v>406676.24999999994</v>
      </c>
      <c r="C24429" s="7">
        <f t="shared" si="381"/>
        <v>406.67624999999992</v>
      </c>
      <c r="I24429" s="1"/>
    </row>
    <row r="24430" spans="1:9" x14ac:dyDescent="0.25">
      <c r="A24430" s="3">
        <v>41918.45815972222</v>
      </c>
      <c r="B24430" s="6">
        <v>406692.89999999997</v>
      </c>
      <c r="C24430" s="7">
        <f t="shared" si="381"/>
        <v>406.69289999999995</v>
      </c>
      <c r="I24430" s="1"/>
    </row>
    <row r="24431" spans="1:9" x14ac:dyDescent="0.25">
      <c r="A24431" s="3">
        <v>41918.463113425925</v>
      </c>
      <c r="B24431" s="6">
        <v>406709.55</v>
      </c>
      <c r="C24431" s="7">
        <f t="shared" si="381"/>
        <v>406.70954999999998</v>
      </c>
      <c r="I24431" s="1"/>
    </row>
    <row r="24432" spans="1:9" x14ac:dyDescent="0.25">
      <c r="A24432" s="3">
        <v>41918.463460648149</v>
      </c>
      <c r="B24432" s="6">
        <v>406726.19999999995</v>
      </c>
      <c r="C24432" s="7">
        <f t="shared" si="381"/>
        <v>406.72619999999995</v>
      </c>
      <c r="I24432" s="1"/>
    </row>
    <row r="24433" spans="1:9" x14ac:dyDescent="0.25">
      <c r="A24433" s="3">
        <v>41918.465729166666</v>
      </c>
      <c r="B24433" s="6">
        <v>406742.85</v>
      </c>
      <c r="C24433" s="7">
        <f t="shared" si="381"/>
        <v>406.74284999999998</v>
      </c>
      <c r="I24433" s="1"/>
    </row>
    <row r="24434" spans="1:9" x14ac:dyDescent="0.25">
      <c r="A24434" s="3">
        <v>41918.465821759259</v>
      </c>
      <c r="B24434" s="6">
        <v>406759.49999999994</v>
      </c>
      <c r="C24434" s="7">
        <f t="shared" si="381"/>
        <v>406.75949999999995</v>
      </c>
      <c r="I24434" s="1"/>
    </row>
    <row r="24435" spans="1:9" x14ac:dyDescent="0.25">
      <c r="A24435" s="3">
        <v>41918.466956018521</v>
      </c>
      <c r="B24435" s="6">
        <v>406776.14999999997</v>
      </c>
      <c r="C24435" s="7">
        <f t="shared" si="381"/>
        <v>406.77614999999997</v>
      </c>
      <c r="I24435" s="1"/>
    </row>
    <row r="24436" spans="1:9" x14ac:dyDescent="0.25">
      <c r="A24436" s="3">
        <v>41918.467037037037</v>
      </c>
      <c r="B24436" s="6">
        <v>406792.8</v>
      </c>
      <c r="C24436" s="7">
        <f t="shared" si="381"/>
        <v>406.7928</v>
      </c>
      <c r="I24436" s="1"/>
    </row>
    <row r="24437" spans="1:9" x14ac:dyDescent="0.25">
      <c r="A24437" s="3">
        <v>41918.469618055555</v>
      </c>
      <c r="B24437" s="6">
        <v>406809.44999999995</v>
      </c>
      <c r="C24437" s="7">
        <f t="shared" si="381"/>
        <v>406.80944999999997</v>
      </c>
      <c r="I24437" s="1"/>
    </row>
    <row r="24438" spans="1:9" x14ac:dyDescent="0.25">
      <c r="A24438" s="3">
        <v>41918.469814814816</v>
      </c>
      <c r="B24438" s="6">
        <v>406826.1</v>
      </c>
      <c r="C24438" s="7">
        <f t="shared" si="381"/>
        <v>406.8261</v>
      </c>
      <c r="I24438" s="1"/>
    </row>
    <row r="24439" spans="1:9" x14ac:dyDescent="0.25">
      <c r="A24439" s="3">
        <v>41918.472233796296</v>
      </c>
      <c r="B24439" s="6">
        <v>406842.74999999994</v>
      </c>
      <c r="C24439" s="7">
        <f t="shared" si="381"/>
        <v>406.84274999999997</v>
      </c>
      <c r="I24439" s="1"/>
    </row>
    <row r="24440" spans="1:9" x14ac:dyDescent="0.25">
      <c r="A24440" s="3">
        <v>41918.472395833334</v>
      </c>
      <c r="B24440" s="6">
        <v>406859.39999999997</v>
      </c>
      <c r="C24440" s="7">
        <f t="shared" si="381"/>
        <v>406.85939999999994</v>
      </c>
      <c r="I24440" s="1"/>
    </row>
    <row r="24441" spans="1:9" x14ac:dyDescent="0.25">
      <c r="A24441" s="3">
        <v>41918.47378472222</v>
      </c>
      <c r="B24441" s="6">
        <v>406876.05</v>
      </c>
      <c r="C24441" s="7">
        <f t="shared" si="381"/>
        <v>406.87604999999996</v>
      </c>
      <c r="I24441" s="1"/>
    </row>
    <row r="24442" spans="1:9" x14ac:dyDescent="0.25">
      <c r="A24442" s="3">
        <v>41918.473935185182</v>
      </c>
      <c r="B24442" s="6">
        <v>406892.69999999995</v>
      </c>
      <c r="C24442" s="7">
        <f t="shared" si="381"/>
        <v>406.89269999999993</v>
      </c>
      <c r="I24442" s="1"/>
    </row>
    <row r="24443" spans="1:9" x14ac:dyDescent="0.25">
      <c r="A24443" s="3">
        <v>41918.481076388889</v>
      </c>
      <c r="B24443" s="6">
        <v>406909.35</v>
      </c>
      <c r="C24443" s="7">
        <f t="shared" si="381"/>
        <v>406.90934999999996</v>
      </c>
      <c r="I24443" s="1"/>
    </row>
    <row r="24444" spans="1:9" x14ac:dyDescent="0.25">
      <c r="A24444" s="3">
        <v>41918.481354166666</v>
      </c>
      <c r="B24444" s="6">
        <v>406925.99999999994</v>
      </c>
      <c r="C24444" s="7">
        <f t="shared" si="381"/>
        <v>406.92599999999993</v>
      </c>
      <c r="I24444" s="1"/>
    </row>
    <row r="24445" spans="1:9" x14ac:dyDescent="0.25">
      <c r="A24445" s="3">
        <v>41918.484918981485</v>
      </c>
      <c r="B24445" s="6">
        <v>406942.64999999997</v>
      </c>
      <c r="C24445" s="7">
        <f t="shared" si="381"/>
        <v>406.94264999999996</v>
      </c>
      <c r="I24445" s="1"/>
    </row>
    <row r="24446" spans="1:9" x14ac:dyDescent="0.25">
      <c r="A24446" s="3">
        <v>41918.485023148147</v>
      </c>
      <c r="B24446" s="6">
        <v>406959.3</v>
      </c>
      <c r="C24446" s="7">
        <f t="shared" si="381"/>
        <v>406.95929999999998</v>
      </c>
      <c r="I24446" s="1"/>
    </row>
    <row r="24447" spans="1:9" x14ac:dyDescent="0.25">
      <c r="A24447" s="3">
        <v>41918.489270833335</v>
      </c>
      <c r="B24447" s="6">
        <v>406975.94999999995</v>
      </c>
      <c r="C24447" s="7">
        <f t="shared" si="381"/>
        <v>406.97594999999995</v>
      </c>
      <c r="I24447" s="1"/>
    </row>
    <row r="24448" spans="1:9" x14ac:dyDescent="0.25">
      <c r="A24448" s="3">
        <v>41918.49019675926</v>
      </c>
      <c r="B24448" s="6">
        <v>406992.6</v>
      </c>
      <c r="C24448" s="7">
        <f t="shared" si="381"/>
        <v>406.99259999999998</v>
      </c>
      <c r="I24448" s="1"/>
    </row>
    <row r="24449" spans="1:9" x14ac:dyDescent="0.25">
      <c r="A24449" s="3">
        <v>41918.496435185189</v>
      </c>
      <c r="B24449" s="6">
        <v>407009.24999999994</v>
      </c>
      <c r="C24449" s="7">
        <f t="shared" si="381"/>
        <v>407.00924999999995</v>
      </c>
      <c r="I24449" s="1"/>
    </row>
    <row r="24450" spans="1:9" x14ac:dyDescent="0.25">
      <c r="A24450" s="3">
        <v>41918.496759259258</v>
      </c>
      <c r="B24450" s="6">
        <v>407025.89999999997</v>
      </c>
      <c r="C24450" s="7">
        <f t="shared" si="381"/>
        <v>407.02589999999998</v>
      </c>
      <c r="I24450" s="1"/>
    </row>
    <row r="24451" spans="1:9" x14ac:dyDescent="0.25">
      <c r="A24451" s="3">
        <v>41918.499594907407</v>
      </c>
      <c r="B24451" s="6">
        <v>407042.55</v>
      </c>
      <c r="C24451" s="7">
        <f t="shared" ref="C24451:C24514" si="382">B24451/1000</f>
        <v>407.04255000000001</v>
      </c>
      <c r="I24451" s="1"/>
    </row>
    <row r="24452" spans="1:9" x14ac:dyDescent="0.25">
      <c r="A24452" s="3">
        <v>41918.50037037037</v>
      </c>
      <c r="B24452" s="6">
        <v>407059.19999999995</v>
      </c>
      <c r="C24452" s="7">
        <f t="shared" si="382"/>
        <v>407.05919999999998</v>
      </c>
      <c r="I24452" s="1"/>
    </row>
    <row r="24453" spans="1:9" x14ac:dyDescent="0.25">
      <c r="A24453" s="3">
        <v>41918.501979166664</v>
      </c>
      <c r="B24453" s="6">
        <v>407075.85</v>
      </c>
      <c r="C24453" s="7">
        <f t="shared" si="382"/>
        <v>407.07585</v>
      </c>
      <c r="I24453" s="1"/>
    </row>
    <row r="24454" spans="1:9" x14ac:dyDescent="0.25">
      <c r="A24454" s="3">
        <v>41918.50240740741</v>
      </c>
      <c r="B24454" s="6">
        <v>407092.49999999994</v>
      </c>
      <c r="C24454" s="7">
        <f t="shared" si="382"/>
        <v>407.09249999999992</v>
      </c>
      <c r="I24454" s="1"/>
    </row>
    <row r="24455" spans="1:9" x14ac:dyDescent="0.25">
      <c r="A24455" s="3">
        <v>41918.507013888891</v>
      </c>
      <c r="B24455" s="6">
        <v>407109.14999999997</v>
      </c>
      <c r="C24455" s="7">
        <f t="shared" si="382"/>
        <v>407.10914999999994</v>
      </c>
      <c r="I24455" s="1"/>
    </row>
    <row r="24456" spans="1:9" x14ac:dyDescent="0.25">
      <c r="A24456" s="3">
        <v>41918.507164351853</v>
      </c>
      <c r="B24456" s="6">
        <v>407125.8</v>
      </c>
      <c r="C24456" s="7">
        <f t="shared" si="382"/>
        <v>407.12579999999997</v>
      </c>
      <c r="I24456" s="1"/>
    </row>
    <row r="24457" spans="1:9" x14ac:dyDescent="0.25">
      <c r="A24457" s="3">
        <v>41918.512465277781</v>
      </c>
      <c r="B24457" s="6">
        <v>407142.44999999995</v>
      </c>
      <c r="C24457" s="7">
        <f t="shared" si="382"/>
        <v>407.14244999999994</v>
      </c>
      <c r="I24457" s="1"/>
    </row>
    <row r="24458" spans="1:9" x14ac:dyDescent="0.25">
      <c r="A24458" s="3">
        <v>41918.512719907405</v>
      </c>
      <c r="B24458" s="6">
        <v>407159.1</v>
      </c>
      <c r="C24458" s="7">
        <f t="shared" si="382"/>
        <v>407.15909999999997</v>
      </c>
      <c r="I24458" s="1"/>
    </row>
    <row r="24459" spans="1:9" x14ac:dyDescent="0.25">
      <c r="A24459" s="3">
        <v>41918.514293981483</v>
      </c>
      <c r="B24459" s="6">
        <v>407175.74999999994</v>
      </c>
      <c r="C24459" s="7">
        <f t="shared" si="382"/>
        <v>407.17574999999994</v>
      </c>
      <c r="I24459" s="1"/>
    </row>
    <row r="24460" spans="1:9" x14ac:dyDescent="0.25">
      <c r="A24460" s="3">
        <v>41918.514467592591</v>
      </c>
      <c r="B24460" s="6">
        <v>407192.39999999997</v>
      </c>
      <c r="C24460" s="7">
        <f t="shared" si="382"/>
        <v>407.19239999999996</v>
      </c>
      <c r="I24460" s="1"/>
    </row>
    <row r="24461" spans="1:9" x14ac:dyDescent="0.25">
      <c r="A24461" s="3">
        <v>41918.516157407408</v>
      </c>
      <c r="B24461" s="6">
        <v>407209.05</v>
      </c>
      <c r="C24461" s="7">
        <f t="shared" si="382"/>
        <v>407.20904999999999</v>
      </c>
      <c r="I24461" s="1"/>
    </row>
    <row r="24462" spans="1:9" x14ac:dyDescent="0.25">
      <c r="A24462" s="3">
        <v>41918.516261574077</v>
      </c>
      <c r="B24462" s="6">
        <v>407225.69999999995</v>
      </c>
      <c r="C24462" s="7">
        <f t="shared" si="382"/>
        <v>407.22569999999996</v>
      </c>
      <c r="I24462" s="1"/>
    </row>
    <row r="24463" spans="1:9" x14ac:dyDescent="0.25">
      <c r="A24463" s="3">
        <v>41918.52071759259</v>
      </c>
      <c r="B24463" s="6">
        <v>407242.35</v>
      </c>
      <c r="C24463" s="7">
        <f t="shared" si="382"/>
        <v>407.24234999999999</v>
      </c>
      <c r="I24463" s="1"/>
    </row>
    <row r="24464" spans="1:9" x14ac:dyDescent="0.25">
      <c r="A24464" s="3">
        <v>41918.521574074075</v>
      </c>
      <c r="B24464" s="6">
        <v>407258.99999999994</v>
      </c>
      <c r="C24464" s="7">
        <f t="shared" si="382"/>
        <v>407.25899999999996</v>
      </c>
      <c r="I24464" s="1"/>
    </row>
    <row r="24465" spans="1:9" x14ac:dyDescent="0.25">
      <c r="A24465" s="3">
        <v>41918.523784722223</v>
      </c>
      <c r="B24465" s="6">
        <v>407275.64999999997</v>
      </c>
      <c r="C24465" s="7">
        <f t="shared" si="382"/>
        <v>407.27564999999998</v>
      </c>
      <c r="I24465" s="1"/>
    </row>
    <row r="24466" spans="1:9" x14ac:dyDescent="0.25">
      <c r="A24466" s="3">
        <v>41918.523900462962</v>
      </c>
      <c r="B24466" s="6">
        <v>407292.3</v>
      </c>
      <c r="C24466" s="7">
        <f t="shared" si="382"/>
        <v>407.29230000000001</v>
      </c>
      <c r="I24466" s="1"/>
    </row>
    <row r="24467" spans="1:9" x14ac:dyDescent="0.25">
      <c r="A24467" s="3">
        <v>41918.526689814818</v>
      </c>
      <c r="B24467" s="6">
        <v>407308.94999999995</v>
      </c>
      <c r="C24467" s="7">
        <f t="shared" si="382"/>
        <v>407.30894999999998</v>
      </c>
      <c r="I24467" s="1"/>
    </row>
    <row r="24468" spans="1:9" x14ac:dyDescent="0.25">
      <c r="A24468" s="3">
        <v>41918.52684027778</v>
      </c>
      <c r="B24468" s="6">
        <v>407325.6</v>
      </c>
      <c r="C24468" s="7">
        <f t="shared" si="382"/>
        <v>407.32559999999995</v>
      </c>
      <c r="I24468" s="1"/>
    </row>
    <row r="24469" spans="1:9" x14ac:dyDescent="0.25">
      <c r="A24469" s="3">
        <v>41918.527696759258</v>
      </c>
      <c r="B24469" s="6">
        <v>407342.24999999994</v>
      </c>
      <c r="C24469" s="7">
        <f t="shared" si="382"/>
        <v>407.34224999999992</v>
      </c>
      <c r="I24469" s="1"/>
    </row>
    <row r="24470" spans="1:9" x14ac:dyDescent="0.25">
      <c r="A24470" s="3">
        <v>41918.527858796297</v>
      </c>
      <c r="B24470" s="6">
        <v>407358.89999999997</v>
      </c>
      <c r="C24470" s="7">
        <f t="shared" si="382"/>
        <v>407.35889999999995</v>
      </c>
      <c r="I24470" s="1"/>
    </row>
    <row r="24471" spans="1:9" x14ac:dyDescent="0.25">
      <c r="A24471" s="3">
        <v>41918.531435185185</v>
      </c>
      <c r="B24471" s="6">
        <v>407375.55</v>
      </c>
      <c r="C24471" s="7">
        <f t="shared" si="382"/>
        <v>407.37554999999998</v>
      </c>
      <c r="I24471" s="1"/>
    </row>
    <row r="24472" spans="1:9" x14ac:dyDescent="0.25">
      <c r="A24472" s="3">
        <v>41918.531678240739</v>
      </c>
      <c r="B24472" s="6">
        <v>407392.19999999995</v>
      </c>
      <c r="C24472" s="7">
        <f t="shared" si="382"/>
        <v>407.39219999999995</v>
      </c>
      <c r="I24472" s="1"/>
    </row>
    <row r="24473" spans="1:9" x14ac:dyDescent="0.25">
      <c r="A24473" s="3">
        <v>41918.532453703701</v>
      </c>
      <c r="B24473" s="6">
        <v>407408.85</v>
      </c>
      <c r="C24473" s="7">
        <f t="shared" si="382"/>
        <v>407.40884999999997</v>
      </c>
      <c r="I24473" s="1"/>
    </row>
    <row r="24474" spans="1:9" x14ac:dyDescent="0.25">
      <c r="A24474" s="3">
        <v>41918.532523148147</v>
      </c>
      <c r="B24474" s="6">
        <v>407425.49999999994</v>
      </c>
      <c r="C24474" s="7">
        <f t="shared" si="382"/>
        <v>407.42549999999994</v>
      </c>
      <c r="I24474" s="1"/>
    </row>
    <row r="24475" spans="1:9" x14ac:dyDescent="0.25">
      <c r="A24475" s="3">
        <v>41918.533831018518</v>
      </c>
      <c r="B24475" s="6">
        <v>407442.14999999997</v>
      </c>
      <c r="C24475" s="7">
        <f t="shared" si="382"/>
        <v>407.44214999999997</v>
      </c>
      <c r="I24475" s="1"/>
    </row>
    <row r="24476" spans="1:9" x14ac:dyDescent="0.25">
      <c r="A24476" s="3">
        <v>41918.533912037034</v>
      </c>
      <c r="B24476" s="6">
        <v>407458.8</v>
      </c>
      <c r="C24476" s="7">
        <f t="shared" si="382"/>
        <v>407.4588</v>
      </c>
      <c r="I24476" s="1"/>
    </row>
    <row r="24477" spans="1:9" x14ac:dyDescent="0.25">
      <c r="A24477" s="3">
        <v>41918.535115740742</v>
      </c>
      <c r="B24477" s="6">
        <v>407475.44999999995</v>
      </c>
      <c r="C24477" s="7">
        <f t="shared" si="382"/>
        <v>407.47544999999997</v>
      </c>
      <c r="I24477" s="1"/>
    </row>
    <row r="24478" spans="1:9" x14ac:dyDescent="0.25">
      <c r="A24478" s="3">
        <v>41918.53534722222</v>
      </c>
      <c r="B24478" s="6">
        <v>407492.1</v>
      </c>
      <c r="C24478" s="7">
        <f t="shared" si="382"/>
        <v>407.49209999999999</v>
      </c>
      <c r="I24478" s="1"/>
    </row>
    <row r="24479" spans="1:9" x14ac:dyDescent="0.25">
      <c r="A24479" s="3">
        <v>41918.537881944445</v>
      </c>
      <c r="B24479" s="6">
        <v>407508.74999999994</v>
      </c>
      <c r="C24479" s="7">
        <f t="shared" si="382"/>
        <v>407.50874999999996</v>
      </c>
      <c r="I24479" s="1"/>
    </row>
    <row r="24480" spans="1:9" x14ac:dyDescent="0.25">
      <c r="A24480" s="3">
        <v>41918.538460648146</v>
      </c>
      <c r="B24480" s="6">
        <v>407525.39999999997</v>
      </c>
      <c r="C24480" s="7">
        <f t="shared" si="382"/>
        <v>407.52539999999999</v>
      </c>
      <c r="I24480" s="1"/>
    </row>
    <row r="24481" spans="1:9" x14ac:dyDescent="0.25">
      <c r="A24481" s="3">
        <v>41918.541145833333</v>
      </c>
      <c r="B24481" s="6">
        <v>407542.05</v>
      </c>
      <c r="C24481" s="7">
        <f t="shared" si="382"/>
        <v>407.54204999999996</v>
      </c>
      <c r="I24481" s="1"/>
    </row>
    <row r="24482" spans="1:9" x14ac:dyDescent="0.25">
      <c r="A24482" s="3">
        <v>41918.541273148148</v>
      </c>
      <c r="B24482" s="6">
        <v>407558.69999999995</v>
      </c>
      <c r="C24482" s="7">
        <f t="shared" si="382"/>
        <v>407.55869999999993</v>
      </c>
      <c r="I24482" s="1"/>
    </row>
    <row r="24483" spans="1:9" x14ac:dyDescent="0.25">
      <c r="A24483" s="3">
        <v>41918.542754629627</v>
      </c>
      <c r="B24483" s="6">
        <v>407575.35</v>
      </c>
      <c r="C24483" s="7">
        <f t="shared" si="382"/>
        <v>407.57534999999996</v>
      </c>
      <c r="I24483" s="1"/>
    </row>
    <row r="24484" spans="1:9" x14ac:dyDescent="0.25">
      <c r="A24484" s="3">
        <v>41918.542858796296</v>
      </c>
      <c r="B24484" s="6">
        <v>407591.99999999994</v>
      </c>
      <c r="C24484" s="7">
        <f t="shared" si="382"/>
        <v>407.59199999999993</v>
      </c>
      <c r="I24484" s="1"/>
    </row>
    <row r="24485" spans="1:9" x14ac:dyDescent="0.25">
      <c r="A24485" s="3">
        <v>41918.544004629628</v>
      </c>
      <c r="B24485" s="6">
        <v>407608.64999999997</v>
      </c>
      <c r="C24485" s="7">
        <f t="shared" si="382"/>
        <v>407.60864999999995</v>
      </c>
      <c r="I24485" s="1"/>
    </row>
    <row r="24486" spans="1:9" x14ac:dyDescent="0.25">
      <c r="A24486" s="3">
        <v>41918.544212962966</v>
      </c>
      <c r="B24486" s="6">
        <v>407625.3</v>
      </c>
      <c r="C24486" s="7">
        <f t="shared" si="382"/>
        <v>407.62529999999998</v>
      </c>
      <c r="I24486" s="1"/>
    </row>
    <row r="24487" spans="1:9" x14ac:dyDescent="0.25">
      <c r="A24487" s="3">
        <v>41918.54859953704</v>
      </c>
      <c r="B24487" s="6">
        <v>407641.94999999995</v>
      </c>
      <c r="C24487" s="7">
        <f t="shared" si="382"/>
        <v>407.64194999999995</v>
      </c>
      <c r="I24487" s="1"/>
    </row>
    <row r="24488" spans="1:9" x14ac:dyDescent="0.25">
      <c r="A24488" s="3">
        <v>41918.548680555556</v>
      </c>
      <c r="B24488" s="6">
        <v>407658.6</v>
      </c>
      <c r="C24488" s="7">
        <f t="shared" si="382"/>
        <v>407.65859999999998</v>
      </c>
      <c r="I24488" s="1"/>
    </row>
    <row r="24489" spans="1:9" x14ac:dyDescent="0.25">
      <c r="A24489" s="3">
        <v>41918.550729166665</v>
      </c>
      <c r="B24489" s="6">
        <v>407675.24999999994</v>
      </c>
      <c r="C24489" s="7">
        <f t="shared" si="382"/>
        <v>407.67524999999995</v>
      </c>
      <c r="I24489" s="1"/>
    </row>
    <row r="24490" spans="1:9" x14ac:dyDescent="0.25">
      <c r="A24490" s="3">
        <v>41918.551423611112</v>
      </c>
      <c r="B24490" s="6">
        <v>407691.89999999997</v>
      </c>
      <c r="C24490" s="7">
        <f t="shared" si="382"/>
        <v>407.69189999999998</v>
      </c>
      <c r="I24490" s="1"/>
    </row>
    <row r="24491" spans="1:9" x14ac:dyDescent="0.25">
      <c r="A24491" s="3">
        <v>41918.552569444444</v>
      </c>
      <c r="B24491" s="6">
        <v>407708.55</v>
      </c>
      <c r="C24491" s="7">
        <f t="shared" si="382"/>
        <v>407.70855</v>
      </c>
      <c r="I24491" s="1"/>
    </row>
    <row r="24492" spans="1:9" x14ac:dyDescent="0.25">
      <c r="A24492" s="3">
        <v>41918.552812499998</v>
      </c>
      <c r="B24492" s="6">
        <v>407725.19999999995</v>
      </c>
      <c r="C24492" s="7">
        <f t="shared" si="382"/>
        <v>407.72519999999997</v>
      </c>
      <c r="I24492" s="1"/>
    </row>
    <row r="24493" spans="1:9" x14ac:dyDescent="0.25">
      <c r="A24493" s="3">
        <v>41918.554756944446</v>
      </c>
      <c r="B24493" s="6">
        <v>407741.85</v>
      </c>
      <c r="C24493" s="7">
        <f t="shared" si="382"/>
        <v>407.74185</v>
      </c>
      <c r="I24493" s="1"/>
    </row>
    <row r="24494" spans="1:9" x14ac:dyDescent="0.25">
      <c r="A24494" s="3">
        <v>41918.555011574077</v>
      </c>
      <c r="B24494" s="6">
        <v>407758.49999999994</v>
      </c>
      <c r="C24494" s="7">
        <f t="shared" si="382"/>
        <v>407.75849999999997</v>
      </c>
      <c r="I24494" s="1"/>
    </row>
    <row r="24495" spans="1:9" x14ac:dyDescent="0.25">
      <c r="A24495" s="3">
        <v>41918.556655092594</v>
      </c>
      <c r="B24495" s="6">
        <v>407775.14999999997</v>
      </c>
      <c r="C24495" s="7">
        <f t="shared" si="382"/>
        <v>407.77514999999994</v>
      </c>
      <c r="I24495" s="1"/>
    </row>
    <row r="24496" spans="1:9" x14ac:dyDescent="0.25">
      <c r="A24496" s="3">
        <v>41918.556759259256</v>
      </c>
      <c r="B24496" s="6">
        <v>407791.8</v>
      </c>
      <c r="C24496" s="7">
        <f t="shared" si="382"/>
        <v>407.79179999999997</v>
      </c>
      <c r="I24496" s="1"/>
    </row>
    <row r="24497" spans="1:9" x14ac:dyDescent="0.25">
      <c r="A24497" s="3">
        <v>41918.557870370372</v>
      </c>
      <c r="B24497" s="6">
        <v>407808.44999999995</v>
      </c>
      <c r="C24497" s="7">
        <f t="shared" si="382"/>
        <v>407.80844999999994</v>
      </c>
      <c r="I24497" s="1"/>
    </row>
    <row r="24498" spans="1:9" x14ac:dyDescent="0.25">
      <c r="A24498" s="3">
        <v>41918.55810185185</v>
      </c>
      <c r="B24498" s="6">
        <v>407825.1</v>
      </c>
      <c r="C24498" s="7">
        <f t="shared" si="382"/>
        <v>407.82509999999996</v>
      </c>
      <c r="I24498" s="1"/>
    </row>
    <row r="24499" spans="1:9" x14ac:dyDescent="0.25">
      <c r="A24499" s="3">
        <v>41918.558854166666</v>
      </c>
      <c r="B24499" s="6">
        <v>407841.74999999994</v>
      </c>
      <c r="C24499" s="7">
        <f t="shared" si="382"/>
        <v>407.84174999999993</v>
      </c>
      <c r="I24499" s="1"/>
    </row>
    <row r="24500" spans="1:9" x14ac:dyDescent="0.25">
      <c r="A24500" s="3">
        <v>41918.558969907404</v>
      </c>
      <c r="B24500" s="6">
        <v>407858.39999999997</v>
      </c>
      <c r="C24500" s="7">
        <f t="shared" si="382"/>
        <v>407.85839999999996</v>
      </c>
      <c r="I24500" s="1"/>
    </row>
    <row r="24501" spans="1:9" x14ac:dyDescent="0.25">
      <c r="A24501" s="3">
        <v>41918.562291666669</v>
      </c>
      <c r="B24501" s="6">
        <v>407875.05</v>
      </c>
      <c r="C24501" s="7">
        <f t="shared" si="382"/>
        <v>407.87504999999999</v>
      </c>
      <c r="I24501" s="1"/>
    </row>
    <row r="24502" spans="1:9" x14ac:dyDescent="0.25">
      <c r="A24502" s="3">
        <v>41918.562442129631</v>
      </c>
      <c r="B24502" s="6">
        <v>407891.69999999995</v>
      </c>
      <c r="C24502" s="7">
        <f t="shared" si="382"/>
        <v>407.89169999999996</v>
      </c>
      <c r="I24502" s="1"/>
    </row>
    <row r="24503" spans="1:9" x14ac:dyDescent="0.25">
      <c r="A24503" s="3">
        <v>41918.564375000002</v>
      </c>
      <c r="B24503" s="6">
        <v>407908.35</v>
      </c>
      <c r="C24503" s="7">
        <f t="shared" si="382"/>
        <v>407.90834999999998</v>
      </c>
      <c r="I24503" s="1"/>
    </row>
    <row r="24504" spans="1:9" x14ac:dyDescent="0.25">
      <c r="A24504" s="3">
        <v>41918.564456018517</v>
      </c>
      <c r="B24504" s="6">
        <v>407924.99999999994</v>
      </c>
      <c r="C24504" s="7">
        <f t="shared" si="382"/>
        <v>407.92499999999995</v>
      </c>
      <c r="I24504" s="1"/>
    </row>
    <row r="24505" spans="1:9" x14ac:dyDescent="0.25">
      <c r="A24505" s="3">
        <v>41918.56622685185</v>
      </c>
      <c r="B24505" s="6">
        <v>407941.64999999997</v>
      </c>
      <c r="C24505" s="7">
        <f t="shared" si="382"/>
        <v>407.94164999999998</v>
      </c>
      <c r="I24505" s="1"/>
    </row>
    <row r="24506" spans="1:9" x14ac:dyDescent="0.25">
      <c r="A24506" s="3">
        <v>41918.566458333335</v>
      </c>
      <c r="B24506" s="6">
        <v>407958.3</v>
      </c>
      <c r="C24506" s="7">
        <f t="shared" si="382"/>
        <v>407.95830000000001</v>
      </c>
      <c r="I24506" s="1"/>
    </row>
    <row r="24507" spans="1:9" x14ac:dyDescent="0.25">
      <c r="A24507" s="3">
        <v>41918.5703125</v>
      </c>
      <c r="B24507" s="6">
        <v>407974.94999999995</v>
      </c>
      <c r="C24507" s="7">
        <f t="shared" si="382"/>
        <v>407.97494999999998</v>
      </c>
      <c r="I24507" s="1"/>
    </row>
    <row r="24508" spans="1:9" x14ac:dyDescent="0.25">
      <c r="A24508" s="3">
        <v>41918.570393518516</v>
      </c>
      <c r="B24508" s="6">
        <v>407991.6</v>
      </c>
      <c r="C24508" s="7">
        <f t="shared" si="382"/>
        <v>407.99159999999995</v>
      </c>
      <c r="I24508" s="1"/>
    </row>
    <row r="24509" spans="1:9" x14ac:dyDescent="0.25">
      <c r="A24509" s="3">
        <v>41918.572905092595</v>
      </c>
      <c r="B24509" s="6">
        <v>408008.24999999994</v>
      </c>
      <c r="C24509" s="7">
        <f t="shared" si="382"/>
        <v>408.00824999999992</v>
      </c>
      <c r="I24509" s="1"/>
    </row>
    <row r="24510" spans="1:9" x14ac:dyDescent="0.25">
      <c r="A24510" s="3">
        <v>41918.573009259257</v>
      </c>
      <c r="B24510" s="6">
        <v>408024.89999999997</v>
      </c>
      <c r="C24510" s="7">
        <f t="shared" si="382"/>
        <v>408.02489999999995</v>
      </c>
      <c r="I24510" s="1"/>
    </row>
    <row r="24511" spans="1:9" x14ac:dyDescent="0.25">
      <c r="A24511" s="3">
        <v>41918.574537037035</v>
      </c>
      <c r="B24511" s="6">
        <v>408041.55</v>
      </c>
      <c r="C24511" s="7">
        <f t="shared" si="382"/>
        <v>408.04154999999997</v>
      </c>
      <c r="I24511" s="1"/>
    </row>
    <row r="24512" spans="1:9" x14ac:dyDescent="0.25">
      <c r="A24512" s="3">
        <v>41918.574606481481</v>
      </c>
      <c r="B24512" s="6">
        <v>408058.19999999995</v>
      </c>
      <c r="C24512" s="7">
        <f t="shared" si="382"/>
        <v>408.05819999999994</v>
      </c>
      <c r="I24512" s="1"/>
    </row>
    <row r="24513" spans="1:9" x14ac:dyDescent="0.25">
      <c r="A24513" s="3">
        <v>41918.575567129628</v>
      </c>
      <c r="B24513" s="6">
        <v>408074.85</v>
      </c>
      <c r="C24513" s="7">
        <f t="shared" si="382"/>
        <v>408.07484999999997</v>
      </c>
      <c r="I24513" s="1"/>
    </row>
    <row r="24514" spans="1:9" x14ac:dyDescent="0.25">
      <c r="A24514" s="3">
        <v>41918.575659722221</v>
      </c>
      <c r="B24514" s="6">
        <v>408091.49999999994</v>
      </c>
      <c r="C24514" s="7">
        <f t="shared" si="382"/>
        <v>408.09149999999994</v>
      </c>
      <c r="I24514" s="1"/>
    </row>
    <row r="24515" spans="1:9" x14ac:dyDescent="0.25">
      <c r="A24515" s="3">
        <v>41918.576678240737</v>
      </c>
      <c r="B24515" s="6">
        <v>408108.14999999997</v>
      </c>
      <c r="C24515" s="7">
        <f t="shared" ref="C24515:C24578" si="383">B24515/1000</f>
        <v>408.10814999999997</v>
      </c>
      <c r="I24515" s="1"/>
    </row>
    <row r="24516" spans="1:9" x14ac:dyDescent="0.25">
      <c r="A24516" s="3">
        <v>41918.576805555553</v>
      </c>
      <c r="B24516" s="6">
        <v>408124.8</v>
      </c>
      <c r="C24516" s="7">
        <f t="shared" si="383"/>
        <v>408.12479999999999</v>
      </c>
      <c r="I24516" s="1"/>
    </row>
    <row r="24517" spans="1:9" x14ac:dyDescent="0.25">
      <c r="A24517" s="3">
        <v>41918.577789351853</v>
      </c>
      <c r="B24517" s="6">
        <v>408141.44999999995</v>
      </c>
      <c r="C24517" s="7">
        <f t="shared" si="383"/>
        <v>408.14144999999996</v>
      </c>
      <c r="I24517" s="1"/>
    </row>
    <row r="24518" spans="1:9" x14ac:dyDescent="0.25">
      <c r="A24518" s="3">
        <v>41918.5778587963</v>
      </c>
      <c r="B24518" s="6">
        <v>408158.1</v>
      </c>
      <c r="C24518" s="7">
        <f t="shared" si="383"/>
        <v>408.15809999999999</v>
      </c>
      <c r="I24518" s="1"/>
    </row>
    <row r="24519" spans="1:9" x14ac:dyDescent="0.25">
      <c r="A24519" s="3">
        <v>41918.578634259262</v>
      </c>
      <c r="B24519" s="6">
        <v>408174.74999999994</v>
      </c>
      <c r="C24519" s="7">
        <f t="shared" si="383"/>
        <v>408.17474999999996</v>
      </c>
      <c r="I24519" s="1"/>
    </row>
    <row r="24520" spans="1:9" x14ac:dyDescent="0.25">
      <c r="A24520" s="3">
        <v>41918.578773148147</v>
      </c>
      <c r="B24520" s="6">
        <v>408191.39999999997</v>
      </c>
      <c r="C24520" s="7">
        <f t="shared" si="383"/>
        <v>408.19139999999999</v>
      </c>
      <c r="I24520" s="1"/>
    </row>
    <row r="24521" spans="1:9" x14ac:dyDescent="0.25">
      <c r="A24521" s="3">
        <v>41918.579710648148</v>
      </c>
      <c r="B24521" s="6">
        <v>408208.05</v>
      </c>
      <c r="C24521" s="7">
        <f t="shared" si="383"/>
        <v>408.20805000000001</v>
      </c>
      <c r="I24521" s="1"/>
    </row>
    <row r="24522" spans="1:9" x14ac:dyDescent="0.25">
      <c r="A24522" s="3">
        <v>41918.579791666663</v>
      </c>
      <c r="B24522" s="6">
        <v>408224.69999999995</v>
      </c>
      <c r="C24522" s="7">
        <f t="shared" si="383"/>
        <v>408.22469999999993</v>
      </c>
      <c r="I24522" s="1"/>
    </row>
    <row r="24523" spans="1:9" x14ac:dyDescent="0.25">
      <c r="A24523" s="3">
        <v>41918.581574074073</v>
      </c>
      <c r="B24523" s="6">
        <v>408241.35</v>
      </c>
      <c r="C24523" s="7">
        <f t="shared" si="383"/>
        <v>408.24134999999995</v>
      </c>
      <c r="I24523" s="1"/>
    </row>
    <row r="24524" spans="1:9" x14ac:dyDescent="0.25">
      <c r="A24524" s="3">
        <v>41918.581631944442</v>
      </c>
      <c r="B24524" s="6">
        <v>408257.99999999994</v>
      </c>
      <c r="C24524" s="7">
        <f t="shared" si="383"/>
        <v>408.25799999999992</v>
      </c>
      <c r="I24524" s="1"/>
    </row>
    <row r="24525" spans="1:9" x14ac:dyDescent="0.25">
      <c r="A24525" s="3">
        <v>41918.582141203704</v>
      </c>
      <c r="B24525" s="6">
        <v>408274.64999999997</v>
      </c>
      <c r="C24525" s="7">
        <f t="shared" si="383"/>
        <v>408.27464999999995</v>
      </c>
      <c r="I24525" s="1"/>
    </row>
    <row r="24526" spans="1:9" x14ac:dyDescent="0.25">
      <c r="A24526" s="3">
        <v>41918.582199074073</v>
      </c>
      <c r="B24526" s="6">
        <v>408291.3</v>
      </c>
      <c r="C24526" s="7">
        <f t="shared" si="383"/>
        <v>408.29129999999998</v>
      </c>
      <c r="I24526" s="1"/>
    </row>
    <row r="24527" spans="1:9" x14ac:dyDescent="0.25">
      <c r="A24527" s="3">
        <v>41918.582881944443</v>
      </c>
      <c r="B24527" s="6">
        <v>408307.94999999995</v>
      </c>
      <c r="C24527" s="7">
        <f t="shared" si="383"/>
        <v>408.30794999999995</v>
      </c>
      <c r="I24527" s="1"/>
    </row>
    <row r="24528" spans="1:9" x14ac:dyDescent="0.25">
      <c r="A24528" s="3">
        <v>41918.583055555559</v>
      </c>
      <c r="B24528" s="6">
        <v>408324.6</v>
      </c>
      <c r="C24528" s="7">
        <f t="shared" si="383"/>
        <v>408.32459999999998</v>
      </c>
      <c r="I24528" s="1"/>
    </row>
    <row r="24529" spans="1:9" x14ac:dyDescent="0.25">
      <c r="A24529" s="3">
        <v>41918.583981481483</v>
      </c>
      <c r="B24529" s="6">
        <v>408341.24999999994</v>
      </c>
      <c r="C24529" s="7">
        <f t="shared" si="383"/>
        <v>408.34124999999995</v>
      </c>
      <c r="I24529" s="1"/>
    </row>
    <row r="24530" spans="1:9" x14ac:dyDescent="0.25">
      <c r="A24530" s="3">
        <v>41918.584664351853</v>
      </c>
      <c r="B24530" s="6">
        <v>408357.89999999997</v>
      </c>
      <c r="C24530" s="7">
        <f t="shared" si="383"/>
        <v>408.35789999999997</v>
      </c>
      <c r="I24530" s="1"/>
    </row>
    <row r="24531" spans="1:9" x14ac:dyDescent="0.25">
      <c r="A24531" s="3">
        <v>41918.585474537038</v>
      </c>
      <c r="B24531" s="6">
        <v>408374.55</v>
      </c>
      <c r="C24531" s="7">
        <f t="shared" si="383"/>
        <v>408.37455</v>
      </c>
      <c r="I24531" s="1"/>
    </row>
    <row r="24532" spans="1:9" x14ac:dyDescent="0.25">
      <c r="A24532" s="3">
        <v>41918.585578703707</v>
      </c>
      <c r="B24532" s="6">
        <v>408391.19999999995</v>
      </c>
      <c r="C24532" s="7">
        <f t="shared" si="383"/>
        <v>408.39119999999997</v>
      </c>
      <c r="I24532" s="1"/>
    </row>
    <row r="24533" spans="1:9" x14ac:dyDescent="0.25">
      <c r="A24533" s="3">
        <v>41918.586747685185</v>
      </c>
      <c r="B24533" s="6">
        <v>408407.85</v>
      </c>
      <c r="C24533" s="7">
        <f t="shared" si="383"/>
        <v>408.40785</v>
      </c>
      <c r="I24533" s="1"/>
    </row>
    <row r="24534" spans="1:9" x14ac:dyDescent="0.25">
      <c r="A24534" s="3">
        <v>41918.586851851855</v>
      </c>
      <c r="B24534" s="6">
        <v>408424.49999999994</v>
      </c>
      <c r="C24534" s="7">
        <f t="shared" si="383"/>
        <v>408.42449999999997</v>
      </c>
      <c r="I24534" s="1"/>
    </row>
    <row r="24535" spans="1:9" x14ac:dyDescent="0.25">
      <c r="A24535" s="3">
        <v>41918.588391203702</v>
      </c>
      <c r="B24535" s="6">
        <v>408441.14999999997</v>
      </c>
      <c r="C24535" s="7">
        <f t="shared" si="383"/>
        <v>408.44114999999999</v>
      </c>
      <c r="I24535" s="1"/>
    </row>
    <row r="24536" spans="1:9" x14ac:dyDescent="0.25">
      <c r="A24536" s="3">
        <v>41918.588495370372</v>
      </c>
      <c r="B24536" s="6">
        <v>408457.8</v>
      </c>
      <c r="C24536" s="7">
        <f t="shared" si="383"/>
        <v>408.45779999999996</v>
      </c>
      <c r="I24536" s="1"/>
    </row>
    <row r="24537" spans="1:9" x14ac:dyDescent="0.25">
      <c r="A24537" s="3">
        <v>41918.589409722219</v>
      </c>
      <c r="B24537" s="6">
        <v>408474.44999999995</v>
      </c>
      <c r="C24537" s="7">
        <f t="shared" si="383"/>
        <v>408.47444999999993</v>
      </c>
      <c r="I24537" s="1"/>
    </row>
    <row r="24538" spans="1:9" x14ac:dyDescent="0.25">
      <c r="A24538" s="3">
        <v>41918.589537037034</v>
      </c>
      <c r="B24538" s="6">
        <v>408491.1</v>
      </c>
      <c r="C24538" s="7">
        <f t="shared" si="383"/>
        <v>408.49109999999996</v>
      </c>
      <c r="I24538" s="1"/>
    </row>
    <row r="24539" spans="1:9" x14ac:dyDescent="0.25">
      <c r="A24539" s="3">
        <v>41918.59138888889</v>
      </c>
      <c r="B24539" s="6">
        <v>408507.74999999994</v>
      </c>
      <c r="C24539" s="7">
        <f t="shared" si="383"/>
        <v>408.50774999999993</v>
      </c>
      <c r="I24539" s="1"/>
    </row>
    <row r="24540" spans="1:9" x14ac:dyDescent="0.25">
      <c r="A24540" s="3">
        <v>41918.591574074075</v>
      </c>
      <c r="B24540" s="6">
        <v>408524.39999999997</v>
      </c>
      <c r="C24540" s="7">
        <f t="shared" si="383"/>
        <v>408.52439999999996</v>
      </c>
      <c r="I24540" s="1"/>
    </row>
    <row r="24541" spans="1:9" x14ac:dyDescent="0.25">
      <c r="A24541" s="3">
        <v>41918.594409722224</v>
      </c>
      <c r="B24541" s="6">
        <v>408541.05</v>
      </c>
      <c r="C24541" s="7">
        <f t="shared" si="383"/>
        <v>408.54104999999998</v>
      </c>
      <c r="I24541" s="1"/>
    </row>
    <row r="24542" spans="1:9" x14ac:dyDescent="0.25">
      <c r="A24542" s="3">
        <v>41918.594548611109</v>
      </c>
      <c r="B24542" s="6">
        <v>408557.69999999995</v>
      </c>
      <c r="C24542" s="7">
        <f t="shared" si="383"/>
        <v>408.55769999999995</v>
      </c>
      <c r="I24542" s="1"/>
    </row>
    <row r="24543" spans="1:9" x14ac:dyDescent="0.25">
      <c r="A24543" s="3">
        <v>41918.597118055557</v>
      </c>
      <c r="B24543" s="6">
        <v>408574.35</v>
      </c>
      <c r="C24543" s="7">
        <f t="shared" si="383"/>
        <v>408.57434999999998</v>
      </c>
      <c r="I24543" s="1"/>
    </row>
    <row r="24544" spans="1:9" x14ac:dyDescent="0.25">
      <c r="A24544" s="3">
        <v>41918.597233796296</v>
      </c>
      <c r="B24544" s="6">
        <v>408590.99999999994</v>
      </c>
      <c r="C24544" s="7">
        <f t="shared" si="383"/>
        <v>408.59099999999995</v>
      </c>
      <c r="I24544" s="1"/>
    </row>
    <row r="24545" spans="1:9" x14ac:dyDescent="0.25">
      <c r="A24545" s="3">
        <v>41918.598344907405</v>
      </c>
      <c r="B24545" s="6">
        <v>408607.64999999997</v>
      </c>
      <c r="C24545" s="7">
        <f t="shared" si="383"/>
        <v>408.60764999999998</v>
      </c>
      <c r="I24545" s="1"/>
    </row>
    <row r="24546" spans="1:9" x14ac:dyDescent="0.25">
      <c r="A24546" s="3">
        <v>41918.598483796297</v>
      </c>
      <c r="B24546" s="6">
        <v>408624.3</v>
      </c>
      <c r="C24546" s="7">
        <f t="shared" si="383"/>
        <v>408.62430000000001</v>
      </c>
      <c r="I24546" s="1"/>
    </row>
    <row r="24547" spans="1:9" x14ac:dyDescent="0.25">
      <c r="A24547" s="3">
        <v>41918.601307870369</v>
      </c>
      <c r="B24547" s="6">
        <v>408640.94999999995</v>
      </c>
      <c r="C24547" s="7">
        <f t="shared" si="383"/>
        <v>408.64094999999998</v>
      </c>
      <c r="I24547" s="1"/>
    </row>
    <row r="24548" spans="1:9" x14ac:dyDescent="0.25">
      <c r="A24548" s="3">
        <v>41918.601388888892</v>
      </c>
      <c r="B24548" s="6">
        <v>408657.6</v>
      </c>
      <c r="C24548" s="7">
        <f t="shared" si="383"/>
        <v>408.6576</v>
      </c>
      <c r="I24548" s="1"/>
    </row>
    <row r="24549" spans="1:9" x14ac:dyDescent="0.25">
      <c r="A24549" s="3">
        <v>41918.602465277778</v>
      </c>
      <c r="B24549" s="6">
        <v>408674.24999999994</v>
      </c>
      <c r="C24549" s="7">
        <f t="shared" si="383"/>
        <v>408.67424999999992</v>
      </c>
      <c r="I24549" s="1"/>
    </row>
    <row r="24550" spans="1:9" x14ac:dyDescent="0.25">
      <c r="A24550" s="3">
        <v>41918.602534722224</v>
      </c>
      <c r="B24550" s="6">
        <v>408690.89999999997</v>
      </c>
      <c r="C24550" s="7">
        <f t="shared" si="383"/>
        <v>408.69089999999994</v>
      </c>
      <c r="I24550" s="1"/>
    </row>
    <row r="24551" spans="1:9" x14ac:dyDescent="0.25">
      <c r="A24551" s="3">
        <v>41918.603437500002</v>
      </c>
      <c r="B24551" s="6">
        <v>408707.55</v>
      </c>
      <c r="C24551" s="7">
        <f t="shared" si="383"/>
        <v>408.70754999999997</v>
      </c>
      <c r="I24551" s="1"/>
    </row>
    <row r="24552" spans="1:9" x14ac:dyDescent="0.25">
      <c r="A24552" s="3">
        <v>41918.603518518517</v>
      </c>
      <c r="B24552" s="6">
        <v>408724.19999999995</v>
      </c>
      <c r="C24552" s="7">
        <f t="shared" si="383"/>
        <v>408.72419999999994</v>
      </c>
      <c r="I24552" s="1"/>
    </row>
    <row r="24553" spans="1:9" x14ac:dyDescent="0.25">
      <c r="A24553" s="3">
        <v>41918.604594907411</v>
      </c>
      <c r="B24553" s="6">
        <v>408740.85</v>
      </c>
      <c r="C24553" s="7">
        <f t="shared" si="383"/>
        <v>408.74084999999997</v>
      </c>
      <c r="I24553" s="1"/>
    </row>
    <row r="24554" spans="1:9" x14ac:dyDescent="0.25">
      <c r="A24554" s="3">
        <v>41918.604756944442</v>
      </c>
      <c r="B24554" s="6">
        <v>408757.49999999994</v>
      </c>
      <c r="C24554" s="7">
        <f t="shared" si="383"/>
        <v>408.75749999999994</v>
      </c>
      <c r="I24554" s="1"/>
    </row>
    <row r="24555" spans="1:9" x14ac:dyDescent="0.25">
      <c r="A24555" s="3">
        <v>41918.607465277775</v>
      </c>
      <c r="B24555" s="6">
        <v>408774.14999999997</v>
      </c>
      <c r="C24555" s="7">
        <f t="shared" si="383"/>
        <v>408.77414999999996</v>
      </c>
      <c r="I24555" s="1"/>
    </row>
    <row r="24556" spans="1:9" x14ac:dyDescent="0.25">
      <c r="A24556" s="3">
        <v>41918.607581018521</v>
      </c>
      <c r="B24556" s="6">
        <v>408790.8</v>
      </c>
      <c r="C24556" s="7">
        <f t="shared" si="383"/>
        <v>408.79079999999999</v>
      </c>
      <c r="I24556" s="1"/>
    </row>
    <row r="24557" spans="1:9" x14ac:dyDescent="0.25">
      <c r="A24557" s="3">
        <v>41918.609351851854</v>
      </c>
      <c r="B24557" s="6">
        <v>408807.44999999995</v>
      </c>
      <c r="C24557" s="7">
        <f t="shared" si="383"/>
        <v>408.80744999999996</v>
      </c>
      <c r="I24557" s="1"/>
    </row>
    <row r="24558" spans="1:9" x14ac:dyDescent="0.25">
      <c r="A24558" s="3">
        <v>41918.609444444446</v>
      </c>
      <c r="B24558" s="6">
        <v>408824.1</v>
      </c>
      <c r="C24558" s="7">
        <f t="shared" si="383"/>
        <v>408.82409999999999</v>
      </c>
      <c r="I24558" s="1"/>
    </row>
    <row r="24559" spans="1:9" x14ac:dyDescent="0.25">
      <c r="A24559" s="3">
        <v>41918.610902777778</v>
      </c>
      <c r="B24559" s="6">
        <v>408840.74999999994</v>
      </c>
      <c r="C24559" s="7">
        <f t="shared" si="383"/>
        <v>408.84074999999996</v>
      </c>
      <c r="I24559" s="1"/>
    </row>
    <row r="24560" spans="1:9" x14ac:dyDescent="0.25">
      <c r="A24560" s="3">
        <v>41918.611041666663</v>
      </c>
      <c r="B24560" s="6">
        <v>408857.39999999997</v>
      </c>
      <c r="C24560" s="7">
        <f t="shared" si="383"/>
        <v>408.85739999999998</v>
      </c>
      <c r="I24560" s="1"/>
    </row>
    <row r="24561" spans="1:9" x14ac:dyDescent="0.25">
      <c r="A24561" s="3">
        <v>41918.612604166665</v>
      </c>
      <c r="B24561" s="6">
        <v>408874.05</v>
      </c>
      <c r="C24561" s="7">
        <f t="shared" si="383"/>
        <v>408.87405000000001</v>
      </c>
      <c r="I24561" s="1"/>
    </row>
    <row r="24562" spans="1:9" x14ac:dyDescent="0.25">
      <c r="A24562" s="3">
        <v>41918.612685185188</v>
      </c>
      <c r="B24562" s="6">
        <v>408890.69999999995</v>
      </c>
      <c r="C24562" s="7">
        <f t="shared" si="383"/>
        <v>408.89069999999998</v>
      </c>
      <c r="I24562" s="1"/>
    </row>
    <row r="24563" spans="1:9" x14ac:dyDescent="0.25">
      <c r="A24563" s="3">
        <v>41918.615381944444</v>
      </c>
      <c r="B24563" s="6">
        <v>408907.35</v>
      </c>
      <c r="C24563" s="7">
        <f t="shared" si="383"/>
        <v>408.90734999999995</v>
      </c>
      <c r="I24563" s="1"/>
    </row>
    <row r="24564" spans="1:9" x14ac:dyDescent="0.25">
      <c r="A24564" s="3">
        <v>41918.617893518516</v>
      </c>
      <c r="B24564" s="6">
        <v>408923.99999999994</v>
      </c>
      <c r="C24564" s="7">
        <f t="shared" si="383"/>
        <v>408.92399999999992</v>
      </c>
      <c r="I24564" s="1"/>
    </row>
    <row r="24565" spans="1:9" x14ac:dyDescent="0.25">
      <c r="A24565" s="3">
        <v>41918.621712962966</v>
      </c>
      <c r="B24565" s="6">
        <v>408940.64999999997</v>
      </c>
      <c r="C24565" s="7">
        <f t="shared" si="383"/>
        <v>408.94064999999995</v>
      </c>
      <c r="I24565" s="1"/>
    </row>
    <row r="24566" spans="1:9" x14ac:dyDescent="0.25">
      <c r="A24566" s="3">
        <v>41918.621770833335</v>
      </c>
      <c r="B24566" s="6">
        <v>408957.3</v>
      </c>
      <c r="C24566" s="7">
        <f t="shared" si="383"/>
        <v>408.95729999999998</v>
      </c>
      <c r="I24566" s="1"/>
    </row>
    <row r="24567" spans="1:9" x14ac:dyDescent="0.25">
      <c r="A24567" s="3">
        <v>41918.623611111114</v>
      </c>
      <c r="B24567" s="6">
        <v>408973.94999999995</v>
      </c>
      <c r="C24567" s="7">
        <f t="shared" si="383"/>
        <v>408.97394999999995</v>
      </c>
      <c r="I24567" s="1"/>
    </row>
    <row r="24568" spans="1:9" x14ac:dyDescent="0.25">
      <c r="A24568" s="3">
        <v>41918.623773148145</v>
      </c>
      <c r="B24568" s="6">
        <v>408990.6</v>
      </c>
      <c r="C24568" s="7">
        <f t="shared" si="383"/>
        <v>408.99059999999997</v>
      </c>
      <c r="I24568" s="1"/>
    </row>
    <row r="24569" spans="1:9" x14ac:dyDescent="0.25">
      <c r="A24569" s="3">
        <v>41918.625960648147</v>
      </c>
      <c r="B24569" s="6">
        <v>409007.24999999994</v>
      </c>
      <c r="C24569" s="7">
        <f t="shared" si="383"/>
        <v>409.00724999999994</v>
      </c>
      <c r="I24569" s="1"/>
    </row>
    <row r="24570" spans="1:9" x14ac:dyDescent="0.25">
      <c r="A24570" s="3">
        <v>41918.628553240742</v>
      </c>
      <c r="B24570" s="6">
        <v>409023.89999999997</v>
      </c>
      <c r="C24570" s="7">
        <f t="shared" si="383"/>
        <v>409.02389999999997</v>
      </c>
      <c r="I24570" s="1"/>
    </row>
    <row r="24571" spans="1:9" x14ac:dyDescent="0.25">
      <c r="A24571" s="3">
        <v>41918.629780092589</v>
      </c>
      <c r="B24571" s="6">
        <v>409040.55</v>
      </c>
      <c r="C24571" s="7">
        <f t="shared" si="383"/>
        <v>409.04055</v>
      </c>
      <c r="I24571" s="1"/>
    </row>
    <row r="24572" spans="1:9" x14ac:dyDescent="0.25">
      <c r="A24572" s="3">
        <v>41918.630497685182</v>
      </c>
      <c r="B24572" s="6">
        <v>409057.19999999995</v>
      </c>
      <c r="C24572" s="7">
        <f t="shared" si="383"/>
        <v>409.05719999999997</v>
      </c>
      <c r="I24572" s="1"/>
    </row>
    <row r="24573" spans="1:9" x14ac:dyDescent="0.25">
      <c r="A24573" s="3">
        <v>41918.633113425924</v>
      </c>
      <c r="B24573" s="6">
        <v>409073.85</v>
      </c>
      <c r="C24573" s="7">
        <f t="shared" si="383"/>
        <v>409.07384999999999</v>
      </c>
      <c r="I24573" s="1"/>
    </row>
    <row r="24574" spans="1:9" x14ac:dyDescent="0.25">
      <c r="A24574" s="3">
        <v>41918.633252314816</v>
      </c>
      <c r="B24574" s="6">
        <v>409090.49999999994</v>
      </c>
      <c r="C24574" s="7">
        <f t="shared" si="383"/>
        <v>409.09049999999996</v>
      </c>
      <c r="I24574" s="1"/>
    </row>
    <row r="24575" spans="1:9" x14ac:dyDescent="0.25">
      <c r="A24575" s="3">
        <v>41918.635636574072</v>
      </c>
      <c r="B24575" s="6">
        <v>409107.14999999997</v>
      </c>
      <c r="C24575" s="7">
        <f t="shared" si="383"/>
        <v>409.10714999999999</v>
      </c>
      <c r="I24575" s="1"/>
    </row>
    <row r="24576" spans="1:9" x14ac:dyDescent="0.25">
      <c r="A24576" s="3">
        <v>41918.635960648149</v>
      </c>
      <c r="B24576" s="6">
        <v>409123.8</v>
      </c>
      <c r="C24576" s="7">
        <f t="shared" si="383"/>
        <v>409.12379999999996</v>
      </c>
      <c r="I24576" s="1"/>
    </row>
    <row r="24577" spans="1:9" x14ac:dyDescent="0.25">
      <c r="A24577" s="3">
        <v>41918.639016203706</v>
      </c>
      <c r="B24577" s="6">
        <v>409140.44999999995</v>
      </c>
      <c r="C24577" s="7">
        <f t="shared" si="383"/>
        <v>409.14044999999993</v>
      </c>
      <c r="I24577" s="1"/>
    </row>
    <row r="24578" spans="1:9" x14ac:dyDescent="0.25">
      <c r="A24578" s="3">
        <v>41918.639305555553</v>
      </c>
      <c r="B24578" s="6">
        <v>409157.1</v>
      </c>
      <c r="C24578" s="7">
        <f t="shared" si="383"/>
        <v>409.15709999999996</v>
      </c>
      <c r="I24578" s="1"/>
    </row>
    <row r="24579" spans="1:9" x14ac:dyDescent="0.25">
      <c r="A24579" s="3">
        <v>41918.641655092593</v>
      </c>
      <c r="B24579" s="6">
        <v>409173.74999999994</v>
      </c>
      <c r="C24579" s="7">
        <f t="shared" ref="C24579:C24642" si="384">B24579/1000</f>
        <v>409.17374999999993</v>
      </c>
      <c r="I24579" s="1"/>
    </row>
    <row r="24580" spans="1:9" x14ac:dyDescent="0.25">
      <c r="A24580" s="3">
        <v>41918.641736111109</v>
      </c>
      <c r="B24580" s="6">
        <v>409190.39999999997</v>
      </c>
      <c r="C24580" s="7">
        <f t="shared" si="384"/>
        <v>409.19039999999995</v>
      </c>
      <c r="I24580" s="1"/>
    </row>
    <row r="24581" spans="1:9" x14ac:dyDescent="0.25">
      <c r="A24581" s="3">
        <v>41918.642523148148</v>
      </c>
      <c r="B24581" s="6">
        <v>409207.05</v>
      </c>
      <c r="C24581" s="7">
        <f t="shared" si="384"/>
        <v>409.20704999999998</v>
      </c>
      <c r="I24581" s="1"/>
    </row>
    <row r="24582" spans="1:9" x14ac:dyDescent="0.25">
      <c r="A24582" s="3">
        <v>41918.642581018517</v>
      </c>
      <c r="B24582" s="6">
        <v>409223.69999999995</v>
      </c>
      <c r="C24582" s="7">
        <f t="shared" si="384"/>
        <v>409.22369999999995</v>
      </c>
      <c r="I24582" s="1"/>
    </row>
    <row r="24583" spans="1:9" x14ac:dyDescent="0.25">
      <c r="A24583" s="3">
        <v>41918.644976851851</v>
      </c>
      <c r="B24583" s="6">
        <v>409240.35</v>
      </c>
      <c r="C24583" s="7">
        <f t="shared" si="384"/>
        <v>409.24034999999998</v>
      </c>
      <c r="I24583" s="1"/>
    </row>
    <row r="24584" spans="1:9" x14ac:dyDescent="0.25">
      <c r="A24584" s="3">
        <v>41918.645879629628</v>
      </c>
      <c r="B24584" s="6">
        <v>409256.99999999994</v>
      </c>
      <c r="C24584" s="7">
        <f t="shared" si="384"/>
        <v>409.25699999999995</v>
      </c>
      <c r="I24584" s="1"/>
    </row>
    <row r="24585" spans="1:9" x14ac:dyDescent="0.25">
      <c r="A24585" s="3">
        <v>41918.648229166669</v>
      </c>
      <c r="B24585" s="6">
        <v>409273.64999999997</v>
      </c>
      <c r="C24585" s="7">
        <f t="shared" si="384"/>
        <v>409.27364999999998</v>
      </c>
      <c r="I24585" s="1"/>
    </row>
    <row r="24586" spans="1:9" x14ac:dyDescent="0.25">
      <c r="A24586" s="3">
        <v>41918.648356481484</v>
      </c>
      <c r="B24586" s="6">
        <v>409290.3</v>
      </c>
      <c r="C24586" s="7">
        <f t="shared" si="384"/>
        <v>409.2903</v>
      </c>
      <c r="I24586" s="1"/>
    </row>
    <row r="24587" spans="1:9" x14ac:dyDescent="0.25">
      <c r="A24587" s="3">
        <v>41918.652812499997</v>
      </c>
      <c r="B24587" s="6">
        <v>409306.94999999995</v>
      </c>
      <c r="C24587" s="7">
        <f t="shared" si="384"/>
        <v>409.30694999999997</v>
      </c>
      <c r="I24587" s="1"/>
    </row>
    <row r="24588" spans="1:9" x14ac:dyDescent="0.25">
      <c r="A24588" s="3">
        <v>41918.653217592589</v>
      </c>
      <c r="B24588" s="6">
        <v>409323.6</v>
      </c>
      <c r="C24588" s="7">
        <f t="shared" si="384"/>
        <v>409.3236</v>
      </c>
      <c r="I24588" s="1"/>
    </row>
    <row r="24589" spans="1:9" x14ac:dyDescent="0.25">
      <c r="A24589" s="3">
        <v>41918.656678240739</v>
      </c>
      <c r="B24589" s="6">
        <v>409340.24999999994</v>
      </c>
      <c r="C24589" s="7">
        <f t="shared" si="384"/>
        <v>409.34024999999997</v>
      </c>
      <c r="I24589" s="1"/>
    </row>
    <row r="24590" spans="1:9" x14ac:dyDescent="0.25">
      <c r="A24590" s="3">
        <v>41918.656817129631</v>
      </c>
      <c r="B24590" s="6">
        <v>409356.89999999997</v>
      </c>
      <c r="C24590" s="7">
        <f t="shared" si="384"/>
        <v>409.35689999999994</v>
      </c>
      <c r="I24590" s="1"/>
    </row>
    <row r="24591" spans="1:9" x14ac:dyDescent="0.25">
      <c r="A24591" s="3">
        <v>41918.660624999997</v>
      </c>
      <c r="B24591" s="6">
        <v>409373.55</v>
      </c>
      <c r="C24591" s="7">
        <f t="shared" si="384"/>
        <v>409.37354999999997</v>
      </c>
      <c r="I24591" s="1"/>
    </row>
    <row r="24592" spans="1:9" x14ac:dyDescent="0.25">
      <c r="A24592" s="3">
        <v>41918.660694444443</v>
      </c>
      <c r="B24592" s="6">
        <v>409390.19999999995</v>
      </c>
      <c r="C24592" s="7">
        <f t="shared" si="384"/>
        <v>409.39019999999994</v>
      </c>
      <c r="I24592" s="1"/>
    </row>
    <row r="24593" spans="1:9" x14ac:dyDescent="0.25">
      <c r="A24593" s="3">
        <v>41918.662731481483</v>
      </c>
      <c r="B24593" s="6">
        <v>409406.85</v>
      </c>
      <c r="C24593" s="7">
        <f t="shared" si="384"/>
        <v>409.40684999999996</v>
      </c>
      <c r="I24593" s="1"/>
    </row>
    <row r="24594" spans="1:9" x14ac:dyDescent="0.25">
      <c r="A24594" s="3">
        <v>41918.662835648145</v>
      </c>
      <c r="B24594" s="6">
        <v>409423.49999999994</v>
      </c>
      <c r="C24594" s="7">
        <f t="shared" si="384"/>
        <v>409.42349999999993</v>
      </c>
      <c r="I24594" s="1"/>
    </row>
    <row r="24595" spans="1:9" x14ac:dyDescent="0.25">
      <c r="A24595" s="3">
        <v>41918.663993055554</v>
      </c>
      <c r="B24595" s="6">
        <v>409440.14999999997</v>
      </c>
      <c r="C24595" s="7">
        <f t="shared" si="384"/>
        <v>409.44014999999996</v>
      </c>
      <c r="I24595" s="1"/>
    </row>
    <row r="24596" spans="1:9" x14ac:dyDescent="0.25">
      <c r="A24596" s="3">
        <v>41918.664166666669</v>
      </c>
      <c r="B24596" s="6">
        <v>409456.8</v>
      </c>
      <c r="C24596" s="7">
        <f t="shared" si="384"/>
        <v>409.45679999999999</v>
      </c>
      <c r="I24596" s="1"/>
    </row>
    <row r="24597" spans="1:9" x14ac:dyDescent="0.25">
      <c r="A24597" s="3">
        <v>41918.667488425926</v>
      </c>
      <c r="B24597" s="6">
        <v>409473.44999999995</v>
      </c>
      <c r="C24597" s="7">
        <f t="shared" si="384"/>
        <v>409.47344999999996</v>
      </c>
      <c r="I24597" s="1"/>
    </row>
    <row r="24598" spans="1:9" x14ac:dyDescent="0.25">
      <c r="A24598" s="3">
        <v>41918.668425925927</v>
      </c>
      <c r="B24598" s="6">
        <v>409490.1</v>
      </c>
      <c r="C24598" s="7">
        <f t="shared" si="384"/>
        <v>409.49009999999998</v>
      </c>
      <c r="I24598" s="1"/>
    </row>
    <row r="24599" spans="1:9" x14ac:dyDescent="0.25">
      <c r="A24599" s="3">
        <v>41918.672766203701</v>
      </c>
      <c r="B24599" s="6">
        <v>409506.74999999994</v>
      </c>
      <c r="C24599" s="7">
        <f t="shared" si="384"/>
        <v>409.50674999999995</v>
      </c>
      <c r="I24599" s="1"/>
    </row>
    <row r="24600" spans="1:9" x14ac:dyDescent="0.25">
      <c r="A24600" s="3">
        <v>41918.673819444448</v>
      </c>
      <c r="B24600" s="6">
        <v>409523.39999999997</v>
      </c>
      <c r="C24600" s="7">
        <f t="shared" si="384"/>
        <v>409.52339999999998</v>
      </c>
      <c r="I24600" s="1"/>
    </row>
    <row r="24601" spans="1:9" x14ac:dyDescent="0.25">
      <c r="A24601" s="3">
        <v>41918.675462962965</v>
      </c>
      <c r="B24601" s="6">
        <v>409540.05</v>
      </c>
      <c r="C24601" s="7">
        <f t="shared" si="384"/>
        <v>409.54005000000001</v>
      </c>
      <c r="I24601" s="1"/>
    </row>
    <row r="24602" spans="1:9" x14ac:dyDescent="0.25">
      <c r="A24602" s="3">
        <v>41918.67560185185</v>
      </c>
      <c r="B24602" s="6">
        <v>409556.69999999995</v>
      </c>
      <c r="C24602" s="7">
        <f t="shared" si="384"/>
        <v>409.55669999999998</v>
      </c>
      <c r="I24602" s="1"/>
    </row>
    <row r="24603" spans="1:9" x14ac:dyDescent="0.25">
      <c r="A24603" s="3">
        <v>41918.67900462963</v>
      </c>
      <c r="B24603" s="6">
        <v>409573.35</v>
      </c>
      <c r="C24603" s="7">
        <f t="shared" si="384"/>
        <v>409.57335</v>
      </c>
      <c r="I24603" s="1"/>
    </row>
    <row r="24604" spans="1:9" x14ac:dyDescent="0.25">
      <c r="A24604" s="3">
        <v>41918.679143518515</v>
      </c>
      <c r="B24604" s="6">
        <v>409589.99999999994</v>
      </c>
      <c r="C24604" s="7">
        <f t="shared" si="384"/>
        <v>409.58999999999992</v>
      </c>
      <c r="I24604" s="1"/>
    </row>
    <row r="24605" spans="1:9" x14ac:dyDescent="0.25">
      <c r="A24605" s="3">
        <v>41918.680462962962</v>
      </c>
      <c r="B24605" s="6">
        <v>409606.64999999997</v>
      </c>
      <c r="C24605" s="7">
        <f t="shared" si="384"/>
        <v>409.60664999999995</v>
      </c>
      <c r="I24605" s="1"/>
    </row>
    <row r="24606" spans="1:9" x14ac:dyDescent="0.25">
      <c r="A24606" s="3">
        <v>41918.680659722224</v>
      </c>
      <c r="B24606" s="6">
        <v>409623.3</v>
      </c>
      <c r="C24606" s="7">
        <f t="shared" si="384"/>
        <v>409.62329999999997</v>
      </c>
      <c r="I24606" s="1"/>
    </row>
    <row r="24607" spans="1:9" x14ac:dyDescent="0.25">
      <c r="A24607" s="3">
        <v>41918.68236111111</v>
      </c>
      <c r="B24607" s="6">
        <v>409639.94999999995</v>
      </c>
      <c r="C24607" s="7">
        <f t="shared" si="384"/>
        <v>409.63994999999994</v>
      </c>
      <c r="I24607" s="1"/>
    </row>
    <row r="24608" spans="1:9" x14ac:dyDescent="0.25">
      <c r="A24608" s="3">
        <v>41918.682581018518</v>
      </c>
      <c r="B24608" s="6">
        <v>409656.6</v>
      </c>
      <c r="C24608" s="7">
        <f t="shared" si="384"/>
        <v>409.65659999999997</v>
      </c>
      <c r="I24608" s="1"/>
    </row>
    <row r="24609" spans="1:9" x14ac:dyDescent="0.25">
      <c r="A24609" s="3">
        <v>41918.684467592589</v>
      </c>
      <c r="B24609" s="6">
        <v>409673.24999999994</v>
      </c>
      <c r="C24609" s="7">
        <f t="shared" si="384"/>
        <v>409.67324999999994</v>
      </c>
      <c r="I24609" s="1"/>
    </row>
    <row r="24610" spans="1:9" x14ac:dyDescent="0.25">
      <c r="A24610" s="3">
        <v>41918.684537037036</v>
      </c>
      <c r="B24610" s="6">
        <v>409689.89999999997</v>
      </c>
      <c r="C24610" s="7">
        <f t="shared" si="384"/>
        <v>409.68989999999997</v>
      </c>
      <c r="I24610" s="1"/>
    </row>
    <row r="24611" spans="1:9" x14ac:dyDescent="0.25">
      <c r="A24611" s="3">
        <v>41918.686192129629</v>
      </c>
      <c r="B24611" s="6">
        <v>409706.55</v>
      </c>
      <c r="C24611" s="7">
        <f t="shared" si="384"/>
        <v>409.70654999999999</v>
      </c>
      <c r="I24611" s="1"/>
    </row>
    <row r="24612" spans="1:9" x14ac:dyDescent="0.25">
      <c r="A24612" s="3">
        <v>41918.686296296299</v>
      </c>
      <c r="B24612" s="6">
        <v>409723.19999999995</v>
      </c>
      <c r="C24612" s="7">
        <f t="shared" si="384"/>
        <v>409.72319999999996</v>
      </c>
      <c r="I24612" s="1"/>
    </row>
    <row r="24613" spans="1:9" x14ac:dyDescent="0.25">
      <c r="A24613" s="3">
        <v>41918.688923611109</v>
      </c>
      <c r="B24613" s="6">
        <v>409739.85</v>
      </c>
      <c r="C24613" s="7">
        <f t="shared" si="384"/>
        <v>409.73984999999999</v>
      </c>
      <c r="I24613" s="1"/>
    </row>
    <row r="24614" spans="1:9" x14ac:dyDescent="0.25">
      <c r="A24614" s="3">
        <v>41918.689085648148</v>
      </c>
      <c r="B24614" s="6">
        <v>409756.49999999994</v>
      </c>
      <c r="C24614" s="7">
        <f t="shared" si="384"/>
        <v>409.75649999999996</v>
      </c>
      <c r="I24614" s="1"/>
    </row>
    <row r="24615" spans="1:9" x14ac:dyDescent="0.25">
      <c r="A24615" s="3">
        <v>41918.692488425928</v>
      </c>
      <c r="B24615" s="6">
        <v>409773.14999999997</v>
      </c>
      <c r="C24615" s="7">
        <f t="shared" si="384"/>
        <v>409.77314999999999</v>
      </c>
      <c r="I24615" s="1"/>
    </row>
    <row r="24616" spans="1:9" x14ac:dyDescent="0.25">
      <c r="A24616" s="3">
        <v>41918.692673611113</v>
      </c>
      <c r="B24616" s="6">
        <v>409789.8</v>
      </c>
      <c r="C24616" s="7">
        <f t="shared" si="384"/>
        <v>409.78980000000001</v>
      </c>
      <c r="I24616" s="1"/>
    </row>
    <row r="24617" spans="1:9" x14ac:dyDescent="0.25">
      <c r="A24617" s="3">
        <v>41918.697199074071</v>
      </c>
      <c r="B24617" s="6">
        <v>409806.44999999995</v>
      </c>
      <c r="C24617" s="7">
        <f t="shared" si="384"/>
        <v>409.80644999999993</v>
      </c>
      <c r="I24617" s="1"/>
    </row>
    <row r="24618" spans="1:9" x14ac:dyDescent="0.25">
      <c r="A24618" s="3">
        <v>41918.697337962964</v>
      </c>
      <c r="B24618" s="6">
        <v>409823.1</v>
      </c>
      <c r="C24618" s="7">
        <f t="shared" si="384"/>
        <v>409.82309999999995</v>
      </c>
      <c r="I24618" s="1"/>
    </row>
    <row r="24619" spans="1:9" x14ac:dyDescent="0.25">
      <c r="A24619" s="3">
        <v>41918.700150462966</v>
      </c>
      <c r="B24619" s="6">
        <v>409839.74999999994</v>
      </c>
      <c r="C24619" s="7">
        <f t="shared" si="384"/>
        <v>409.83974999999992</v>
      </c>
      <c r="I24619" s="1"/>
    </row>
    <row r="24620" spans="1:9" x14ac:dyDescent="0.25">
      <c r="A24620" s="3">
        <v>41918.701203703706</v>
      </c>
      <c r="B24620" s="6">
        <v>409856.39999999997</v>
      </c>
      <c r="C24620" s="7">
        <f t="shared" si="384"/>
        <v>409.85639999999995</v>
      </c>
      <c r="I24620" s="1"/>
    </row>
    <row r="24621" spans="1:9" x14ac:dyDescent="0.25">
      <c r="A24621" s="3">
        <v>41918.704699074071</v>
      </c>
      <c r="B24621" s="6">
        <v>409873.05</v>
      </c>
      <c r="C24621" s="7">
        <f t="shared" si="384"/>
        <v>409.87304999999998</v>
      </c>
      <c r="I24621" s="1"/>
    </row>
    <row r="24622" spans="1:9" x14ac:dyDescent="0.25">
      <c r="A24622" s="3">
        <v>41918.705474537041</v>
      </c>
      <c r="B24622" s="6">
        <v>409889.69999999995</v>
      </c>
      <c r="C24622" s="7">
        <f t="shared" si="384"/>
        <v>409.88969999999995</v>
      </c>
      <c r="I24622" s="1"/>
    </row>
    <row r="24623" spans="1:9" x14ac:dyDescent="0.25">
      <c r="A24623" s="3">
        <v>41918.708252314813</v>
      </c>
      <c r="B24623" s="6">
        <v>409906.35</v>
      </c>
      <c r="C24623" s="7">
        <f t="shared" si="384"/>
        <v>409.90634999999997</v>
      </c>
      <c r="I24623" s="1"/>
    </row>
    <row r="24624" spans="1:9" x14ac:dyDescent="0.25">
      <c r="A24624" s="3">
        <v>41918.708368055559</v>
      </c>
      <c r="B24624" s="6">
        <v>409922.99999999994</v>
      </c>
      <c r="C24624" s="7">
        <f t="shared" si="384"/>
        <v>409.92299999999994</v>
      </c>
      <c r="I24624" s="1"/>
    </row>
    <row r="24625" spans="1:9" x14ac:dyDescent="0.25">
      <c r="A24625" s="3">
        <v>41918.709733796299</v>
      </c>
      <c r="B24625" s="6">
        <v>409939.64999999997</v>
      </c>
      <c r="C24625" s="7">
        <f t="shared" si="384"/>
        <v>409.93964999999997</v>
      </c>
      <c r="I24625" s="1"/>
    </row>
    <row r="24626" spans="1:9" x14ac:dyDescent="0.25">
      <c r="A24626" s="3">
        <v>41918.710393518515</v>
      </c>
      <c r="B24626" s="6">
        <v>409956.3</v>
      </c>
      <c r="C24626" s="7">
        <f t="shared" si="384"/>
        <v>409.9563</v>
      </c>
      <c r="I24626" s="1"/>
    </row>
    <row r="24627" spans="1:9" x14ac:dyDescent="0.25">
      <c r="A24627" s="3">
        <v>41918.712465277778</v>
      </c>
      <c r="B24627" s="6">
        <v>409972.94999999995</v>
      </c>
      <c r="C24627" s="7">
        <f t="shared" si="384"/>
        <v>409.97294999999997</v>
      </c>
      <c r="I24627" s="1"/>
    </row>
    <row r="24628" spans="1:9" x14ac:dyDescent="0.25">
      <c r="A24628" s="3">
        <v>41918.712557870371</v>
      </c>
      <c r="B24628" s="6">
        <v>409989.6</v>
      </c>
      <c r="C24628" s="7">
        <f t="shared" si="384"/>
        <v>409.9896</v>
      </c>
      <c r="I24628" s="1"/>
    </row>
    <row r="24629" spans="1:9" x14ac:dyDescent="0.25">
      <c r="A24629" s="3">
        <v>41918.71702546296</v>
      </c>
      <c r="B24629" s="6">
        <v>410006.24999999994</v>
      </c>
      <c r="C24629" s="7">
        <f t="shared" si="384"/>
        <v>410.00624999999997</v>
      </c>
      <c r="I24629" s="1"/>
    </row>
    <row r="24630" spans="1:9" x14ac:dyDescent="0.25">
      <c r="A24630" s="3">
        <v>41918.717094907406</v>
      </c>
      <c r="B24630" s="6">
        <v>410022.89999999997</v>
      </c>
      <c r="C24630" s="7">
        <f t="shared" si="384"/>
        <v>410.02289999999999</v>
      </c>
      <c r="I24630" s="1"/>
    </row>
    <row r="24631" spans="1:9" x14ac:dyDescent="0.25">
      <c r="A24631" s="3">
        <v>41918.718518518515</v>
      </c>
      <c r="B24631" s="6">
        <v>410039.55</v>
      </c>
      <c r="C24631" s="7">
        <f t="shared" si="384"/>
        <v>410.03954999999996</v>
      </c>
      <c r="I24631" s="1"/>
    </row>
    <row r="24632" spans="1:9" x14ac:dyDescent="0.25">
      <c r="A24632" s="3">
        <v>41918.718645833331</v>
      </c>
      <c r="B24632" s="6">
        <v>410056.19999999995</v>
      </c>
      <c r="C24632" s="7">
        <f t="shared" si="384"/>
        <v>410.05619999999993</v>
      </c>
      <c r="I24632" s="1"/>
    </row>
    <row r="24633" spans="1:9" x14ac:dyDescent="0.25">
      <c r="A24633" s="3">
        <v>41918.72016203704</v>
      </c>
      <c r="B24633" s="6">
        <v>410072.85</v>
      </c>
      <c r="C24633" s="7">
        <f t="shared" si="384"/>
        <v>410.07284999999996</v>
      </c>
      <c r="I24633" s="1"/>
    </row>
    <row r="24634" spans="1:9" x14ac:dyDescent="0.25">
      <c r="A24634" s="3">
        <v>41918.720254629632</v>
      </c>
      <c r="B24634" s="6">
        <v>410089.49999999994</v>
      </c>
      <c r="C24634" s="7">
        <f t="shared" si="384"/>
        <v>410.08949999999993</v>
      </c>
      <c r="I24634" s="1"/>
    </row>
    <row r="24635" spans="1:9" x14ac:dyDescent="0.25">
      <c r="A24635" s="3">
        <v>41918.72284722222</v>
      </c>
      <c r="B24635" s="6">
        <v>410106.14999999997</v>
      </c>
      <c r="C24635" s="7">
        <f t="shared" si="384"/>
        <v>410.10614999999996</v>
      </c>
      <c r="I24635" s="1"/>
    </row>
    <row r="24636" spans="1:9" x14ac:dyDescent="0.25">
      <c r="A24636" s="3">
        <v>41918.722939814812</v>
      </c>
      <c r="B24636" s="6">
        <v>410122.8</v>
      </c>
      <c r="C24636" s="7">
        <f t="shared" si="384"/>
        <v>410.12279999999998</v>
      </c>
      <c r="I24636" s="1"/>
    </row>
    <row r="24637" spans="1:9" x14ac:dyDescent="0.25">
      <c r="A24637" s="3">
        <v>41918.725902777776</v>
      </c>
      <c r="B24637" s="6">
        <v>410139.44999999995</v>
      </c>
      <c r="C24637" s="7">
        <f t="shared" si="384"/>
        <v>410.13944999999995</v>
      </c>
      <c r="I24637" s="1"/>
    </row>
    <row r="24638" spans="1:9" x14ac:dyDescent="0.25">
      <c r="A24638" s="3">
        <v>41918.726226851853</v>
      </c>
      <c r="B24638" s="6">
        <v>410156.1</v>
      </c>
      <c r="C24638" s="7">
        <f t="shared" si="384"/>
        <v>410.15609999999998</v>
      </c>
      <c r="I24638" s="1"/>
    </row>
    <row r="24639" spans="1:9" x14ac:dyDescent="0.25">
      <c r="A24639" s="3">
        <v>41918.728750000002</v>
      </c>
      <c r="B24639" s="6">
        <v>410172.74999999994</v>
      </c>
      <c r="C24639" s="7">
        <f t="shared" si="384"/>
        <v>410.17274999999995</v>
      </c>
      <c r="I24639" s="1"/>
    </row>
    <row r="24640" spans="1:9" x14ac:dyDescent="0.25">
      <c r="A24640" s="3">
        <v>41918.728877314818</v>
      </c>
      <c r="B24640" s="6">
        <v>410189.39999999997</v>
      </c>
      <c r="C24640" s="7">
        <f t="shared" si="384"/>
        <v>410.18939999999998</v>
      </c>
      <c r="I24640" s="1"/>
    </row>
    <row r="24641" spans="1:9" x14ac:dyDescent="0.25">
      <c r="A24641" s="3">
        <v>41918.73033564815</v>
      </c>
      <c r="B24641" s="6">
        <v>410206.05</v>
      </c>
      <c r="C24641" s="7">
        <f t="shared" si="384"/>
        <v>410.20605</v>
      </c>
      <c r="I24641" s="1"/>
    </row>
    <row r="24642" spans="1:9" x14ac:dyDescent="0.25">
      <c r="A24642" s="3">
        <v>41918.730439814812</v>
      </c>
      <c r="B24642" s="6">
        <v>410222.69999999995</v>
      </c>
      <c r="C24642" s="7">
        <f t="shared" si="384"/>
        <v>410.22269999999997</v>
      </c>
      <c r="I24642" s="1"/>
    </row>
    <row r="24643" spans="1:9" x14ac:dyDescent="0.25">
      <c r="A24643" s="3">
        <v>41918.732812499999</v>
      </c>
      <c r="B24643" s="6">
        <v>410239.35</v>
      </c>
      <c r="C24643" s="7">
        <f t="shared" ref="C24643:C24706" si="385">B24643/1000</f>
        <v>410.23935</v>
      </c>
      <c r="I24643" s="1"/>
    </row>
    <row r="24644" spans="1:9" x14ac:dyDescent="0.25">
      <c r="A24644" s="3">
        <v>41918.733090277776</v>
      </c>
      <c r="B24644" s="6">
        <v>410255.99999999994</v>
      </c>
      <c r="C24644" s="7">
        <f t="shared" si="385"/>
        <v>410.25599999999991</v>
      </c>
      <c r="I24644" s="1"/>
    </row>
    <row r="24645" spans="1:9" x14ac:dyDescent="0.25">
      <c r="A24645" s="3">
        <v>41918.737071759257</v>
      </c>
      <c r="B24645" s="6">
        <v>410272.64999999997</v>
      </c>
      <c r="C24645" s="7">
        <f t="shared" si="385"/>
        <v>410.27264999999994</v>
      </c>
      <c r="I24645" s="1"/>
    </row>
    <row r="24646" spans="1:9" x14ac:dyDescent="0.25">
      <c r="A24646" s="3">
        <v>41918.737395833334</v>
      </c>
      <c r="B24646" s="6">
        <v>410289.3</v>
      </c>
      <c r="C24646" s="7">
        <f t="shared" si="385"/>
        <v>410.28929999999997</v>
      </c>
      <c r="I24646" s="1"/>
    </row>
    <row r="24647" spans="1:9" x14ac:dyDescent="0.25">
      <c r="A24647" s="3">
        <v>41918.739085648151</v>
      </c>
      <c r="B24647" s="6">
        <v>410305.94999999995</v>
      </c>
      <c r="C24647" s="7">
        <f t="shared" si="385"/>
        <v>410.30594999999994</v>
      </c>
      <c r="I24647" s="1"/>
    </row>
    <row r="24648" spans="1:9" x14ac:dyDescent="0.25">
      <c r="A24648" s="3">
        <v>41918.739317129628</v>
      </c>
      <c r="B24648" s="6">
        <v>410322.6</v>
      </c>
      <c r="C24648" s="7">
        <f t="shared" si="385"/>
        <v>410.32259999999997</v>
      </c>
      <c r="I24648" s="1"/>
    </row>
    <row r="24649" spans="1:9" x14ac:dyDescent="0.25">
      <c r="A24649" s="3">
        <v>41918.742372685185</v>
      </c>
      <c r="B24649" s="6">
        <v>410339.24999999994</v>
      </c>
      <c r="C24649" s="7">
        <f t="shared" si="385"/>
        <v>410.33924999999994</v>
      </c>
      <c r="I24649" s="1"/>
    </row>
    <row r="24650" spans="1:9" x14ac:dyDescent="0.25">
      <c r="A24650" s="3">
        <v>41918.742488425924</v>
      </c>
      <c r="B24650" s="6">
        <v>410355.89999999997</v>
      </c>
      <c r="C24650" s="7">
        <f t="shared" si="385"/>
        <v>410.35589999999996</v>
      </c>
      <c r="I24650" s="1"/>
    </row>
    <row r="24651" spans="1:9" x14ac:dyDescent="0.25">
      <c r="A24651" s="3">
        <v>41918.745717592596</v>
      </c>
      <c r="B24651" s="6">
        <v>410372.55</v>
      </c>
      <c r="C24651" s="7">
        <f t="shared" si="385"/>
        <v>410.37254999999999</v>
      </c>
      <c r="I24651" s="1"/>
    </row>
    <row r="24652" spans="1:9" x14ac:dyDescent="0.25">
      <c r="A24652" s="3">
        <v>41918.746018518519</v>
      </c>
      <c r="B24652" s="6">
        <v>410389.19999999995</v>
      </c>
      <c r="C24652" s="7">
        <f t="shared" si="385"/>
        <v>410.38919999999996</v>
      </c>
      <c r="I24652" s="1"/>
    </row>
    <row r="24653" spans="1:9" x14ac:dyDescent="0.25">
      <c r="A24653" s="3">
        <v>41918.750023148146</v>
      </c>
      <c r="B24653" s="6">
        <v>410405.85</v>
      </c>
      <c r="C24653" s="7">
        <f t="shared" si="385"/>
        <v>410.40584999999999</v>
      </c>
      <c r="I24653" s="1"/>
    </row>
    <row r="24654" spans="1:9" x14ac:dyDescent="0.25">
      <c r="A24654" s="3">
        <v>41918.750173611108</v>
      </c>
      <c r="B24654" s="6">
        <v>410422.49999999994</v>
      </c>
      <c r="C24654" s="7">
        <f t="shared" si="385"/>
        <v>410.42249999999996</v>
      </c>
      <c r="I24654" s="1"/>
    </row>
    <row r="24655" spans="1:9" x14ac:dyDescent="0.25">
      <c r="A24655" s="3">
        <v>41918.752129629633</v>
      </c>
      <c r="B24655" s="6">
        <v>410439.14999999997</v>
      </c>
      <c r="C24655" s="7">
        <f t="shared" si="385"/>
        <v>410.43914999999998</v>
      </c>
      <c r="I24655" s="1"/>
    </row>
    <row r="24656" spans="1:9" x14ac:dyDescent="0.25">
      <c r="A24656" s="3">
        <v>41918.752222222225</v>
      </c>
      <c r="B24656" s="6">
        <v>410455.8</v>
      </c>
      <c r="C24656" s="7">
        <f t="shared" si="385"/>
        <v>410.45580000000001</v>
      </c>
      <c r="I24656" s="1"/>
    </row>
    <row r="24657" spans="1:9" x14ac:dyDescent="0.25">
      <c r="A24657" s="3">
        <v>41918.754178240742</v>
      </c>
      <c r="B24657" s="6">
        <v>410472.44999999995</v>
      </c>
      <c r="C24657" s="7">
        <f t="shared" si="385"/>
        <v>410.47244999999998</v>
      </c>
      <c r="I24657" s="1"/>
    </row>
    <row r="24658" spans="1:9" x14ac:dyDescent="0.25">
      <c r="A24658" s="3">
        <v>41918.754305555558</v>
      </c>
      <c r="B24658" s="6">
        <v>410489.1</v>
      </c>
      <c r="C24658" s="7">
        <f t="shared" si="385"/>
        <v>410.48909999999995</v>
      </c>
      <c r="I24658" s="1"/>
    </row>
    <row r="24659" spans="1:9" x14ac:dyDescent="0.25">
      <c r="A24659" s="3">
        <v>41918.755046296297</v>
      </c>
      <c r="B24659" s="6">
        <v>410505.74999999994</v>
      </c>
      <c r="C24659" s="7">
        <f t="shared" si="385"/>
        <v>410.50574999999992</v>
      </c>
      <c r="I24659" s="1"/>
    </row>
    <row r="24660" spans="1:9" x14ac:dyDescent="0.25">
      <c r="A24660" s="3">
        <v>41918.755127314813</v>
      </c>
      <c r="B24660" s="6">
        <v>410522.39999999997</v>
      </c>
      <c r="C24660" s="7">
        <f t="shared" si="385"/>
        <v>410.52239999999995</v>
      </c>
      <c r="I24660" s="1"/>
    </row>
    <row r="24661" spans="1:9" x14ac:dyDescent="0.25">
      <c r="A24661" s="3">
        <v>41918.757048611114</v>
      </c>
      <c r="B24661" s="6">
        <v>410539.05</v>
      </c>
      <c r="C24661" s="7">
        <f t="shared" si="385"/>
        <v>410.53904999999997</v>
      </c>
      <c r="I24661" s="1"/>
    </row>
    <row r="24662" spans="1:9" x14ac:dyDescent="0.25">
      <c r="A24662" s="3">
        <v>41918.757754629631</v>
      </c>
      <c r="B24662" s="6">
        <v>410555.69999999995</v>
      </c>
      <c r="C24662" s="7">
        <f t="shared" si="385"/>
        <v>410.55569999999994</v>
      </c>
      <c r="I24662" s="1"/>
    </row>
    <row r="24663" spans="1:9" x14ac:dyDescent="0.25">
      <c r="A24663" s="3">
        <v>41918.761018518519</v>
      </c>
      <c r="B24663" s="6">
        <v>410572.35</v>
      </c>
      <c r="C24663" s="7">
        <f t="shared" si="385"/>
        <v>410.57234999999997</v>
      </c>
      <c r="I24663" s="1"/>
    </row>
    <row r="24664" spans="1:9" x14ac:dyDescent="0.25">
      <c r="A24664" s="3">
        <v>41918.761064814818</v>
      </c>
      <c r="B24664" s="6">
        <v>410588.99999999994</v>
      </c>
      <c r="C24664" s="7">
        <f t="shared" si="385"/>
        <v>410.58899999999994</v>
      </c>
      <c r="I24664" s="1"/>
    </row>
    <row r="24665" spans="1:9" x14ac:dyDescent="0.25">
      <c r="A24665" s="3">
        <v>41918.764918981484</v>
      </c>
      <c r="B24665" s="6">
        <v>410605.64999999997</v>
      </c>
      <c r="C24665" s="7">
        <f t="shared" si="385"/>
        <v>410.60564999999997</v>
      </c>
      <c r="I24665" s="1"/>
    </row>
    <row r="24666" spans="1:9" x14ac:dyDescent="0.25">
      <c r="A24666" s="3">
        <v>41918.765150462961</v>
      </c>
      <c r="B24666" s="6">
        <v>410622.3</v>
      </c>
      <c r="C24666" s="7">
        <f t="shared" si="385"/>
        <v>410.6223</v>
      </c>
      <c r="I24666" s="1"/>
    </row>
    <row r="24667" spans="1:9" x14ac:dyDescent="0.25">
      <c r="A24667" s="3">
        <v>41918.76635416667</v>
      </c>
      <c r="B24667" s="6">
        <v>410638.94999999995</v>
      </c>
      <c r="C24667" s="7">
        <f t="shared" si="385"/>
        <v>410.63894999999997</v>
      </c>
      <c r="I24667" s="1"/>
    </row>
    <row r="24668" spans="1:9" x14ac:dyDescent="0.25">
      <c r="A24668" s="3">
        <v>41918.766574074078</v>
      </c>
      <c r="B24668" s="6">
        <v>410655.6</v>
      </c>
      <c r="C24668" s="7">
        <f t="shared" si="385"/>
        <v>410.65559999999999</v>
      </c>
      <c r="I24668" s="1"/>
    </row>
    <row r="24669" spans="1:9" x14ac:dyDescent="0.25">
      <c r="A24669" s="3">
        <v>41918.769861111112</v>
      </c>
      <c r="B24669" s="6">
        <v>410672.24999999994</v>
      </c>
      <c r="C24669" s="7">
        <f t="shared" si="385"/>
        <v>410.67224999999996</v>
      </c>
      <c r="I24669" s="1"/>
    </row>
    <row r="24670" spans="1:9" x14ac:dyDescent="0.25">
      <c r="A24670" s="3">
        <v>41918.769976851851</v>
      </c>
      <c r="B24670" s="6">
        <v>410688.89999999997</v>
      </c>
      <c r="C24670" s="7">
        <f t="shared" si="385"/>
        <v>410.68889999999999</v>
      </c>
      <c r="I24670" s="1"/>
    </row>
    <row r="24671" spans="1:9" x14ac:dyDescent="0.25">
      <c r="A24671" s="3">
        <v>41918.770787037036</v>
      </c>
      <c r="B24671" s="6">
        <v>410705.55</v>
      </c>
      <c r="C24671" s="7">
        <f t="shared" si="385"/>
        <v>410.70555000000002</v>
      </c>
      <c r="I24671" s="1"/>
    </row>
    <row r="24672" spans="1:9" x14ac:dyDescent="0.25">
      <c r="A24672" s="3">
        <v>41918.771006944444</v>
      </c>
      <c r="B24672" s="6">
        <v>410722.19999999995</v>
      </c>
      <c r="C24672" s="7">
        <f t="shared" si="385"/>
        <v>410.72219999999993</v>
      </c>
      <c r="I24672" s="1"/>
    </row>
    <row r="24673" spans="1:9" x14ac:dyDescent="0.25">
      <c r="A24673" s="3">
        <v>41918.772731481484</v>
      </c>
      <c r="B24673" s="6">
        <v>410738.85</v>
      </c>
      <c r="C24673" s="7">
        <f t="shared" si="385"/>
        <v>410.73884999999996</v>
      </c>
      <c r="I24673" s="1"/>
    </row>
    <row r="24674" spans="1:9" x14ac:dyDescent="0.25">
      <c r="A24674" s="3">
        <v>41918.772905092592</v>
      </c>
      <c r="B24674" s="6">
        <v>410755.49999999994</v>
      </c>
      <c r="C24674" s="7">
        <f t="shared" si="385"/>
        <v>410.75549999999993</v>
      </c>
      <c r="I24674" s="1"/>
    </row>
    <row r="24675" spans="1:9" x14ac:dyDescent="0.25">
      <c r="A24675" s="3">
        <v>41918.782916666663</v>
      </c>
      <c r="B24675" s="6">
        <v>410772.14999999997</v>
      </c>
      <c r="C24675" s="7">
        <f t="shared" si="385"/>
        <v>410.77214999999995</v>
      </c>
      <c r="I24675" s="1"/>
    </row>
    <row r="24676" spans="1:9" x14ac:dyDescent="0.25">
      <c r="A24676" s="3">
        <v>41918.78297453704</v>
      </c>
      <c r="B24676" s="6">
        <v>410788.8</v>
      </c>
      <c r="C24676" s="7">
        <f t="shared" si="385"/>
        <v>410.78879999999998</v>
      </c>
      <c r="I24676" s="1"/>
    </row>
    <row r="24677" spans="1:9" x14ac:dyDescent="0.25">
      <c r="A24677" s="3">
        <v>41918.786724537036</v>
      </c>
      <c r="B24677" s="6">
        <v>410805.44999999995</v>
      </c>
      <c r="C24677" s="7">
        <f t="shared" si="385"/>
        <v>410.80544999999995</v>
      </c>
      <c r="I24677" s="1"/>
    </row>
    <row r="24678" spans="1:9" x14ac:dyDescent="0.25">
      <c r="A24678" s="3">
        <v>41918.786793981482</v>
      </c>
      <c r="B24678" s="6">
        <v>410822.1</v>
      </c>
      <c r="C24678" s="7">
        <f t="shared" si="385"/>
        <v>410.82209999999998</v>
      </c>
      <c r="I24678" s="1"/>
    </row>
    <row r="24679" spans="1:9" x14ac:dyDescent="0.25">
      <c r="A24679" s="3">
        <v>41918.79111111111</v>
      </c>
      <c r="B24679" s="6">
        <v>410838.74999999994</v>
      </c>
      <c r="C24679" s="7">
        <f t="shared" si="385"/>
        <v>410.83874999999995</v>
      </c>
      <c r="I24679" s="1"/>
    </row>
    <row r="24680" spans="1:9" x14ac:dyDescent="0.25">
      <c r="A24680" s="3">
        <v>41918.791273148148</v>
      </c>
      <c r="B24680" s="6">
        <v>410855.39999999997</v>
      </c>
      <c r="C24680" s="7">
        <f t="shared" si="385"/>
        <v>410.85539999999997</v>
      </c>
      <c r="I24680" s="1"/>
    </row>
    <row r="24681" spans="1:9" x14ac:dyDescent="0.25">
      <c r="A24681" s="3">
        <v>41918.798518518517</v>
      </c>
      <c r="B24681" s="6">
        <v>410872.05</v>
      </c>
      <c r="C24681" s="7">
        <f t="shared" si="385"/>
        <v>410.87205</v>
      </c>
      <c r="I24681" s="1"/>
    </row>
    <row r="24682" spans="1:9" x14ac:dyDescent="0.25">
      <c r="A24682" s="3">
        <v>41918.79859953704</v>
      </c>
      <c r="B24682" s="6">
        <v>410888.69999999995</v>
      </c>
      <c r="C24682" s="7">
        <f t="shared" si="385"/>
        <v>410.88869999999997</v>
      </c>
      <c r="I24682" s="1"/>
    </row>
    <row r="24683" spans="1:9" x14ac:dyDescent="0.25">
      <c r="A24683" s="3">
        <v>41918.80133101852</v>
      </c>
      <c r="B24683" s="6">
        <v>410905.35</v>
      </c>
      <c r="C24683" s="7">
        <f t="shared" si="385"/>
        <v>410.90535</v>
      </c>
      <c r="I24683" s="1"/>
    </row>
    <row r="24684" spans="1:9" x14ac:dyDescent="0.25">
      <c r="A24684" s="3">
        <v>41918.802187499998</v>
      </c>
      <c r="B24684" s="6">
        <v>410921.99999999994</v>
      </c>
      <c r="C24684" s="7">
        <f t="shared" si="385"/>
        <v>410.92199999999997</v>
      </c>
      <c r="I24684" s="1"/>
    </row>
    <row r="24685" spans="1:9" x14ac:dyDescent="0.25">
      <c r="A24685" s="3">
        <v>41918.807534722226</v>
      </c>
      <c r="B24685" s="6">
        <v>410938.64999999997</v>
      </c>
      <c r="C24685" s="7">
        <f t="shared" si="385"/>
        <v>410.93864999999994</v>
      </c>
      <c r="I24685" s="1"/>
    </row>
    <row r="24686" spans="1:9" x14ac:dyDescent="0.25">
      <c r="A24686" s="3">
        <v>41918.807754629626</v>
      </c>
      <c r="B24686" s="6">
        <v>410955.3</v>
      </c>
      <c r="C24686" s="7">
        <f t="shared" si="385"/>
        <v>410.95529999999997</v>
      </c>
      <c r="I24686" s="1"/>
    </row>
    <row r="24687" spans="1:9" x14ac:dyDescent="0.25">
      <c r="A24687" s="3">
        <v>41918.823969907404</v>
      </c>
      <c r="B24687" s="6">
        <v>410971.94999999995</v>
      </c>
      <c r="C24687" s="7">
        <f t="shared" si="385"/>
        <v>410.97194999999994</v>
      </c>
      <c r="I24687" s="1"/>
    </row>
    <row r="24688" spans="1:9" x14ac:dyDescent="0.25">
      <c r="A24688" s="3">
        <v>41918.824189814812</v>
      </c>
      <c r="B24688" s="6">
        <v>410988.6</v>
      </c>
      <c r="C24688" s="7">
        <f t="shared" si="385"/>
        <v>410.98859999999996</v>
      </c>
      <c r="I24688" s="1"/>
    </row>
    <row r="24689" spans="1:9" x14ac:dyDescent="0.25">
      <c r="A24689" s="3">
        <v>41918.83085648148</v>
      </c>
      <c r="B24689" s="6">
        <v>411005.24999999994</v>
      </c>
      <c r="C24689" s="7">
        <f t="shared" si="385"/>
        <v>411.00524999999993</v>
      </c>
      <c r="I24689" s="1"/>
    </row>
    <row r="24690" spans="1:9" x14ac:dyDescent="0.25">
      <c r="A24690" s="3">
        <v>41918.834421296298</v>
      </c>
      <c r="B24690" s="6">
        <v>411021.89999999997</v>
      </c>
      <c r="C24690" s="7">
        <f t="shared" si="385"/>
        <v>411.02189999999996</v>
      </c>
      <c r="I24690" s="1"/>
    </row>
    <row r="24691" spans="1:9" x14ac:dyDescent="0.25">
      <c r="A24691" s="3">
        <v>41949.311990740738</v>
      </c>
      <c r="B24691" s="6">
        <v>411038.55</v>
      </c>
      <c r="C24691" s="7">
        <f t="shared" si="385"/>
        <v>411.03854999999999</v>
      </c>
      <c r="I24691" s="1"/>
    </row>
    <row r="24692" spans="1:9" x14ac:dyDescent="0.25">
      <c r="A24692" s="3">
        <v>41949.317881944444</v>
      </c>
      <c r="B24692" s="6">
        <v>411055.19999999995</v>
      </c>
      <c r="C24692" s="7">
        <f t="shared" si="385"/>
        <v>411.05519999999996</v>
      </c>
      <c r="I24692" s="1"/>
    </row>
    <row r="24693" spans="1:9" x14ac:dyDescent="0.25">
      <c r="A24693" s="3">
        <v>41949.347754629627</v>
      </c>
      <c r="B24693" s="6">
        <v>411071.85</v>
      </c>
      <c r="C24693" s="7">
        <f t="shared" si="385"/>
        <v>411.07184999999998</v>
      </c>
      <c r="I24693" s="1"/>
    </row>
    <row r="24694" spans="1:9" x14ac:dyDescent="0.25">
      <c r="A24694" s="3">
        <v>41949.347928240742</v>
      </c>
      <c r="B24694" s="6">
        <v>411088.49999999994</v>
      </c>
      <c r="C24694" s="7">
        <f t="shared" si="385"/>
        <v>411.08849999999995</v>
      </c>
      <c r="I24694" s="1"/>
    </row>
    <row r="24695" spans="1:9" x14ac:dyDescent="0.25">
      <c r="A24695" s="3">
        <v>41949.355879629627</v>
      </c>
      <c r="B24695" s="6">
        <v>411105.14999999997</v>
      </c>
      <c r="C24695" s="7">
        <f t="shared" si="385"/>
        <v>411.10514999999998</v>
      </c>
      <c r="I24695" s="1"/>
    </row>
    <row r="24696" spans="1:9" x14ac:dyDescent="0.25">
      <c r="A24696" s="3">
        <v>41949.358414351853</v>
      </c>
      <c r="B24696" s="6">
        <v>411121.8</v>
      </c>
      <c r="C24696" s="7">
        <f t="shared" si="385"/>
        <v>411.12180000000001</v>
      </c>
      <c r="I24696" s="1"/>
    </row>
    <row r="24697" spans="1:9" x14ac:dyDescent="0.25">
      <c r="A24697" s="3">
        <v>41949.362337962964</v>
      </c>
      <c r="B24697" s="6">
        <v>411138.44999999995</v>
      </c>
      <c r="C24697" s="7">
        <f t="shared" si="385"/>
        <v>411.13844999999998</v>
      </c>
      <c r="I24697" s="1"/>
    </row>
    <row r="24698" spans="1:9" x14ac:dyDescent="0.25">
      <c r="A24698" s="3">
        <v>41949.362488425926</v>
      </c>
      <c r="B24698" s="6">
        <v>411155.1</v>
      </c>
      <c r="C24698" s="7">
        <f t="shared" si="385"/>
        <v>411.1551</v>
      </c>
      <c r="I24698" s="1"/>
    </row>
    <row r="24699" spans="1:9" x14ac:dyDescent="0.25">
      <c r="A24699" s="3">
        <v>41949.366828703707</v>
      </c>
      <c r="B24699" s="6">
        <v>411171.74999999994</v>
      </c>
      <c r="C24699" s="7">
        <f t="shared" si="385"/>
        <v>411.17174999999992</v>
      </c>
      <c r="I24699" s="1"/>
    </row>
    <row r="24700" spans="1:9" x14ac:dyDescent="0.25">
      <c r="A24700" s="3">
        <v>41949.367256944446</v>
      </c>
      <c r="B24700" s="6">
        <v>411188.39999999997</v>
      </c>
      <c r="C24700" s="7">
        <f t="shared" si="385"/>
        <v>411.18839999999994</v>
      </c>
      <c r="I24700" s="1"/>
    </row>
    <row r="24701" spans="1:9" x14ac:dyDescent="0.25">
      <c r="A24701" s="3">
        <v>41949.36928240741</v>
      </c>
      <c r="B24701" s="6">
        <v>411205.05</v>
      </c>
      <c r="C24701" s="7">
        <f t="shared" si="385"/>
        <v>411.20504999999997</v>
      </c>
      <c r="I24701" s="1"/>
    </row>
    <row r="24702" spans="1:9" x14ac:dyDescent="0.25">
      <c r="A24702" s="3">
        <v>41949.369467592594</v>
      </c>
      <c r="B24702" s="6">
        <v>411221.69999999995</v>
      </c>
      <c r="C24702" s="7">
        <f t="shared" si="385"/>
        <v>411.22169999999994</v>
      </c>
      <c r="I24702" s="1"/>
    </row>
    <row r="24703" spans="1:9" x14ac:dyDescent="0.25">
      <c r="A24703" s="3">
        <v>41949.375439814816</v>
      </c>
      <c r="B24703" s="6">
        <v>411238.35</v>
      </c>
      <c r="C24703" s="7">
        <f t="shared" si="385"/>
        <v>411.23834999999997</v>
      </c>
      <c r="I24703" s="1"/>
    </row>
    <row r="24704" spans="1:9" x14ac:dyDescent="0.25">
      <c r="A24704" s="3">
        <v>41949.375636574077</v>
      </c>
      <c r="B24704" s="6">
        <v>411254.99999999994</v>
      </c>
      <c r="C24704" s="7">
        <f t="shared" si="385"/>
        <v>411.25499999999994</v>
      </c>
      <c r="I24704" s="1"/>
    </row>
    <row r="24705" spans="1:9" x14ac:dyDescent="0.25">
      <c r="A24705" s="3">
        <v>41949.386053240742</v>
      </c>
      <c r="B24705" s="6">
        <v>411271.64999999997</v>
      </c>
      <c r="C24705" s="7">
        <f t="shared" si="385"/>
        <v>411.27164999999997</v>
      </c>
      <c r="I24705" s="1"/>
    </row>
    <row r="24706" spans="1:9" x14ac:dyDescent="0.25">
      <c r="A24706" s="3">
        <v>41949.387777777774</v>
      </c>
      <c r="B24706" s="6">
        <v>411288.3</v>
      </c>
      <c r="C24706" s="7">
        <f t="shared" si="385"/>
        <v>411.28829999999999</v>
      </c>
      <c r="I24706" s="1"/>
    </row>
    <row r="24707" spans="1:9" x14ac:dyDescent="0.25">
      <c r="A24707" s="3">
        <v>41949.393611111111</v>
      </c>
      <c r="B24707" s="6">
        <v>411304.94999999995</v>
      </c>
      <c r="C24707" s="7">
        <f t="shared" ref="C24707:C24770" si="386">B24707/1000</f>
        <v>411.30494999999996</v>
      </c>
      <c r="I24707" s="1"/>
    </row>
    <row r="24708" spans="1:9" x14ac:dyDescent="0.25">
      <c r="A24708" s="3">
        <v>41949.393784722219</v>
      </c>
      <c r="B24708" s="6">
        <v>411321.59999999998</v>
      </c>
      <c r="C24708" s="7">
        <f t="shared" si="386"/>
        <v>411.32159999999999</v>
      </c>
      <c r="I24708" s="1"/>
    </row>
    <row r="24709" spans="1:9" x14ac:dyDescent="0.25">
      <c r="A24709" s="3">
        <v>41949.401261574072</v>
      </c>
      <c r="B24709" s="6">
        <v>411338.24999999994</v>
      </c>
      <c r="C24709" s="7">
        <f t="shared" si="386"/>
        <v>411.33824999999996</v>
      </c>
      <c r="I24709" s="1"/>
    </row>
    <row r="24710" spans="1:9" x14ac:dyDescent="0.25">
      <c r="A24710" s="3">
        <v>41949.401493055557</v>
      </c>
      <c r="B24710" s="6">
        <v>411354.89999999997</v>
      </c>
      <c r="C24710" s="7">
        <f t="shared" si="386"/>
        <v>411.35489999999999</v>
      </c>
      <c r="I24710" s="1"/>
    </row>
    <row r="24711" spans="1:9" x14ac:dyDescent="0.25">
      <c r="A24711" s="3">
        <v>41949.407870370371</v>
      </c>
      <c r="B24711" s="6">
        <v>411371.55</v>
      </c>
      <c r="C24711" s="7">
        <f t="shared" si="386"/>
        <v>411.37155000000001</v>
      </c>
      <c r="I24711" s="1"/>
    </row>
    <row r="24712" spans="1:9" x14ac:dyDescent="0.25">
      <c r="A24712" s="3">
        <v>41949.409143518518</v>
      </c>
      <c r="B24712" s="6">
        <v>411388.19999999995</v>
      </c>
      <c r="C24712" s="7">
        <f t="shared" si="386"/>
        <v>411.38819999999993</v>
      </c>
      <c r="I24712" s="1"/>
    </row>
    <row r="24713" spans="1:9" x14ac:dyDescent="0.25">
      <c r="A24713" s="3">
        <v>41949.41265046296</v>
      </c>
      <c r="B24713" s="6">
        <v>411404.85</v>
      </c>
      <c r="C24713" s="7">
        <f t="shared" si="386"/>
        <v>411.40484999999995</v>
      </c>
      <c r="I24713" s="1"/>
    </row>
    <row r="24714" spans="1:9" x14ac:dyDescent="0.25">
      <c r="A24714" s="3">
        <v>41949.412766203706</v>
      </c>
      <c r="B24714" s="6">
        <v>411421.49999999994</v>
      </c>
      <c r="C24714" s="7">
        <f t="shared" si="386"/>
        <v>411.42149999999992</v>
      </c>
      <c r="I24714" s="1"/>
    </row>
    <row r="24715" spans="1:9" x14ac:dyDescent="0.25">
      <c r="A24715" s="3">
        <v>41949.416979166665</v>
      </c>
      <c r="B24715" s="6">
        <v>411438.14999999997</v>
      </c>
      <c r="C24715" s="7">
        <f t="shared" si="386"/>
        <v>411.43814999999995</v>
      </c>
      <c r="I24715" s="1"/>
    </row>
    <row r="24716" spans="1:9" x14ac:dyDescent="0.25">
      <c r="A24716" s="3">
        <v>41949.418437499997</v>
      </c>
      <c r="B24716" s="6">
        <v>411454.8</v>
      </c>
      <c r="C24716" s="7">
        <f t="shared" si="386"/>
        <v>411.45479999999998</v>
      </c>
      <c r="I24716" s="1"/>
    </row>
    <row r="24717" spans="1:9" x14ac:dyDescent="0.25">
      <c r="A24717" s="3">
        <v>41949.423078703701</v>
      </c>
      <c r="B24717" s="6">
        <v>411471.44999999995</v>
      </c>
      <c r="C24717" s="7">
        <f t="shared" si="386"/>
        <v>411.47144999999995</v>
      </c>
      <c r="I24717" s="1"/>
    </row>
    <row r="24718" spans="1:9" x14ac:dyDescent="0.25">
      <c r="A24718" s="3">
        <v>41949.423206018517</v>
      </c>
      <c r="B24718" s="6">
        <v>411488.1</v>
      </c>
      <c r="C24718" s="7">
        <f t="shared" si="386"/>
        <v>411.48809999999997</v>
      </c>
      <c r="I24718" s="1"/>
    </row>
    <row r="24719" spans="1:9" x14ac:dyDescent="0.25">
      <c r="A24719" s="3">
        <v>41949.428414351853</v>
      </c>
      <c r="B24719" s="6">
        <v>411504.74999999994</v>
      </c>
      <c r="C24719" s="7">
        <f t="shared" si="386"/>
        <v>411.50474999999994</v>
      </c>
      <c r="I24719" s="1"/>
    </row>
    <row r="24720" spans="1:9" x14ac:dyDescent="0.25">
      <c r="A24720" s="3">
        <v>41949.430300925924</v>
      </c>
      <c r="B24720" s="6">
        <v>411521.39999999997</v>
      </c>
      <c r="C24720" s="7">
        <f t="shared" si="386"/>
        <v>411.52139999999997</v>
      </c>
      <c r="I24720" s="1"/>
    </row>
    <row r="24721" spans="1:9" x14ac:dyDescent="0.25">
      <c r="A24721" s="3">
        <v>41949.436666666668</v>
      </c>
      <c r="B24721" s="6">
        <v>411538.05</v>
      </c>
      <c r="C24721" s="7">
        <f t="shared" si="386"/>
        <v>411.53805</v>
      </c>
      <c r="I24721" s="1"/>
    </row>
    <row r="24722" spans="1:9" x14ac:dyDescent="0.25">
      <c r="A24722" s="3">
        <v>41949.437569444446</v>
      </c>
      <c r="B24722" s="6">
        <v>411554.69999999995</v>
      </c>
      <c r="C24722" s="7">
        <f t="shared" si="386"/>
        <v>411.55469999999997</v>
      </c>
      <c r="I24722" s="1"/>
    </row>
    <row r="24723" spans="1:9" x14ac:dyDescent="0.25">
      <c r="A24723" s="3">
        <v>41949.448414351849</v>
      </c>
      <c r="B24723" s="6">
        <v>411571.35</v>
      </c>
      <c r="C24723" s="7">
        <f t="shared" si="386"/>
        <v>411.57135</v>
      </c>
      <c r="I24723" s="1"/>
    </row>
    <row r="24724" spans="1:9" x14ac:dyDescent="0.25">
      <c r="A24724" s="3">
        <v>41949.448761574073</v>
      </c>
      <c r="B24724" s="6">
        <v>411587.99999999994</v>
      </c>
      <c r="C24724" s="7">
        <f t="shared" si="386"/>
        <v>411.58799999999997</v>
      </c>
      <c r="I24724" s="1"/>
    </row>
    <row r="24725" spans="1:9" x14ac:dyDescent="0.25">
      <c r="A24725" s="3">
        <v>41949.453761574077</v>
      </c>
      <c r="B24725" s="6">
        <v>411604.64999999997</v>
      </c>
      <c r="C24725" s="7">
        <f t="shared" si="386"/>
        <v>411.60464999999999</v>
      </c>
      <c r="I24725" s="1"/>
    </row>
    <row r="24726" spans="1:9" x14ac:dyDescent="0.25">
      <c r="A24726" s="3">
        <v>41949.453877314816</v>
      </c>
      <c r="B24726" s="6">
        <v>411621.3</v>
      </c>
      <c r="C24726" s="7">
        <f t="shared" si="386"/>
        <v>411.62129999999996</v>
      </c>
      <c r="I24726" s="1"/>
    </row>
    <row r="24727" spans="1:9" x14ac:dyDescent="0.25">
      <c r="A24727" s="3">
        <v>41949.461111111108</v>
      </c>
      <c r="B24727" s="6">
        <v>411637.94999999995</v>
      </c>
      <c r="C24727" s="7">
        <f t="shared" si="386"/>
        <v>411.63794999999993</v>
      </c>
      <c r="I24727" s="1"/>
    </row>
    <row r="24728" spans="1:9" x14ac:dyDescent="0.25">
      <c r="A24728" s="3">
        <v>41949.461469907408</v>
      </c>
      <c r="B24728" s="6">
        <v>411654.6</v>
      </c>
      <c r="C24728" s="7">
        <f t="shared" si="386"/>
        <v>411.65459999999996</v>
      </c>
      <c r="I24728" s="1"/>
    </row>
    <row r="24729" spans="1:9" x14ac:dyDescent="0.25">
      <c r="A24729" s="3">
        <v>41949.468240740738</v>
      </c>
      <c r="B24729" s="6">
        <v>411671.24999999994</v>
      </c>
      <c r="C24729" s="7">
        <f t="shared" si="386"/>
        <v>411.67124999999993</v>
      </c>
      <c r="I24729" s="1"/>
    </row>
    <row r="24730" spans="1:9" x14ac:dyDescent="0.25">
      <c r="A24730" s="3">
        <v>41949.468449074076</v>
      </c>
      <c r="B24730" s="6">
        <v>411687.89999999997</v>
      </c>
      <c r="C24730" s="7">
        <f t="shared" si="386"/>
        <v>411.68789999999996</v>
      </c>
      <c r="I24730" s="1"/>
    </row>
    <row r="24731" spans="1:9" x14ac:dyDescent="0.25">
      <c r="A24731" s="3">
        <v>41949.470925925925</v>
      </c>
      <c r="B24731" s="6">
        <v>411704.55</v>
      </c>
      <c r="C24731" s="7">
        <f t="shared" si="386"/>
        <v>411.70454999999998</v>
      </c>
      <c r="I24731" s="1"/>
    </row>
    <row r="24732" spans="1:9" x14ac:dyDescent="0.25">
      <c r="A24732" s="3">
        <v>41949.471585648149</v>
      </c>
      <c r="B24732" s="6">
        <v>411721.19999999995</v>
      </c>
      <c r="C24732" s="7">
        <f t="shared" si="386"/>
        <v>411.72119999999995</v>
      </c>
      <c r="I24732" s="1"/>
    </row>
    <row r="24733" spans="1:9" x14ac:dyDescent="0.25">
      <c r="A24733" s="3">
        <v>41949.481874999998</v>
      </c>
      <c r="B24733" s="6">
        <v>411737.85</v>
      </c>
      <c r="C24733" s="7">
        <f t="shared" si="386"/>
        <v>411.73784999999998</v>
      </c>
      <c r="I24733" s="1"/>
    </row>
    <row r="24734" spans="1:9" x14ac:dyDescent="0.25">
      <c r="A24734" s="3">
        <v>41949.482916666668</v>
      </c>
      <c r="B24734" s="6">
        <v>411754.49999999994</v>
      </c>
      <c r="C24734" s="7">
        <f t="shared" si="386"/>
        <v>411.75449999999995</v>
      </c>
      <c r="I24734" s="1"/>
    </row>
    <row r="24735" spans="1:9" x14ac:dyDescent="0.25">
      <c r="A24735" s="3">
        <v>41949.487581018519</v>
      </c>
      <c r="B24735" s="6">
        <v>411771.14999999997</v>
      </c>
      <c r="C24735" s="7">
        <f t="shared" si="386"/>
        <v>411.77114999999998</v>
      </c>
      <c r="I24735" s="1"/>
    </row>
    <row r="24736" spans="1:9" x14ac:dyDescent="0.25">
      <c r="A24736" s="3">
        <v>41949.48773148148</v>
      </c>
      <c r="B24736" s="6">
        <v>411787.8</v>
      </c>
      <c r="C24736" s="7">
        <f t="shared" si="386"/>
        <v>411.7878</v>
      </c>
      <c r="I24736" s="1"/>
    </row>
    <row r="24737" spans="1:9" x14ac:dyDescent="0.25">
      <c r="A24737" s="3">
        <v>41949.491273148145</v>
      </c>
      <c r="B24737" s="6">
        <v>411804.44999999995</v>
      </c>
      <c r="C24737" s="7">
        <f t="shared" si="386"/>
        <v>411.80444999999997</v>
      </c>
      <c r="I24737" s="1"/>
    </row>
    <row r="24738" spans="1:9" x14ac:dyDescent="0.25">
      <c r="A24738" s="3">
        <v>41949.492025462961</v>
      </c>
      <c r="B24738" s="6">
        <v>411821.1</v>
      </c>
      <c r="C24738" s="7">
        <f t="shared" si="386"/>
        <v>411.8211</v>
      </c>
      <c r="I24738" s="1"/>
    </row>
    <row r="24739" spans="1:9" x14ac:dyDescent="0.25">
      <c r="A24739" s="3">
        <v>41949.494872685187</v>
      </c>
      <c r="B24739" s="6">
        <v>411837.74999999994</v>
      </c>
      <c r="C24739" s="7">
        <f t="shared" si="386"/>
        <v>411.83774999999991</v>
      </c>
      <c r="I24739" s="1"/>
    </row>
    <row r="24740" spans="1:9" x14ac:dyDescent="0.25">
      <c r="A24740" s="3">
        <v>41949.494988425926</v>
      </c>
      <c r="B24740" s="6">
        <v>411854.39999999997</v>
      </c>
      <c r="C24740" s="7">
        <f t="shared" si="386"/>
        <v>411.85439999999994</v>
      </c>
      <c r="I24740" s="1"/>
    </row>
    <row r="24741" spans="1:9" x14ac:dyDescent="0.25">
      <c r="A24741" s="3">
        <v>41949.498900462961</v>
      </c>
      <c r="B24741" s="6">
        <v>411871.05</v>
      </c>
      <c r="C24741" s="7">
        <f t="shared" si="386"/>
        <v>411.87104999999997</v>
      </c>
      <c r="I24741" s="1"/>
    </row>
    <row r="24742" spans="1:9" x14ac:dyDescent="0.25">
      <c r="A24742" s="3">
        <v>41949.499050925922</v>
      </c>
      <c r="B24742" s="6">
        <v>411887.69999999995</v>
      </c>
      <c r="C24742" s="7">
        <f t="shared" si="386"/>
        <v>411.88769999999994</v>
      </c>
      <c r="I24742" s="1"/>
    </row>
    <row r="24743" spans="1:9" x14ac:dyDescent="0.25">
      <c r="A24743" s="3">
        <v>41949.502662037034</v>
      </c>
      <c r="B24743" s="6">
        <v>411904.35</v>
      </c>
      <c r="C24743" s="7">
        <f t="shared" si="386"/>
        <v>411.90434999999997</v>
      </c>
      <c r="I24743" s="1"/>
    </row>
    <row r="24744" spans="1:9" x14ac:dyDescent="0.25">
      <c r="A24744" s="3">
        <v>41949.502962962964</v>
      </c>
      <c r="B24744" s="6">
        <v>411920.99999999994</v>
      </c>
      <c r="C24744" s="7">
        <f t="shared" si="386"/>
        <v>411.92099999999994</v>
      </c>
      <c r="I24744" s="1"/>
    </row>
    <row r="24745" spans="1:9" x14ac:dyDescent="0.25">
      <c r="A24745" s="3">
        <v>41949.505613425928</v>
      </c>
      <c r="B24745" s="6">
        <v>411937.64999999997</v>
      </c>
      <c r="C24745" s="7">
        <f t="shared" si="386"/>
        <v>411.93764999999996</v>
      </c>
      <c r="I24745" s="1"/>
    </row>
    <row r="24746" spans="1:9" x14ac:dyDescent="0.25">
      <c r="A24746" s="3">
        <v>41949.505682870367</v>
      </c>
      <c r="B24746" s="6">
        <v>411954.3</v>
      </c>
      <c r="C24746" s="7">
        <f t="shared" si="386"/>
        <v>411.95429999999999</v>
      </c>
      <c r="I24746" s="1"/>
    </row>
    <row r="24747" spans="1:9" x14ac:dyDescent="0.25">
      <c r="A24747" s="3">
        <v>41949.507303240738</v>
      </c>
      <c r="B24747" s="6">
        <v>411970.94999999995</v>
      </c>
      <c r="C24747" s="7">
        <f t="shared" si="386"/>
        <v>411.97094999999996</v>
      </c>
      <c r="I24747" s="1"/>
    </row>
    <row r="24748" spans="1:9" x14ac:dyDescent="0.25">
      <c r="A24748" s="3">
        <v>41949.507534722223</v>
      </c>
      <c r="B24748" s="6">
        <v>411987.6</v>
      </c>
      <c r="C24748" s="7">
        <f t="shared" si="386"/>
        <v>411.98759999999999</v>
      </c>
      <c r="I24748" s="1"/>
    </row>
    <row r="24749" spans="1:9" x14ac:dyDescent="0.25">
      <c r="A24749" s="3">
        <v>41949.509039351855</v>
      </c>
      <c r="B24749" s="6">
        <v>412004.24999999994</v>
      </c>
      <c r="C24749" s="7">
        <f t="shared" si="386"/>
        <v>412.00424999999996</v>
      </c>
      <c r="I24749" s="1"/>
    </row>
    <row r="24750" spans="1:9" x14ac:dyDescent="0.25">
      <c r="A24750" s="3">
        <v>41949.509236111109</v>
      </c>
      <c r="B24750" s="6">
        <v>412020.89999999997</v>
      </c>
      <c r="C24750" s="7">
        <f t="shared" si="386"/>
        <v>412.02089999999998</v>
      </c>
      <c r="I24750" s="1"/>
    </row>
    <row r="24751" spans="1:9" x14ac:dyDescent="0.25">
      <c r="A24751" s="3">
        <v>41949.510520833333</v>
      </c>
      <c r="B24751" s="6">
        <v>412037.55</v>
      </c>
      <c r="C24751" s="7">
        <f t="shared" si="386"/>
        <v>412.03755000000001</v>
      </c>
      <c r="I24751" s="1"/>
    </row>
    <row r="24752" spans="1:9" x14ac:dyDescent="0.25">
      <c r="A24752" s="3">
        <v>41949.510659722226</v>
      </c>
      <c r="B24752" s="6">
        <v>412054.19999999995</v>
      </c>
      <c r="C24752" s="7">
        <f t="shared" si="386"/>
        <v>412.05419999999998</v>
      </c>
      <c r="I24752" s="1"/>
    </row>
    <row r="24753" spans="1:9" x14ac:dyDescent="0.25">
      <c r="A24753" s="3">
        <v>41949.512812499997</v>
      </c>
      <c r="B24753" s="6">
        <v>412070.85</v>
      </c>
      <c r="C24753" s="7">
        <f t="shared" si="386"/>
        <v>412.07084999999995</v>
      </c>
      <c r="I24753" s="1"/>
    </row>
    <row r="24754" spans="1:9" x14ac:dyDescent="0.25">
      <c r="A24754" s="3">
        <v>41949.512986111113</v>
      </c>
      <c r="B24754" s="6">
        <v>412087.49999999994</v>
      </c>
      <c r="C24754" s="7">
        <f t="shared" si="386"/>
        <v>412.08749999999992</v>
      </c>
      <c r="I24754" s="1"/>
    </row>
    <row r="24755" spans="1:9" x14ac:dyDescent="0.25">
      <c r="A24755" s="3">
        <v>41949.514872685184</v>
      </c>
      <c r="B24755" s="6">
        <v>412104.14999999997</v>
      </c>
      <c r="C24755" s="7">
        <f t="shared" si="386"/>
        <v>412.10414999999995</v>
      </c>
      <c r="I24755" s="1"/>
    </row>
    <row r="24756" spans="1:9" x14ac:dyDescent="0.25">
      <c r="A24756" s="3">
        <v>41949.514965277776</v>
      </c>
      <c r="B24756" s="6">
        <v>412120.8</v>
      </c>
      <c r="C24756" s="7">
        <f t="shared" si="386"/>
        <v>412.12079999999997</v>
      </c>
      <c r="I24756" s="1"/>
    </row>
    <row r="24757" spans="1:9" x14ac:dyDescent="0.25">
      <c r="A24757" s="3">
        <v>41949.515983796293</v>
      </c>
      <c r="B24757" s="6">
        <v>412137.44999999995</v>
      </c>
      <c r="C24757" s="7">
        <f t="shared" si="386"/>
        <v>412.13744999999994</v>
      </c>
      <c r="I24757" s="1"/>
    </row>
    <row r="24758" spans="1:9" x14ac:dyDescent="0.25">
      <c r="A24758" s="3">
        <v>41949.516192129631</v>
      </c>
      <c r="B24758" s="6">
        <v>412154.1</v>
      </c>
      <c r="C24758" s="7">
        <f t="shared" si="386"/>
        <v>412.15409999999997</v>
      </c>
      <c r="I24758" s="1"/>
    </row>
    <row r="24759" spans="1:9" x14ac:dyDescent="0.25">
      <c r="A24759" s="3">
        <v>41949.520844907405</v>
      </c>
      <c r="B24759" s="6">
        <v>412170.74999999994</v>
      </c>
      <c r="C24759" s="7">
        <f t="shared" si="386"/>
        <v>412.17074999999994</v>
      </c>
      <c r="I24759" s="1"/>
    </row>
    <row r="24760" spans="1:9" x14ac:dyDescent="0.25">
      <c r="A24760" s="3">
        <v>41949.520949074074</v>
      </c>
      <c r="B24760" s="6">
        <v>412187.39999999997</v>
      </c>
      <c r="C24760" s="7">
        <f t="shared" si="386"/>
        <v>412.18739999999997</v>
      </c>
      <c r="I24760" s="1"/>
    </row>
    <row r="24761" spans="1:9" x14ac:dyDescent="0.25">
      <c r="A24761" s="3">
        <v>41949.522881944446</v>
      </c>
      <c r="B24761" s="6">
        <v>412204.05</v>
      </c>
      <c r="C24761" s="7">
        <f t="shared" si="386"/>
        <v>412.20405</v>
      </c>
      <c r="I24761" s="1"/>
    </row>
    <row r="24762" spans="1:9" x14ac:dyDescent="0.25">
      <c r="A24762" s="3">
        <v>41949.523715277777</v>
      </c>
      <c r="B24762" s="6">
        <v>412220.69999999995</v>
      </c>
      <c r="C24762" s="7">
        <f t="shared" si="386"/>
        <v>412.22069999999997</v>
      </c>
      <c r="I24762" s="1"/>
    </row>
    <row r="24763" spans="1:9" x14ac:dyDescent="0.25">
      <c r="A24763" s="3">
        <v>41949.526944444442</v>
      </c>
      <c r="B24763" s="6">
        <v>412237.35</v>
      </c>
      <c r="C24763" s="7">
        <f t="shared" si="386"/>
        <v>412.23734999999999</v>
      </c>
      <c r="I24763" s="1"/>
    </row>
    <row r="24764" spans="1:9" x14ac:dyDescent="0.25">
      <c r="A24764" s="3">
        <v>41949.527071759258</v>
      </c>
      <c r="B24764" s="6">
        <v>412253.99999999994</v>
      </c>
      <c r="C24764" s="7">
        <f t="shared" si="386"/>
        <v>412.25399999999996</v>
      </c>
      <c r="I24764" s="1"/>
    </row>
    <row r="24765" spans="1:9" x14ac:dyDescent="0.25">
      <c r="A24765" s="3">
        <v>41949.529710648145</v>
      </c>
      <c r="B24765" s="6">
        <v>412270.64999999997</v>
      </c>
      <c r="C24765" s="7">
        <f t="shared" si="386"/>
        <v>412.27064999999999</v>
      </c>
      <c r="I24765" s="1"/>
    </row>
    <row r="24766" spans="1:9" x14ac:dyDescent="0.25">
      <c r="A24766" s="3">
        <v>41949.529953703706</v>
      </c>
      <c r="B24766" s="6">
        <v>412287.3</v>
      </c>
      <c r="C24766" s="7">
        <f t="shared" si="386"/>
        <v>412.28730000000002</v>
      </c>
      <c r="I24766" s="1"/>
    </row>
    <row r="24767" spans="1:9" x14ac:dyDescent="0.25">
      <c r="A24767" s="3">
        <v>41949.532465277778</v>
      </c>
      <c r="B24767" s="6">
        <v>412303.94999999995</v>
      </c>
      <c r="C24767" s="7">
        <f t="shared" si="386"/>
        <v>412.30394999999993</v>
      </c>
      <c r="I24767" s="1"/>
    </row>
    <row r="24768" spans="1:9" x14ac:dyDescent="0.25">
      <c r="A24768" s="3">
        <v>41949.532650462963</v>
      </c>
      <c r="B24768" s="6">
        <v>412320.6</v>
      </c>
      <c r="C24768" s="7">
        <f t="shared" si="386"/>
        <v>412.32059999999996</v>
      </c>
      <c r="I24768" s="1"/>
    </row>
    <row r="24769" spans="1:9" x14ac:dyDescent="0.25">
      <c r="A24769" s="3">
        <v>41949.536249999997</v>
      </c>
      <c r="B24769" s="6">
        <v>412337.24999999994</v>
      </c>
      <c r="C24769" s="7">
        <f t="shared" si="386"/>
        <v>412.33724999999993</v>
      </c>
      <c r="I24769" s="1"/>
    </row>
    <row r="24770" spans="1:9" x14ac:dyDescent="0.25">
      <c r="A24770" s="3">
        <v>41949.53638888889</v>
      </c>
      <c r="B24770" s="6">
        <v>412353.89999999997</v>
      </c>
      <c r="C24770" s="7">
        <f t="shared" si="386"/>
        <v>412.35389999999995</v>
      </c>
      <c r="I24770" s="1"/>
    </row>
    <row r="24771" spans="1:9" x14ac:dyDescent="0.25">
      <c r="A24771" s="3">
        <v>41949.540219907409</v>
      </c>
      <c r="B24771" s="6">
        <v>412370.55</v>
      </c>
      <c r="C24771" s="7">
        <f t="shared" ref="C24771:C24834" si="387">B24771/1000</f>
        <v>412.37054999999998</v>
      </c>
      <c r="I24771" s="1"/>
    </row>
    <row r="24772" spans="1:9" x14ac:dyDescent="0.25">
      <c r="A24772" s="3">
        <v>41949.540381944447</v>
      </c>
      <c r="B24772" s="6">
        <v>412387.19999999995</v>
      </c>
      <c r="C24772" s="7">
        <f t="shared" si="387"/>
        <v>412.38719999999995</v>
      </c>
      <c r="I24772" s="1"/>
    </row>
    <row r="24773" spans="1:9" x14ac:dyDescent="0.25">
      <c r="A24773" s="3">
        <v>41949.544270833336</v>
      </c>
      <c r="B24773" s="6">
        <v>412403.85</v>
      </c>
      <c r="C24773" s="7">
        <f t="shared" si="387"/>
        <v>412.40384999999998</v>
      </c>
      <c r="I24773" s="1"/>
    </row>
    <row r="24774" spans="1:9" x14ac:dyDescent="0.25">
      <c r="A24774" s="3">
        <v>41949.545358796298</v>
      </c>
      <c r="B24774" s="6">
        <v>412420.49999999994</v>
      </c>
      <c r="C24774" s="7">
        <f t="shared" si="387"/>
        <v>412.42049999999995</v>
      </c>
      <c r="I24774" s="1"/>
    </row>
    <row r="24775" spans="1:9" x14ac:dyDescent="0.25">
      <c r="A24775" s="3">
        <v>41949.548171296294</v>
      </c>
      <c r="B24775" s="6">
        <v>412437.14999999997</v>
      </c>
      <c r="C24775" s="7">
        <f t="shared" si="387"/>
        <v>412.43714999999997</v>
      </c>
      <c r="I24775" s="1"/>
    </row>
    <row r="24776" spans="1:9" x14ac:dyDescent="0.25">
      <c r="A24776" s="3">
        <v>41949.548275462963</v>
      </c>
      <c r="B24776" s="6">
        <v>412453.8</v>
      </c>
      <c r="C24776" s="7">
        <f t="shared" si="387"/>
        <v>412.4538</v>
      </c>
      <c r="I24776" s="1"/>
    </row>
    <row r="24777" spans="1:9" x14ac:dyDescent="0.25">
      <c r="A24777" s="3">
        <v>41949.550405092596</v>
      </c>
      <c r="B24777" s="6">
        <v>412470.44999999995</v>
      </c>
      <c r="C24777" s="7">
        <f t="shared" si="387"/>
        <v>412.47044999999997</v>
      </c>
      <c r="I24777" s="1"/>
    </row>
    <row r="24778" spans="1:9" x14ac:dyDescent="0.25">
      <c r="A24778" s="3">
        <v>41949.550532407404</v>
      </c>
      <c r="B24778" s="6">
        <v>412487.1</v>
      </c>
      <c r="C24778" s="7">
        <f t="shared" si="387"/>
        <v>412.4871</v>
      </c>
      <c r="I24778" s="1"/>
    </row>
    <row r="24779" spans="1:9" x14ac:dyDescent="0.25">
      <c r="A24779" s="3">
        <v>41949.555138888885</v>
      </c>
      <c r="B24779" s="6">
        <v>412503.74999999994</v>
      </c>
      <c r="C24779" s="7">
        <f t="shared" si="387"/>
        <v>412.50374999999997</v>
      </c>
      <c r="I24779" s="1"/>
    </row>
    <row r="24780" spans="1:9" x14ac:dyDescent="0.25">
      <c r="A24780" s="3">
        <v>41949.555451388886</v>
      </c>
      <c r="B24780" s="6">
        <v>412520.39999999997</v>
      </c>
      <c r="C24780" s="7">
        <f t="shared" si="387"/>
        <v>412.52039999999994</v>
      </c>
      <c r="I24780" s="1"/>
    </row>
    <row r="24781" spans="1:9" x14ac:dyDescent="0.25">
      <c r="A24781" s="3">
        <v>41949.565451388888</v>
      </c>
      <c r="B24781" s="6">
        <v>412537.05</v>
      </c>
      <c r="C24781" s="7">
        <f t="shared" si="387"/>
        <v>412.53704999999997</v>
      </c>
      <c r="I24781" s="1"/>
    </row>
    <row r="24782" spans="1:9" x14ac:dyDescent="0.25">
      <c r="A24782" s="3">
        <v>41949.565659722219</v>
      </c>
      <c r="B24782" s="6">
        <v>412553.69999999995</v>
      </c>
      <c r="C24782" s="7">
        <f t="shared" si="387"/>
        <v>412.55369999999994</v>
      </c>
      <c r="I24782" s="1"/>
    </row>
    <row r="24783" spans="1:9" x14ac:dyDescent="0.25">
      <c r="A24783" s="3">
        <v>41949.567858796298</v>
      </c>
      <c r="B24783" s="6">
        <v>412570.35</v>
      </c>
      <c r="C24783" s="7">
        <f t="shared" si="387"/>
        <v>412.57034999999996</v>
      </c>
      <c r="I24783" s="1"/>
    </row>
    <row r="24784" spans="1:9" x14ac:dyDescent="0.25">
      <c r="A24784" s="3">
        <v>41949.568067129629</v>
      </c>
      <c r="B24784" s="6">
        <v>412586.99999999994</v>
      </c>
      <c r="C24784" s="7">
        <f t="shared" si="387"/>
        <v>412.58699999999993</v>
      </c>
      <c r="I24784" s="1"/>
    </row>
    <row r="24785" spans="1:9" x14ac:dyDescent="0.25">
      <c r="A24785" s="3">
        <v>41949.57267361111</v>
      </c>
      <c r="B24785" s="6">
        <v>412603.64999999997</v>
      </c>
      <c r="C24785" s="7">
        <f t="shared" si="387"/>
        <v>412.60364999999996</v>
      </c>
      <c r="I24785" s="1"/>
    </row>
    <row r="24786" spans="1:9" x14ac:dyDescent="0.25">
      <c r="A24786" s="3">
        <v>41949.574826388889</v>
      </c>
      <c r="B24786" s="6">
        <v>412620.3</v>
      </c>
      <c r="C24786" s="7">
        <f t="shared" si="387"/>
        <v>412.62029999999999</v>
      </c>
      <c r="I24786" s="1"/>
    </row>
    <row r="24787" spans="1:9" x14ac:dyDescent="0.25">
      <c r="A24787" s="3">
        <v>41949.578009259261</v>
      </c>
      <c r="B24787" s="6">
        <v>412636.94999999995</v>
      </c>
      <c r="C24787" s="7">
        <f t="shared" si="387"/>
        <v>412.63694999999996</v>
      </c>
      <c r="I24787" s="1"/>
    </row>
    <row r="24788" spans="1:9" x14ac:dyDescent="0.25">
      <c r="A24788" s="3">
        <v>41949.578125</v>
      </c>
      <c r="B24788" s="6">
        <v>412653.6</v>
      </c>
      <c r="C24788" s="7">
        <f t="shared" si="387"/>
        <v>412.65359999999998</v>
      </c>
      <c r="I24788" s="1"/>
    </row>
    <row r="24789" spans="1:9" x14ac:dyDescent="0.25">
      <c r="A24789" s="3">
        <v>41949.582870370374</v>
      </c>
      <c r="B24789" s="6">
        <v>412670.24999999994</v>
      </c>
      <c r="C24789" s="7">
        <f t="shared" si="387"/>
        <v>412.67024999999995</v>
      </c>
      <c r="I24789" s="1"/>
    </row>
    <row r="24790" spans="1:9" x14ac:dyDescent="0.25">
      <c r="A24790" s="3">
        <v>41949.583032407405</v>
      </c>
      <c r="B24790" s="6">
        <v>412686.89999999997</v>
      </c>
      <c r="C24790" s="7">
        <f t="shared" si="387"/>
        <v>412.68689999999998</v>
      </c>
      <c r="I24790" s="1"/>
    </row>
    <row r="24791" spans="1:9" x14ac:dyDescent="0.25">
      <c r="A24791" s="3">
        <v>41949.584675925929</v>
      </c>
      <c r="B24791" s="6">
        <v>412703.55</v>
      </c>
      <c r="C24791" s="7">
        <f t="shared" si="387"/>
        <v>412.70355000000001</v>
      </c>
      <c r="I24791" s="1"/>
    </row>
    <row r="24792" spans="1:9" x14ac:dyDescent="0.25">
      <c r="A24792" s="3">
        <v>41949.584756944445</v>
      </c>
      <c r="B24792" s="6">
        <v>412720.19999999995</v>
      </c>
      <c r="C24792" s="7">
        <f t="shared" si="387"/>
        <v>412.72019999999998</v>
      </c>
      <c r="I24792" s="1"/>
    </row>
    <row r="24793" spans="1:9" x14ac:dyDescent="0.25">
      <c r="A24793" s="3">
        <v>41949.586655092593</v>
      </c>
      <c r="B24793" s="6">
        <v>412736.85</v>
      </c>
      <c r="C24793" s="7">
        <f t="shared" si="387"/>
        <v>412.73685</v>
      </c>
      <c r="I24793" s="1"/>
    </row>
    <row r="24794" spans="1:9" x14ac:dyDescent="0.25">
      <c r="A24794" s="3">
        <v>41949.586759259262</v>
      </c>
      <c r="B24794" s="6">
        <v>412753.49999999994</v>
      </c>
      <c r="C24794" s="7">
        <f t="shared" si="387"/>
        <v>412.75349999999992</v>
      </c>
      <c r="I24794" s="1"/>
    </row>
    <row r="24795" spans="1:9" x14ac:dyDescent="0.25">
      <c r="A24795" s="3">
        <v>41949.587592592594</v>
      </c>
      <c r="B24795" s="6">
        <v>412770.14999999997</v>
      </c>
      <c r="C24795" s="7">
        <f t="shared" si="387"/>
        <v>412.77014999999994</v>
      </c>
      <c r="I24795" s="1"/>
    </row>
    <row r="24796" spans="1:9" x14ac:dyDescent="0.25">
      <c r="A24796" s="3">
        <v>41949.588634259257</v>
      </c>
      <c r="B24796" s="6">
        <v>412786.8</v>
      </c>
      <c r="C24796" s="7">
        <f t="shared" si="387"/>
        <v>412.78679999999997</v>
      </c>
      <c r="I24796" s="1"/>
    </row>
    <row r="24797" spans="1:9" x14ac:dyDescent="0.25">
      <c r="A24797" s="3">
        <v>41949.59175925926</v>
      </c>
      <c r="B24797" s="6">
        <v>412803.44999999995</v>
      </c>
      <c r="C24797" s="7">
        <f t="shared" si="387"/>
        <v>412.80344999999994</v>
      </c>
      <c r="I24797" s="1"/>
    </row>
    <row r="24798" spans="1:9" x14ac:dyDescent="0.25">
      <c r="A24798" s="3">
        <v>41949.59202546296</v>
      </c>
      <c r="B24798" s="6">
        <v>412820.1</v>
      </c>
      <c r="C24798" s="7">
        <f t="shared" si="387"/>
        <v>412.82009999999997</v>
      </c>
      <c r="I24798" s="1"/>
    </row>
    <row r="24799" spans="1:9" x14ac:dyDescent="0.25">
      <c r="A24799" s="3">
        <v>41949.593958333331</v>
      </c>
      <c r="B24799" s="6">
        <v>412836.74999999994</v>
      </c>
      <c r="C24799" s="7">
        <f t="shared" si="387"/>
        <v>412.83674999999994</v>
      </c>
      <c r="I24799" s="1"/>
    </row>
    <row r="24800" spans="1:9" x14ac:dyDescent="0.25">
      <c r="A24800" s="3">
        <v>41949.594074074077</v>
      </c>
      <c r="B24800" s="6">
        <v>412853.39999999997</v>
      </c>
      <c r="C24800" s="7">
        <f t="shared" si="387"/>
        <v>412.85339999999997</v>
      </c>
      <c r="I24800" s="1"/>
    </row>
    <row r="24801" spans="1:9" x14ac:dyDescent="0.25">
      <c r="A24801" s="3">
        <v>41949.59584490741</v>
      </c>
      <c r="B24801" s="6">
        <v>412870.05</v>
      </c>
      <c r="C24801" s="7">
        <f t="shared" si="387"/>
        <v>412.87004999999999</v>
      </c>
      <c r="I24801" s="1"/>
    </row>
    <row r="24802" spans="1:9" x14ac:dyDescent="0.25">
      <c r="A24802" s="3">
        <v>41949.595960648148</v>
      </c>
      <c r="B24802" s="6">
        <v>412886.69999999995</v>
      </c>
      <c r="C24802" s="7">
        <f t="shared" si="387"/>
        <v>412.88669999999996</v>
      </c>
      <c r="I24802" s="1"/>
    </row>
    <row r="24803" spans="1:9" x14ac:dyDescent="0.25">
      <c r="A24803" s="3">
        <v>41949.598611111112</v>
      </c>
      <c r="B24803" s="6">
        <v>412903.35</v>
      </c>
      <c r="C24803" s="7">
        <f t="shared" si="387"/>
        <v>412.90334999999999</v>
      </c>
      <c r="I24803" s="1"/>
    </row>
    <row r="24804" spans="1:9" x14ac:dyDescent="0.25">
      <c r="A24804" s="3">
        <v>41949.599085648151</v>
      </c>
      <c r="B24804" s="6">
        <v>412919.99999999994</v>
      </c>
      <c r="C24804" s="7">
        <f t="shared" si="387"/>
        <v>412.91999999999996</v>
      </c>
      <c r="I24804" s="1"/>
    </row>
    <row r="24805" spans="1:9" x14ac:dyDescent="0.25">
      <c r="A24805" s="3">
        <v>41949.60015046296</v>
      </c>
      <c r="B24805" s="6">
        <v>412936.64999999997</v>
      </c>
      <c r="C24805" s="7">
        <f t="shared" si="387"/>
        <v>412.93664999999999</v>
      </c>
      <c r="I24805" s="1"/>
    </row>
    <row r="24806" spans="1:9" x14ac:dyDescent="0.25">
      <c r="A24806" s="3">
        <v>41949.600300925929</v>
      </c>
      <c r="B24806" s="6">
        <v>412953.3</v>
      </c>
      <c r="C24806" s="7">
        <f t="shared" si="387"/>
        <v>412.95330000000001</v>
      </c>
      <c r="I24806" s="1"/>
    </row>
    <row r="24807" spans="1:9" x14ac:dyDescent="0.25">
      <c r="A24807" s="3">
        <v>41949.602743055555</v>
      </c>
      <c r="B24807" s="6">
        <v>412969.94999999995</v>
      </c>
      <c r="C24807" s="7">
        <f t="shared" si="387"/>
        <v>412.96994999999993</v>
      </c>
      <c r="I24807" s="1"/>
    </row>
    <row r="24808" spans="1:9" x14ac:dyDescent="0.25">
      <c r="A24808" s="3">
        <v>41949.602881944447</v>
      </c>
      <c r="B24808" s="6">
        <v>412986.6</v>
      </c>
      <c r="C24808" s="7">
        <f t="shared" si="387"/>
        <v>412.98659999999995</v>
      </c>
      <c r="I24808" s="1"/>
    </row>
    <row r="24809" spans="1:9" x14ac:dyDescent="0.25">
      <c r="A24809" s="3">
        <v>41949.604953703703</v>
      </c>
      <c r="B24809" s="6">
        <v>413003.24999999994</v>
      </c>
      <c r="C24809" s="7">
        <f t="shared" si="387"/>
        <v>413.00324999999992</v>
      </c>
      <c r="I24809" s="1"/>
    </row>
    <row r="24810" spans="1:9" x14ac:dyDescent="0.25">
      <c r="A24810" s="3">
        <v>41949.605069444442</v>
      </c>
      <c r="B24810" s="6">
        <v>413019.89999999997</v>
      </c>
      <c r="C24810" s="7">
        <f t="shared" si="387"/>
        <v>413.01989999999995</v>
      </c>
      <c r="I24810" s="1"/>
    </row>
    <row r="24811" spans="1:9" x14ac:dyDescent="0.25">
      <c r="A24811" s="3">
        <v>41949.607997685183</v>
      </c>
      <c r="B24811" s="6">
        <v>413036.55</v>
      </c>
      <c r="C24811" s="7">
        <f t="shared" si="387"/>
        <v>413.03654999999998</v>
      </c>
      <c r="I24811" s="1"/>
    </row>
    <row r="24812" spans="1:9" x14ac:dyDescent="0.25">
      <c r="A24812" s="3">
        <v>41949.60837962963</v>
      </c>
      <c r="B24812" s="6">
        <v>413053.19999999995</v>
      </c>
      <c r="C24812" s="7">
        <f t="shared" si="387"/>
        <v>413.05319999999995</v>
      </c>
      <c r="I24812" s="1"/>
    </row>
    <row r="24813" spans="1:9" x14ac:dyDescent="0.25">
      <c r="A24813" s="3">
        <v>41949.611967592595</v>
      </c>
      <c r="B24813" s="6">
        <v>413069.85</v>
      </c>
      <c r="C24813" s="7">
        <f t="shared" si="387"/>
        <v>413.06984999999997</v>
      </c>
      <c r="I24813" s="1"/>
    </row>
    <row r="24814" spans="1:9" x14ac:dyDescent="0.25">
      <c r="A24814" s="3">
        <v>41949.612233796295</v>
      </c>
      <c r="B24814" s="6">
        <v>413086.49999999994</v>
      </c>
      <c r="C24814" s="7">
        <f t="shared" si="387"/>
        <v>413.08649999999994</v>
      </c>
      <c r="I24814" s="1"/>
    </row>
    <row r="24815" spans="1:9" x14ac:dyDescent="0.25">
      <c r="A24815" s="3">
        <v>41949.613692129627</v>
      </c>
      <c r="B24815" s="6">
        <v>413103.14999999997</v>
      </c>
      <c r="C24815" s="7">
        <f t="shared" si="387"/>
        <v>413.10314999999997</v>
      </c>
      <c r="I24815" s="1"/>
    </row>
    <row r="24816" spans="1:9" x14ac:dyDescent="0.25">
      <c r="A24816" s="3">
        <v>41949.613912037035</v>
      </c>
      <c r="B24816" s="6">
        <v>413119.8</v>
      </c>
      <c r="C24816" s="7">
        <f t="shared" si="387"/>
        <v>413.1198</v>
      </c>
      <c r="I24816" s="1"/>
    </row>
    <row r="24817" spans="1:9" x14ac:dyDescent="0.25">
      <c r="A24817" s="3">
        <v>41949.6172337963</v>
      </c>
      <c r="B24817" s="6">
        <v>413136.44999999995</v>
      </c>
      <c r="C24817" s="7">
        <f t="shared" si="387"/>
        <v>413.13644999999997</v>
      </c>
      <c r="I24817" s="1"/>
    </row>
    <row r="24818" spans="1:9" x14ac:dyDescent="0.25">
      <c r="A24818" s="3">
        <v>41949.617800925924</v>
      </c>
      <c r="B24818" s="6">
        <v>413153.1</v>
      </c>
      <c r="C24818" s="7">
        <f t="shared" si="387"/>
        <v>413.15309999999999</v>
      </c>
      <c r="I24818" s="1"/>
    </row>
    <row r="24819" spans="1:9" x14ac:dyDescent="0.25">
      <c r="A24819" s="3">
        <v>41949.622604166667</v>
      </c>
      <c r="B24819" s="6">
        <v>413169.74999999994</v>
      </c>
      <c r="C24819" s="7">
        <f t="shared" si="387"/>
        <v>413.16974999999996</v>
      </c>
      <c r="I24819" s="1"/>
    </row>
    <row r="24820" spans="1:9" x14ac:dyDescent="0.25">
      <c r="A24820" s="3">
        <v>41949.623020833336</v>
      </c>
      <c r="B24820" s="6">
        <v>413186.39999999997</v>
      </c>
      <c r="C24820" s="7">
        <f t="shared" si="387"/>
        <v>413.18639999999999</v>
      </c>
      <c r="I24820" s="1"/>
    </row>
    <row r="24821" spans="1:9" x14ac:dyDescent="0.25">
      <c r="A24821" s="3">
        <v>41949.626655092594</v>
      </c>
      <c r="B24821" s="6">
        <v>413203.05</v>
      </c>
      <c r="C24821" s="7">
        <f t="shared" si="387"/>
        <v>413.20304999999996</v>
      </c>
      <c r="I24821" s="1"/>
    </row>
    <row r="24822" spans="1:9" x14ac:dyDescent="0.25">
      <c r="A24822" s="3">
        <v>41949.626863425925</v>
      </c>
      <c r="B24822" s="6">
        <v>413219.69999999995</v>
      </c>
      <c r="C24822" s="7">
        <f t="shared" si="387"/>
        <v>413.21969999999993</v>
      </c>
      <c r="I24822" s="1"/>
    </row>
    <row r="24823" spans="1:9" x14ac:dyDescent="0.25">
      <c r="A24823" s="3">
        <v>41949.634918981479</v>
      </c>
      <c r="B24823" s="6">
        <v>413236.35</v>
      </c>
      <c r="C24823" s="7">
        <f t="shared" si="387"/>
        <v>413.23634999999996</v>
      </c>
      <c r="I24823" s="1"/>
    </row>
    <row r="24824" spans="1:9" x14ac:dyDescent="0.25">
      <c r="A24824" s="3">
        <v>41949.635439814818</v>
      </c>
      <c r="B24824" s="6">
        <v>413252.99999999994</v>
      </c>
      <c r="C24824" s="7">
        <f t="shared" si="387"/>
        <v>413.25299999999993</v>
      </c>
      <c r="I24824" s="1"/>
    </row>
    <row r="24825" spans="1:9" x14ac:dyDescent="0.25">
      <c r="A24825" s="3">
        <v>41949.639120370368</v>
      </c>
      <c r="B24825" s="6">
        <v>413269.64999999997</v>
      </c>
      <c r="C24825" s="7">
        <f t="shared" si="387"/>
        <v>413.26964999999996</v>
      </c>
      <c r="I24825" s="1"/>
    </row>
    <row r="24826" spans="1:9" x14ac:dyDescent="0.25">
      <c r="A24826" s="3">
        <v>41949.639247685183</v>
      </c>
      <c r="B24826" s="6">
        <v>413286.3</v>
      </c>
      <c r="C24826" s="7">
        <f t="shared" si="387"/>
        <v>413.28629999999998</v>
      </c>
      <c r="I24826" s="1"/>
    </row>
    <row r="24827" spans="1:9" x14ac:dyDescent="0.25">
      <c r="A24827" s="3">
        <v>41949.642800925925</v>
      </c>
      <c r="B24827" s="6">
        <v>413302.94999999995</v>
      </c>
      <c r="C24827" s="7">
        <f t="shared" si="387"/>
        <v>413.30294999999995</v>
      </c>
      <c r="I24827" s="1"/>
    </row>
    <row r="24828" spans="1:9" x14ac:dyDescent="0.25">
      <c r="A24828" s="3">
        <v>41949.643125000002</v>
      </c>
      <c r="B24828" s="6">
        <v>413319.6</v>
      </c>
      <c r="C24828" s="7">
        <f t="shared" si="387"/>
        <v>413.31959999999998</v>
      </c>
      <c r="I24828" s="1"/>
    </row>
    <row r="24829" spans="1:9" x14ac:dyDescent="0.25">
      <c r="A24829" s="3">
        <v>41949.647546296299</v>
      </c>
      <c r="B24829" s="6">
        <v>413336.24999999994</v>
      </c>
      <c r="C24829" s="7">
        <f t="shared" si="387"/>
        <v>413.33624999999995</v>
      </c>
      <c r="I24829" s="1"/>
    </row>
    <row r="24830" spans="1:9" x14ac:dyDescent="0.25">
      <c r="A24830" s="3">
        <v>41949.647777777776</v>
      </c>
      <c r="B24830" s="6">
        <v>413352.89999999997</v>
      </c>
      <c r="C24830" s="7">
        <f t="shared" si="387"/>
        <v>413.35289999999998</v>
      </c>
      <c r="I24830" s="1"/>
    </row>
    <row r="24831" spans="1:9" x14ac:dyDescent="0.25">
      <c r="A24831" s="3">
        <v>41949.651099537034</v>
      </c>
      <c r="B24831" s="6">
        <v>413369.55</v>
      </c>
      <c r="C24831" s="7">
        <f t="shared" si="387"/>
        <v>413.36955</v>
      </c>
      <c r="I24831" s="1"/>
    </row>
    <row r="24832" spans="1:9" x14ac:dyDescent="0.25">
      <c r="A24832" s="3">
        <v>41949.651666666665</v>
      </c>
      <c r="B24832" s="6">
        <v>413386.19999999995</v>
      </c>
      <c r="C24832" s="7">
        <f t="shared" si="387"/>
        <v>413.38619999999997</v>
      </c>
      <c r="I24832" s="1"/>
    </row>
    <row r="24833" spans="1:9" x14ac:dyDescent="0.25">
      <c r="A24833" s="3">
        <v>41949.657731481479</v>
      </c>
      <c r="B24833" s="6">
        <v>413402.85</v>
      </c>
      <c r="C24833" s="7">
        <f t="shared" si="387"/>
        <v>413.40285</v>
      </c>
      <c r="I24833" s="1"/>
    </row>
    <row r="24834" spans="1:9" x14ac:dyDescent="0.25">
      <c r="A24834" s="3">
        <v>41949.65792824074</v>
      </c>
      <c r="B24834" s="6">
        <v>413419.49999999994</v>
      </c>
      <c r="C24834" s="7">
        <f t="shared" si="387"/>
        <v>413.41949999999991</v>
      </c>
      <c r="I24834" s="1"/>
    </row>
    <row r="24835" spans="1:9" x14ac:dyDescent="0.25">
      <c r="A24835" s="3">
        <v>41949.659189814818</v>
      </c>
      <c r="B24835" s="6">
        <v>413436.14999999997</v>
      </c>
      <c r="C24835" s="7">
        <f t="shared" ref="C24835:C24898" si="388">B24835/1000</f>
        <v>413.43614999999994</v>
      </c>
      <c r="I24835" s="1"/>
    </row>
    <row r="24836" spans="1:9" x14ac:dyDescent="0.25">
      <c r="A24836" s="3">
        <v>41949.659687500003</v>
      </c>
      <c r="B24836" s="6">
        <v>413452.79999999999</v>
      </c>
      <c r="C24836" s="7">
        <f t="shared" si="388"/>
        <v>413.45279999999997</v>
      </c>
      <c r="I24836" s="1"/>
    </row>
    <row r="24837" spans="1:9" x14ac:dyDescent="0.25">
      <c r="A24837" s="3">
        <v>41949.665324074071</v>
      </c>
      <c r="B24837" s="6">
        <v>413469.44999999995</v>
      </c>
      <c r="C24837" s="7">
        <f t="shared" si="388"/>
        <v>413.46944999999994</v>
      </c>
      <c r="I24837" s="1"/>
    </row>
    <row r="24838" spans="1:9" x14ac:dyDescent="0.25">
      <c r="A24838" s="3">
        <v>41949.665590277778</v>
      </c>
      <c r="B24838" s="6">
        <v>413486.1</v>
      </c>
      <c r="C24838" s="7">
        <f t="shared" si="388"/>
        <v>413.48609999999996</v>
      </c>
      <c r="I24838" s="1"/>
    </row>
    <row r="24839" spans="1:9" x14ac:dyDescent="0.25">
      <c r="A24839" s="3">
        <v>41949.668240740742</v>
      </c>
      <c r="B24839" s="6">
        <v>413502.74999999994</v>
      </c>
      <c r="C24839" s="7">
        <f t="shared" si="388"/>
        <v>413.50274999999993</v>
      </c>
      <c r="I24839" s="1"/>
    </row>
    <row r="24840" spans="1:9" x14ac:dyDescent="0.25">
      <c r="A24840" s="3">
        <v>41949.66847222222</v>
      </c>
      <c r="B24840" s="6">
        <v>413519.39999999997</v>
      </c>
      <c r="C24840" s="7">
        <f t="shared" si="388"/>
        <v>413.51939999999996</v>
      </c>
      <c r="I24840" s="1"/>
    </row>
    <row r="24841" spans="1:9" x14ac:dyDescent="0.25">
      <c r="A24841" s="3">
        <v>41949.671388888892</v>
      </c>
      <c r="B24841" s="6">
        <v>413536.05</v>
      </c>
      <c r="C24841" s="7">
        <f t="shared" si="388"/>
        <v>413.53604999999999</v>
      </c>
      <c r="I24841" s="1"/>
    </row>
    <row r="24842" spans="1:9" x14ac:dyDescent="0.25">
      <c r="A24842" s="3">
        <v>41949.671527777777</v>
      </c>
      <c r="B24842" s="6">
        <v>413552.69999999995</v>
      </c>
      <c r="C24842" s="7">
        <f t="shared" si="388"/>
        <v>413.55269999999996</v>
      </c>
      <c r="I24842" s="1"/>
    </row>
    <row r="24843" spans="1:9" x14ac:dyDescent="0.25">
      <c r="A24843" s="3">
        <v>41949.673402777778</v>
      </c>
      <c r="B24843" s="6">
        <v>413569.35</v>
      </c>
      <c r="C24843" s="7">
        <f t="shared" si="388"/>
        <v>413.56934999999999</v>
      </c>
      <c r="I24843" s="1"/>
    </row>
    <row r="24844" spans="1:9" x14ac:dyDescent="0.25">
      <c r="A24844" s="3">
        <v>41949.673715277779</v>
      </c>
      <c r="B24844" s="6">
        <v>413585.99999999994</v>
      </c>
      <c r="C24844" s="7">
        <f t="shared" si="388"/>
        <v>413.58599999999996</v>
      </c>
      <c r="I24844" s="1"/>
    </row>
    <row r="24845" spans="1:9" x14ac:dyDescent="0.25">
      <c r="A24845" s="3">
        <v>41949.679965277777</v>
      </c>
      <c r="B24845" s="6">
        <v>413602.64999999997</v>
      </c>
      <c r="C24845" s="7">
        <f t="shared" si="388"/>
        <v>413.60264999999998</v>
      </c>
      <c r="I24845" s="1"/>
    </row>
    <row r="24846" spans="1:9" x14ac:dyDescent="0.25">
      <c r="A24846" s="3">
        <v>41949.681018518517</v>
      </c>
      <c r="B24846" s="6">
        <v>413619.3</v>
      </c>
      <c r="C24846" s="7">
        <f t="shared" si="388"/>
        <v>413.61930000000001</v>
      </c>
      <c r="I24846" s="1"/>
    </row>
    <row r="24847" spans="1:9" x14ac:dyDescent="0.25">
      <c r="A24847" s="3">
        <v>41949.684687499997</v>
      </c>
      <c r="B24847" s="6">
        <v>413635.94999999995</v>
      </c>
      <c r="C24847" s="7">
        <f t="shared" si="388"/>
        <v>413.63594999999998</v>
      </c>
      <c r="I24847" s="1"/>
    </row>
    <row r="24848" spans="1:9" x14ac:dyDescent="0.25">
      <c r="A24848" s="3">
        <v>41949.68476851852</v>
      </c>
      <c r="B24848" s="6">
        <v>413652.6</v>
      </c>
      <c r="C24848" s="7">
        <f t="shared" si="388"/>
        <v>413.65259999999995</v>
      </c>
      <c r="I24848" s="1"/>
    </row>
    <row r="24849" spans="1:9" x14ac:dyDescent="0.25">
      <c r="A24849" s="3">
        <v>41949.690821759257</v>
      </c>
      <c r="B24849" s="6">
        <v>413669.24999999994</v>
      </c>
      <c r="C24849" s="7">
        <f t="shared" si="388"/>
        <v>413.66924999999992</v>
      </c>
      <c r="I24849" s="1"/>
    </row>
    <row r="24850" spans="1:9" x14ac:dyDescent="0.25">
      <c r="A24850" s="3">
        <v>41949.690925925926</v>
      </c>
      <c r="B24850" s="6">
        <v>413685.89999999997</v>
      </c>
      <c r="C24850" s="7">
        <f t="shared" si="388"/>
        <v>413.68589999999995</v>
      </c>
      <c r="I24850" s="1"/>
    </row>
    <row r="24851" spans="1:9" x14ac:dyDescent="0.25">
      <c r="A24851" s="3">
        <v>41949.697604166664</v>
      </c>
      <c r="B24851" s="6">
        <v>413702.55</v>
      </c>
      <c r="C24851" s="7">
        <f t="shared" si="388"/>
        <v>413.70254999999997</v>
      </c>
      <c r="I24851" s="1"/>
    </row>
    <row r="24852" spans="1:9" x14ac:dyDescent="0.25">
      <c r="A24852" s="3">
        <v>41949.698321759257</v>
      </c>
      <c r="B24852" s="6">
        <v>413719.19999999995</v>
      </c>
      <c r="C24852" s="7">
        <f t="shared" si="388"/>
        <v>413.71919999999994</v>
      </c>
      <c r="I24852" s="1"/>
    </row>
    <row r="24853" spans="1:9" x14ac:dyDescent="0.25">
      <c r="A24853" s="3">
        <v>41949.70039351852</v>
      </c>
      <c r="B24853" s="6">
        <v>413735.85</v>
      </c>
      <c r="C24853" s="7">
        <f t="shared" si="388"/>
        <v>413.73584999999997</v>
      </c>
      <c r="I24853" s="1"/>
    </row>
    <row r="24854" spans="1:9" x14ac:dyDescent="0.25">
      <c r="A24854" s="3">
        <v>41949.700532407405</v>
      </c>
      <c r="B24854" s="6">
        <v>413752.49999999994</v>
      </c>
      <c r="C24854" s="7">
        <f t="shared" si="388"/>
        <v>413.75249999999994</v>
      </c>
      <c r="I24854" s="1"/>
    </row>
    <row r="24855" spans="1:9" x14ac:dyDescent="0.25">
      <c r="A24855" s="3">
        <v>41949.703414351854</v>
      </c>
      <c r="B24855" s="6">
        <v>413769.14999999997</v>
      </c>
      <c r="C24855" s="7">
        <f t="shared" si="388"/>
        <v>413.76914999999997</v>
      </c>
      <c r="I24855" s="1"/>
    </row>
    <row r="24856" spans="1:9" x14ac:dyDescent="0.25">
      <c r="A24856" s="3">
        <v>41949.703634259262</v>
      </c>
      <c r="B24856" s="6">
        <v>413785.8</v>
      </c>
      <c r="C24856" s="7">
        <f t="shared" si="388"/>
        <v>413.78579999999999</v>
      </c>
      <c r="I24856" s="1"/>
    </row>
    <row r="24857" spans="1:9" x14ac:dyDescent="0.25">
      <c r="A24857" s="3">
        <v>41949.710555555554</v>
      </c>
      <c r="B24857" s="6">
        <v>413802.44999999995</v>
      </c>
      <c r="C24857" s="7">
        <f t="shared" si="388"/>
        <v>413.80244999999996</v>
      </c>
      <c r="I24857" s="1"/>
    </row>
    <row r="24858" spans="1:9" x14ac:dyDescent="0.25">
      <c r="A24858" s="3">
        <v>41949.710717592592</v>
      </c>
      <c r="B24858" s="6">
        <v>413819.1</v>
      </c>
      <c r="C24858" s="7">
        <f t="shared" si="388"/>
        <v>413.81909999999999</v>
      </c>
      <c r="I24858" s="1"/>
    </row>
    <row r="24859" spans="1:9" x14ac:dyDescent="0.25">
      <c r="A24859" s="3">
        <v>41949.714583333334</v>
      </c>
      <c r="B24859" s="6">
        <v>413835.74999999994</v>
      </c>
      <c r="C24859" s="7">
        <f t="shared" si="388"/>
        <v>413.83574999999996</v>
      </c>
      <c r="I24859" s="1"/>
    </row>
    <row r="24860" spans="1:9" x14ac:dyDescent="0.25">
      <c r="A24860" s="3">
        <v>41949.71465277778</v>
      </c>
      <c r="B24860" s="6">
        <v>413852.39999999997</v>
      </c>
      <c r="C24860" s="7">
        <f t="shared" si="388"/>
        <v>413.85239999999999</v>
      </c>
      <c r="I24860" s="1"/>
    </row>
    <row r="24861" spans="1:9" x14ac:dyDescent="0.25">
      <c r="A24861" s="3">
        <v>41949.716805555552</v>
      </c>
      <c r="B24861" s="6">
        <v>413869.05</v>
      </c>
      <c r="C24861" s="7">
        <f t="shared" si="388"/>
        <v>413.86905000000002</v>
      </c>
      <c r="I24861" s="1"/>
    </row>
    <row r="24862" spans="1:9" x14ac:dyDescent="0.25">
      <c r="A24862" s="3">
        <v>41949.716921296298</v>
      </c>
      <c r="B24862" s="6">
        <v>413885.69999999995</v>
      </c>
      <c r="C24862" s="7">
        <f t="shared" si="388"/>
        <v>413.88569999999993</v>
      </c>
      <c r="I24862" s="1"/>
    </row>
    <row r="24863" spans="1:9" x14ac:dyDescent="0.25">
      <c r="A24863" s="3">
        <v>41949.72016203704</v>
      </c>
      <c r="B24863" s="6">
        <v>413902.35</v>
      </c>
      <c r="C24863" s="7">
        <f t="shared" si="388"/>
        <v>413.90234999999996</v>
      </c>
      <c r="I24863" s="1"/>
    </row>
    <row r="24864" spans="1:9" x14ac:dyDescent="0.25">
      <c r="A24864" s="3">
        <v>41949.720324074071</v>
      </c>
      <c r="B24864" s="6">
        <v>413918.99999999994</v>
      </c>
      <c r="C24864" s="7">
        <f t="shared" si="388"/>
        <v>413.91899999999993</v>
      </c>
      <c r="I24864" s="1"/>
    </row>
    <row r="24865" spans="1:9" x14ac:dyDescent="0.25">
      <c r="A24865" s="3">
        <v>41949.726921296293</v>
      </c>
      <c r="B24865" s="6">
        <v>413935.64999999997</v>
      </c>
      <c r="C24865" s="7">
        <f t="shared" si="388"/>
        <v>413.93564999999995</v>
      </c>
      <c r="I24865" s="1"/>
    </row>
    <row r="24866" spans="1:9" x14ac:dyDescent="0.25">
      <c r="A24866" s="3">
        <v>41949.727638888886</v>
      </c>
      <c r="B24866" s="6">
        <v>413952.3</v>
      </c>
      <c r="C24866" s="7">
        <f t="shared" si="388"/>
        <v>413.95229999999998</v>
      </c>
      <c r="I24866" s="1"/>
    </row>
    <row r="24867" spans="1:9" x14ac:dyDescent="0.25">
      <c r="A24867" s="3">
        <v>41949.733680555553</v>
      </c>
      <c r="B24867" s="6">
        <v>413968.94999999995</v>
      </c>
      <c r="C24867" s="7">
        <f t="shared" si="388"/>
        <v>413.96894999999995</v>
      </c>
      <c r="I24867" s="1"/>
    </row>
    <row r="24868" spans="1:9" x14ac:dyDescent="0.25">
      <c r="A24868" s="3">
        <v>41949.735277777778</v>
      </c>
      <c r="B24868" s="6">
        <v>413985.6</v>
      </c>
      <c r="C24868" s="7">
        <f t="shared" si="388"/>
        <v>413.98559999999998</v>
      </c>
      <c r="I24868" s="1"/>
    </row>
    <row r="24869" spans="1:9" x14ac:dyDescent="0.25">
      <c r="A24869" s="3">
        <v>41949.746018518519</v>
      </c>
      <c r="B24869" s="6">
        <v>414002.24999999994</v>
      </c>
      <c r="C24869" s="7">
        <f t="shared" si="388"/>
        <v>414.00224999999995</v>
      </c>
      <c r="I24869" s="1"/>
    </row>
    <row r="24870" spans="1:9" x14ac:dyDescent="0.25">
      <c r="A24870" s="3">
        <v>41949.747858796298</v>
      </c>
      <c r="B24870" s="6">
        <v>414018.89999999997</v>
      </c>
      <c r="C24870" s="7">
        <f t="shared" si="388"/>
        <v>414.01889999999997</v>
      </c>
      <c r="I24870" s="1"/>
    </row>
    <row r="24871" spans="1:9" x14ac:dyDescent="0.25">
      <c r="A24871" s="3">
        <v>41949.753275462965</v>
      </c>
      <c r="B24871" s="6">
        <v>414035.55</v>
      </c>
      <c r="C24871" s="7">
        <f t="shared" si="388"/>
        <v>414.03555</v>
      </c>
      <c r="I24871" s="1"/>
    </row>
    <row r="24872" spans="1:9" x14ac:dyDescent="0.25">
      <c r="A24872" s="3">
        <v>41949.753831018519</v>
      </c>
      <c r="B24872" s="6">
        <v>414052.19999999995</v>
      </c>
      <c r="C24872" s="7">
        <f t="shared" si="388"/>
        <v>414.05219999999997</v>
      </c>
      <c r="I24872" s="1"/>
    </row>
    <row r="24873" spans="1:9" x14ac:dyDescent="0.25">
      <c r="A24873" s="3">
        <v>41949.760578703703</v>
      </c>
      <c r="B24873" s="6">
        <v>414068.85</v>
      </c>
      <c r="C24873" s="7">
        <f t="shared" si="388"/>
        <v>414.06885</v>
      </c>
      <c r="I24873" s="1"/>
    </row>
    <row r="24874" spans="1:9" x14ac:dyDescent="0.25">
      <c r="A24874" s="3">
        <v>41949.760787037034</v>
      </c>
      <c r="B24874" s="6">
        <v>414085.49999999994</v>
      </c>
      <c r="C24874" s="7">
        <f t="shared" si="388"/>
        <v>414.08549999999997</v>
      </c>
      <c r="I24874" s="1"/>
    </row>
    <row r="24875" spans="1:9" x14ac:dyDescent="0.25">
      <c r="A24875" s="3">
        <v>41949.775902777779</v>
      </c>
      <c r="B24875" s="6">
        <v>414102.14999999997</v>
      </c>
      <c r="C24875" s="7">
        <f t="shared" si="388"/>
        <v>414.10214999999994</v>
      </c>
      <c r="I24875" s="1"/>
    </row>
    <row r="24876" spans="1:9" x14ac:dyDescent="0.25">
      <c r="A24876" s="3">
        <v>41949.776134259257</v>
      </c>
      <c r="B24876" s="6">
        <v>414118.8</v>
      </c>
      <c r="C24876" s="7">
        <f t="shared" si="388"/>
        <v>414.11879999999996</v>
      </c>
      <c r="I24876" s="1"/>
    </row>
    <row r="24877" spans="1:9" x14ac:dyDescent="0.25">
      <c r="A24877" s="3">
        <v>41949.787418981483</v>
      </c>
      <c r="B24877" s="6">
        <v>414135.44999999995</v>
      </c>
      <c r="C24877" s="7">
        <f t="shared" si="388"/>
        <v>414.13544999999993</v>
      </c>
      <c r="I24877" s="1"/>
    </row>
    <row r="24878" spans="1:9" x14ac:dyDescent="0.25">
      <c r="A24878" s="3">
        <v>41949.787893518522</v>
      </c>
      <c r="B24878" s="6">
        <v>414152.1</v>
      </c>
      <c r="C24878" s="7">
        <f t="shared" si="388"/>
        <v>414.15209999999996</v>
      </c>
      <c r="I24878" s="1"/>
    </row>
    <row r="24879" spans="1:9" x14ac:dyDescent="0.25">
      <c r="A24879" s="3">
        <v>41979.345810185187</v>
      </c>
      <c r="B24879" s="6">
        <v>414168.74999999994</v>
      </c>
      <c r="C24879" s="7">
        <f t="shared" si="388"/>
        <v>414.16874999999993</v>
      </c>
      <c r="I24879" s="1"/>
    </row>
    <row r="24880" spans="1:9" x14ac:dyDescent="0.25">
      <c r="A24880" s="3">
        <v>41979.346412037034</v>
      </c>
      <c r="B24880" s="6">
        <v>414185.39999999997</v>
      </c>
      <c r="C24880" s="7">
        <f t="shared" si="388"/>
        <v>414.18539999999996</v>
      </c>
      <c r="I24880" s="1"/>
    </row>
    <row r="24881" spans="1:9" x14ac:dyDescent="0.25">
      <c r="A24881" s="3">
        <v>41979.348310185182</v>
      </c>
      <c r="B24881" s="6">
        <v>414202.05</v>
      </c>
      <c r="C24881" s="7">
        <f t="shared" si="388"/>
        <v>414.20204999999999</v>
      </c>
      <c r="I24881" s="1"/>
    </row>
    <row r="24882" spans="1:9" x14ac:dyDescent="0.25">
      <c r="A24882" s="3">
        <v>41979.348541666666</v>
      </c>
      <c r="B24882" s="6">
        <v>414218.69999999995</v>
      </c>
      <c r="C24882" s="7">
        <f t="shared" si="388"/>
        <v>414.21869999999996</v>
      </c>
      <c r="I24882" s="1"/>
    </row>
    <row r="24883" spans="1:9" x14ac:dyDescent="0.25">
      <c r="A24883" s="3">
        <v>41979.351365740738</v>
      </c>
      <c r="B24883" s="6">
        <v>414235.35</v>
      </c>
      <c r="C24883" s="7">
        <f t="shared" si="388"/>
        <v>414.23534999999998</v>
      </c>
      <c r="I24883" s="1"/>
    </row>
    <row r="24884" spans="1:9" x14ac:dyDescent="0.25">
      <c r="A24884" s="3">
        <v>41979.351539351854</v>
      </c>
      <c r="B24884" s="6">
        <v>414251.99999999994</v>
      </c>
      <c r="C24884" s="7">
        <f t="shared" si="388"/>
        <v>414.25199999999995</v>
      </c>
      <c r="I24884" s="1"/>
    </row>
    <row r="24885" spans="1:9" x14ac:dyDescent="0.25">
      <c r="A24885" s="3">
        <v>41979.354155092595</v>
      </c>
      <c r="B24885" s="6">
        <v>414268.64999999997</v>
      </c>
      <c r="C24885" s="7">
        <f t="shared" si="388"/>
        <v>414.26864999999998</v>
      </c>
      <c r="I24885" s="1"/>
    </row>
    <row r="24886" spans="1:9" x14ac:dyDescent="0.25">
      <c r="A24886" s="3">
        <v>41979.354618055557</v>
      </c>
      <c r="B24886" s="6">
        <v>414285.3</v>
      </c>
      <c r="C24886" s="7">
        <f t="shared" si="388"/>
        <v>414.28530000000001</v>
      </c>
      <c r="I24886" s="1"/>
    </row>
    <row r="24887" spans="1:9" x14ac:dyDescent="0.25">
      <c r="A24887" s="3">
        <v>41979.358553240738</v>
      </c>
      <c r="B24887" s="6">
        <v>414301.94999999995</v>
      </c>
      <c r="C24887" s="7">
        <f t="shared" si="388"/>
        <v>414.30194999999998</v>
      </c>
      <c r="I24887" s="1"/>
    </row>
    <row r="24888" spans="1:9" x14ac:dyDescent="0.25">
      <c r="A24888" s="3">
        <v>41979.358668981484</v>
      </c>
      <c r="B24888" s="6">
        <v>414318.6</v>
      </c>
      <c r="C24888" s="7">
        <f t="shared" si="388"/>
        <v>414.3186</v>
      </c>
      <c r="I24888" s="1"/>
    </row>
    <row r="24889" spans="1:9" x14ac:dyDescent="0.25">
      <c r="A24889" s="3">
        <v>41979.365787037037</v>
      </c>
      <c r="B24889" s="6">
        <v>414335.24999999994</v>
      </c>
      <c r="C24889" s="7">
        <f t="shared" si="388"/>
        <v>414.33524999999992</v>
      </c>
      <c r="I24889" s="1"/>
    </row>
    <row r="24890" spans="1:9" x14ac:dyDescent="0.25">
      <c r="A24890" s="3">
        <v>41979.366550925923</v>
      </c>
      <c r="B24890" s="6">
        <v>414351.89999999997</v>
      </c>
      <c r="C24890" s="7">
        <f t="shared" si="388"/>
        <v>414.35189999999994</v>
      </c>
      <c r="I24890" s="1"/>
    </row>
    <row r="24891" spans="1:9" x14ac:dyDescent="0.25">
      <c r="A24891" s="3">
        <v>41979.369363425925</v>
      </c>
      <c r="B24891" s="6">
        <v>414368.55</v>
      </c>
      <c r="C24891" s="7">
        <f t="shared" si="388"/>
        <v>414.36854999999997</v>
      </c>
      <c r="I24891" s="1"/>
    </row>
    <row r="24892" spans="1:9" x14ac:dyDescent="0.25">
      <c r="A24892" s="3">
        <v>41979.369537037041</v>
      </c>
      <c r="B24892" s="6">
        <v>414385.19999999995</v>
      </c>
      <c r="C24892" s="7">
        <f t="shared" si="388"/>
        <v>414.38519999999994</v>
      </c>
      <c r="I24892" s="1"/>
    </row>
    <row r="24893" spans="1:9" x14ac:dyDescent="0.25">
      <c r="A24893" s="3">
        <v>41979.372754629629</v>
      </c>
      <c r="B24893" s="6">
        <v>414401.85</v>
      </c>
      <c r="C24893" s="7">
        <f t="shared" si="388"/>
        <v>414.40184999999997</v>
      </c>
      <c r="I24893" s="1"/>
    </row>
    <row r="24894" spans="1:9" x14ac:dyDescent="0.25">
      <c r="A24894" s="3">
        <v>41979.372986111113</v>
      </c>
      <c r="B24894" s="6">
        <v>414418.49999999994</v>
      </c>
      <c r="C24894" s="7">
        <f t="shared" si="388"/>
        <v>414.41849999999994</v>
      </c>
      <c r="I24894" s="1"/>
    </row>
    <row r="24895" spans="1:9" x14ac:dyDescent="0.25">
      <c r="A24895" s="3">
        <v>41979.376620370371</v>
      </c>
      <c r="B24895" s="6">
        <v>414435.14999999997</v>
      </c>
      <c r="C24895" s="7">
        <f t="shared" si="388"/>
        <v>414.43514999999996</v>
      </c>
      <c r="I24895" s="1"/>
    </row>
    <row r="24896" spans="1:9" x14ac:dyDescent="0.25">
      <c r="A24896" s="3">
        <v>41979.376759259256</v>
      </c>
      <c r="B24896" s="6">
        <v>414451.8</v>
      </c>
      <c r="C24896" s="7">
        <f t="shared" si="388"/>
        <v>414.45179999999999</v>
      </c>
      <c r="I24896" s="1"/>
    </row>
    <row r="24897" spans="1:9" x14ac:dyDescent="0.25">
      <c r="A24897" s="3">
        <v>41979.381030092591</v>
      </c>
      <c r="B24897" s="6">
        <v>414468.44999999995</v>
      </c>
      <c r="C24897" s="7">
        <f t="shared" si="388"/>
        <v>414.46844999999996</v>
      </c>
      <c r="I24897" s="1"/>
    </row>
    <row r="24898" spans="1:9" x14ac:dyDescent="0.25">
      <c r="A24898" s="3">
        <v>41979.381145833337</v>
      </c>
      <c r="B24898" s="6">
        <v>414485.1</v>
      </c>
      <c r="C24898" s="7">
        <f t="shared" si="388"/>
        <v>414.48509999999999</v>
      </c>
      <c r="I24898" s="1"/>
    </row>
    <row r="24899" spans="1:9" x14ac:dyDescent="0.25">
      <c r="A24899" s="3">
        <v>41979.383715277778</v>
      </c>
      <c r="B24899" s="6">
        <v>414501.74999999994</v>
      </c>
      <c r="C24899" s="7">
        <f t="shared" ref="C24899:C24962" si="389">B24899/1000</f>
        <v>414.50174999999996</v>
      </c>
      <c r="I24899" s="1"/>
    </row>
    <row r="24900" spans="1:9" x14ac:dyDescent="0.25">
      <c r="A24900" s="3">
        <v>41979.383912037039</v>
      </c>
      <c r="B24900" s="6">
        <v>414518.39999999997</v>
      </c>
      <c r="C24900" s="7">
        <f t="shared" si="389"/>
        <v>414.51839999999999</v>
      </c>
      <c r="I24900" s="1"/>
    </row>
    <row r="24901" spans="1:9" x14ac:dyDescent="0.25">
      <c r="A24901" s="3">
        <v>41979.387430555558</v>
      </c>
      <c r="B24901" s="6">
        <v>414535.05</v>
      </c>
      <c r="C24901" s="7">
        <f t="shared" si="389"/>
        <v>414.53505000000001</v>
      </c>
      <c r="I24901" s="1"/>
    </row>
    <row r="24902" spans="1:9" x14ac:dyDescent="0.25">
      <c r="A24902" s="3">
        <v>41979.387627314813</v>
      </c>
      <c r="B24902" s="6">
        <v>414551.69999999995</v>
      </c>
      <c r="C24902" s="7">
        <f t="shared" si="389"/>
        <v>414.55169999999993</v>
      </c>
      <c r="I24902" s="1"/>
    </row>
    <row r="24903" spans="1:9" x14ac:dyDescent="0.25">
      <c r="A24903" s="3">
        <v>41979.391655092593</v>
      </c>
      <c r="B24903" s="6">
        <v>414568.35</v>
      </c>
      <c r="C24903" s="7">
        <f t="shared" si="389"/>
        <v>414.56834999999995</v>
      </c>
      <c r="I24903" s="1"/>
    </row>
    <row r="24904" spans="1:9" x14ac:dyDescent="0.25">
      <c r="A24904" s="3">
        <v>41979.391979166663</v>
      </c>
      <c r="B24904" s="6">
        <v>414584.99999999994</v>
      </c>
      <c r="C24904" s="7">
        <f t="shared" si="389"/>
        <v>414.58499999999992</v>
      </c>
      <c r="I24904" s="1"/>
    </row>
    <row r="24905" spans="1:9" x14ac:dyDescent="0.25">
      <c r="A24905" s="3">
        <v>41979.394537037035</v>
      </c>
      <c r="B24905" s="6">
        <v>414601.64999999997</v>
      </c>
      <c r="C24905" s="7">
        <f t="shared" si="389"/>
        <v>414.60164999999995</v>
      </c>
      <c r="I24905" s="1"/>
    </row>
    <row r="24906" spans="1:9" x14ac:dyDescent="0.25">
      <c r="A24906" s="3">
        <v>41979.394699074073</v>
      </c>
      <c r="B24906" s="6">
        <v>414618.3</v>
      </c>
      <c r="C24906" s="7">
        <f t="shared" si="389"/>
        <v>414.61829999999998</v>
      </c>
      <c r="I24906" s="1"/>
    </row>
    <row r="24907" spans="1:9" x14ac:dyDescent="0.25">
      <c r="A24907" s="3">
        <v>41979.408020833333</v>
      </c>
      <c r="B24907" s="6">
        <v>414634.94999999995</v>
      </c>
      <c r="C24907" s="7">
        <f t="shared" si="389"/>
        <v>414.63494999999995</v>
      </c>
      <c r="I24907" s="1"/>
    </row>
    <row r="24908" spans="1:9" x14ac:dyDescent="0.25">
      <c r="A24908" s="3">
        <v>41979.412060185183</v>
      </c>
      <c r="B24908" s="6">
        <v>414651.6</v>
      </c>
      <c r="C24908" s="7">
        <f t="shared" si="389"/>
        <v>414.65159999999997</v>
      </c>
      <c r="I24908" s="1"/>
    </row>
    <row r="24909" spans="1:9" x14ac:dyDescent="0.25">
      <c r="A24909" s="3">
        <v>41979.417013888888</v>
      </c>
      <c r="B24909" s="6">
        <v>414668.24999999994</v>
      </c>
      <c r="C24909" s="7">
        <f t="shared" si="389"/>
        <v>414.66824999999994</v>
      </c>
      <c r="I24909" s="1"/>
    </row>
    <row r="24910" spans="1:9" x14ac:dyDescent="0.25">
      <c r="A24910" s="3">
        <v>41979.417951388888</v>
      </c>
      <c r="B24910" s="6">
        <v>414684.89999999997</v>
      </c>
      <c r="C24910" s="7">
        <f t="shared" si="389"/>
        <v>414.68489999999997</v>
      </c>
      <c r="I24910" s="1"/>
    </row>
    <row r="24911" spans="1:9" x14ac:dyDescent="0.25">
      <c r="A24911" s="3">
        <v>41979.423761574071</v>
      </c>
      <c r="B24911" s="6">
        <v>414701.55</v>
      </c>
      <c r="C24911" s="7">
        <f t="shared" si="389"/>
        <v>414.70155</v>
      </c>
      <c r="I24911" s="1"/>
    </row>
    <row r="24912" spans="1:9" x14ac:dyDescent="0.25">
      <c r="A24912" s="3">
        <v>41979.423935185187</v>
      </c>
      <c r="B24912" s="6">
        <v>414718.19999999995</v>
      </c>
      <c r="C24912" s="7">
        <f t="shared" si="389"/>
        <v>414.71819999999997</v>
      </c>
      <c r="I24912" s="1"/>
    </row>
    <row r="24913" spans="1:9" x14ac:dyDescent="0.25">
      <c r="A24913" s="3">
        <v>41979.435439814813</v>
      </c>
      <c r="B24913" s="6">
        <v>414734.85</v>
      </c>
      <c r="C24913" s="7">
        <f t="shared" si="389"/>
        <v>414.73484999999999</v>
      </c>
      <c r="I24913" s="1"/>
    </row>
    <row r="24914" spans="1:9" x14ac:dyDescent="0.25">
      <c r="A24914" s="3">
        <v>41979.435810185183</v>
      </c>
      <c r="B24914" s="6">
        <v>414751.49999999994</v>
      </c>
      <c r="C24914" s="7">
        <f t="shared" si="389"/>
        <v>414.75149999999996</v>
      </c>
      <c r="I24914" s="1"/>
    </row>
    <row r="24915" spans="1:9" x14ac:dyDescent="0.25">
      <c r="A24915" s="3">
        <v>41979.441504629627</v>
      </c>
      <c r="B24915" s="6">
        <v>414768.14999999997</v>
      </c>
      <c r="C24915" s="7">
        <f t="shared" si="389"/>
        <v>414.76814999999999</v>
      </c>
      <c r="I24915" s="1"/>
    </row>
    <row r="24916" spans="1:9" x14ac:dyDescent="0.25">
      <c r="A24916" s="3">
        <v>41979.442731481482</v>
      </c>
      <c r="B24916" s="6">
        <v>414784.8</v>
      </c>
      <c r="C24916" s="7">
        <f t="shared" si="389"/>
        <v>414.78479999999996</v>
      </c>
      <c r="I24916" s="1"/>
    </row>
    <row r="24917" spans="1:9" x14ac:dyDescent="0.25">
      <c r="A24917" s="3">
        <v>41979.451678240737</v>
      </c>
      <c r="B24917" s="6">
        <v>414801.44999999995</v>
      </c>
      <c r="C24917" s="7">
        <f t="shared" si="389"/>
        <v>414.80144999999993</v>
      </c>
      <c r="I24917" s="1"/>
    </row>
    <row r="24918" spans="1:9" x14ac:dyDescent="0.25">
      <c r="A24918" s="3">
        <v>41979.451909722222</v>
      </c>
      <c r="B24918" s="6">
        <v>414818.1</v>
      </c>
      <c r="C24918" s="7">
        <f t="shared" si="389"/>
        <v>414.81809999999996</v>
      </c>
      <c r="I24918" s="1"/>
    </row>
    <row r="24919" spans="1:9" x14ac:dyDescent="0.25">
      <c r="A24919" s="3">
        <v>41979.458553240744</v>
      </c>
      <c r="B24919" s="6">
        <v>414834.74999999994</v>
      </c>
      <c r="C24919" s="7">
        <f t="shared" si="389"/>
        <v>414.83474999999993</v>
      </c>
      <c r="I24919" s="1"/>
    </row>
    <row r="24920" spans="1:9" x14ac:dyDescent="0.25">
      <c r="A24920" s="3">
        <v>41979.458726851852</v>
      </c>
      <c r="B24920" s="6">
        <v>414851.39999999997</v>
      </c>
      <c r="C24920" s="7">
        <f t="shared" si="389"/>
        <v>414.85139999999996</v>
      </c>
      <c r="I24920" s="1"/>
    </row>
    <row r="24921" spans="1:9" x14ac:dyDescent="0.25">
      <c r="A24921" s="3">
        <v>41979.461423611108</v>
      </c>
      <c r="B24921" s="6">
        <v>414868.05</v>
      </c>
      <c r="C24921" s="7">
        <f t="shared" si="389"/>
        <v>414.86804999999998</v>
      </c>
      <c r="I24921" s="1"/>
    </row>
    <row r="24922" spans="1:9" x14ac:dyDescent="0.25">
      <c r="A24922" s="3">
        <v>41979.461562500001</v>
      </c>
      <c r="B24922" s="6">
        <v>414884.69999999995</v>
      </c>
      <c r="C24922" s="7">
        <f t="shared" si="389"/>
        <v>414.88469999999995</v>
      </c>
      <c r="I24922" s="1"/>
    </row>
    <row r="24923" spans="1:9" x14ac:dyDescent="0.25">
      <c r="A24923" s="3">
        <v>41979.464861111112</v>
      </c>
      <c r="B24923" s="6">
        <v>414901.35</v>
      </c>
      <c r="C24923" s="7">
        <f t="shared" si="389"/>
        <v>414.90134999999998</v>
      </c>
      <c r="I24923" s="1"/>
    </row>
    <row r="24924" spans="1:9" x14ac:dyDescent="0.25">
      <c r="A24924" s="3">
        <v>41979.46497685185</v>
      </c>
      <c r="B24924" s="6">
        <v>414917.99999999994</v>
      </c>
      <c r="C24924" s="7">
        <f t="shared" si="389"/>
        <v>414.91799999999995</v>
      </c>
      <c r="I24924" s="1"/>
    </row>
    <row r="24925" spans="1:9" x14ac:dyDescent="0.25">
      <c r="A24925" s="3">
        <v>41979.468680555554</v>
      </c>
      <c r="B24925" s="6">
        <v>414934.64999999997</v>
      </c>
      <c r="C24925" s="7">
        <f t="shared" si="389"/>
        <v>414.93464999999998</v>
      </c>
      <c r="I24925" s="1"/>
    </row>
    <row r="24926" spans="1:9" x14ac:dyDescent="0.25">
      <c r="A24926" s="3">
        <v>41979.468831018516</v>
      </c>
      <c r="B24926" s="6">
        <v>414951.3</v>
      </c>
      <c r="C24926" s="7">
        <f t="shared" si="389"/>
        <v>414.9513</v>
      </c>
      <c r="I24926" s="1"/>
    </row>
    <row r="24927" spans="1:9" x14ac:dyDescent="0.25">
      <c r="A24927" s="3">
        <v>41979.473946759259</v>
      </c>
      <c r="B24927" s="6">
        <v>414967.94999999995</v>
      </c>
      <c r="C24927" s="7">
        <f t="shared" si="389"/>
        <v>414.96794999999997</v>
      </c>
      <c r="I24927" s="1"/>
    </row>
    <row r="24928" spans="1:9" x14ac:dyDescent="0.25">
      <c r="A24928" s="3">
        <v>41979.474409722221</v>
      </c>
      <c r="B24928" s="6">
        <v>414984.6</v>
      </c>
      <c r="C24928" s="7">
        <f t="shared" si="389"/>
        <v>414.9846</v>
      </c>
      <c r="I24928" s="1"/>
    </row>
    <row r="24929" spans="1:9" x14ac:dyDescent="0.25">
      <c r="A24929" s="3">
        <v>41979.47865740741</v>
      </c>
      <c r="B24929" s="6">
        <v>415001.24999999994</v>
      </c>
      <c r="C24929" s="7">
        <f t="shared" si="389"/>
        <v>415.00124999999991</v>
      </c>
      <c r="I24929" s="1"/>
    </row>
    <row r="24930" spans="1:9" x14ac:dyDescent="0.25">
      <c r="A24930" s="3">
        <v>41979.47892361111</v>
      </c>
      <c r="B24930" s="6">
        <v>415017.89999999997</v>
      </c>
      <c r="C24930" s="7">
        <f t="shared" si="389"/>
        <v>415.01789999999994</v>
      </c>
      <c r="I24930" s="1"/>
    </row>
    <row r="24931" spans="1:9" x14ac:dyDescent="0.25">
      <c r="A24931" s="3">
        <v>41979.480868055558</v>
      </c>
      <c r="B24931" s="6">
        <v>415034.55</v>
      </c>
      <c r="C24931" s="7">
        <f t="shared" si="389"/>
        <v>415.03454999999997</v>
      </c>
      <c r="I24931" s="1"/>
    </row>
    <row r="24932" spans="1:9" x14ac:dyDescent="0.25">
      <c r="A24932" s="3">
        <v>41979.481030092589</v>
      </c>
      <c r="B24932" s="6">
        <v>415051.19999999995</v>
      </c>
      <c r="C24932" s="7">
        <f t="shared" si="389"/>
        <v>415.05119999999994</v>
      </c>
      <c r="I24932" s="1"/>
    </row>
    <row r="24933" spans="1:9" x14ac:dyDescent="0.25">
      <c r="A24933" s="3">
        <v>41979.483634259261</v>
      </c>
      <c r="B24933" s="6">
        <v>415067.85</v>
      </c>
      <c r="C24933" s="7">
        <f t="shared" si="389"/>
        <v>415.06784999999996</v>
      </c>
      <c r="I24933" s="1"/>
    </row>
    <row r="24934" spans="1:9" x14ac:dyDescent="0.25">
      <c r="A24934" s="3">
        <v>41979.483784722222</v>
      </c>
      <c r="B24934" s="6">
        <v>415084.49999999994</v>
      </c>
      <c r="C24934" s="7">
        <f t="shared" si="389"/>
        <v>415.08449999999993</v>
      </c>
      <c r="I24934" s="1"/>
    </row>
    <row r="24935" spans="1:9" x14ac:dyDescent="0.25">
      <c r="A24935" s="3">
        <v>41979.48777777778</v>
      </c>
      <c r="B24935" s="6">
        <v>415101.14999999997</v>
      </c>
      <c r="C24935" s="7">
        <f t="shared" si="389"/>
        <v>415.10114999999996</v>
      </c>
      <c r="I24935" s="1"/>
    </row>
    <row r="24936" spans="1:9" x14ac:dyDescent="0.25">
      <c r="A24936" s="3">
        <v>41979.487905092596</v>
      </c>
      <c r="B24936" s="6">
        <v>415117.8</v>
      </c>
      <c r="C24936" s="7">
        <f t="shared" si="389"/>
        <v>415.11779999999999</v>
      </c>
      <c r="I24936" s="1"/>
    </row>
    <row r="24937" spans="1:9" x14ac:dyDescent="0.25">
      <c r="A24937" s="3">
        <v>41979.490763888891</v>
      </c>
      <c r="B24937" s="6">
        <v>415134.44999999995</v>
      </c>
      <c r="C24937" s="7">
        <f t="shared" si="389"/>
        <v>415.13444999999996</v>
      </c>
      <c r="I24937" s="1"/>
    </row>
    <row r="24938" spans="1:9" x14ac:dyDescent="0.25">
      <c r="A24938" s="3">
        <v>41979.491400462961</v>
      </c>
      <c r="B24938" s="6">
        <v>415151.1</v>
      </c>
      <c r="C24938" s="7">
        <f t="shared" si="389"/>
        <v>415.15109999999999</v>
      </c>
      <c r="I24938" s="1"/>
    </row>
    <row r="24939" spans="1:9" x14ac:dyDescent="0.25">
      <c r="A24939" s="3">
        <v>41979.494444444441</v>
      </c>
      <c r="B24939" s="6">
        <v>415167.74999999994</v>
      </c>
      <c r="C24939" s="7">
        <f t="shared" si="389"/>
        <v>415.16774999999996</v>
      </c>
      <c r="I24939" s="1"/>
    </row>
    <row r="24940" spans="1:9" x14ac:dyDescent="0.25">
      <c r="A24940" s="3">
        <v>41979.494687500002</v>
      </c>
      <c r="B24940" s="6">
        <v>415184.39999999997</v>
      </c>
      <c r="C24940" s="7">
        <f t="shared" si="389"/>
        <v>415.18439999999998</v>
      </c>
      <c r="I24940" s="1"/>
    </row>
    <row r="24941" spans="1:9" x14ac:dyDescent="0.25">
      <c r="A24941" s="3">
        <v>41979.496041666665</v>
      </c>
      <c r="B24941" s="6">
        <v>415201.05</v>
      </c>
      <c r="C24941" s="7">
        <f t="shared" si="389"/>
        <v>415.20105000000001</v>
      </c>
      <c r="I24941" s="1"/>
    </row>
    <row r="24942" spans="1:9" x14ac:dyDescent="0.25">
      <c r="A24942" s="3">
        <v>41979.49627314815</v>
      </c>
      <c r="B24942" s="6">
        <v>415217.69999999995</v>
      </c>
      <c r="C24942" s="7">
        <f t="shared" si="389"/>
        <v>415.21769999999998</v>
      </c>
      <c r="I24942" s="1"/>
    </row>
    <row r="24943" spans="1:9" x14ac:dyDescent="0.25">
      <c r="A24943" s="3">
        <v>41979.497685185182</v>
      </c>
      <c r="B24943" s="6">
        <v>415234.35</v>
      </c>
      <c r="C24943" s="7">
        <f t="shared" si="389"/>
        <v>415.23434999999995</v>
      </c>
      <c r="I24943" s="1"/>
    </row>
    <row r="24944" spans="1:9" x14ac:dyDescent="0.25">
      <c r="A24944" s="3">
        <v>41979.497916666667</v>
      </c>
      <c r="B24944" s="6">
        <v>415250.99999999994</v>
      </c>
      <c r="C24944" s="7">
        <f t="shared" si="389"/>
        <v>415.25099999999992</v>
      </c>
      <c r="I24944" s="1"/>
    </row>
    <row r="24945" spans="1:9" x14ac:dyDescent="0.25">
      <c r="A24945" s="3">
        <v>41979.499189814815</v>
      </c>
      <c r="B24945" s="6">
        <v>415267.64999999997</v>
      </c>
      <c r="C24945" s="7">
        <f t="shared" si="389"/>
        <v>415.26764999999995</v>
      </c>
      <c r="I24945" s="1"/>
    </row>
    <row r="24946" spans="1:9" x14ac:dyDescent="0.25">
      <c r="A24946" s="3">
        <v>41979.499328703707</v>
      </c>
      <c r="B24946" s="6">
        <v>415284.3</v>
      </c>
      <c r="C24946" s="7">
        <f t="shared" si="389"/>
        <v>415.28429999999997</v>
      </c>
      <c r="I24946" s="1"/>
    </row>
    <row r="24947" spans="1:9" x14ac:dyDescent="0.25">
      <c r="A24947" s="3">
        <v>41979.503750000003</v>
      </c>
      <c r="B24947" s="6">
        <v>415300.94999999995</v>
      </c>
      <c r="C24947" s="7">
        <f t="shared" si="389"/>
        <v>415.30094999999994</v>
      </c>
      <c r="I24947" s="1"/>
    </row>
    <row r="24948" spans="1:9" x14ac:dyDescent="0.25">
      <c r="A24948" s="3">
        <v>41979.503981481481</v>
      </c>
      <c r="B24948" s="6">
        <v>415317.6</v>
      </c>
      <c r="C24948" s="7">
        <f t="shared" si="389"/>
        <v>415.31759999999997</v>
      </c>
      <c r="I24948" s="1"/>
    </row>
    <row r="24949" spans="1:9" x14ac:dyDescent="0.25">
      <c r="A24949" s="3">
        <v>41979.507453703707</v>
      </c>
      <c r="B24949" s="6">
        <v>415334.24999999994</v>
      </c>
      <c r="C24949" s="7">
        <f t="shared" si="389"/>
        <v>415.33424999999994</v>
      </c>
      <c r="I24949" s="1"/>
    </row>
    <row r="24950" spans="1:9" x14ac:dyDescent="0.25">
      <c r="A24950" s="3">
        <v>41979.5075462963</v>
      </c>
      <c r="B24950" s="6">
        <v>415350.89999999997</v>
      </c>
      <c r="C24950" s="7">
        <f t="shared" si="389"/>
        <v>415.35089999999997</v>
      </c>
      <c r="I24950" s="1"/>
    </row>
    <row r="24951" spans="1:9" x14ac:dyDescent="0.25">
      <c r="A24951" s="3">
        <v>41979.509942129633</v>
      </c>
      <c r="B24951" s="6">
        <v>415367.55</v>
      </c>
      <c r="C24951" s="7">
        <f t="shared" si="389"/>
        <v>415.36754999999999</v>
      </c>
      <c r="I24951" s="1"/>
    </row>
    <row r="24952" spans="1:9" x14ac:dyDescent="0.25">
      <c r="A24952" s="3">
        <v>41979.510324074072</v>
      </c>
      <c r="B24952" s="6">
        <v>415384.19999999995</v>
      </c>
      <c r="C24952" s="7">
        <f t="shared" si="389"/>
        <v>415.38419999999996</v>
      </c>
      <c r="I24952" s="1"/>
    </row>
    <row r="24953" spans="1:9" x14ac:dyDescent="0.25">
      <c r="A24953" s="3">
        <v>41979.512025462966</v>
      </c>
      <c r="B24953" s="6">
        <v>415400.85</v>
      </c>
      <c r="C24953" s="7">
        <f t="shared" si="389"/>
        <v>415.40084999999999</v>
      </c>
      <c r="I24953" s="1"/>
    </row>
    <row r="24954" spans="1:9" x14ac:dyDescent="0.25">
      <c r="A24954" s="3">
        <v>41979.512361111112</v>
      </c>
      <c r="B24954" s="6">
        <v>415417.49999999994</v>
      </c>
      <c r="C24954" s="7">
        <f t="shared" si="389"/>
        <v>415.41749999999996</v>
      </c>
      <c r="I24954" s="1"/>
    </row>
    <row r="24955" spans="1:9" x14ac:dyDescent="0.25">
      <c r="A24955" s="3">
        <v>41979.517685185187</v>
      </c>
      <c r="B24955" s="6">
        <v>415434.14999999997</v>
      </c>
      <c r="C24955" s="7">
        <f t="shared" si="389"/>
        <v>415.43414999999999</v>
      </c>
      <c r="I24955" s="1"/>
    </row>
    <row r="24956" spans="1:9" x14ac:dyDescent="0.25">
      <c r="A24956" s="3">
        <v>41979.517905092594</v>
      </c>
      <c r="B24956" s="6">
        <v>415450.8</v>
      </c>
      <c r="C24956" s="7">
        <f t="shared" si="389"/>
        <v>415.45080000000002</v>
      </c>
      <c r="I24956" s="1"/>
    </row>
    <row r="24957" spans="1:9" x14ac:dyDescent="0.25">
      <c r="A24957" s="3">
        <v>41979.520520833335</v>
      </c>
      <c r="B24957" s="6">
        <v>415467.44999999995</v>
      </c>
      <c r="C24957" s="7">
        <f t="shared" si="389"/>
        <v>415.46744999999993</v>
      </c>
      <c r="I24957" s="1"/>
    </row>
    <row r="24958" spans="1:9" x14ac:dyDescent="0.25">
      <c r="A24958" s="3">
        <v>41979.520578703705</v>
      </c>
      <c r="B24958" s="6">
        <v>415484.1</v>
      </c>
      <c r="C24958" s="7">
        <f t="shared" si="389"/>
        <v>415.48409999999996</v>
      </c>
      <c r="I24958" s="1"/>
    </row>
    <row r="24959" spans="1:9" x14ac:dyDescent="0.25">
      <c r="A24959" s="3">
        <v>41979.521122685182</v>
      </c>
      <c r="B24959" s="6">
        <v>415500.74999999994</v>
      </c>
      <c r="C24959" s="7">
        <f t="shared" si="389"/>
        <v>415.50074999999993</v>
      </c>
      <c r="I24959" s="1"/>
    </row>
    <row r="24960" spans="1:9" x14ac:dyDescent="0.25">
      <c r="A24960" s="3">
        <v>41979.521226851852</v>
      </c>
      <c r="B24960" s="6">
        <v>415517.39999999997</v>
      </c>
      <c r="C24960" s="7">
        <f t="shared" si="389"/>
        <v>415.51739999999995</v>
      </c>
      <c r="I24960" s="1"/>
    </row>
    <row r="24961" spans="1:9" x14ac:dyDescent="0.25">
      <c r="A24961" s="3">
        <v>41979.521666666667</v>
      </c>
      <c r="B24961" s="6">
        <v>415534.05</v>
      </c>
      <c r="C24961" s="7">
        <f t="shared" si="389"/>
        <v>415.53404999999998</v>
      </c>
      <c r="I24961" s="1"/>
    </row>
    <row r="24962" spans="1:9" x14ac:dyDescent="0.25">
      <c r="A24962" s="3">
        <v>41979.521782407406</v>
      </c>
      <c r="B24962" s="6">
        <v>415550.69999999995</v>
      </c>
      <c r="C24962" s="7">
        <f t="shared" si="389"/>
        <v>415.55069999999995</v>
      </c>
      <c r="I24962" s="1"/>
    </row>
    <row r="24963" spans="1:9" x14ac:dyDescent="0.25">
      <c r="A24963" s="3">
        <v>41979.525000000001</v>
      </c>
      <c r="B24963" s="6">
        <v>415567.35</v>
      </c>
      <c r="C24963" s="7">
        <f t="shared" ref="C24963:C25026" si="390">B24963/1000</f>
        <v>415.56734999999998</v>
      </c>
      <c r="I24963" s="1"/>
    </row>
    <row r="24964" spans="1:9" x14ac:dyDescent="0.25">
      <c r="A24964" s="3">
        <v>41979.525682870371</v>
      </c>
      <c r="B24964" s="6">
        <v>415583.99999999994</v>
      </c>
      <c r="C24964" s="7">
        <f t="shared" si="390"/>
        <v>415.58399999999995</v>
      </c>
      <c r="I24964" s="1"/>
    </row>
    <row r="24965" spans="1:9" x14ac:dyDescent="0.25">
      <c r="A24965" s="3">
        <v>41979.52715277778</v>
      </c>
      <c r="B24965" s="6">
        <v>415600.64999999997</v>
      </c>
      <c r="C24965" s="7">
        <f t="shared" si="390"/>
        <v>415.60064999999997</v>
      </c>
      <c r="I24965" s="1"/>
    </row>
    <row r="24966" spans="1:9" x14ac:dyDescent="0.25">
      <c r="A24966" s="3">
        <v>41979.527256944442</v>
      </c>
      <c r="B24966" s="6">
        <v>415617.3</v>
      </c>
      <c r="C24966" s="7">
        <f t="shared" si="390"/>
        <v>415.6173</v>
      </c>
      <c r="I24966" s="1"/>
    </row>
    <row r="24967" spans="1:9" x14ac:dyDescent="0.25">
      <c r="A24967" s="3">
        <v>41979.530104166668</v>
      </c>
      <c r="B24967" s="6">
        <v>415633.94999999995</v>
      </c>
      <c r="C24967" s="7">
        <f t="shared" si="390"/>
        <v>415.63394999999997</v>
      </c>
      <c r="I24967" s="1"/>
    </row>
    <row r="24968" spans="1:9" x14ac:dyDescent="0.25">
      <c r="A24968" s="3">
        <v>41979.530844907407</v>
      </c>
      <c r="B24968" s="6">
        <v>415650.6</v>
      </c>
      <c r="C24968" s="7">
        <f t="shared" si="390"/>
        <v>415.6506</v>
      </c>
      <c r="I24968" s="1"/>
    </row>
    <row r="24969" spans="1:9" x14ac:dyDescent="0.25">
      <c r="A24969" s="3">
        <v>41979.531782407408</v>
      </c>
      <c r="B24969" s="6">
        <v>415667.24999999994</v>
      </c>
      <c r="C24969" s="7">
        <f t="shared" si="390"/>
        <v>415.66724999999997</v>
      </c>
      <c r="I24969" s="1"/>
    </row>
    <row r="24970" spans="1:9" x14ac:dyDescent="0.25">
      <c r="A24970" s="3">
        <v>41979.531851851854</v>
      </c>
      <c r="B24970" s="6">
        <v>415683.89999999997</v>
      </c>
      <c r="C24970" s="7">
        <f t="shared" si="390"/>
        <v>415.68389999999994</v>
      </c>
      <c r="I24970" s="1"/>
    </row>
    <row r="24971" spans="1:9" x14ac:dyDescent="0.25">
      <c r="A24971" s="3">
        <v>41979.533738425926</v>
      </c>
      <c r="B24971" s="6">
        <v>415700.55</v>
      </c>
      <c r="C24971" s="7">
        <f t="shared" si="390"/>
        <v>415.70054999999996</v>
      </c>
      <c r="I24971" s="1"/>
    </row>
    <row r="24972" spans="1:9" x14ac:dyDescent="0.25">
      <c r="A24972" s="3">
        <v>41979.533831018518</v>
      </c>
      <c r="B24972" s="6">
        <v>415717.19999999995</v>
      </c>
      <c r="C24972" s="7">
        <f t="shared" si="390"/>
        <v>415.71719999999993</v>
      </c>
      <c r="I24972" s="1"/>
    </row>
    <row r="24973" spans="1:9" x14ac:dyDescent="0.25">
      <c r="A24973" s="3">
        <v>41979.535104166665</v>
      </c>
      <c r="B24973" s="6">
        <v>415733.85</v>
      </c>
      <c r="C24973" s="7">
        <f t="shared" si="390"/>
        <v>415.73384999999996</v>
      </c>
      <c r="I24973" s="1"/>
    </row>
    <row r="24974" spans="1:9" x14ac:dyDescent="0.25">
      <c r="A24974" s="3">
        <v>41979.535231481481</v>
      </c>
      <c r="B24974" s="6">
        <v>415750.49999999994</v>
      </c>
      <c r="C24974" s="7">
        <f t="shared" si="390"/>
        <v>415.75049999999993</v>
      </c>
      <c r="I24974" s="1"/>
    </row>
    <row r="24975" spans="1:9" x14ac:dyDescent="0.25">
      <c r="A24975" s="3">
        <v>41979.536909722221</v>
      </c>
      <c r="B24975" s="6">
        <v>415767.14999999997</v>
      </c>
      <c r="C24975" s="7">
        <f t="shared" si="390"/>
        <v>415.76714999999996</v>
      </c>
      <c r="I24975" s="1"/>
    </row>
    <row r="24976" spans="1:9" x14ac:dyDescent="0.25">
      <c r="A24976" s="3">
        <v>41979.537048611113</v>
      </c>
      <c r="B24976" s="6">
        <v>415783.8</v>
      </c>
      <c r="C24976" s="7">
        <f t="shared" si="390"/>
        <v>415.78379999999999</v>
      </c>
      <c r="I24976" s="1"/>
    </row>
    <row r="24977" spans="1:9" x14ac:dyDescent="0.25">
      <c r="A24977" s="3">
        <v>41979.538807870369</v>
      </c>
      <c r="B24977" s="6">
        <v>415800.44999999995</v>
      </c>
      <c r="C24977" s="7">
        <f t="shared" si="390"/>
        <v>415.80044999999996</v>
      </c>
      <c r="I24977" s="1"/>
    </row>
    <row r="24978" spans="1:9" x14ac:dyDescent="0.25">
      <c r="A24978" s="3">
        <v>41979.538923611108</v>
      </c>
      <c r="B24978" s="6">
        <v>415817.1</v>
      </c>
      <c r="C24978" s="7">
        <f t="shared" si="390"/>
        <v>415.81709999999998</v>
      </c>
      <c r="I24978" s="1"/>
    </row>
    <row r="24979" spans="1:9" x14ac:dyDescent="0.25">
      <c r="A24979" s="3">
        <v>41979.541273148148</v>
      </c>
      <c r="B24979" s="6">
        <v>415833.74999999994</v>
      </c>
      <c r="C24979" s="7">
        <f t="shared" si="390"/>
        <v>415.83374999999995</v>
      </c>
      <c r="I24979" s="1"/>
    </row>
    <row r="24980" spans="1:9" x14ac:dyDescent="0.25">
      <c r="A24980" s="3">
        <v>41979.542754629627</v>
      </c>
      <c r="B24980" s="6">
        <v>415850.39999999997</v>
      </c>
      <c r="C24980" s="7">
        <f t="shared" si="390"/>
        <v>415.85039999999998</v>
      </c>
      <c r="I24980" s="1"/>
    </row>
    <row r="24981" spans="1:9" x14ac:dyDescent="0.25">
      <c r="A24981" s="3">
        <v>41979.544166666667</v>
      </c>
      <c r="B24981" s="6">
        <v>415867.05</v>
      </c>
      <c r="C24981" s="7">
        <f t="shared" si="390"/>
        <v>415.86705000000001</v>
      </c>
      <c r="I24981" s="1"/>
    </row>
    <row r="24982" spans="1:9" x14ac:dyDescent="0.25">
      <c r="A24982" s="3">
        <v>41979.544282407405</v>
      </c>
      <c r="B24982" s="6">
        <v>415883.69999999995</v>
      </c>
      <c r="C24982" s="7">
        <f t="shared" si="390"/>
        <v>415.88369999999998</v>
      </c>
      <c r="I24982" s="1"/>
    </row>
    <row r="24983" spans="1:9" x14ac:dyDescent="0.25">
      <c r="A24983" s="3">
        <v>41979.545486111114</v>
      </c>
      <c r="B24983" s="6">
        <v>415900.35</v>
      </c>
      <c r="C24983" s="7">
        <f t="shared" si="390"/>
        <v>415.90035</v>
      </c>
      <c r="I24983" s="1"/>
    </row>
    <row r="24984" spans="1:9" x14ac:dyDescent="0.25">
      <c r="A24984" s="3">
        <v>41979.545613425929</v>
      </c>
      <c r="B24984" s="6">
        <v>415916.99999999994</v>
      </c>
      <c r="C24984" s="7">
        <f t="shared" si="390"/>
        <v>415.91699999999992</v>
      </c>
      <c r="I24984" s="1"/>
    </row>
    <row r="24985" spans="1:9" x14ac:dyDescent="0.25">
      <c r="A24985" s="3">
        <v>41979.546851851854</v>
      </c>
      <c r="B24985" s="6">
        <v>415933.64999999997</v>
      </c>
      <c r="C24985" s="7">
        <f t="shared" si="390"/>
        <v>415.93364999999994</v>
      </c>
      <c r="I24985" s="1"/>
    </row>
    <row r="24986" spans="1:9" x14ac:dyDescent="0.25">
      <c r="A24986" s="3">
        <v>41979.546979166669</v>
      </c>
      <c r="B24986" s="6">
        <v>415950.3</v>
      </c>
      <c r="C24986" s="7">
        <f t="shared" si="390"/>
        <v>415.95029999999997</v>
      </c>
      <c r="I24986" s="1"/>
    </row>
    <row r="24987" spans="1:9" x14ac:dyDescent="0.25">
      <c r="A24987" s="3">
        <v>41979.549398148149</v>
      </c>
      <c r="B24987" s="6">
        <v>415966.94999999995</v>
      </c>
      <c r="C24987" s="7">
        <f t="shared" si="390"/>
        <v>415.96694999999994</v>
      </c>
      <c r="I24987" s="1"/>
    </row>
    <row r="24988" spans="1:9" x14ac:dyDescent="0.25">
      <c r="A24988" s="3">
        <v>41979.54965277778</v>
      </c>
      <c r="B24988" s="6">
        <v>415983.6</v>
      </c>
      <c r="C24988" s="7">
        <f t="shared" si="390"/>
        <v>415.98359999999997</v>
      </c>
      <c r="I24988" s="1"/>
    </row>
    <row r="24989" spans="1:9" x14ac:dyDescent="0.25">
      <c r="A24989" s="3">
        <v>41979.553078703706</v>
      </c>
      <c r="B24989" s="6">
        <v>416000.24999999994</v>
      </c>
      <c r="C24989" s="7">
        <f t="shared" si="390"/>
        <v>416.00024999999994</v>
      </c>
      <c r="I24989" s="1"/>
    </row>
    <row r="24990" spans="1:9" x14ac:dyDescent="0.25">
      <c r="A24990" s="3">
        <v>41979.55327546296</v>
      </c>
      <c r="B24990" s="6">
        <v>416016.89999999997</v>
      </c>
      <c r="C24990" s="7">
        <f t="shared" si="390"/>
        <v>416.01689999999996</v>
      </c>
      <c r="I24990" s="1"/>
    </row>
    <row r="24991" spans="1:9" x14ac:dyDescent="0.25">
      <c r="A24991" s="3">
        <v>41979.554166666669</v>
      </c>
      <c r="B24991" s="6">
        <v>416033.55</v>
      </c>
      <c r="C24991" s="7">
        <f t="shared" si="390"/>
        <v>416.03354999999999</v>
      </c>
      <c r="I24991" s="1"/>
    </row>
    <row r="24992" spans="1:9" x14ac:dyDescent="0.25">
      <c r="A24992" s="3">
        <v>41979.554293981484</v>
      </c>
      <c r="B24992" s="6">
        <v>416050.19999999995</v>
      </c>
      <c r="C24992" s="7">
        <f t="shared" si="390"/>
        <v>416.05019999999996</v>
      </c>
      <c r="I24992" s="1"/>
    </row>
    <row r="24993" spans="1:9" x14ac:dyDescent="0.25">
      <c r="A24993" s="3">
        <v>41979.555717592593</v>
      </c>
      <c r="B24993" s="6">
        <v>416066.85</v>
      </c>
      <c r="C24993" s="7">
        <f t="shared" si="390"/>
        <v>416.06684999999999</v>
      </c>
      <c r="I24993" s="1"/>
    </row>
    <row r="24994" spans="1:9" x14ac:dyDescent="0.25">
      <c r="A24994" s="3">
        <v>41979.557083333333</v>
      </c>
      <c r="B24994" s="6">
        <v>416083.49999999994</v>
      </c>
      <c r="C24994" s="7">
        <f t="shared" si="390"/>
        <v>416.08349999999996</v>
      </c>
      <c r="I24994" s="1"/>
    </row>
    <row r="24995" spans="1:9" x14ac:dyDescent="0.25">
      <c r="A24995" s="3">
        <v>41979.558032407411</v>
      </c>
      <c r="B24995" s="6">
        <v>416100.14999999997</v>
      </c>
      <c r="C24995" s="7">
        <f t="shared" si="390"/>
        <v>416.10014999999999</v>
      </c>
      <c r="I24995" s="1"/>
    </row>
    <row r="24996" spans="1:9" x14ac:dyDescent="0.25">
      <c r="A24996" s="3">
        <v>41979.55809027778</v>
      </c>
      <c r="B24996" s="6">
        <v>416116.8</v>
      </c>
      <c r="C24996" s="7">
        <f t="shared" si="390"/>
        <v>416.11680000000001</v>
      </c>
      <c r="I24996" s="1"/>
    </row>
    <row r="24997" spans="1:9" x14ac:dyDescent="0.25">
      <c r="A24997" s="3">
        <v>41979.558923611112</v>
      </c>
      <c r="B24997" s="6">
        <v>416133.44999999995</v>
      </c>
      <c r="C24997" s="7">
        <f t="shared" si="390"/>
        <v>416.13344999999993</v>
      </c>
      <c r="I24997" s="1"/>
    </row>
    <row r="24998" spans="1:9" x14ac:dyDescent="0.25">
      <c r="A24998" s="3">
        <v>41979.55909722222</v>
      </c>
      <c r="B24998" s="6">
        <v>416150.1</v>
      </c>
      <c r="C24998" s="7">
        <f t="shared" si="390"/>
        <v>416.15009999999995</v>
      </c>
      <c r="I24998" s="1"/>
    </row>
    <row r="24999" spans="1:9" x14ac:dyDescent="0.25">
      <c r="A24999" s="3">
        <v>41979.560254629629</v>
      </c>
      <c r="B24999" s="6">
        <v>416166.74999999994</v>
      </c>
      <c r="C24999" s="7">
        <f t="shared" si="390"/>
        <v>416.16674999999992</v>
      </c>
      <c r="I24999" s="1"/>
    </row>
    <row r="25000" spans="1:9" x14ac:dyDescent="0.25">
      <c r="A25000" s="3">
        <v>41979.560370370367</v>
      </c>
      <c r="B25000" s="6">
        <v>416183.39999999997</v>
      </c>
      <c r="C25000" s="7">
        <f t="shared" si="390"/>
        <v>416.18339999999995</v>
      </c>
      <c r="I25000" s="1"/>
    </row>
    <row r="25001" spans="1:9" x14ac:dyDescent="0.25">
      <c r="A25001" s="3">
        <v>41979.562094907407</v>
      </c>
      <c r="B25001" s="6">
        <v>416200.05</v>
      </c>
      <c r="C25001" s="7">
        <f t="shared" si="390"/>
        <v>416.20004999999998</v>
      </c>
      <c r="I25001" s="1"/>
    </row>
    <row r="25002" spans="1:9" x14ac:dyDescent="0.25">
      <c r="A25002" s="3">
        <v>41979.562222222223</v>
      </c>
      <c r="B25002" s="6">
        <v>416216.69999999995</v>
      </c>
      <c r="C25002" s="7">
        <f t="shared" si="390"/>
        <v>416.21669999999995</v>
      </c>
      <c r="I25002" s="1"/>
    </row>
    <row r="25003" spans="1:9" x14ac:dyDescent="0.25">
      <c r="A25003" s="3">
        <v>41979.563298611109</v>
      </c>
      <c r="B25003" s="6">
        <v>416233.35</v>
      </c>
      <c r="C25003" s="7">
        <f t="shared" si="390"/>
        <v>416.23334999999997</v>
      </c>
      <c r="I25003" s="1"/>
    </row>
    <row r="25004" spans="1:9" x14ac:dyDescent="0.25">
      <c r="A25004" s="3">
        <v>41979.563530092593</v>
      </c>
      <c r="B25004" s="6">
        <v>416249.99999999994</v>
      </c>
      <c r="C25004" s="7">
        <f t="shared" si="390"/>
        <v>416.24999999999994</v>
      </c>
      <c r="I25004" s="1"/>
    </row>
    <row r="25005" spans="1:9" x14ac:dyDescent="0.25">
      <c r="A25005" s="3">
        <v>41979.565752314818</v>
      </c>
      <c r="B25005" s="6">
        <v>416266.64999999997</v>
      </c>
      <c r="C25005" s="7">
        <f t="shared" si="390"/>
        <v>416.26664999999997</v>
      </c>
      <c r="I25005" s="1"/>
    </row>
    <row r="25006" spans="1:9" x14ac:dyDescent="0.25">
      <c r="A25006" s="3">
        <v>41979.565949074073</v>
      </c>
      <c r="B25006" s="6">
        <v>416283.3</v>
      </c>
      <c r="C25006" s="7">
        <f t="shared" si="390"/>
        <v>416.2833</v>
      </c>
      <c r="I25006" s="1"/>
    </row>
    <row r="25007" spans="1:9" x14ac:dyDescent="0.25">
      <c r="A25007" s="3">
        <v>41979.568009259259</v>
      </c>
      <c r="B25007" s="6">
        <v>416299.94999999995</v>
      </c>
      <c r="C25007" s="7">
        <f t="shared" si="390"/>
        <v>416.29994999999997</v>
      </c>
      <c r="I25007" s="1"/>
    </row>
    <row r="25008" spans="1:9" x14ac:dyDescent="0.25">
      <c r="A25008" s="3">
        <v>41979.568194444444</v>
      </c>
      <c r="B25008" s="6">
        <v>416316.6</v>
      </c>
      <c r="C25008" s="7">
        <f t="shared" si="390"/>
        <v>416.31659999999999</v>
      </c>
      <c r="I25008" s="1"/>
    </row>
    <row r="25009" spans="1:9" x14ac:dyDescent="0.25">
      <c r="A25009" s="3">
        <v>41979.569409722222</v>
      </c>
      <c r="B25009" s="6">
        <v>416333.24999999994</v>
      </c>
      <c r="C25009" s="7">
        <f t="shared" si="390"/>
        <v>416.33324999999996</v>
      </c>
      <c r="I25009" s="1"/>
    </row>
    <row r="25010" spans="1:9" x14ac:dyDescent="0.25">
      <c r="A25010" s="3">
        <v>41979.569537037038</v>
      </c>
      <c r="B25010" s="6">
        <v>416349.89999999997</v>
      </c>
      <c r="C25010" s="7">
        <f t="shared" si="390"/>
        <v>416.34989999999999</v>
      </c>
      <c r="I25010" s="1"/>
    </row>
    <row r="25011" spans="1:9" x14ac:dyDescent="0.25">
      <c r="A25011" s="3">
        <v>41979.571111111109</v>
      </c>
      <c r="B25011" s="6">
        <v>416366.55</v>
      </c>
      <c r="C25011" s="7">
        <f t="shared" si="390"/>
        <v>416.36654999999996</v>
      </c>
      <c r="I25011" s="1"/>
    </row>
    <row r="25012" spans="1:9" x14ac:dyDescent="0.25">
      <c r="A25012" s="3">
        <v>41979.571319444447</v>
      </c>
      <c r="B25012" s="6">
        <v>416383.19999999995</v>
      </c>
      <c r="C25012" s="7">
        <f t="shared" si="390"/>
        <v>416.38319999999993</v>
      </c>
      <c r="I25012" s="1"/>
    </row>
    <row r="25013" spans="1:9" x14ac:dyDescent="0.25">
      <c r="A25013" s="3">
        <v>41979.573530092595</v>
      </c>
      <c r="B25013" s="6">
        <v>416399.85</v>
      </c>
      <c r="C25013" s="7">
        <f t="shared" si="390"/>
        <v>416.39984999999996</v>
      </c>
      <c r="I25013" s="1"/>
    </row>
    <row r="25014" spans="1:9" x14ac:dyDescent="0.25">
      <c r="A25014" s="3">
        <v>41979.57366898148</v>
      </c>
      <c r="B25014" s="6">
        <v>416416.49999999994</v>
      </c>
      <c r="C25014" s="7">
        <f t="shared" si="390"/>
        <v>416.41649999999993</v>
      </c>
      <c r="I25014" s="1"/>
    </row>
    <row r="25015" spans="1:9" x14ac:dyDescent="0.25">
      <c r="A25015" s="3">
        <v>41979.575150462966</v>
      </c>
      <c r="B25015" s="6">
        <v>416433.14999999997</v>
      </c>
      <c r="C25015" s="7">
        <f t="shared" si="390"/>
        <v>416.43314999999996</v>
      </c>
      <c r="I25015" s="1"/>
    </row>
    <row r="25016" spans="1:9" x14ac:dyDescent="0.25">
      <c r="A25016" s="3">
        <v>41979.575289351851</v>
      </c>
      <c r="B25016" s="6">
        <v>416449.8</v>
      </c>
      <c r="C25016" s="7">
        <f t="shared" si="390"/>
        <v>416.44979999999998</v>
      </c>
      <c r="I25016" s="1"/>
    </row>
    <row r="25017" spans="1:9" x14ac:dyDescent="0.25">
      <c r="A25017" s="3">
        <v>41979.576284722221</v>
      </c>
      <c r="B25017" s="6">
        <v>416466.44999999995</v>
      </c>
      <c r="C25017" s="7">
        <f t="shared" si="390"/>
        <v>416.46644999999995</v>
      </c>
      <c r="I25017" s="1"/>
    </row>
    <row r="25018" spans="1:9" x14ac:dyDescent="0.25">
      <c r="A25018" s="3">
        <v>41979.576608796298</v>
      </c>
      <c r="B25018" s="6">
        <v>416483.1</v>
      </c>
      <c r="C25018" s="7">
        <f t="shared" si="390"/>
        <v>416.48309999999998</v>
      </c>
      <c r="I25018" s="1"/>
    </row>
    <row r="25019" spans="1:9" x14ac:dyDescent="0.25">
      <c r="A25019" s="3">
        <v>41979.578912037039</v>
      </c>
      <c r="B25019" s="6">
        <v>416499.74999999994</v>
      </c>
      <c r="C25019" s="7">
        <f t="shared" si="390"/>
        <v>416.49974999999995</v>
      </c>
      <c r="I25019" s="1"/>
    </row>
    <row r="25020" spans="1:9" x14ac:dyDescent="0.25">
      <c r="A25020" s="3">
        <v>41979.579305555555</v>
      </c>
      <c r="B25020" s="6">
        <v>416516.39999999997</v>
      </c>
      <c r="C25020" s="7">
        <f t="shared" si="390"/>
        <v>416.51639999999998</v>
      </c>
      <c r="I25020" s="1"/>
    </row>
    <row r="25021" spans="1:9" x14ac:dyDescent="0.25">
      <c r="A25021" s="3">
        <v>41979.580960648149</v>
      </c>
      <c r="B25021" s="6">
        <v>416533.05</v>
      </c>
      <c r="C25021" s="7">
        <f t="shared" si="390"/>
        <v>416.53305</v>
      </c>
      <c r="I25021" s="1"/>
    </row>
    <row r="25022" spans="1:9" x14ac:dyDescent="0.25">
      <c r="A25022" s="3">
        <v>41979.581180555557</v>
      </c>
      <c r="B25022" s="6">
        <v>416549.69999999995</v>
      </c>
      <c r="C25022" s="7">
        <f t="shared" si="390"/>
        <v>416.54969999999997</v>
      </c>
      <c r="I25022" s="1"/>
    </row>
    <row r="25023" spans="1:9" x14ac:dyDescent="0.25">
      <c r="A25023" s="3">
        <v>41979.584791666668</v>
      </c>
      <c r="B25023" s="6">
        <v>416566.35</v>
      </c>
      <c r="C25023" s="7">
        <f t="shared" si="390"/>
        <v>416.56635</v>
      </c>
      <c r="I25023" s="1"/>
    </row>
    <row r="25024" spans="1:9" x14ac:dyDescent="0.25">
      <c r="A25024" s="3">
        <v>41979.58489583333</v>
      </c>
      <c r="B25024" s="6">
        <v>416582.99999999994</v>
      </c>
      <c r="C25024" s="7">
        <f t="shared" si="390"/>
        <v>416.58299999999997</v>
      </c>
      <c r="I25024" s="1"/>
    </row>
    <row r="25025" spans="1:9" x14ac:dyDescent="0.25">
      <c r="A25025" s="3">
        <v>41979.595023148147</v>
      </c>
      <c r="B25025" s="6">
        <v>416599.64999999997</v>
      </c>
      <c r="C25025" s="7">
        <f t="shared" si="390"/>
        <v>416.59964999999994</v>
      </c>
      <c r="I25025" s="1"/>
    </row>
    <row r="25026" spans="1:9" x14ac:dyDescent="0.25">
      <c r="A25026" s="3">
        <v>41979.595138888886</v>
      </c>
      <c r="B25026" s="6">
        <v>416616.3</v>
      </c>
      <c r="C25026" s="7">
        <f t="shared" si="390"/>
        <v>416.61629999999997</v>
      </c>
      <c r="I25026" s="1"/>
    </row>
    <row r="25027" spans="1:9" x14ac:dyDescent="0.25">
      <c r="A25027" s="3">
        <v>41979.600127314814</v>
      </c>
      <c r="B25027" s="6">
        <v>416632.94999999995</v>
      </c>
      <c r="C25027" s="7">
        <f t="shared" ref="C25027:C25090" si="391">B25027/1000</f>
        <v>416.63294999999994</v>
      </c>
      <c r="I25027" s="1"/>
    </row>
    <row r="25028" spans="1:9" x14ac:dyDescent="0.25">
      <c r="A25028" s="3">
        <v>41979.600393518522</v>
      </c>
      <c r="B25028" s="6">
        <v>416649.6</v>
      </c>
      <c r="C25028" s="7">
        <f t="shared" si="391"/>
        <v>416.64959999999996</v>
      </c>
      <c r="I25028" s="1"/>
    </row>
    <row r="25029" spans="1:9" x14ac:dyDescent="0.25">
      <c r="A25029" s="3">
        <v>41979.601875</v>
      </c>
      <c r="B25029" s="6">
        <v>416666.24999999994</v>
      </c>
      <c r="C25029" s="7">
        <f t="shared" si="391"/>
        <v>416.66624999999993</v>
      </c>
      <c r="I25029" s="1"/>
    </row>
    <row r="25030" spans="1:9" x14ac:dyDescent="0.25">
      <c r="A25030" s="3">
        <v>41979.603773148148</v>
      </c>
      <c r="B25030" s="6">
        <v>416682.89999999997</v>
      </c>
      <c r="C25030" s="7">
        <f t="shared" si="391"/>
        <v>416.68289999999996</v>
      </c>
      <c r="I25030" s="1"/>
    </row>
    <row r="25031" spans="1:9" x14ac:dyDescent="0.25">
      <c r="A25031" s="3">
        <v>41979.609166666669</v>
      </c>
      <c r="B25031" s="6">
        <v>416699.55</v>
      </c>
      <c r="C25031" s="7">
        <f t="shared" si="391"/>
        <v>416.69954999999999</v>
      </c>
      <c r="I25031" s="1"/>
    </row>
    <row r="25032" spans="1:9" x14ac:dyDescent="0.25">
      <c r="A25032" s="3">
        <v>41979.612245370372</v>
      </c>
      <c r="B25032" s="6">
        <v>416716.19999999995</v>
      </c>
      <c r="C25032" s="7">
        <f t="shared" si="391"/>
        <v>416.71619999999996</v>
      </c>
      <c r="I25032" s="1"/>
    </row>
    <row r="25033" spans="1:9" x14ac:dyDescent="0.25">
      <c r="A25033" s="3">
        <v>41979.614236111112</v>
      </c>
      <c r="B25033" s="6">
        <v>416732.85</v>
      </c>
      <c r="C25033" s="7">
        <f t="shared" si="391"/>
        <v>416.73284999999998</v>
      </c>
      <c r="I25033" s="1"/>
    </row>
    <row r="25034" spans="1:9" x14ac:dyDescent="0.25">
      <c r="A25034" s="3">
        <v>41979.614351851851</v>
      </c>
      <c r="B25034" s="6">
        <v>416749.49999999994</v>
      </c>
      <c r="C25034" s="7">
        <f t="shared" si="391"/>
        <v>416.74949999999995</v>
      </c>
      <c r="I25034" s="1"/>
    </row>
    <row r="25035" spans="1:9" x14ac:dyDescent="0.25">
      <c r="A25035" s="3">
        <v>41979.617418981485</v>
      </c>
      <c r="B25035" s="6">
        <v>416766.14999999997</v>
      </c>
      <c r="C25035" s="7">
        <f t="shared" si="391"/>
        <v>416.76614999999998</v>
      </c>
      <c r="I25035" s="1"/>
    </row>
    <row r="25036" spans="1:9" x14ac:dyDescent="0.25">
      <c r="A25036" s="3">
        <v>41979.619768518518</v>
      </c>
      <c r="B25036" s="6">
        <v>416782.8</v>
      </c>
      <c r="C25036" s="7">
        <f t="shared" si="391"/>
        <v>416.78280000000001</v>
      </c>
      <c r="I25036" s="1"/>
    </row>
    <row r="25037" spans="1:9" x14ac:dyDescent="0.25">
      <c r="A25037" s="3">
        <v>41979.639988425923</v>
      </c>
      <c r="B25037" s="6">
        <v>416799.44999999995</v>
      </c>
      <c r="C25037" s="7">
        <f t="shared" si="391"/>
        <v>416.79944999999998</v>
      </c>
      <c r="I25037" s="1"/>
    </row>
    <row r="25038" spans="1:9" x14ac:dyDescent="0.25">
      <c r="A25038" s="3">
        <v>41979.640046296299</v>
      </c>
      <c r="B25038" s="6">
        <v>416816.1</v>
      </c>
      <c r="C25038" s="7">
        <f t="shared" si="391"/>
        <v>416.81609999999995</v>
      </c>
      <c r="I25038" s="1"/>
    </row>
    <row r="25039" spans="1:9" x14ac:dyDescent="0.25">
      <c r="A25039" s="3">
        <v>41979.646550925929</v>
      </c>
      <c r="B25039" s="6">
        <v>416832.74999999994</v>
      </c>
      <c r="C25039" s="7">
        <f t="shared" si="391"/>
        <v>416.83274999999992</v>
      </c>
      <c r="I25039" s="1"/>
    </row>
    <row r="25040" spans="1:9" x14ac:dyDescent="0.25">
      <c r="A25040" s="3">
        <v>41979.647002314814</v>
      </c>
      <c r="B25040" s="6">
        <v>416849.39999999997</v>
      </c>
      <c r="C25040" s="7">
        <f t="shared" si="391"/>
        <v>416.84939999999995</v>
      </c>
      <c r="I25040" s="1"/>
    </row>
    <row r="25041" spans="1:9" x14ac:dyDescent="0.25">
      <c r="A25041" s="3">
        <v>41979.652569444443</v>
      </c>
      <c r="B25041" s="6">
        <v>416866.05</v>
      </c>
      <c r="C25041" s="7">
        <f t="shared" si="391"/>
        <v>416.86604999999997</v>
      </c>
      <c r="I25041" s="1"/>
    </row>
    <row r="25042" spans="1:9" x14ac:dyDescent="0.25">
      <c r="A25042" s="3">
        <v>41979.652789351851</v>
      </c>
      <c r="B25042" s="6">
        <v>416882.69999999995</v>
      </c>
      <c r="C25042" s="7">
        <f t="shared" si="391"/>
        <v>416.88269999999994</v>
      </c>
      <c r="I25042" s="1"/>
    </row>
    <row r="25043" spans="1:9" x14ac:dyDescent="0.25">
      <c r="A25043" s="3">
        <v>41979.654328703706</v>
      </c>
      <c r="B25043" s="6">
        <v>416899.35</v>
      </c>
      <c r="C25043" s="7">
        <f t="shared" si="391"/>
        <v>416.89934999999997</v>
      </c>
      <c r="I25043" s="1"/>
    </row>
    <row r="25044" spans="1:9" x14ac:dyDescent="0.25">
      <c r="A25044" s="3">
        <v>41979.654456018521</v>
      </c>
      <c r="B25044" s="6">
        <v>416915.99999999994</v>
      </c>
      <c r="C25044" s="7">
        <f t="shared" si="391"/>
        <v>416.91599999999994</v>
      </c>
      <c r="I25044" s="1"/>
    </row>
    <row r="25045" spans="1:9" x14ac:dyDescent="0.25">
      <c r="A25045" s="3">
        <v>41979.662534722222</v>
      </c>
      <c r="B25045" s="6">
        <v>416932.64999999997</v>
      </c>
      <c r="C25045" s="7">
        <f t="shared" si="391"/>
        <v>416.93264999999997</v>
      </c>
      <c r="I25045" s="1"/>
    </row>
    <row r="25046" spans="1:9" x14ac:dyDescent="0.25">
      <c r="A25046" s="3">
        <v>41979.663321759261</v>
      </c>
      <c r="B25046" s="6">
        <v>416949.3</v>
      </c>
      <c r="C25046" s="7">
        <f t="shared" si="391"/>
        <v>416.94929999999999</v>
      </c>
      <c r="I25046" s="1"/>
    </row>
    <row r="25047" spans="1:9" x14ac:dyDescent="0.25">
      <c r="A25047" s="3">
        <v>41979.673252314817</v>
      </c>
      <c r="B25047" s="6">
        <v>416965.94999999995</v>
      </c>
      <c r="C25047" s="7">
        <f t="shared" si="391"/>
        <v>416.96594999999996</v>
      </c>
      <c r="I25047" s="1"/>
    </row>
    <row r="25048" spans="1:9" x14ac:dyDescent="0.25">
      <c r="A25048" s="3">
        <v>41979.673425925925</v>
      </c>
      <c r="B25048" s="6">
        <v>416982.6</v>
      </c>
      <c r="C25048" s="7">
        <f t="shared" si="391"/>
        <v>416.98259999999999</v>
      </c>
      <c r="I25048" s="1"/>
    </row>
    <row r="25049" spans="1:9" x14ac:dyDescent="0.25">
      <c r="A25049" s="3">
        <v>41979.675567129627</v>
      </c>
      <c r="B25049" s="6">
        <v>416999.24999999994</v>
      </c>
      <c r="C25049" s="7">
        <f t="shared" si="391"/>
        <v>416.99924999999996</v>
      </c>
      <c r="I25049" s="1"/>
    </row>
    <row r="25050" spans="1:9" x14ac:dyDescent="0.25">
      <c r="A25050" s="3">
        <v>41979.675682870373</v>
      </c>
      <c r="B25050" s="6">
        <v>417015.89999999997</v>
      </c>
      <c r="C25050" s="7">
        <f t="shared" si="391"/>
        <v>417.01589999999999</v>
      </c>
      <c r="I25050" s="1"/>
    </row>
    <row r="25051" spans="1:9" x14ac:dyDescent="0.25">
      <c r="A25051" s="3">
        <v>41979.676712962966</v>
      </c>
      <c r="B25051" s="6">
        <v>417032.55</v>
      </c>
      <c r="C25051" s="7">
        <f t="shared" si="391"/>
        <v>417.03255000000001</v>
      </c>
      <c r="I25051" s="1"/>
    </row>
    <row r="25052" spans="1:9" x14ac:dyDescent="0.25">
      <c r="A25052" s="3">
        <v>41979.676817129628</v>
      </c>
      <c r="B25052" s="6">
        <v>417049.19999999995</v>
      </c>
      <c r="C25052" s="7">
        <f t="shared" si="391"/>
        <v>417.04919999999993</v>
      </c>
      <c r="I25052" s="1"/>
    </row>
    <row r="25053" spans="1:9" x14ac:dyDescent="0.25">
      <c r="A25053" s="3">
        <v>41979.677523148152</v>
      </c>
      <c r="B25053" s="6">
        <v>417065.85</v>
      </c>
      <c r="C25053" s="7">
        <f t="shared" si="391"/>
        <v>417.06584999999995</v>
      </c>
      <c r="I25053" s="1"/>
    </row>
    <row r="25054" spans="1:9" x14ac:dyDescent="0.25">
      <c r="A25054" s="3">
        <v>41979.677581018521</v>
      </c>
      <c r="B25054" s="6">
        <v>417082.49999999994</v>
      </c>
      <c r="C25054" s="7">
        <f t="shared" si="391"/>
        <v>417.08249999999992</v>
      </c>
      <c r="I25054" s="1"/>
    </row>
    <row r="25055" spans="1:9" x14ac:dyDescent="0.25">
      <c r="A25055" s="3">
        <v>41979.678101851852</v>
      </c>
      <c r="B25055" s="6">
        <v>417099.14999999997</v>
      </c>
      <c r="C25055" s="7">
        <f t="shared" si="391"/>
        <v>417.09914999999995</v>
      </c>
      <c r="I25055" s="1"/>
    </row>
    <row r="25056" spans="1:9" x14ac:dyDescent="0.25">
      <c r="A25056" s="3">
        <v>41979.678159722222</v>
      </c>
      <c r="B25056" s="6">
        <v>417115.8</v>
      </c>
      <c r="C25056" s="7">
        <f t="shared" si="391"/>
        <v>417.11579999999998</v>
      </c>
      <c r="I25056" s="1"/>
    </row>
    <row r="25057" spans="1:9" x14ac:dyDescent="0.25">
      <c r="A25057" s="3">
        <v>41979.678668981483</v>
      </c>
      <c r="B25057" s="6">
        <v>417132.44999999995</v>
      </c>
      <c r="C25057" s="7">
        <f t="shared" si="391"/>
        <v>417.13244999999995</v>
      </c>
      <c r="I25057" s="1"/>
    </row>
    <row r="25058" spans="1:9" x14ac:dyDescent="0.25">
      <c r="A25058" s="3">
        <v>41979.678761574076</v>
      </c>
      <c r="B25058" s="6">
        <v>417149.1</v>
      </c>
      <c r="C25058" s="7">
        <f t="shared" si="391"/>
        <v>417.14909999999998</v>
      </c>
      <c r="I25058" s="1"/>
    </row>
    <row r="25059" spans="1:9" x14ac:dyDescent="0.25">
      <c r="A25059" s="3">
        <v>41979.679259259261</v>
      </c>
      <c r="B25059" s="6">
        <v>417165.74999999994</v>
      </c>
      <c r="C25059" s="7">
        <f t="shared" si="391"/>
        <v>417.16574999999995</v>
      </c>
      <c r="I25059" s="1"/>
    </row>
    <row r="25060" spans="1:9" x14ac:dyDescent="0.25">
      <c r="A25060" s="3">
        <v>41979.679351851853</v>
      </c>
      <c r="B25060" s="6">
        <v>417182.39999999997</v>
      </c>
      <c r="C25060" s="7">
        <f t="shared" si="391"/>
        <v>417.18239999999997</v>
      </c>
      <c r="I25060" s="1"/>
    </row>
    <row r="25061" spans="1:9" x14ac:dyDescent="0.25">
      <c r="A25061" s="3">
        <v>41979.680011574077</v>
      </c>
      <c r="B25061" s="6">
        <v>417199.05</v>
      </c>
      <c r="C25061" s="7">
        <f t="shared" si="391"/>
        <v>417.19905</v>
      </c>
      <c r="I25061" s="1"/>
    </row>
    <row r="25062" spans="1:9" x14ac:dyDescent="0.25">
      <c r="A25062" s="3">
        <v>41979.680069444446</v>
      </c>
      <c r="B25062" s="6">
        <v>417215.69999999995</v>
      </c>
      <c r="C25062" s="7">
        <f t="shared" si="391"/>
        <v>417.21569999999997</v>
      </c>
      <c r="I25062" s="1"/>
    </row>
    <row r="25063" spans="1:9" x14ac:dyDescent="0.25">
      <c r="A25063" s="3">
        <v>41979.682372685187</v>
      </c>
      <c r="B25063" s="6">
        <v>417232.35</v>
      </c>
      <c r="C25063" s="7">
        <f t="shared" si="391"/>
        <v>417.23235</v>
      </c>
      <c r="I25063" s="1"/>
    </row>
    <row r="25064" spans="1:9" x14ac:dyDescent="0.25">
      <c r="A25064" s="3">
        <v>41979.682581018518</v>
      </c>
      <c r="B25064" s="6">
        <v>417248.99999999994</v>
      </c>
      <c r="C25064" s="7">
        <f t="shared" si="391"/>
        <v>417.24899999999997</v>
      </c>
      <c r="I25064" s="1"/>
    </row>
    <row r="25065" spans="1:9" x14ac:dyDescent="0.25">
      <c r="A25065" s="3">
        <v>41979.683518518519</v>
      </c>
      <c r="B25065" s="6">
        <v>417265.64999999997</v>
      </c>
      <c r="C25065" s="7">
        <f t="shared" si="391"/>
        <v>417.26564999999994</v>
      </c>
      <c r="I25065" s="1"/>
    </row>
    <row r="25066" spans="1:9" x14ac:dyDescent="0.25">
      <c r="A25066" s="3">
        <v>41979.683657407404</v>
      </c>
      <c r="B25066" s="6">
        <v>417282.3</v>
      </c>
      <c r="C25066" s="7">
        <f t="shared" si="391"/>
        <v>417.28229999999996</v>
      </c>
      <c r="I25066" s="1"/>
    </row>
    <row r="25067" spans="1:9" x14ac:dyDescent="0.25">
      <c r="A25067" s="3">
        <v>41979.684351851851</v>
      </c>
      <c r="B25067" s="6">
        <v>417298.94999999995</v>
      </c>
      <c r="C25067" s="7">
        <f t="shared" si="391"/>
        <v>417.29894999999993</v>
      </c>
      <c r="I25067" s="1"/>
    </row>
    <row r="25068" spans="1:9" x14ac:dyDescent="0.25">
      <c r="A25068" s="3">
        <v>41979.684421296297</v>
      </c>
      <c r="B25068" s="6">
        <v>417315.6</v>
      </c>
      <c r="C25068" s="7">
        <f t="shared" si="391"/>
        <v>417.31559999999996</v>
      </c>
      <c r="I25068" s="1"/>
    </row>
    <row r="25069" spans="1:9" x14ac:dyDescent="0.25">
      <c r="A25069" s="3">
        <v>41979.684884259259</v>
      </c>
      <c r="B25069" s="6">
        <v>417332.24999999994</v>
      </c>
      <c r="C25069" s="7">
        <f t="shared" si="391"/>
        <v>417.33224999999993</v>
      </c>
      <c r="I25069" s="1"/>
    </row>
    <row r="25070" spans="1:9" x14ac:dyDescent="0.25">
      <c r="A25070" s="3">
        <v>41979.684942129628</v>
      </c>
      <c r="B25070" s="6">
        <v>417348.89999999997</v>
      </c>
      <c r="C25070" s="7">
        <f t="shared" si="391"/>
        <v>417.34889999999996</v>
      </c>
      <c r="I25070" s="1"/>
    </row>
    <row r="25071" spans="1:9" x14ac:dyDescent="0.25">
      <c r="A25071" s="3">
        <v>41979.685717592591</v>
      </c>
      <c r="B25071" s="6">
        <v>417365.55</v>
      </c>
      <c r="C25071" s="7">
        <f t="shared" si="391"/>
        <v>417.36554999999998</v>
      </c>
      <c r="I25071" s="1"/>
    </row>
    <row r="25072" spans="1:9" x14ac:dyDescent="0.25">
      <c r="A25072" s="3">
        <v>41979.685763888891</v>
      </c>
      <c r="B25072" s="6">
        <v>417382.19999999995</v>
      </c>
      <c r="C25072" s="7">
        <f t="shared" si="391"/>
        <v>417.38219999999995</v>
      </c>
      <c r="I25072" s="1"/>
    </row>
    <row r="25073" spans="1:9" x14ac:dyDescent="0.25">
      <c r="A25073" s="3">
        <v>41979.686678240738</v>
      </c>
      <c r="B25073" s="6">
        <v>417398.85</v>
      </c>
      <c r="C25073" s="7">
        <f t="shared" si="391"/>
        <v>417.39884999999998</v>
      </c>
      <c r="I25073" s="1"/>
    </row>
    <row r="25074" spans="1:9" x14ac:dyDescent="0.25">
      <c r="A25074" s="3">
        <v>41979.686898148146</v>
      </c>
      <c r="B25074" s="6">
        <v>417415.49999999994</v>
      </c>
      <c r="C25074" s="7">
        <f t="shared" si="391"/>
        <v>417.41549999999995</v>
      </c>
      <c r="I25074" s="1"/>
    </row>
    <row r="25075" spans="1:9" x14ac:dyDescent="0.25">
      <c r="A25075" s="3">
        <v>41979.687604166669</v>
      </c>
      <c r="B25075" s="6">
        <v>417432.14999999997</v>
      </c>
      <c r="C25075" s="7">
        <f t="shared" si="391"/>
        <v>417.43214999999998</v>
      </c>
      <c r="I25075" s="1"/>
    </row>
    <row r="25076" spans="1:9" x14ac:dyDescent="0.25">
      <c r="A25076" s="3">
        <v>41979.687673611108</v>
      </c>
      <c r="B25076" s="6">
        <v>417448.8</v>
      </c>
      <c r="C25076" s="7">
        <f t="shared" si="391"/>
        <v>417.44880000000001</v>
      </c>
      <c r="I25076" s="1"/>
    </row>
    <row r="25077" spans="1:9" x14ac:dyDescent="0.25">
      <c r="A25077" s="3">
        <v>41979.68822916667</v>
      </c>
      <c r="B25077" s="6">
        <v>417465.44999999995</v>
      </c>
      <c r="C25077" s="7">
        <f t="shared" si="391"/>
        <v>417.46544999999998</v>
      </c>
      <c r="I25077" s="1"/>
    </row>
    <row r="25078" spans="1:9" x14ac:dyDescent="0.25">
      <c r="A25078" s="3">
        <v>41979.688287037039</v>
      </c>
      <c r="B25078" s="6">
        <v>417482.1</v>
      </c>
      <c r="C25078" s="7">
        <f t="shared" si="391"/>
        <v>417.4821</v>
      </c>
      <c r="I25078" s="1"/>
    </row>
    <row r="25079" spans="1:9" x14ac:dyDescent="0.25">
      <c r="A25079" s="3">
        <v>41979.688692129632</v>
      </c>
      <c r="B25079" s="6">
        <v>417498.74999999994</v>
      </c>
      <c r="C25079" s="7">
        <f t="shared" si="391"/>
        <v>417.49874999999992</v>
      </c>
      <c r="I25079" s="1"/>
    </row>
    <row r="25080" spans="1:9" x14ac:dyDescent="0.25">
      <c r="A25080" s="3">
        <v>41979.688773148147</v>
      </c>
      <c r="B25080" s="6">
        <v>417515.39999999997</v>
      </c>
      <c r="C25080" s="7">
        <f t="shared" si="391"/>
        <v>417.51539999999994</v>
      </c>
      <c r="I25080" s="1"/>
    </row>
    <row r="25081" spans="1:9" x14ac:dyDescent="0.25">
      <c r="A25081" s="3">
        <v>41979.689467592594</v>
      </c>
      <c r="B25081" s="6">
        <v>417532.05</v>
      </c>
      <c r="C25081" s="7">
        <f t="shared" si="391"/>
        <v>417.53204999999997</v>
      </c>
      <c r="I25081" s="1"/>
    </row>
    <row r="25082" spans="1:9" x14ac:dyDescent="0.25">
      <c r="A25082" s="3">
        <v>41979.689606481479</v>
      </c>
      <c r="B25082" s="6">
        <v>417548.69999999995</v>
      </c>
      <c r="C25082" s="7">
        <f t="shared" si="391"/>
        <v>417.54869999999994</v>
      </c>
      <c r="I25082" s="1"/>
    </row>
    <row r="25083" spans="1:9" x14ac:dyDescent="0.25">
      <c r="A25083" s="3">
        <v>41979.69127314815</v>
      </c>
      <c r="B25083" s="6">
        <v>417565.35</v>
      </c>
      <c r="C25083" s="7">
        <f t="shared" si="391"/>
        <v>417.56534999999997</v>
      </c>
      <c r="I25083" s="1"/>
    </row>
    <row r="25084" spans="1:9" x14ac:dyDescent="0.25">
      <c r="A25084" s="3">
        <v>41979.691469907404</v>
      </c>
      <c r="B25084" s="6">
        <v>417581.99999999994</v>
      </c>
      <c r="C25084" s="7">
        <f t="shared" si="391"/>
        <v>417.58199999999994</v>
      </c>
      <c r="I25084" s="1"/>
    </row>
    <row r="25085" spans="1:9" x14ac:dyDescent="0.25">
      <c r="A25085" s="3">
        <v>41979.692245370374</v>
      </c>
      <c r="B25085" s="6">
        <v>417598.64999999997</v>
      </c>
      <c r="C25085" s="7">
        <f t="shared" si="391"/>
        <v>417.59864999999996</v>
      </c>
      <c r="I25085" s="1"/>
    </row>
    <row r="25086" spans="1:9" x14ac:dyDescent="0.25">
      <c r="A25086" s="3">
        <v>41979.692314814813</v>
      </c>
      <c r="B25086" s="6">
        <v>417615.3</v>
      </c>
      <c r="C25086" s="7">
        <f t="shared" si="391"/>
        <v>417.61529999999999</v>
      </c>
      <c r="I25086" s="1"/>
    </row>
    <row r="25087" spans="1:9" x14ac:dyDescent="0.25">
      <c r="A25087" s="3">
        <v>41979.692754629628</v>
      </c>
      <c r="B25087" s="6">
        <v>417631.94999999995</v>
      </c>
      <c r="C25087" s="7">
        <f t="shared" si="391"/>
        <v>417.63194999999996</v>
      </c>
      <c r="I25087" s="1"/>
    </row>
    <row r="25088" spans="1:9" x14ac:dyDescent="0.25">
      <c r="A25088" s="3">
        <v>41979.692812499998</v>
      </c>
      <c r="B25088" s="6">
        <v>417648.6</v>
      </c>
      <c r="C25088" s="7">
        <f t="shared" si="391"/>
        <v>417.64859999999999</v>
      </c>
      <c r="I25088" s="1"/>
    </row>
    <row r="25089" spans="1:9" x14ac:dyDescent="0.25">
      <c r="A25089" s="3">
        <v>41979.693391203706</v>
      </c>
      <c r="B25089" s="6">
        <v>417665.24999999994</v>
      </c>
      <c r="C25089" s="7">
        <f t="shared" si="391"/>
        <v>417.66524999999996</v>
      </c>
      <c r="I25089" s="1"/>
    </row>
    <row r="25090" spans="1:9" x14ac:dyDescent="0.25">
      <c r="A25090" s="3">
        <v>41979.693437499998</v>
      </c>
      <c r="B25090" s="6">
        <v>417681.89999999997</v>
      </c>
      <c r="C25090" s="7">
        <f t="shared" si="391"/>
        <v>417.68189999999998</v>
      </c>
      <c r="I25090" s="1"/>
    </row>
    <row r="25091" spans="1:9" x14ac:dyDescent="0.25">
      <c r="A25091" s="3">
        <v>41979.693865740737</v>
      </c>
      <c r="B25091" s="6">
        <v>417698.55</v>
      </c>
      <c r="C25091" s="7">
        <f t="shared" ref="C25091:C25154" si="392">B25091/1000</f>
        <v>417.69855000000001</v>
      </c>
      <c r="I25091" s="1"/>
    </row>
    <row r="25092" spans="1:9" x14ac:dyDescent="0.25">
      <c r="A25092" s="3">
        <v>41979.693912037037</v>
      </c>
      <c r="B25092" s="6">
        <v>417715.19999999995</v>
      </c>
      <c r="C25092" s="7">
        <f t="shared" si="392"/>
        <v>417.71519999999998</v>
      </c>
      <c r="I25092" s="1"/>
    </row>
    <row r="25093" spans="1:9" x14ac:dyDescent="0.25">
      <c r="A25093" s="3">
        <v>41979.694374999999</v>
      </c>
      <c r="B25093" s="6">
        <v>417731.85</v>
      </c>
      <c r="C25093" s="7">
        <f t="shared" si="392"/>
        <v>417.73184999999995</v>
      </c>
      <c r="I25093" s="1"/>
    </row>
    <row r="25094" spans="1:9" x14ac:dyDescent="0.25">
      <c r="A25094" s="3">
        <v>41979.694444444445</v>
      </c>
      <c r="B25094" s="6">
        <v>417748.49999999994</v>
      </c>
      <c r="C25094" s="7">
        <f t="shared" si="392"/>
        <v>417.74849999999992</v>
      </c>
      <c r="I25094" s="1"/>
    </row>
    <row r="25095" spans="1:9" x14ac:dyDescent="0.25">
      <c r="A25095" s="3">
        <v>41979.695057870369</v>
      </c>
      <c r="B25095" s="6">
        <v>417765.14999999997</v>
      </c>
      <c r="C25095" s="7">
        <f t="shared" si="392"/>
        <v>417.76514999999995</v>
      </c>
      <c r="I25095" s="1"/>
    </row>
    <row r="25096" spans="1:9" x14ac:dyDescent="0.25">
      <c r="A25096" s="3">
        <v>41979.695115740738</v>
      </c>
      <c r="B25096" s="6">
        <v>417781.8</v>
      </c>
      <c r="C25096" s="7">
        <f t="shared" si="392"/>
        <v>417.78179999999998</v>
      </c>
      <c r="I25096" s="1"/>
    </row>
    <row r="25097" spans="1:9" x14ac:dyDescent="0.25">
      <c r="A25097" s="3">
        <v>41979.695740740739</v>
      </c>
      <c r="B25097" s="6">
        <v>417798.44999999995</v>
      </c>
      <c r="C25097" s="7">
        <f t="shared" si="392"/>
        <v>417.79844999999995</v>
      </c>
      <c r="I25097" s="1"/>
    </row>
    <row r="25098" spans="1:9" x14ac:dyDescent="0.25">
      <c r="A25098" s="3">
        <v>41979.695798611108</v>
      </c>
      <c r="B25098" s="6">
        <v>417815.1</v>
      </c>
      <c r="C25098" s="7">
        <f t="shared" si="392"/>
        <v>417.81509999999997</v>
      </c>
      <c r="I25098" s="1"/>
    </row>
    <row r="25099" spans="1:9" x14ac:dyDescent="0.25">
      <c r="A25099" s="3">
        <v>41979.696192129632</v>
      </c>
      <c r="B25099" s="6">
        <v>417831.74999999994</v>
      </c>
      <c r="C25099" s="7">
        <f t="shared" si="392"/>
        <v>417.83174999999994</v>
      </c>
      <c r="I25099" s="1"/>
    </row>
    <row r="25100" spans="1:9" x14ac:dyDescent="0.25">
      <c r="A25100" s="3">
        <v>41979.696238425924</v>
      </c>
      <c r="B25100" s="6">
        <v>417848.39999999997</v>
      </c>
      <c r="C25100" s="7">
        <f t="shared" si="392"/>
        <v>417.84839999999997</v>
      </c>
      <c r="I25100" s="1"/>
    </row>
    <row r="25101" spans="1:9" x14ac:dyDescent="0.25">
      <c r="A25101" s="3">
        <v>41979.697106481479</v>
      </c>
      <c r="B25101" s="6">
        <v>417865.05</v>
      </c>
      <c r="C25101" s="7">
        <f t="shared" si="392"/>
        <v>417.86505</v>
      </c>
      <c r="I25101" s="1"/>
    </row>
    <row r="25102" spans="1:9" x14ac:dyDescent="0.25">
      <c r="A25102" s="3">
        <v>41979.697152777779</v>
      </c>
      <c r="B25102" s="6">
        <v>417881.69999999995</v>
      </c>
      <c r="C25102" s="7">
        <f t="shared" si="392"/>
        <v>417.88169999999997</v>
      </c>
      <c r="I25102" s="1"/>
    </row>
    <row r="25103" spans="1:9" x14ac:dyDescent="0.25">
      <c r="A25103" s="3">
        <v>41979.697500000002</v>
      </c>
      <c r="B25103" s="6">
        <v>417898.35</v>
      </c>
      <c r="C25103" s="7">
        <f t="shared" si="392"/>
        <v>417.89834999999999</v>
      </c>
      <c r="I25103" s="1"/>
    </row>
    <row r="25104" spans="1:9" x14ac:dyDescent="0.25">
      <c r="A25104" s="3">
        <v>41979.697557870371</v>
      </c>
      <c r="B25104" s="6">
        <v>417914.99999999994</v>
      </c>
      <c r="C25104" s="7">
        <f t="shared" si="392"/>
        <v>417.91499999999996</v>
      </c>
      <c r="I25104" s="1"/>
    </row>
    <row r="25105" spans="1:9" x14ac:dyDescent="0.25">
      <c r="A25105" s="3">
        <v>41979.698344907411</v>
      </c>
      <c r="B25105" s="6">
        <v>417931.64999999997</v>
      </c>
      <c r="C25105" s="7">
        <f t="shared" si="392"/>
        <v>417.93164999999999</v>
      </c>
      <c r="I25105" s="1"/>
    </row>
    <row r="25106" spans="1:9" x14ac:dyDescent="0.25">
      <c r="A25106" s="3">
        <v>41979.698414351849</v>
      </c>
      <c r="B25106" s="6">
        <v>417948.3</v>
      </c>
      <c r="C25106" s="7">
        <f t="shared" si="392"/>
        <v>417.94829999999996</v>
      </c>
      <c r="I25106" s="1"/>
    </row>
    <row r="25107" spans="1:9" x14ac:dyDescent="0.25">
      <c r="A25107" s="3">
        <v>41979.699016203704</v>
      </c>
      <c r="B25107" s="6">
        <v>417964.94999999995</v>
      </c>
      <c r="C25107" s="7">
        <f t="shared" si="392"/>
        <v>417.96494999999993</v>
      </c>
      <c r="I25107" s="1"/>
    </row>
    <row r="25108" spans="1:9" x14ac:dyDescent="0.25">
      <c r="A25108" s="3">
        <v>41979.699131944442</v>
      </c>
      <c r="B25108" s="6">
        <v>417981.6</v>
      </c>
      <c r="C25108" s="7">
        <f t="shared" si="392"/>
        <v>417.98159999999996</v>
      </c>
      <c r="I25108" s="1"/>
    </row>
    <row r="25109" spans="1:9" x14ac:dyDescent="0.25">
      <c r="A25109" s="3">
        <v>41979.699861111112</v>
      </c>
      <c r="B25109" s="6">
        <v>417998.24999999994</v>
      </c>
      <c r="C25109" s="7">
        <f t="shared" si="392"/>
        <v>417.99824999999993</v>
      </c>
      <c r="I25109" s="1"/>
    </row>
    <row r="25110" spans="1:9" x14ac:dyDescent="0.25">
      <c r="A25110" s="3">
        <v>41979.699907407405</v>
      </c>
      <c r="B25110" s="6">
        <v>418014.89999999997</v>
      </c>
      <c r="C25110" s="7">
        <f t="shared" si="392"/>
        <v>418.01489999999995</v>
      </c>
      <c r="I25110" s="1"/>
    </row>
    <row r="25111" spans="1:9" x14ac:dyDescent="0.25">
      <c r="A25111" s="3">
        <v>41979.700439814813</v>
      </c>
      <c r="B25111" s="6">
        <v>418031.55</v>
      </c>
      <c r="C25111" s="7">
        <f t="shared" si="392"/>
        <v>418.03154999999998</v>
      </c>
      <c r="I25111" s="1"/>
    </row>
    <row r="25112" spans="1:9" x14ac:dyDescent="0.25">
      <c r="A25112" s="3">
        <v>41979.700486111113</v>
      </c>
      <c r="B25112" s="6">
        <v>418048.19999999995</v>
      </c>
      <c r="C25112" s="7">
        <f t="shared" si="392"/>
        <v>418.04819999999995</v>
      </c>
      <c r="I25112" s="1"/>
    </row>
    <row r="25113" spans="1:9" x14ac:dyDescent="0.25">
      <c r="A25113" s="3">
        <v>41979.700879629629</v>
      </c>
      <c r="B25113" s="6">
        <v>418064.85</v>
      </c>
      <c r="C25113" s="7">
        <f t="shared" si="392"/>
        <v>418.06484999999998</v>
      </c>
      <c r="I25113" s="1"/>
    </row>
    <row r="25114" spans="1:9" x14ac:dyDescent="0.25">
      <c r="A25114" s="3">
        <v>41979.700914351852</v>
      </c>
      <c r="B25114" s="6">
        <v>418081.49999999994</v>
      </c>
      <c r="C25114" s="7">
        <f t="shared" si="392"/>
        <v>418.08149999999995</v>
      </c>
      <c r="I25114" s="1"/>
    </row>
    <row r="25115" spans="1:9" x14ac:dyDescent="0.25">
      <c r="A25115" s="3">
        <v>41979.701249999998</v>
      </c>
      <c r="B25115" s="6">
        <v>418098.14999999997</v>
      </c>
      <c r="C25115" s="7">
        <f t="shared" si="392"/>
        <v>418.09814999999998</v>
      </c>
      <c r="I25115" s="1"/>
    </row>
    <row r="25116" spans="1:9" x14ac:dyDescent="0.25">
      <c r="A25116" s="3">
        <v>41979.701307870368</v>
      </c>
      <c r="B25116" s="6">
        <v>418114.8</v>
      </c>
      <c r="C25116" s="7">
        <f t="shared" si="392"/>
        <v>418.1148</v>
      </c>
      <c r="I25116" s="1"/>
    </row>
    <row r="25117" spans="1:9" x14ac:dyDescent="0.25">
      <c r="A25117" s="3">
        <v>41979.701967592591</v>
      </c>
      <c r="B25117" s="6">
        <v>418131.44999999995</v>
      </c>
      <c r="C25117" s="7">
        <f t="shared" si="392"/>
        <v>418.13144999999997</v>
      </c>
      <c r="I25117" s="1"/>
    </row>
    <row r="25118" spans="1:9" x14ac:dyDescent="0.25">
      <c r="A25118" s="3">
        <v>41979.702048611114</v>
      </c>
      <c r="B25118" s="6">
        <v>418148.1</v>
      </c>
      <c r="C25118" s="7">
        <f t="shared" si="392"/>
        <v>418.1481</v>
      </c>
      <c r="I25118" s="1"/>
    </row>
    <row r="25119" spans="1:9" x14ac:dyDescent="0.25">
      <c r="A25119" s="3">
        <v>41979.702719907407</v>
      </c>
      <c r="B25119" s="6">
        <v>418164.74999999994</v>
      </c>
      <c r="C25119" s="7">
        <f t="shared" si="392"/>
        <v>418.16474999999997</v>
      </c>
      <c r="I25119" s="1"/>
    </row>
    <row r="25120" spans="1:9" x14ac:dyDescent="0.25">
      <c r="A25120" s="3">
        <v>41979.702835648146</v>
      </c>
      <c r="B25120" s="6">
        <v>418181.39999999997</v>
      </c>
      <c r="C25120" s="7">
        <f t="shared" si="392"/>
        <v>418.18139999999994</v>
      </c>
      <c r="I25120" s="1"/>
    </row>
    <row r="25121" spans="1:9" x14ac:dyDescent="0.25">
      <c r="A25121" s="3">
        <v>41979.703333333331</v>
      </c>
      <c r="B25121" s="6">
        <v>418198.05</v>
      </c>
      <c r="C25121" s="7">
        <f t="shared" si="392"/>
        <v>418.19804999999997</v>
      </c>
      <c r="I25121" s="1"/>
    </row>
    <row r="25122" spans="1:9" x14ac:dyDescent="0.25">
      <c r="A25122" s="3">
        <v>41979.7033912037</v>
      </c>
      <c r="B25122" s="6">
        <v>418214.69999999995</v>
      </c>
      <c r="C25122" s="7">
        <f t="shared" si="392"/>
        <v>418.21469999999994</v>
      </c>
      <c r="I25122" s="1"/>
    </row>
    <row r="25123" spans="1:9" x14ac:dyDescent="0.25">
      <c r="A25123" s="3">
        <v>41979.70380787037</v>
      </c>
      <c r="B25123" s="6">
        <v>418231.35</v>
      </c>
      <c r="C25123" s="7">
        <f t="shared" si="392"/>
        <v>418.23134999999996</v>
      </c>
      <c r="I25123" s="1"/>
    </row>
    <row r="25124" spans="1:9" x14ac:dyDescent="0.25">
      <c r="A25124" s="3">
        <v>41979.703900462962</v>
      </c>
      <c r="B25124" s="6">
        <v>418247.99999999994</v>
      </c>
      <c r="C25124" s="7">
        <f t="shared" si="392"/>
        <v>418.24799999999993</v>
      </c>
      <c r="I25124" s="1"/>
    </row>
    <row r="25125" spans="1:9" x14ac:dyDescent="0.25">
      <c r="A25125" s="3">
        <v>41979.704351851855</v>
      </c>
      <c r="B25125" s="6">
        <v>418264.64999999997</v>
      </c>
      <c r="C25125" s="7">
        <f t="shared" si="392"/>
        <v>418.26464999999996</v>
      </c>
      <c r="I25125" s="1"/>
    </row>
    <row r="25126" spans="1:9" x14ac:dyDescent="0.25">
      <c r="A25126" s="3">
        <v>41979.704398148147</v>
      </c>
      <c r="B25126" s="6">
        <v>418281.3</v>
      </c>
      <c r="C25126" s="7">
        <f t="shared" si="392"/>
        <v>418.28129999999999</v>
      </c>
      <c r="I25126" s="1"/>
    </row>
    <row r="25127" spans="1:9" x14ac:dyDescent="0.25">
      <c r="A25127" s="3">
        <v>41979.704791666663</v>
      </c>
      <c r="B25127" s="6">
        <v>418297.94999999995</v>
      </c>
      <c r="C25127" s="7">
        <f t="shared" si="392"/>
        <v>418.29794999999996</v>
      </c>
      <c r="I25127" s="1"/>
    </row>
    <row r="25128" spans="1:9" x14ac:dyDescent="0.25">
      <c r="A25128" s="3">
        <v>41979.704826388886</v>
      </c>
      <c r="B25128" s="6">
        <v>418314.6</v>
      </c>
      <c r="C25128" s="7">
        <f t="shared" si="392"/>
        <v>418.31459999999998</v>
      </c>
      <c r="I25128" s="1"/>
    </row>
    <row r="25129" spans="1:9" x14ac:dyDescent="0.25">
      <c r="A25129" s="3">
        <v>41979.705057870371</v>
      </c>
      <c r="B25129" s="6">
        <v>418331.24999999994</v>
      </c>
      <c r="C25129" s="7">
        <f t="shared" si="392"/>
        <v>418.33124999999995</v>
      </c>
      <c r="I25129" s="1"/>
    </row>
    <row r="25130" spans="1:9" x14ac:dyDescent="0.25">
      <c r="A25130" s="3">
        <v>41979.705092592594</v>
      </c>
      <c r="B25130" s="6">
        <v>418347.89999999997</v>
      </c>
      <c r="C25130" s="7">
        <f t="shared" si="392"/>
        <v>418.34789999999998</v>
      </c>
      <c r="I25130" s="1"/>
    </row>
    <row r="25131" spans="1:9" x14ac:dyDescent="0.25">
      <c r="A25131" s="3">
        <v>41979.705613425926</v>
      </c>
      <c r="B25131" s="6">
        <v>418364.55</v>
      </c>
      <c r="C25131" s="7">
        <f t="shared" si="392"/>
        <v>418.36455000000001</v>
      </c>
      <c r="I25131" s="1"/>
    </row>
    <row r="25132" spans="1:9" x14ac:dyDescent="0.25">
      <c r="A25132" s="3">
        <v>41979.705648148149</v>
      </c>
      <c r="B25132" s="6">
        <v>418381.19999999995</v>
      </c>
      <c r="C25132" s="7">
        <f t="shared" si="392"/>
        <v>418.38119999999998</v>
      </c>
      <c r="I25132" s="1"/>
    </row>
    <row r="25133" spans="1:9" x14ac:dyDescent="0.25">
      <c r="A25133" s="3">
        <v>41979.706053240741</v>
      </c>
      <c r="B25133" s="6">
        <v>418397.85</v>
      </c>
      <c r="C25133" s="7">
        <f t="shared" si="392"/>
        <v>418.39784999999995</v>
      </c>
      <c r="I25133" s="1"/>
    </row>
    <row r="25134" spans="1:9" x14ac:dyDescent="0.25">
      <c r="A25134" s="3">
        <v>41979.706099537034</v>
      </c>
      <c r="B25134" s="6">
        <v>418414.49999999994</v>
      </c>
      <c r="C25134" s="7">
        <f t="shared" si="392"/>
        <v>418.41449999999992</v>
      </c>
      <c r="I25134" s="1"/>
    </row>
    <row r="25135" spans="1:9" x14ac:dyDescent="0.25">
      <c r="A25135" s="3">
        <v>41979.706469907411</v>
      </c>
      <c r="B25135" s="6">
        <v>418431.14999999997</v>
      </c>
      <c r="C25135" s="7">
        <f t="shared" si="392"/>
        <v>418.43114999999995</v>
      </c>
      <c r="I25135" s="1"/>
    </row>
    <row r="25136" spans="1:9" x14ac:dyDescent="0.25">
      <c r="A25136" s="3">
        <v>41979.706516203703</v>
      </c>
      <c r="B25136" s="6">
        <v>418447.8</v>
      </c>
      <c r="C25136" s="7">
        <f t="shared" si="392"/>
        <v>418.44779999999997</v>
      </c>
      <c r="I25136" s="1"/>
    </row>
    <row r="25137" spans="1:9" x14ac:dyDescent="0.25">
      <c r="A25137" s="3">
        <v>41979.707002314812</v>
      </c>
      <c r="B25137" s="6">
        <v>418464.44999999995</v>
      </c>
      <c r="C25137" s="7">
        <f t="shared" si="392"/>
        <v>418.46444999999994</v>
      </c>
      <c r="I25137" s="1"/>
    </row>
    <row r="25138" spans="1:9" x14ac:dyDescent="0.25">
      <c r="A25138" s="3">
        <v>41979.707048611112</v>
      </c>
      <c r="B25138" s="6">
        <v>418481.1</v>
      </c>
      <c r="C25138" s="7">
        <f t="shared" si="392"/>
        <v>418.48109999999997</v>
      </c>
      <c r="I25138" s="1"/>
    </row>
    <row r="25139" spans="1:9" x14ac:dyDescent="0.25">
      <c r="A25139" s="3">
        <v>41979.707511574074</v>
      </c>
      <c r="B25139" s="6">
        <v>418497.74999999994</v>
      </c>
      <c r="C25139" s="7">
        <f t="shared" si="392"/>
        <v>418.49774999999994</v>
      </c>
      <c r="I25139" s="1"/>
    </row>
    <row r="25140" spans="1:9" x14ac:dyDescent="0.25">
      <c r="A25140" s="3">
        <v>41979.707569444443</v>
      </c>
      <c r="B25140" s="6">
        <v>418514.39999999997</v>
      </c>
      <c r="C25140" s="7">
        <f t="shared" si="392"/>
        <v>418.51439999999997</v>
      </c>
      <c r="I25140" s="1"/>
    </row>
    <row r="25141" spans="1:9" x14ac:dyDescent="0.25">
      <c r="A25141" s="3">
        <v>41979.708252314813</v>
      </c>
      <c r="B25141" s="6">
        <v>418531.05</v>
      </c>
      <c r="C25141" s="7">
        <f t="shared" si="392"/>
        <v>418.53104999999999</v>
      </c>
      <c r="I25141" s="1"/>
    </row>
    <row r="25142" spans="1:9" x14ac:dyDescent="0.25">
      <c r="A25142" s="3">
        <v>41979.708368055559</v>
      </c>
      <c r="B25142" s="6">
        <v>418547.69999999995</v>
      </c>
      <c r="C25142" s="7">
        <f t="shared" si="392"/>
        <v>418.54769999999996</v>
      </c>
      <c r="I25142" s="1"/>
    </row>
    <row r="25143" spans="1:9" x14ac:dyDescent="0.25">
      <c r="A25143" s="3">
        <v>41979.708854166667</v>
      </c>
      <c r="B25143" s="6">
        <v>418564.35</v>
      </c>
      <c r="C25143" s="7">
        <f t="shared" si="392"/>
        <v>418.56434999999999</v>
      </c>
      <c r="I25143" s="1"/>
    </row>
    <row r="25144" spans="1:9" x14ac:dyDescent="0.25">
      <c r="A25144" s="3">
        <v>41979.708912037036</v>
      </c>
      <c r="B25144" s="6">
        <v>418580.99999999994</v>
      </c>
      <c r="C25144" s="7">
        <f t="shared" si="392"/>
        <v>418.58099999999996</v>
      </c>
      <c r="I25144" s="1"/>
    </row>
    <row r="25145" spans="1:9" x14ac:dyDescent="0.25">
      <c r="A25145" s="3">
        <v>41979.709409722222</v>
      </c>
      <c r="B25145" s="6">
        <v>418597.64999999997</v>
      </c>
      <c r="C25145" s="7">
        <f t="shared" si="392"/>
        <v>418.59764999999999</v>
      </c>
      <c r="I25145" s="1"/>
    </row>
    <row r="25146" spans="1:9" x14ac:dyDescent="0.25">
      <c r="A25146" s="3">
        <v>41979.709467592591</v>
      </c>
      <c r="B25146" s="6">
        <v>418614.3</v>
      </c>
      <c r="C25146" s="7">
        <f t="shared" si="392"/>
        <v>418.61430000000001</v>
      </c>
      <c r="I25146" s="1"/>
    </row>
    <row r="25147" spans="1:9" x14ac:dyDescent="0.25">
      <c r="A25147" s="3">
        <v>41979.710081018522</v>
      </c>
      <c r="B25147" s="6">
        <v>418630.94999999995</v>
      </c>
      <c r="C25147" s="7">
        <f t="shared" si="392"/>
        <v>418.63094999999993</v>
      </c>
      <c r="I25147" s="1"/>
    </row>
    <row r="25148" spans="1:9" x14ac:dyDescent="0.25">
      <c r="A25148" s="3">
        <v>41979.710127314815</v>
      </c>
      <c r="B25148" s="6">
        <v>418647.6</v>
      </c>
      <c r="C25148" s="7">
        <f t="shared" si="392"/>
        <v>418.64759999999995</v>
      </c>
      <c r="I25148" s="1"/>
    </row>
    <row r="25149" spans="1:9" x14ac:dyDescent="0.25">
      <c r="A25149" s="3">
        <v>41979.710775462961</v>
      </c>
      <c r="B25149" s="6">
        <v>418664.24999999994</v>
      </c>
      <c r="C25149" s="7">
        <f t="shared" si="392"/>
        <v>418.66424999999992</v>
      </c>
      <c r="I25149" s="1"/>
    </row>
    <row r="25150" spans="1:9" x14ac:dyDescent="0.25">
      <c r="A25150" s="3">
        <v>41979.710879629631</v>
      </c>
      <c r="B25150" s="6">
        <v>418680.89999999997</v>
      </c>
      <c r="C25150" s="7">
        <f t="shared" si="392"/>
        <v>418.68089999999995</v>
      </c>
      <c r="I25150" s="1"/>
    </row>
    <row r="25151" spans="1:9" x14ac:dyDescent="0.25">
      <c r="A25151" s="3">
        <v>41979.711678240739</v>
      </c>
      <c r="B25151" s="6">
        <v>418697.55</v>
      </c>
      <c r="C25151" s="7">
        <f t="shared" si="392"/>
        <v>418.69754999999998</v>
      </c>
      <c r="I25151" s="1"/>
    </row>
    <row r="25152" spans="1:9" x14ac:dyDescent="0.25">
      <c r="A25152" s="3">
        <v>41979.711782407408</v>
      </c>
      <c r="B25152" s="6">
        <v>418714.19999999995</v>
      </c>
      <c r="C25152" s="7">
        <f t="shared" si="392"/>
        <v>418.71419999999995</v>
      </c>
      <c r="I25152" s="1"/>
    </row>
    <row r="25153" spans="1:9" x14ac:dyDescent="0.25">
      <c r="A25153" s="3">
        <v>41979.712395833332</v>
      </c>
      <c r="B25153" s="6">
        <v>418730.85</v>
      </c>
      <c r="C25153" s="7">
        <f t="shared" si="392"/>
        <v>418.73084999999998</v>
      </c>
      <c r="I25153" s="1"/>
    </row>
    <row r="25154" spans="1:9" x14ac:dyDescent="0.25">
      <c r="A25154" s="3">
        <v>41979.712685185186</v>
      </c>
      <c r="B25154" s="6">
        <v>418747.49999999994</v>
      </c>
      <c r="C25154" s="7">
        <f t="shared" si="392"/>
        <v>418.74749999999995</v>
      </c>
      <c r="I25154" s="1"/>
    </row>
    <row r="25155" spans="1:9" x14ac:dyDescent="0.25">
      <c r="A25155" s="3">
        <v>41979.713321759256</v>
      </c>
      <c r="B25155" s="6">
        <v>418764.14999999997</v>
      </c>
      <c r="C25155" s="7">
        <f t="shared" ref="C25155:C25218" si="393">B25155/1000</f>
        <v>418.76414999999997</v>
      </c>
      <c r="I25155" s="1"/>
    </row>
    <row r="25156" spans="1:9" x14ac:dyDescent="0.25">
      <c r="A25156" s="3">
        <v>41979.713391203702</v>
      </c>
      <c r="B25156" s="6">
        <v>418780.8</v>
      </c>
      <c r="C25156" s="7">
        <f t="shared" si="393"/>
        <v>418.7808</v>
      </c>
      <c r="I25156" s="1"/>
    </row>
    <row r="25157" spans="1:9" x14ac:dyDescent="0.25">
      <c r="A25157" s="3">
        <v>41979.714305555557</v>
      </c>
      <c r="B25157" s="6">
        <v>418797.44999999995</v>
      </c>
      <c r="C25157" s="7">
        <f t="shared" si="393"/>
        <v>418.79744999999997</v>
      </c>
      <c r="I25157" s="1"/>
    </row>
    <row r="25158" spans="1:9" x14ac:dyDescent="0.25">
      <c r="A25158" s="3">
        <v>41979.714409722219</v>
      </c>
      <c r="B25158" s="6">
        <v>418814.1</v>
      </c>
      <c r="C25158" s="7">
        <f t="shared" si="393"/>
        <v>418.8141</v>
      </c>
      <c r="I25158" s="1"/>
    </row>
    <row r="25159" spans="1:9" x14ac:dyDescent="0.25">
      <c r="A25159" s="3">
        <v>41979.715312499997</v>
      </c>
      <c r="B25159" s="6">
        <v>418830.74999999994</v>
      </c>
      <c r="C25159" s="7">
        <f t="shared" si="393"/>
        <v>418.83074999999997</v>
      </c>
      <c r="I25159" s="1"/>
    </row>
    <row r="25160" spans="1:9" x14ac:dyDescent="0.25">
      <c r="A25160" s="3">
        <v>41979.715474537035</v>
      </c>
      <c r="B25160" s="6">
        <v>418847.39999999997</v>
      </c>
      <c r="C25160" s="7">
        <f t="shared" si="393"/>
        <v>418.84739999999999</v>
      </c>
      <c r="I25160" s="1"/>
    </row>
    <row r="25161" spans="1:9" x14ac:dyDescent="0.25">
      <c r="A25161" s="3">
        <v>41979.716192129628</v>
      </c>
      <c r="B25161" s="6">
        <v>418864.05</v>
      </c>
      <c r="C25161" s="7">
        <f t="shared" si="393"/>
        <v>418.86404999999996</v>
      </c>
      <c r="I25161" s="1"/>
    </row>
    <row r="25162" spans="1:9" x14ac:dyDescent="0.25">
      <c r="A25162" s="3">
        <v>41979.716249999998</v>
      </c>
      <c r="B25162" s="6">
        <v>418880.69999999995</v>
      </c>
      <c r="C25162" s="7">
        <f t="shared" si="393"/>
        <v>418.88069999999993</v>
      </c>
      <c r="I25162" s="1"/>
    </row>
    <row r="25163" spans="1:9" x14ac:dyDescent="0.25">
      <c r="A25163" s="3">
        <v>41979.716898148145</v>
      </c>
      <c r="B25163" s="6">
        <v>418897.35</v>
      </c>
      <c r="C25163" s="7">
        <f t="shared" si="393"/>
        <v>418.89734999999996</v>
      </c>
      <c r="I25163" s="1"/>
    </row>
    <row r="25164" spans="1:9" x14ac:dyDescent="0.25">
      <c r="A25164" s="3">
        <v>41979.716967592591</v>
      </c>
      <c r="B25164" s="6">
        <v>418913.99999999994</v>
      </c>
      <c r="C25164" s="7">
        <f t="shared" si="393"/>
        <v>418.91399999999993</v>
      </c>
      <c r="I25164" s="1"/>
    </row>
    <row r="25165" spans="1:9" x14ac:dyDescent="0.25">
      <c r="A25165" s="3">
        <v>41979.717627314814</v>
      </c>
      <c r="B25165" s="6">
        <v>418930.64999999997</v>
      </c>
      <c r="C25165" s="7">
        <f t="shared" si="393"/>
        <v>418.93064999999996</v>
      </c>
      <c r="I25165" s="1"/>
    </row>
    <row r="25166" spans="1:9" x14ac:dyDescent="0.25">
      <c r="A25166" s="3">
        <v>41979.717719907407</v>
      </c>
      <c r="B25166" s="6">
        <v>418947.3</v>
      </c>
      <c r="C25166" s="7">
        <f t="shared" si="393"/>
        <v>418.94729999999998</v>
      </c>
      <c r="I25166" s="1"/>
    </row>
    <row r="25167" spans="1:9" x14ac:dyDescent="0.25">
      <c r="A25167" s="3">
        <v>41979.7187962963</v>
      </c>
      <c r="B25167" s="6">
        <v>418963.94999999995</v>
      </c>
      <c r="C25167" s="7">
        <f t="shared" si="393"/>
        <v>418.96394999999995</v>
      </c>
      <c r="I25167" s="1"/>
    </row>
    <row r="25168" spans="1:9" x14ac:dyDescent="0.25">
      <c r="A25168" s="3">
        <v>41979.7190625</v>
      </c>
      <c r="B25168" s="6">
        <v>418980.6</v>
      </c>
      <c r="C25168" s="7">
        <f t="shared" si="393"/>
        <v>418.98059999999998</v>
      </c>
      <c r="I25168" s="1"/>
    </row>
    <row r="25169" spans="1:9" x14ac:dyDescent="0.25">
      <c r="A25169" s="3">
        <v>41979.719965277778</v>
      </c>
      <c r="B25169" s="6">
        <v>418997.24999999994</v>
      </c>
      <c r="C25169" s="7">
        <f t="shared" si="393"/>
        <v>418.99724999999995</v>
      </c>
      <c r="I25169" s="1"/>
    </row>
    <row r="25170" spans="1:9" x14ac:dyDescent="0.25">
      <c r="A25170" s="3">
        <v>41979.720196759263</v>
      </c>
      <c r="B25170" s="6">
        <v>419013.89999999997</v>
      </c>
      <c r="C25170" s="7">
        <f t="shared" si="393"/>
        <v>419.01389999999998</v>
      </c>
      <c r="I25170" s="1"/>
    </row>
    <row r="25171" spans="1:9" x14ac:dyDescent="0.25">
      <c r="A25171" s="3">
        <v>41979.722314814811</v>
      </c>
      <c r="B25171" s="6">
        <v>419030.55</v>
      </c>
      <c r="C25171" s="7">
        <f t="shared" si="393"/>
        <v>419.03055000000001</v>
      </c>
      <c r="I25171" s="1"/>
    </row>
    <row r="25172" spans="1:9" x14ac:dyDescent="0.25">
      <c r="A25172" s="3">
        <v>41979.723344907405</v>
      </c>
      <c r="B25172" s="6">
        <v>419047.19999999995</v>
      </c>
      <c r="C25172" s="7">
        <f t="shared" si="393"/>
        <v>419.04719999999998</v>
      </c>
      <c r="I25172" s="1"/>
    </row>
    <row r="25173" spans="1:9" x14ac:dyDescent="0.25">
      <c r="A25173" s="3">
        <v>41979.727905092594</v>
      </c>
      <c r="B25173" s="6">
        <v>419063.85</v>
      </c>
      <c r="C25173" s="7">
        <f t="shared" si="393"/>
        <v>419.06385</v>
      </c>
      <c r="I25173" s="1"/>
    </row>
    <row r="25174" spans="1:9" x14ac:dyDescent="0.25">
      <c r="A25174" s="3">
        <v>41979.72797453704</v>
      </c>
      <c r="B25174" s="6">
        <v>419080.49999999994</v>
      </c>
      <c r="C25174" s="7">
        <f t="shared" si="393"/>
        <v>419.08049999999992</v>
      </c>
      <c r="I25174" s="1"/>
    </row>
    <row r="25175" spans="1:9" x14ac:dyDescent="0.25">
      <c r="A25175" s="3">
        <v>41979.729120370372</v>
      </c>
      <c r="B25175" s="6">
        <v>419097.14999999997</v>
      </c>
      <c r="C25175" s="7">
        <f t="shared" si="393"/>
        <v>419.09714999999994</v>
      </c>
      <c r="I25175" s="1"/>
    </row>
    <row r="25176" spans="1:9" x14ac:dyDescent="0.25">
      <c r="A25176" s="3">
        <v>41979.729224537034</v>
      </c>
      <c r="B25176" s="6">
        <v>419113.8</v>
      </c>
      <c r="C25176" s="7">
        <f t="shared" si="393"/>
        <v>419.11379999999997</v>
      </c>
      <c r="I25176" s="1"/>
    </row>
    <row r="25177" spans="1:9" x14ac:dyDescent="0.25">
      <c r="A25177" s="3">
        <v>41979.730451388888</v>
      </c>
      <c r="B25177" s="6">
        <v>419130.44999999995</v>
      </c>
      <c r="C25177" s="7">
        <f t="shared" si="393"/>
        <v>419.13044999999994</v>
      </c>
      <c r="I25177" s="1"/>
    </row>
    <row r="25178" spans="1:9" x14ac:dyDescent="0.25">
      <c r="A25178" s="3">
        <v>41979.730567129627</v>
      </c>
      <c r="B25178" s="6">
        <v>419147.1</v>
      </c>
      <c r="C25178" s="7">
        <f t="shared" si="393"/>
        <v>419.14709999999997</v>
      </c>
      <c r="I25178" s="1"/>
    </row>
    <row r="25179" spans="1:9" x14ac:dyDescent="0.25">
      <c r="A25179" s="3">
        <v>41979.734780092593</v>
      </c>
      <c r="B25179" s="6">
        <v>419163.74999999994</v>
      </c>
      <c r="C25179" s="7">
        <f t="shared" si="393"/>
        <v>419.16374999999994</v>
      </c>
      <c r="I25179" s="1"/>
    </row>
    <row r="25180" spans="1:9" x14ac:dyDescent="0.25">
      <c r="A25180" s="3">
        <v>41979.736064814817</v>
      </c>
      <c r="B25180" s="6">
        <v>419180.39999999997</v>
      </c>
      <c r="C25180" s="7">
        <f t="shared" si="393"/>
        <v>419.18039999999996</v>
      </c>
      <c r="I25180" s="1"/>
    </row>
    <row r="25181" spans="1:9" x14ac:dyDescent="0.25">
      <c r="A25181" s="3">
        <v>41979.756273148145</v>
      </c>
      <c r="B25181" s="6">
        <v>419197.05</v>
      </c>
      <c r="C25181" s="7">
        <f t="shared" si="393"/>
        <v>419.19704999999999</v>
      </c>
      <c r="I25181" s="1"/>
    </row>
    <row r="25182" spans="1:9" x14ac:dyDescent="0.25">
      <c r="A25182" s="3">
        <v>41979.756550925929</v>
      </c>
      <c r="B25182" s="6">
        <v>419213.69999999995</v>
      </c>
      <c r="C25182" s="7">
        <f t="shared" si="393"/>
        <v>419.21369999999996</v>
      </c>
      <c r="I25182" s="1"/>
    </row>
    <row r="25183" spans="1:9" x14ac:dyDescent="0.25">
      <c r="A25183" s="3">
        <v>41979.761435185188</v>
      </c>
      <c r="B25183" s="6">
        <v>419230.35</v>
      </c>
      <c r="C25183" s="7">
        <f t="shared" si="393"/>
        <v>419.23034999999999</v>
      </c>
      <c r="I25183" s="1"/>
    </row>
    <row r="25184" spans="1:9" x14ac:dyDescent="0.25">
      <c r="A25184" s="3">
        <v>41979.761724537035</v>
      </c>
      <c r="B25184" s="6">
        <v>419246.99999999994</v>
      </c>
      <c r="C25184" s="7">
        <f t="shared" si="393"/>
        <v>419.24699999999996</v>
      </c>
      <c r="I25184" s="1"/>
    </row>
    <row r="25185" spans="1:9" x14ac:dyDescent="0.25">
      <c r="A25185" s="3">
        <v>41979.763136574074</v>
      </c>
      <c r="B25185" s="6">
        <v>419263.64999999997</v>
      </c>
      <c r="C25185" s="7">
        <f t="shared" si="393"/>
        <v>419.26364999999998</v>
      </c>
      <c r="I25185" s="1"/>
    </row>
    <row r="25186" spans="1:9" x14ac:dyDescent="0.25">
      <c r="A25186" s="3">
        <v>41979.76699074074</v>
      </c>
      <c r="B25186" s="6">
        <v>419280.3</v>
      </c>
      <c r="C25186" s="7">
        <f t="shared" si="393"/>
        <v>419.28030000000001</v>
      </c>
      <c r="I25186" s="1"/>
    </row>
    <row r="25187" spans="1:9" x14ac:dyDescent="0.25">
      <c r="A25187" s="3">
        <v>41979.775057870371</v>
      </c>
      <c r="B25187" s="6">
        <v>419296.94999999995</v>
      </c>
      <c r="C25187" s="7">
        <f t="shared" si="393"/>
        <v>419.29694999999998</v>
      </c>
      <c r="I25187" s="1"/>
    </row>
    <row r="25188" spans="1:9" x14ac:dyDescent="0.25">
      <c r="A25188" s="3">
        <v>41979.775312500002</v>
      </c>
      <c r="B25188" s="6">
        <v>419313.6</v>
      </c>
      <c r="C25188" s="7">
        <f t="shared" si="393"/>
        <v>419.31359999999995</v>
      </c>
      <c r="I25188" s="1"/>
    </row>
    <row r="25189" spans="1:9" x14ac:dyDescent="0.25">
      <c r="A25189" s="3">
        <v>41979.80091435185</v>
      </c>
      <c r="B25189" s="6">
        <v>419330.24999999994</v>
      </c>
      <c r="C25189" s="7">
        <f t="shared" si="393"/>
        <v>419.33024999999992</v>
      </c>
      <c r="I25189" s="1"/>
    </row>
    <row r="25190" spans="1:9" x14ac:dyDescent="0.25">
      <c r="A25190" s="3">
        <v>41979.804270833331</v>
      </c>
      <c r="B25190" s="6">
        <v>419346.89999999997</v>
      </c>
      <c r="C25190" s="7">
        <f t="shared" si="393"/>
        <v>419.34689999999995</v>
      </c>
      <c r="I25190" s="1"/>
    </row>
    <row r="25191" spans="1:9" x14ac:dyDescent="0.25">
      <c r="A25191" s="3">
        <v>41979.808194444442</v>
      </c>
      <c r="B25191" s="6">
        <v>419363.55</v>
      </c>
      <c r="C25191" s="7">
        <f t="shared" si="393"/>
        <v>419.36354999999998</v>
      </c>
      <c r="I25191" s="1"/>
    </row>
    <row r="25192" spans="1:9" x14ac:dyDescent="0.25">
      <c r="A25192" s="3">
        <v>41979.808368055557</v>
      </c>
      <c r="B25192" s="6">
        <v>419380.19999999995</v>
      </c>
      <c r="C25192" s="7">
        <f t="shared" si="393"/>
        <v>419.38019999999995</v>
      </c>
      <c r="I25192" s="1"/>
    </row>
    <row r="25193" spans="1:9" x14ac:dyDescent="0.25">
      <c r="A25193" s="3">
        <v>41979.825844907406</v>
      </c>
      <c r="B25193" s="6">
        <v>419396.85</v>
      </c>
      <c r="C25193" s="7">
        <f t="shared" si="393"/>
        <v>419.39684999999997</v>
      </c>
      <c r="I25193" s="1"/>
    </row>
    <row r="25194" spans="1:9" x14ac:dyDescent="0.25">
      <c r="A25194" s="3">
        <v>41979.825995370367</v>
      </c>
      <c r="B25194" s="6">
        <v>419413.49999999994</v>
      </c>
      <c r="C25194" s="7">
        <f t="shared" si="393"/>
        <v>419.41349999999994</v>
      </c>
      <c r="I25194" s="1"/>
    </row>
    <row r="25195" spans="1:9" x14ac:dyDescent="0.25">
      <c r="A25195" s="3">
        <v>41979.828148148146</v>
      </c>
      <c r="B25195" s="6">
        <v>419430.14999999997</v>
      </c>
      <c r="C25195" s="7">
        <f t="shared" si="393"/>
        <v>419.43014999999997</v>
      </c>
      <c r="I25195" s="1"/>
    </row>
    <row r="25196" spans="1:9" x14ac:dyDescent="0.25">
      <c r="A25196" s="3">
        <v>41979.828275462962</v>
      </c>
      <c r="B25196" s="6">
        <v>419446.8</v>
      </c>
      <c r="C25196" s="7">
        <f t="shared" si="393"/>
        <v>419.4468</v>
      </c>
      <c r="I25196" s="1"/>
    </row>
    <row r="25197" spans="1:9" x14ac:dyDescent="0.25">
      <c r="A25197" s="3">
        <v>41979.829583333332</v>
      </c>
      <c r="B25197" s="6">
        <v>419463.44999999995</v>
      </c>
      <c r="C25197" s="7">
        <f t="shared" si="393"/>
        <v>419.46344999999997</v>
      </c>
      <c r="I25197" s="1"/>
    </row>
    <row r="25198" spans="1:9" x14ac:dyDescent="0.25">
      <c r="A25198" s="3">
        <v>41979.83253472222</v>
      </c>
      <c r="B25198" s="6">
        <v>419480.1</v>
      </c>
      <c r="C25198" s="7">
        <f t="shared" si="393"/>
        <v>419.48009999999999</v>
      </c>
      <c r="I25198" s="1"/>
    </row>
    <row r="25199" spans="1:9" x14ac:dyDescent="0.25">
      <c r="A25199" s="3">
        <v>41979.833287037036</v>
      </c>
      <c r="B25199" s="6">
        <v>419496.74999999994</v>
      </c>
      <c r="C25199" s="7">
        <f t="shared" si="393"/>
        <v>419.49674999999996</v>
      </c>
      <c r="I25199" s="1"/>
    </row>
    <row r="25200" spans="1:9" x14ac:dyDescent="0.25">
      <c r="A25200" s="3">
        <v>41979.833483796298</v>
      </c>
      <c r="B25200" s="6">
        <v>419513.39999999997</v>
      </c>
      <c r="C25200" s="7">
        <f t="shared" si="393"/>
        <v>419.51339999999999</v>
      </c>
      <c r="I25200" s="1"/>
    </row>
    <row r="25201" spans="1:9" x14ac:dyDescent="0.25">
      <c r="A25201" s="3">
        <v>41979.892002314817</v>
      </c>
      <c r="B25201" s="6">
        <v>419530.05</v>
      </c>
      <c r="C25201" s="7">
        <f t="shared" si="393"/>
        <v>419.53004999999996</v>
      </c>
      <c r="I25201" s="1"/>
    </row>
    <row r="25202" spans="1:9" x14ac:dyDescent="0.25">
      <c r="A25202" s="3">
        <v>41979.892175925925</v>
      </c>
      <c r="B25202" s="6">
        <v>419546.69999999995</v>
      </c>
      <c r="C25202" s="7">
        <f t="shared" si="393"/>
        <v>419.54669999999993</v>
      </c>
      <c r="I25202" s="1"/>
    </row>
    <row r="25203" spans="1:9" x14ac:dyDescent="0.25">
      <c r="A25203" s="3">
        <v>41979.905648148146</v>
      </c>
      <c r="B25203" s="6">
        <v>419563.35</v>
      </c>
      <c r="C25203" s="7">
        <f t="shared" si="393"/>
        <v>419.56334999999996</v>
      </c>
      <c r="I25203" s="1"/>
    </row>
    <row r="25204" spans="1:9" x14ac:dyDescent="0.25">
      <c r="A25204" s="3">
        <v>41979.905833333331</v>
      </c>
      <c r="B25204" s="6">
        <v>419579.99999999994</v>
      </c>
      <c r="C25204" s="7">
        <f t="shared" si="393"/>
        <v>419.57999999999993</v>
      </c>
      <c r="I25204" s="1"/>
    </row>
    <row r="25205" spans="1:9" x14ac:dyDescent="0.25">
      <c r="A25205" s="3">
        <v>41979.953981481478</v>
      </c>
      <c r="B25205" s="6">
        <v>419596.64999999997</v>
      </c>
      <c r="C25205" s="7">
        <f t="shared" si="393"/>
        <v>419.59664999999995</v>
      </c>
      <c r="I25205" s="1"/>
    </row>
    <row r="25206" spans="1:9" x14ac:dyDescent="0.25">
      <c r="A25206" s="3">
        <v>41979.955081018517</v>
      </c>
      <c r="B25206" s="6">
        <v>419613.3</v>
      </c>
      <c r="C25206" s="7">
        <f t="shared" si="393"/>
        <v>419.61329999999998</v>
      </c>
      <c r="I25206" s="1"/>
    </row>
    <row r="25207" spans="1:9" x14ac:dyDescent="0.25">
      <c r="A25207" s="2" t="s">
        <v>13620</v>
      </c>
      <c r="B25207" s="6">
        <v>419629.94999999995</v>
      </c>
      <c r="C25207" s="7">
        <f t="shared" si="393"/>
        <v>419.62994999999995</v>
      </c>
    </row>
    <row r="25208" spans="1:9" x14ac:dyDescent="0.25">
      <c r="A25208" s="2" t="s">
        <v>13621</v>
      </c>
      <c r="B25208" s="6">
        <v>419646.6</v>
      </c>
      <c r="C25208" s="7">
        <f t="shared" si="393"/>
        <v>419.64659999999998</v>
      </c>
    </row>
    <row r="25209" spans="1:9" x14ac:dyDescent="0.25">
      <c r="A25209" s="2" t="s">
        <v>13622</v>
      </c>
      <c r="B25209" s="6">
        <v>419663.24999999994</v>
      </c>
      <c r="C25209" s="7">
        <f t="shared" si="393"/>
        <v>419.66324999999995</v>
      </c>
    </row>
    <row r="25210" spans="1:9" x14ac:dyDescent="0.25">
      <c r="A25210" s="2" t="s">
        <v>13623</v>
      </c>
      <c r="B25210" s="6">
        <v>419679.89999999997</v>
      </c>
      <c r="C25210" s="7">
        <f t="shared" si="393"/>
        <v>419.67989999999998</v>
      </c>
    </row>
    <row r="25211" spans="1:9" x14ac:dyDescent="0.25">
      <c r="A25211" s="2" t="s">
        <v>13624</v>
      </c>
      <c r="B25211" s="6">
        <v>419696.55</v>
      </c>
      <c r="C25211" s="7">
        <f t="shared" si="393"/>
        <v>419.69655</v>
      </c>
    </row>
    <row r="25212" spans="1:9" x14ac:dyDescent="0.25">
      <c r="A25212" s="2" t="s">
        <v>13625</v>
      </c>
      <c r="B25212" s="6">
        <v>419713.19999999995</v>
      </c>
      <c r="C25212" s="7">
        <f t="shared" si="393"/>
        <v>419.71319999999997</v>
      </c>
    </row>
    <row r="25213" spans="1:9" x14ac:dyDescent="0.25">
      <c r="A25213" s="2" t="s">
        <v>13626</v>
      </c>
      <c r="B25213" s="6">
        <v>419729.85</v>
      </c>
      <c r="C25213" s="7">
        <f t="shared" si="393"/>
        <v>419.72985</v>
      </c>
    </row>
    <row r="25214" spans="1:9" x14ac:dyDescent="0.25">
      <c r="A25214" s="2" t="s">
        <v>13627</v>
      </c>
      <c r="B25214" s="6">
        <v>419746.49999999994</v>
      </c>
      <c r="C25214" s="7">
        <f t="shared" si="393"/>
        <v>419.74649999999997</v>
      </c>
    </row>
    <row r="25215" spans="1:9" x14ac:dyDescent="0.25">
      <c r="A25215" s="2" t="s">
        <v>13628</v>
      </c>
      <c r="B25215" s="6">
        <v>419763.14999999997</v>
      </c>
      <c r="C25215" s="7">
        <f t="shared" si="393"/>
        <v>419.76314999999994</v>
      </c>
    </row>
    <row r="25216" spans="1:9" x14ac:dyDescent="0.25">
      <c r="A25216" s="2" t="s">
        <v>13629</v>
      </c>
      <c r="B25216" s="6">
        <v>419779.8</v>
      </c>
      <c r="C25216" s="7">
        <f t="shared" si="393"/>
        <v>419.77979999999997</v>
      </c>
    </row>
    <row r="25217" spans="1:3" x14ac:dyDescent="0.25">
      <c r="A25217" s="2" t="s">
        <v>13630</v>
      </c>
      <c r="B25217" s="6">
        <v>419796.44999999995</v>
      </c>
      <c r="C25217" s="7">
        <f t="shared" si="393"/>
        <v>419.79644999999994</v>
      </c>
    </row>
    <row r="25218" spans="1:3" x14ac:dyDescent="0.25">
      <c r="A25218" s="2" t="s">
        <v>13631</v>
      </c>
      <c r="B25218" s="6">
        <v>419813.1</v>
      </c>
      <c r="C25218" s="7">
        <f t="shared" si="393"/>
        <v>419.81309999999996</v>
      </c>
    </row>
    <row r="25219" spans="1:3" x14ac:dyDescent="0.25">
      <c r="A25219" s="2" t="s">
        <v>13632</v>
      </c>
      <c r="B25219" s="6">
        <v>419829.74999999994</v>
      </c>
      <c r="C25219" s="7">
        <f t="shared" ref="C25219:C25282" si="394">B25219/1000</f>
        <v>419.82974999999993</v>
      </c>
    </row>
    <row r="25220" spans="1:3" x14ac:dyDescent="0.25">
      <c r="A25220" s="2" t="s">
        <v>13633</v>
      </c>
      <c r="B25220" s="6">
        <v>419846.39999999997</v>
      </c>
      <c r="C25220" s="7">
        <f t="shared" si="394"/>
        <v>419.84639999999996</v>
      </c>
    </row>
    <row r="25221" spans="1:3" x14ac:dyDescent="0.25">
      <c r="A25221" s="2" t="s">
        <v>13634</v>
      </c>
      <c r="B25221" s="6">
        <v>419863.05</v>
      </c>
      <c r="C25221" s="7">
        <f t="shared" si="394"/>
        <v>419.86304999999999</v>
      </c>
    </row>
    <row r="25222" spans="1:3" x14ac:dyDescent="0.25">
      <c r="A25222" s="2" t="s">
        <v>13635</v>
      </c>
      <c r="B25222" s="6">
        <v>419879.69999999995</v>
      </c>
      <c r="C25222" s="7">
        <f t="shared" si="394"/>
        <v>419.87969999999996</v>
      </c>
    </row>
    <row r="25223" spans="1:3" x14ac:dyDescent="0.25">
      <c r="A25223" s="2" t="s">
        <v>13636</v>
      </c>
      <c r="B25223" s="6">
        <v>419896.35</v>
      </c>
      <c r="C25223" s="7">
        <f t="shared" si="394"/>
        <v>419.89634999999998</v>
      </c>
    </row>
    <row r="25224" spans="1:3" x14ac:dyDescent="0.25">
      <c r="A25224" s="2" t="s">
        <v>13637</v>
      </c>
      <c r="B25224" s="6">
        <v>419912.99999999994</v>
      </c>
      <c r="C25224" s="7">
        <f t="shared" si="394"/>
        <v>419.91299999999995</v>
      </c>
    </row>
    <row r="25225" spans="1:3" x14ac:dyDescent="0.25">
      <c r="A25225" s="2" t="s">
        <v>13638</v>
      </c>
      <c r="B25225" s="6">
        <v>419929.64999999997</v>
      </c>
      <c r="C25225" s="7">
        <f t="shared" si="394"/>
        <v>419.92964999999998</v>
      </c>
    </row>
    <row r="25226" spans="1:3" x14ac:dyDescent="0.25">
      <c r="A25226" s="2" t="s">
        <v>13639</v>
      </c>
      <c r="B25226" s="6">
        <v>419946.3</v>
      </c>
      <c r="C25226" s="7">
        <f t="shared" si="394"/>
        <v>419.94630000000001</v>
      </c>
    </row>
    <row r="25227" spans="1:3" x14ac:dyDescent="0.25">
      <c r="A25227" s="2" t="s">
        <v>13640</v>
      </c>
      <c r="B25227" s="6">
        <v>419962.94999999995</v>
      </c>
      <c r="C25227" s="7">
        <f t="shared" si="394"/>
        <v>419.96294999999998</v>
      </c>
    </row>
    <row r="25228" spans="1:3" x14ac:dyDescent="0.25">
      <c r="A25228" s="2" t="s">
        <v>13641</v>
      </c>
      <c r="B25228" s="6">
        <v>419979.6</v>
      </c>
      <c r="C25228" s="7">
        <f t="shared" si="394"/>
        <v>419.9796</v>
      </c>
    </row>
    <row r="25229" spans="1:3" x14ac:dyDescent="0.25">
      <c r="A25229" s="2" t="s">
        <v>13642</v>
      </c>
      <c r="B25229" s="6">
        <v>419996.24999999994</v>
      </c>
      <c r="C25229" s="7">
        <f t="shared" si="394"/>
        <v>419.99624999999992</v>
      </c>
    </row>
    <row r="25230" spans="1:3" x14ac:dyDescent="0.25">
      <c r="A25230" s="2" t="s">
        <v>13643</v>
      </c>
      <c r="B25230" s="6">
        <v>420012.89999999997</v>
      </c>
      <c r="C25230" s="7">
        <f t="shared" si="394"/>
        <v>420.01289999999995</v>
      </c>
    </row>
    <row r="25231" spans="1:3" x14ac:dyDescent="0.25">
      <c r="A25231" s="2" t="s">
        <v>13644</v>
      </c>
      <c r="B25231" s="6">
        <v>420029.55</v>
      </c>
      <c r="C25231" s="7">
        <f t="shared" si="394"/>
        <v>420.02954999999997</v>
      </c>
    </row>
    <row r="25232" spans="1:3" x14ac:dyDescent="0.25">
      <c r="A25232" s="2" t="s">
        <v>13645</v>
      </c>
      <c r="B25232" s="6">
        <v>420046.19999999995</v>
      </c>
      <c r="C25232" s="7">
        <f t="shared" si="394"/>
        <v>420.04619999999994</v>
      </c>
    </row>
    <row r="25233" spans="1:3" x14ac:dyDescent="0.25">
      <c r="A25233" s="2" t="s">
        <v>13646</v>
      </c>
      <c r="B25233" s="6">
        <v>420062.85</v>
      </c>
      <c r="C25233" s="7">
        <f t="shared" si="394"/>
        <v>420.06284999999997</v>
      </c>
    </row>
    <row r="25234" spans="1:3" x14ac:dyDescent="0.25">
      <c r="A25234" s="2" t="s">
        <v>13647</v>
      </c>
      <c r="B25234" s="6">
        <v>420079.49999999994</v>
      </c>
      <c r="C25234" s="7">
        <f t="shared" si="394"/>
        <v>420.07949999999994</v>
      </c>
    </row>
    <row r="25235" spans="1:3" x14ac:dyDescent="0.25">
      <c r="A25235" s="2" t="s">
        <v>13648</v>
      </c>
      <c r="B25235" s="6">
        <v>420096.14999999997</v>
      </c>
      <c r="C25235" s="7">
        <f t="shared" si="394"/>
        <v>420.09614999999997</v>
      </c>
    </row>
    <row r="25236" spans="1:3" x14ac:dyDescent="0.25">
      <c r="A25236" s="2" t="s">
        <v>13649</v>
      </c>
      <c r="B25236" s="6">
        <v>420112.8</v>
      </c>
      <c r="C25236" s="7">
        <f t="shared" si="394"/>
        <v>420.11279999999999</v>
      </c>
    </row>
    <row r="25237" spans="1:3" x14ac:dyDescent="0.25">
      <c r="A25237" s="2" t="s">
        <v>13650</v>
      </c>
      <c r="B25237" s="6">
        <v>420129.44999999995</v>
      </c>
      <c r="C25237" s="7">
        <f t="shared" si="394"/>
        <v>420.12944999999996</v>
      </c>
    </row>
    <row r="25238" spans="1:3" x14ac:dyDescent="0.25">
      <c r="A25238" s="2" t="s">
        <v>13651</v>
      </c>
      <c r="B25238" s="6">
        <v>420146.1</v>
      </c>
      <c r="C25238" s="7">
        <f t="shared" si="394"/>
        <v>420.14609999999999</v>
      </c>
    </row>
    <row r="25239" spans="1:3" x14ac:dyDescent="0.25">
      <c r="A25239" s="2" t="s">
        <v>13652</v>
      </c>
      <c r="B25239" s="6">
        <v>420162.74999999994</v>
      </c>
      <c r="C25239" s="7">
        <f t="shared" si="394"/>
        <v>420.16274999999996</v>
      </c>
    </row>
    <row r="25240" spans="1:3" x14ac:dyDescent="0.25">
      <c r="A25240" s="2" t="s">
        <v>13653</v>
      </c>
      <c r="B25240" s="6">
        <v>420179.39999999997</v>
      </c>
      <c r="C25240" s="7">
        <f t="shared" si="394"/>
        <v>420.17939999999999</v>
      </c>
    </row>
    <row r="25241" spans="1:3" x14ac:dyDescent="0.25">
      <c r="A25241" s="2" t="s">
        <v>13654</v>
      </c>
      <c r="B25241" s="6">
        <v>420196.05</v>
      </c>
      <c r="C25241" s="7">
        <f t="shared" si="394"/>
        <v>420.19605000000001</v>
      </c>
    </row>
    <row r="25242" spans="1:3" x14ac:dyDescent="0.25">
      <c r="A25242" s="2" t="s">
        <v>13655</v>
      </c>
      <c r="B25242" s="6">
        <v>420212.69999999995</v>
      </c>
      <c r="C25242" s="7">
        <f t="shared" si="394"/>
        <v>420.21269999999993</v>
      </c>
    </row>
    <row r="25243" spans="1:3" x14ac:dyDescent="0.25">
      <c r="A25243" s="2" t="s">
        <v>13656</v>
      </c>
      <c r="B25243" s="6">
        <v>420229.35</v>
      </c>
      <c r="C25243" s="7">
        <f t="shared" si="394"/>
        <v>420.22934999999995</v>
      </c>
    </row>
    <row r="25244" spans="1:3" x14ac:dyDescent="0.25">
      <c r="A25244" s="2" t="s">
        <v>13657</v>
      </c>
      <c r="B25244" s="6">
        <v>420245.99999999994</v>
      </c>
      <c r="C25244" s="7">
        <f t="shared" si="394"/>
        <v>420.24599999999992</v>
      </c>
    </row>
    <row r="25245" spans="1:3" x14ac:dyDescent="0.25">
      <c r="A25245" s="2" t="s">
        <v>13658</v>
      </c>
      <c r="B25245" s="6">
        <v>420262.64999999997</v>
      </c>
      <c r="C25245" s="7">
        <f t="shared" si="394"/>
        <v>420.26264999999995</v>
      </c>
    </row>
    <row r="25246" spans="1:3" x14ac:dyDescent="0.25">
      <c r="A25246" s="2" t="s">
        <v>13659</v>
      </c>
      <c r="B25246" s="6">
        <v>420279.3</v>
      </c>
      <c r="C25246" s="7">
        <f t="shared" si="394"/>
        <v>420.27929999999998</v>
      </c>
    </row>
    <row r="25247" spans="1:3" x14ac:dyDescent="0.25">
      <c r="A25247" s="2" t="s">
        <v>13660</v>
      </c>
      <c r="B25247" s="6">
        <v>420295.94999999995</v>
      </c>
      <c r="C25247" s="7">
        <f t="shared" si="394"/>
        <v>420.29594999999995</v>
      </c>
    </row>
    <row r="25248" spans="1:3" x14ac:dyDescent="0.25">
      <c r="A25248" s="2" t="s">
        <v>13661</v>
      </c>
      <c r="B25248" s="6">
        <v>420312.6</v>
      </c>
      <c r="C25248" s="7">
        <f t="shared" si="394"/>
        <v>420.31259999999997</v>
      </c>
    </row>
    <row r="25249" spans="1:3" x14ac:dyDescent="0.25">
      <c r="A25249" s="2" t="s">
        <v>13662</v>
      </c>
      <c r="B25249" s="6">
        <v>420329.24999999994</v>
      </c>
      <c r="C25249" s="7">
        <f t="shared" si="394"/>
        <v>420.32924999999994</v>
      </c>
    </row>
    <row r="25250" spans="1:3" x14ac:dyDescent="0.25">
      <c r="A25250" s="2" t="s">
        <v>13663</v>
      </c>
      <c r="B25250" s="6">
        <v>420345.89999999997</v>
      </c>
      <c r="C25250" s="7">
        <f t="shared" si="394"/>
        <v>420.34589999999997</v>
      </c>
    </row>
    <row r="25251" spans="1:3" x14ac:dyDescent="0.25">
      <c r="A25251" s="2" t="s">
        <v>13664</v>
      </c>
      <c r="B25251" s="6">
        <v>420362.55</v>
      </c>
      <c r="C25251" s="7">
        <f t="shared" si="394"/>
        <v>420.36255</v>
      </c>
    </row>
    <row r="25252" spans="1:3" x14ac:dyDescent="0.25">
      <c r="A25252" s="2" t="s">
        <v>13665</v>
      </c>
      <c r="B25252" s="6">
        <v>420379.19999999995</v>
      </c>
      <c r="C25252" s="7">
        <f t="shared" si="394"/>
        <v>420.37919999999997</v>
      </c>
    </row>
    <row r="25253" spans="1:3" x14ac:dyDescent="0.25">
      <c r="A25253" s="2" t="s">
        <v>13666</v>
      </c>
      <c r="B25253" s="6">
        <v>420395.85</v>
      </c>
      <c r="C25253" s="7">
        <f t="shared" si="394"/>
        <v>420.39585</v>
      </c>
    </row>
    <row r="25254" spans="1:3" x14ac:dyDescent="0.25">
      <c r="A25254" s="2" t="s">
        <v>13667</v>
      </c>
      <c r="B25254" s="6">
        <v>420412.49999999994</v>
      </c>
      <c r="C25254" s="7">
        <f t="shared" si="394"/>
        <v>420.41249999999997</v>
      </c>
    </row>
    <row r="25255" spans="1:3" x14ac:dyDescent="0.25">
      <c r="A25255" s="2" t="s">
        <v>13668</v>
      </c>
      <c r="B25255" s="6">
        <v>420429.14999999997</v>
      </c>
      <c r="C25255" s="7">
        <f t="shared" si="394"/>
        <v>420.42914999999999</v>
      </c>
    </row>
    <row r="25256" spans="1:3" x14ac:dyDescent="0.25">
      <c r="A25256" s="2" t="s">
        <v>13669</v>
      </c>
      <c r="B25256" s="6">
        <v>420445.8</v>
      </c>
      <c r="C25256" s="7">
        <f t="shared" si="394"/>
        <v>420.44579999999996</v>
      </c>
    </row>
    <row r="25257" spans="1:3" x14ac:dyDescent="0.25">
      <c r="A25257" s="2" t="s">
        <v>13670</v>
      </c>
      <c r="B25257" s="6">
        <v>420462.44999999995</v>
      </c>
      <c r="C25257" s="7">
        <f t="shared" si="394"/>
        <v>420.46244999999993</v>
      </c>
    </row>
    <row r="25258" spans="1:3" x14ac:dyDescent="0.25">
      <c r="A25258" s="2" t="s">
        <v>13671</v>
      </c>
      <c r="B25258" s="6">
        <v>420479.1</v>
      </c>
      <c r="C25258" s="7">
        <f t="shared" si="394"/>
        <v>420.47909999999996</v>
      </c>
    </row>
    <row r="25259" spans="1:3" x14ac:dyDescent="0.25">
      <c r="A25259" s="2" t="s">
        <v>13672</v>
      </c>
      <c r="B25259" s="6">
        <v>420495.74999999994</v>
      </c>
      <c r="C25259" s="7">
        <f t="shared" si="394"/>
        <v>420.49574999999993</v>
      </c>
    </row>
    <row r="25260" spans="1:3" x14ac:dyDescent="0.25">
      <c r="A25260" s="2" t="s">
        <v>13673</v>
      </c>
      <c r="B25260" s="6">
        <v>420512.39999999997</v>
      </c>
      <c r="C25260" s="7">
        <f t="shared" si="394"/>
        <v>420.51239999999996</v>
      </c>
    </row>
    <row r="25261" spans="1:3" x14ac:dyDescent="0.25">
      <c r="A25261" s="2" t="s">
        <v>13674</v>
      </c>
      <c r="B25261" s="6">
        <v>420529.05</v>
      </c>
      <c r="C25261" s="7">
        <f t="shared" si="394"/>
        <v>420.52904999999998</v>
      </c>
    </row>
    <row r="25262" spans="1:3" x14ac:dyDescent="0.25">
      <c r="A25262" s="2" t="s">
        <v>13675</v>
      </c>
      <c r="B25262" s="6">
        <v>420545.69999999995</v>
      </c>
      <c r="C25262" s="7">
        <f t="shared" si="394"/>
        <v>420.54569999999995</v>
      </c>
    </row>
    <row r="25263" spans="1:3" x14ac:dyDescent="0.25">
      <c r="A25263" s="2" t="s">
        <v>13676</v>
      </c>
      <c r="B25263" s="6">
        <v>420562.35</v>
      </c>
      <c r="C25263" s="7">
        <f t="shared" si="394"/>
        <v>420.56234999999998</v>
      </c>
    </row>
    <row r="25264" spans="1:3" x14ac:dyDescent="0.25">
      <c r="A25264" s="2" t="s">
        <v>13677</v>
      </c>
      <c r="B25264" s="6">
        <v>420578.99999999994</v>
      </c>
      <c r="C25264" s="7">
        <f t="shared" si="394"/>
        <v>420.57899999999995</v>
      </c>
    </row>
    <row r="25265" spans="1:3" x14ac:dyDescent="0.25">
      <c r="A25265" s="2" t="s">
        <v>13678</v>
      </c>
      <c r="B25265" s="6">
        <v>420595.64999999997</v>
      </c>
      <c r="C25265" s="7">
        <f t="shared" si="394"/>
        <v>420.59564999999998</v>
      </c>
    </row>
    <row r="25266" spans="1:3" x14ac:dyDescent="0.25">
      <c r="A25266" s="2" t="s">
        <v>13679</v>
      </c>
      <c r="B25266" s="6">
        <v>420612.3</v>
      </c>
      <c r="C25266" s="7">
        <f t="shared" si="394"/>
        <v>420.6123</v>
      </c>
    </row>
    <row r="25267" spans="1:3" x14ac:dyDescent="0.25">
      <c r="A25267" s="2" t="s">
        <v>13680</v>
      </c>
      <c r="B25267" s="6">
        <v>420628.94999999995</v>
      </c>
      <c r="C25267" s="7">
        <f t="shared" si="394"/>
        <v>420.62894999999997</v>
      </c>
    </row>
    <row r="25268" spans="1:3" x14ac:dyDescent="0.25">
      <c r="A25268" s="2" t="s">
        <v>13681</v>
      </c>
      <c r="B25268" s="6">
        <v>420645.6</v>
      </c>
      <c r="C25268" s="7">
        <f t="shared" si="394"/>
        <v>420.6456</v>
      </c>
    </row>
    <row r="25269" spans="1:3" x14ac:dyDescent="0.25">
      <c r="A25269" s="2" t="s">
        <v>13682</v>
      </c>
      <c r="B25269" s="6">
        <v>420662.24999999994</v>
      </c>
      <c r="C25269" s="7">
        <f t="shared" si="394"/>
        <v>420.66224999999991</v>
      </c>
    </row>
    <row r="25270" spans="1:3" x14ac:dyDescent="0.25">
      <c r="A25270" s="2" t="s">
        <v>13683</v>
      </c>
      <c r="B25270" s="6">
        <v>420678.89999999997</v>
      </c>
      <c r="C25270" s="7">
        <f t="shared" si="394"/>
        <v>420.67889999999994</v>
      </c>
    </row>
    <row r="25271" spans="1:3" x14ac:dyDescent="0.25">
      <c r="A25271" s="2" t="s">
        <v>13684</v>
      </c>
      <c r="B25271" s="6">
        <v>420695.55</v>
      </c>
      <c r="C25271" s="7">
        <f t="shared" si="394"/>
        <v>420.69554999999997</v>
      </c>
    </row>
    <row r="25272" spans="1:3" x14ac:dyDescent="0.25">
      <c r="A25272" s="2" t="s">
        <v>13685</v>
      </c>
      <c r="B25272" s="6">
        <v>420712.19999999995</v>
      </c>
      <c r="C25272" s="7">
        <f t="shared" si="394"/>
        <v>420.71219999999994</v>
      </c>
    </row>
    <row r="25273" spans="1:3" x14ac:dyDescent="0.25">
      <c r="A25273" s="2" t="s">
        <v>13686</v>
      </c>
      <c r="B25273" s="6">
        <v>420728.85</v>
      </c>
      <c r="C25273" s="7">
        <f t="shared" si="394"/>
        <v>420.72884999999997</v>
      </c>
    </row>
    <row r="25274" spans="1:3" x14ac:dyDescent="0.25">
      <c r="A25274" s="2" t="s">
        <v>13687</v>
      </c>
      <c r="B25274" s="6">
        <v>420745.49999999994</v>
      </c>
      <c r="C25274" s="7">
        <f t="shared" si="394"/>
        <v>420.74549999999994</v>
      </c>
    </row>
    <row r="25275" spans="1:3" x14ac:dyDescent="0.25">
      <c r="A25275" s="2" t="s">
        <v>13688</v>
      </c>
      <c r="B25275" s="6">
        <v>420762.14999999997</v>
      </c>
      <c r="C25275" s="7">
        <f t="shared" si="394"/>
        <v>420.76214999999996</v>
      </c>
    </row>
    <row r="25276" spans="1:3" x14ac:dyDescent="0.25">
      <c r="A25276" s="2" t="s">
        <v>13689</v>
      </c>
      <c r="B25276" s="6">
        <v>420778.8</v>
      </c>
      <c r="C25276" s="7">
        <f t="shared" si="394"/>
        <v>420.77879999999999</v>
      </c>
    </row>
    <row r="25277" spans="1:3" x14ac:dyDescent="0.25">
      <c r="A25277" s="2" t="s">
        <v>13690</v>
      </c>
      <c r="B25277" s="6">
        <v>420795.44999999995</v>
      </c>
      <c r="C25277" s="7">
        <f t="shared" si="394"/>
        <v>420.79544999999996</v>
      </c>
    </row>
    <row r="25278" spans="1:3" x14ac:dyDescent="0.25">
      <c r="A25278" s="2" t="s">
        <v>13691</v>
      </c>
      <c r="B25278" s="6">
        <v>420812.1</v>
      </c>
      <c r="C25278" s="7">
        <f t="shared" si="394"/>
        <v>420.81209999999999</v>
      </c>
    </row>
    <row r="25279" spans="1:3" x14ac:dyDescent="0.25">
      <c r="A25279" s="2" t="s">
        <v>13692</v>
      </c>
      <c r="B25279" s="6">
        <v>420828.74999999994</v>
      </c>
      <c r="C25279" s="7">
        <f t="shared" si="394"/>
        <v>420.82874999999996</v>
      </c>
    </row>
    <row r="25280" spans="1:3" x14ac:dyDescent="0.25">
      <c r="A25280" s="2" t="s">
        <v>13693</v>
      </c>
      <c r="B25280" s="6">
        <v>420845.39999999997</v>
      </c>
      <c r="C25280" s="7">
        <f t="shared" si="394"/>
        <v>420.84539999999998</v>
      </c>
    </row>
    <row r="25281" spans="1:3" x14ac:dyDescent="0.25">
      <c r="A25281" s="2" t="s">
        <v>13694</v>
      </c>
      <c r="B25281" s="6">
        <v>420862.05</v>
      </c>
      <c r="C25281" s="7">
        <f t="shared" si="394"/>
        <v>420.86205000000001</v>
      </c>
    </row>
    <row r="25282" spans="1:3" x14ac:dyDescent="0.25">
      <c r="A25282" s="2" t="s">
        <v>13695</v>
      </c>
      <c r="B25282" s="6">
        <v>420878.69999999995</v>
      </c>
      <c r="C25282" s="7">
        <f t="shared" si="394"/>
        <v>420.87869999999998</v>
      </c>
    </row>
    <row r="25283" spans="1:3" x14ac:dyDescent="0.25">
      <c r="A25283" s="2" t="s">
        <v>13696</v>
      </c>
      <c r="B25283" s="6">
        <v>420895.35</v>
      </c>
      <c r="C25283" s="7">
        <f t="shared" ref="C25283:C25346" si="395">B25283/1000</f>
        <v>420.89534999999995</v>
      </c>
    </row>
    <row r="25284" spans="1:3" x14ac:dyDescent="0.25">
      <c r="A25284" s="2" t="s">
        <v>13697</v>
      </c>
      <c r="B25284" s="6">
        <v>420911.99999999994</v>
      </c>
      <c r="C25284" s="7">
        <f t="shared" si="395"/>
        <v>420.91199999999992</v>
      </c>
    </row>
    <row r="25285" spans="1:3" x14ac:dyDescent="0.25">
      <c r="A25285" s="2" t="s">
        <v>13698</v>
      </c>
      <c r="B25285" s="6">
        <v>420928.64999999997</v>
      </c>
      <c r="C25285" s="7">
        <f t="shared" si="395"/>
        <v>420.92864999999995</v>
      </c>
    </row>
    <row r="25286" spans="1:3" x14ac:dyDescent="0.25">
      <c r="A25286" s="2" t="s">
        <v>13699</v>
      </c>
      <c r="B25286" s="6">
        <v>420945.3</v>
      </c>
      <c r="C25286" s="7">
        <f t="shared" si="395"/>
        <v>420.94529999999997</v>
      </c>
    </row>
    <row r="25287" spans="1:3" x14ac:dyDescent="0.25">
      <c r="A25287" s="2" t="s">
        <v>13700</v>
      </c>
      <c r="B25287" s="6">
        <v>420961.94999999995</v>
      </c>
      <c r="C25287" s="7">
        <f t="shared" si="395"/>
        <v>420.96194999999994</v>
      </c>
    </row>
    <row r="25288" spans="1:3" x14ac:dyDescent="0.25">
      <c r="A25288" s="2" t="s">
        <v>13701</v>
      </c>
      <c r="B25288" s="6">
        <v>420978.6</v>
      </c>
      <c r="C25288" s="7">
        <f t="shared" si="395"/>
        <v>420.97859999999997</v>
      </c>
    </row>
    <row r="25289" spans="1:3" x14ac:dyDescent="0.25">
      <c r="A25289" s="2" t="s">
        <v>13702</v>
      </c>
      <c r="B25289" s="6">
        <v>420995.24999999994</v>
      </c>
      <c r="C25289" s="7">
        <f t="shared" si="395"/>
        <v>420.99524999999994</v>
      </c>
    </row>
    <row r="25290" spans="1:3" x14ac:dyDescent="0.25">
      <c r="A25290" s="2" t="s">
        <v>13703</v>
      </c>
      <c r="B25290" s="6">
        <v>421011.89999999997</v>
      </c>
      <c r="C25290" s="7">
        <f t="shared" si="395"/>
        <v>421.01189999999997</v>
      </c>
    </row>
    <row r="25291" spans="1:3" x14ac:dyDescent="0.25">
      <c r="A25291" s="2" t="s">
        <v>13704</v>
      </c>
      <c r="B25291" s="6">
        <v>421028.55</v>
      </c>
      <c r="C25291" s="7">
        <f t="shared" si="395"/>
        <v>421.02855</v>
      </c>
    </row>
    <row r="25292" spans="1:3" x14ac:dyDescent="0.25">
      <c r="A25292" s="2" t="s">
        <v>13705</v>
      </c>
      <c r="B25292" s="6">
        <v>421045.19999999995</v>
      </c>
      <c r="C25292" s="7">
        <f t="shared" si="395"/>
        <v>421.04519999999997</v>
      </c>
    </row>
    <row r="25293" spans="1:3" x14ac:dyDescent="0.25">
      <c r="A25293" s="2" t="s">
        <v>13706</v>
      </c>
      <c r="B25293" s="6">
        <v>421061.85</v>
      </c>
      <c r="C25293" s="7">
        <f t="shared" si="395"/>
        <v>421.06184999999999</v>
      </c>
    </row>
    <row r="25294" spans="1:3" x14ac:dyDescent="0.25">
      <c r="A25294" s="2" t="s">
        <v>13707</v>
      </c>
      <c r="B25294" s="6">
        <v>421078.49999999994</v>
      </c>
      <c r="C25294" s="7">
        <f t="shared" si="395"/>
        <v>421.07849999999996</v>
      </c>
    </row>
    <row r="25295" spans="1:3" x14ac:dyDescent="0.25">
      <c r="A25295" s="2" t="s">
        <v>13708</v>
      </c>
      <c r="B25295" s="6">
        <v>421095.14999999997</v>
      </c>
      <c r="C25295" s="7">
        <f t="shared" si="395"/>
        <v>421.09514999999999</v>
      </c>
    </row>
    <row r="25296" spans="1:3" x14ac:dyDescent="0.25">
      <c r="A25296" s="2" t="s">
        <v>13709</v>
      </c>
      <c r="B25296" s="6">
        <v>421111.8</v>
      </c>
      <c r="C25296" s="7">
        <f t="shared" si="395"/>
        <v>421.11180000000002</v>
      </c>
    </row>
    <row r="25297" spans="1:3" x14ac:dyDescent="0.25">
      <c r="A25297" s="2" t="s">
        <v>13710</v>
      </c>
      <c r="B25297" s="6">
        <v>421128.44999999995</v>
      </c>
      <c r="C25297" s="7">
        <f t="shared" si="395"/>
        <v>421.12844999999993</v>
      </c>
    </row>
    <row r="25298" spans="1:3" x14ac:dyDescent="0.25">
      <c r="A25298" s="2" t="s">
        <v>13711</v>
      </c>
      <c r="B25298" s="6">
        <v>421145.1</v>
      </c>
      <c r="C25298" s="7">
        <f t="shared" si="395"/>
        <v>421.14509999999996</v>
      </c>
    </row>
    <row r="25299" spans="1:3" x14ac:dyDescent="0.25">
      <c r="A25299" s="2" t="s">
        <v>13712</v>
      </c>
      <c r="B25299" s="6">
        <v>421161.74999999994</v>
      </c>
      <c r="C25299" s="7">
        <f t="shared" si="395"/>
        <v>421.16174999999993</v>
      </c>
    </row>
    <row r="25300" spans="1:3" x14ac:dyDescent="0.25">
      <c r="A25300" s="2" t="s">
        <v>13713</v>
      </c>
      <c r="B25300" s="6">
        <v>421178.39999999997</v>
      </c>
      <c r="C25300" s="7">
        <f t="shared" si="395"/>
        <v>421.17839999999995</v>
      </c>
    </row>
    <row r="25301" spans="1:3" x14ac:dyDescent="0.25">
      <c r="A25301" s="2" t="s">
        <v>13714</v>
      </c>
      <c r="B25301" s="6">
        <v>421195.05</v>
      </c>
      <c r="C25301" s="7">
        <f t="shared" si="395"/>
        <v>421.19504999999998</v>
      </c>
    </row>
    <row r="25302" spans="1:3" x14ac:dyDescent="0.25">
      <c r="A25302" s="2" t="s">
        <v>13715</v>
      </c>
      <c r="B25302" s="6">
        <v>421211.69999999995</v>
      </c>
      <c r="C25302" s="7">
        <f t="shared" si="395"/>
        <v>421.21169999999995</v>
      </c>
    </row>
    <row r="25303" spans="1:3" x14ac:dyDescent="0.25">
      <c r="A25303" s="2" t="s">
        <v>13716</v>
      </c>
      <c r="B25303" s="6">
        <v>421228.35</v>
      </c>
      <c r="C25303" s="7">
        <f t="shared" si="395"/>
        <v>421.22834999999998</v>
      </c>
    </row>
    <row r="25304" spans="1:3" x14ac:dyDescent="0.25">
      <c r="A25304" s="2" t="s">
        <v>13717</v>
      </c>
      <c r="B25304" s="6">
        <v>421244.99999999994</v>
      </c>
      <c r="C25304" s="7">
        <f t="shared" si="395"/>
        <v>421.24499999999995</v>
      </c>
    </row>
    <row r="25305" spans="1:3" x14ac:dyDescent="0.25">
      <c r="A25305" s="2" t="s">
        <v>13718</v>
      </c>
      <c r="B25305" s="6">
        <v>421261.64999999997</v>
      </c>
      <c r="C25305" s="7">
        <f t="shared" si="395"/>
        <v>421.26164999999997</v>
      </c>
    </row>
    <row r="25306" spans="1:3" x14ac:dyDescent="0.25">
      <c r="A25306" s="2" t="s">
        <v>13719</v>
      </c>
      <c r="B25306" s="6">
        <v>421278.3</v>
      </c>
      <c r="C25306" s="7">
        <f t="shared" si="395"/>
        <v>421.2783</v>
      </c>
    </row>
    <row r="25307" spans="1:3" x14ac:dyDescent="0.25">
      <c r="A25307" s="2" t="s">
        <v>13720</v>
      </c>
      <c r="B25307" s="6">
        <v>421294.94999999995</v>
      </c>
      <c r="C25307" s="7">
        <f t="shared" si="395"/>
        <v>421.29494999999997</v>
      </c>
    </row>
    <row r="25308" spans="1:3" x14ac:dyDescent="0.25">
      <c r="A25308" s="2" t="s">
        <v>13721</v>
      </c>
      <c r="B25308" s="6">
        <v>421311.6</v>
      </c>
      <c r="C25308" s="7">
        <f t="shared" si="395"/>
        <v>421.3116</v>
      </c>
    </row>
    <row r="25309" spans="1:3" x14ac:dyDescent="0.25">
      <c r="A25309" s="2" t="s">
        <v>13722</v>
      </c>
      <c r="B25309" s="6">
        <v>421328.24999999994</v>
      </c>
      <c r="C25309" s="7">
        <f t="shared" si="395"/>
        <v>421.32824999999997</v>
      </c>
    </row>
    <row r="25310" spans="1:3" x14ac:dyDescent="0.25">
      <c r="A25310" s="2" t="s">
        <v>13723</v>
      </c>
      <c r="B25310" s="6">
        <v>421344.89999999997</v>
      </c>
      <c r="C25310" s="7">
        <f t="shared" si="395"/>
        <v>421.34489999999994</v>
      </c>
    </row>
    <row r="25311" spans="1:3" x14ac:dyDescent="0.25">
      <c r="A25311" s="2" t="s">
        <v>13724</v>
      </c>
      <c r="B25311" s="6">
        <v>421361.55</v>
      </c>
      <c r="C25311" s="7">
        <f t="shared" si="395"/>
        <v>421.36154999999997</v>
      </c>
    </row>
    <row r="25312" spans="1:3" x14ac:dyDescent="0.25">
      <c r="A25312" s="2" t="s">
        <v>13725</v>
      </c>
      <c r="B25312" s="6">
        <v>421378.19999999995</v>
      </c>
      <c r="C25312" s="7">
        <f t="shared" si="395"/>
        <v>421.37819999999994</v>
      </c>
    </row>
    <row r="25313" spans="1:3" x14ac:dyDescent="0.25">
      <c r="A25313" s="2" t="s">
        <v>13726</v>
      </c>
      <c r="B25313" s="6">
        <v>421394.85</v>
      </c>
      <c r="C25313" s="7">
        <f t="shared" si="395"/>
        <v>421.39484999999996</v>
      </c>
    </row>
    <row r="25314" spans="1:3" x14ac:dyDescent="0.25">
      <c r="A25314" s="2" t="s">
        <v>13727</v>
      </c>
      <c r="B25314" s="6">
        <v>421411.49999999994</v>
      </c>
      <c r="C25314" s="7">
        <f t="shared" si="395"/>
        <v>421.41149999999993</v>
      </c>
    </row>
    <row r="25315" spans="1:3" x14ac:dyDescent="0.25">
      <c r="A25315" s="2" t="s">
        <v>13728</v>
      </c>
      <c r="B25315" s="6">
        <v>421428.14999999997</v>
      </c>
      <c r="C25315" s="7">
        <f t="shared" si="395"/>
        <v>421.42814999999996</v>
      </c>
    </row>
    <row r="25316" spans="1:3" x14ac:dyDescent="0.25">
      <c r="A25316" s="2" t="s">
        <v>13729</v>
      </c>
      <c r="B25316" s="6">
        <v>421444.8</v>
      </c>
      <c r="C25316" s="7">
        <f t="shared" si="395"/>
        <v>421.44479999999999</v>
      </c>
    </row>
    <row r="25317" spans="1:3" x14ac:dyDescent="0.25">
      <c r="A25317" s="2" t="s">
        <v>13730</v>
      </c>
      <c r="B25317" s="6">
        <v>421461.44999999995</v>
      </c>
      <c r="C25317" s="7">
        <f t="shared" si="395"/>
        <v>421.46144999999996</v>
      </c>
    </row>
    <row r="25318" spans="1:3" x14ac:dyDescent="0.25">
      <c r="A25318" s="2" t="s">
        <v>13731</v>
      </c>
      <c r="B25318" s="6">
        <v>421478.1</v>
      </c>
      <c r="C25318" s="7">
        <f t="shared" si="395"/>
        <v>421.47809999999998</v>
      </c>
    </row>
    <row r="25319" spans="1:3" x14ac:dyDescent="0.25">
      <c r="A25319" s="2" t="s">
        <v>13732</v>
      </c>
      <c r="B25319" s="6">
        <v>421494.74999999994</v>
      </c>
      <c r="C25319" s="7">
        <f t="shared" si="395"/>
        <v>421.49474999999995</v>
      </c>
    </row>
    <row r="25320" spans="1:3" x14ac:dyDescent="0.25">
      <c r="A25320" s="2" t="s">
        <v>13733</v>
      </c>
      <c r="B25320" s="6">
        <v>421511.39999999997</v>
      </c>
      <c r="C25320" s="7">
        <f t="shared" si="395"/>
        <v>421.51139999999998</v>
      </c>
    </row>
    <row r="25321" spans="1:3" x14ac:dyDescent="0.25">
      <c r="A25321" s="2" t="s">
        <v>13734</v>
      </c>
      <c r="B25321" s="6">
        <v>421528.05</v>
      </c>
      <c r="C25321" s="7">
        <f t="shared" si="395"/>
        <v>421.52805000000001</v>
      </c>
    </row>
    <row r="25322" spans="1:3" x14ac:dyDescent="0.25">
      <c r="A25322" s="2" t="s">
        <v>13735</v>
      </c>
      <c r="B25322" s="6">
        <v>421544.69999999995</v>
      </c>
      <c r="C25322" s="7">
        <f t="shared" si="395"/>
        <v>421.54469999999998</v>
      </c>
    </row>
    <row r="25323" spans="1:3" x14ac:dyDescent="0.25">
      <c r="A25323" s="2" t="s">
        <v>13736</v>
      </c>
      <c r="B25323" s="6">
        <v>421561.35</v>
      </c>
      <c r="C25323" s="7">
        <f t="shared" si="395"/>
        <v>421.56135</v>
      </c>
    </row>
    <row r="25324" spans="1:3" x14ac:dyDescent="0.25">
      <c r="A25324" s="2" t="s">
        <v>13737</v>
      </c>
      <c r="B25324" s="6">
        <v>421577.99999999994</v>
      </c>
      <c r="C25324" s="7">
        <f t="shared" si="395"/>
        <v>421.57799999999992</v>
      </c>
    </row>
    <row r="25325" spans="1:3" x14ac:dyDescent="0.25">
      <c r="A25325" s="2" t="s">
        <v>13738</v>
      </c>
      <c r="B25325" s="6">
        <v>421594.64999999997</v>
      </c>
      <c r="C25325" s="7">
        <f t="shared" si="395"/>
        <v>421.59464999999994</v>
      </c>
    </row>
    <row r="25326" spans="1:3" x14ac:dyDescent="0.25">
      <c r="A25326" s="2" t="s">
        <v>13739</v>
      </c>
      <c r="B25326" s="6">
        <v>421611.3</v>
      </c>
      <c r="C25326" s="7">
        <f t="shared" si="395"/>
        <v>421.61129999999997</v>
      </c>
    </row>
    <row r="25327" spans="1:3" x14ac:dyDescent="0.25">
      <c r="A25327" s="2" t="s">
        <v>13740</v>
      </c>
      <c r="B25327" s="6">
        <v>421627.94999999995</v>
      </c>
      <c r="C25327" s="7">
        <f t="shared" si="395"/>
        <v>421.62794999999994</v>
      </c>
    </row>
    <row r="25328" spans="1:3" x14ac:dyDescent="0.25">
      <c r="A25328" s="2" t="s">
        <v>13741</v>
      </c>
      <c r="B25328" s="6">
        <v>421644.6</v>
      </c>
      <c r="C25328" s="7">
        <f t="shared" si="395"/>
        <v>421.64459999999997</v>
      </c>
    </row>
    <row r="25329" spans="1:3" x14ac:dyDescent="0.25">
      <c r="A25329" s="2" t="s">
        <v>13742</v>
      </c>
      <c r="B25329" s="6">
        <v>421661.24999999994</v>
      </c>
      <c r="C25329" s="7">
        <f t="shared" si="395"/>
        <v>421.66124999999994</v>
      </c>
    </row>
    <row r="25330" spans="1:3" x14ac:dyDescent="0.25">
      <c r="A25330" s="2" t="s">
        <v>13743</v>
      </c>
      <c r="B25330" s="6">
        <v>421677.89999999997</v>
      </c>
      <c r="C25330" s="7">
        <f t="shared" si="395"/>
        <v>421.67789999999997</v>
      </c>
    </row>
    <row r="25331" spans="1:3" x14ac:dyDescent="0.25">
      <c r="A25331" s="2" t="s">
        <v>13744</v>
      </c>
      <c r="B25331" s="6">
        <v>421694.55</v>
      </c>
      <c r="C25331" s="7">
        <f t="shared" si="395"/>
        <v>421.69454999999999</v>
      </c>
    </row>
    <row r="25332" spans="1:3" x14ac:dyDescent="0.25">
      <c r="A25332" s="2" t="s">
        <v>13745</v>
      </c>
      <c r="B25332" s="6">
        <v>421711.19999999995</v>
      </c>
      <c r="C25332" s="7">
        <f t="shared" si="395"/>
        <v>421.71119999999996</v>
      </c>
    </row>
    <row r="25333" spans="1:3" x14ac:dyDescent="0.25">
      <c r="A25333" s="2" t="s">
        <v>13746</v>
      </c>
      <c r="B25333" s="6">
        <v>421727.85</v>
      </c>
      <c r="C25333" s="7">
        <f t="shared" si="395"/>
        <v>421.72784999999999</v>
      </c>
    </row>
    <row r="25334" spans="1:3" x14ac:dyDescent="0.25">
      <c r="A25334" s="2" t="s">
        <v>13747</v>
      </c>
      <c r="B25334" s="6">
        <v>421744.49999999994</v>
      </c>
      <c r="C25334" s="7">
        <f t="shared" si="395"/>
        <v>421.74449999999996</v>
      </c>
    </row>
    <row r="25335" spans="1:3" x14ac:dyDescent="0.25">
      <c r="A25335" s="2" t="s">
        <v>13748</v>
      </c>
      <c r="B25335" s="6">
        <v>421761.14999999997</v>
      </c>
      <c r="C25335" s="7">
        <f t="shared" si="395"/>
        <v>421.76114999999999</v>
      </c>
    </row>
    <row r="25336" spans="1:3" x14ac:dyDescent="0.25">
      <c r="A25336" s="2" t="s">
        <v>13749</v>
      </c>
      <c r="B25336" s="6">
        <v>421777.8</v>
      </c>
      <c r="C25336" s="7">
        <f t="shared" si="395"/>
        <v>421.77780000000001</v>
      </c>
    </row>
    <row r="25337" spans="1:3" x14ac:dyDescent="0.25">
      <c r="A25337" s="2" t="s">
        <v>13750</v>
      </c>
      <c r="B25337" s="6">
        <v>421794.44999999995</v>
      </c>
      <c r="C25337" s="7">
        <f t="shared" si="395"/>
        <v>421.79444999999993</v>
      </c>
    </row>
    <row r="25338" spans="1:3" x14ac:dyDescent="0.25">
      <c r="A25338" s="2" t="s">
        <v>13751</v>
      </c>
      <c r="B25338" s="6">
        <v>421811.1</v>
      </c>
      <c r="C25338" s="7">
        <f t="shared" si="395"/>
        <v>421.81109999999995</v>
      </c>
    </row>
    <row r="25339" spans="1:3" x14ac:dyDescent="0.25">
      <c r="A25339" s="2" t="s">
        <v>13752</v>
      </c>
      <c r="B25339" s="6">
        <v>421827.74999999994</v>
      </c>
      <c r="C25339" s="7">
        <f t="shared" si="395"/>
        <v>421.82774999999992</v>
      </c>
    </row>
    <row r="25340" spans="1:3" x14ac:dyDescent="0.25">
      <c r="A25340" s="2" t="s">
        <v>13753</v>
      </c>
      <c r="B25340" s="6">
        <v>421844.39999999997</v>
      </c>
      <c r="C25340" s="7">
        <f t="shared" si="395"/>
        <v>421.84439999999995</v>
      </c>
    </row>
    <row r="25341" spans="1:3" x14ac:dyDescent="0.25">
      <c r="A25341" s="2" t="s">
        <v>13754</v>
      </c>
      <c r="B25341" s="6">
        <v>421861.05</v>
      </c>
      <c r="C25341" s="7">
        <f t="shared" si="395"/>
        <v>421.86104999999998</v>
      </c>
    </row>
    <row r="25342" spans="1:3" x14ac:dyDescent="0.25">
      <c r="A25342" s="2" t="s">
        <v>13755</v>
      </c>
      <c r="B25342" s="6">
        <v>421877.69999999995</v>
      </c>
      <c r="C25342" s="7">
        <f t="shared" si="395"/>
        <v>421.87769999999995</v>
      </c>
    </row>
    <row r="25343" spans="1:3" x14ac:dyDescent="0.25">
      <c r="A25343" s="2" t="s">
        <v>13756</v>
      </c>
      <c r="B25343" s="6">
        <v>421894.35</v>
      </c>
      <c r="C25343" s="7">
        <f t="shared" si="395"/>
        <v>421.89434999999997</v>
      </c>
    </row>
    <row r="25344" spans="1:3" x14ac:dyDescent="0.25">
      <c r="A25344" s="2" t="s">
        <v>13757</v>
      </c>
      <c r="B25344" s="6">
        <v>421910.99999999994</v>
      </c>
      <c r="C25344" s="7">
        <f t="shared" si="395"/>
        <v>421.91099999999994</v>
      </c>
    </row>
    <row r="25345" spans="1:3" x14ac:dyDescent="0.25">
      <c r="A25345" s="2" t="s">
        <v>13758</v>
      </c>
      <c r="B25345" s="6">
        <v>421927.64999999997</v>
      </c>
      <c r="C25345" s="7">
        <f t="shared" si="395"/>
        <v>421.92764999999997</v>
      </c>
    </row>
    <row r="25346" spans="1:3" x14ac:dyDescent="0.25">
      <c r="A25346" s="2" t="s">
        <v>13759</v>
      </c>
      <c r="B25346" s="6">
        <v>421944.3</v>
      </c>
      <c r="C25346" s="7">
        <f t="shared" si="395"/>
        <v>421.9443</v>
      </c>
    </row>
    <row r="25347" spans="1:3" x14ac:dyDescent="0.25">
      <c r="A25347" s="2" t="s">
        <v>13760</v>
      </c>
      <c r="B25347" s="6">
        <v>421960.94999999995</v>
      </c>
      <c r="C25347" s="7">
        <f t="shared" ref="C25347:C25410" si="396">B25347/1000</f>
        <v>421.96094999999997</v>
      </c>
    </row>
    <row r="25348" spans="1:3" x14ac:dyDescent="0.25">
      <c r="A25348" s="2" t="s">
        <v>13761</v>
      </c>
      <c r="B25348" s="6">
        <v>421977.59999999998</v>
      </c>
      <c r="C25348" s="7">
        <f t="shared" si="396"/>
        <v>421.9776</v>
      </c>
    </row>
    <row r="25349" spans="1:3" x14ac:dyDescent="0.25">
      <c r="A25349" s="2" t="s">
        <v>13762</v>
      </c>
      <c r="B25349" s="6">
        <v>421994.24999999994</v>
      </c>
      <c r="C25349" s="7">
        <f t="shared" si="396"/>
        <v>421.99424999999997</v>
      </c>
    </row>
    <row r="25350" spans="1:3" x14ac:dyDescent="0.25">
      <c r="A25350" s="2" t="s">
        <v>13763</v>
      </c>
      <c r="B25350" s="6">
        <v>422010.89999999997</v>
      </c>
      <c r="C25350" s="7">
        <f t="shared" si="396"/>
        <v>422.01089999999999</v>
      </c>
    </row>
    <row r="25351" spans="1:3" x14ac:dyDescent="0.25">
      <c r="A25351" s="2" t="s">
        <v>13764</v>
      </c>
      <c r="B25351" s="6">
        <v>422027.55</v>
      </c>
      <c r="C25351" s="7">
        <f t="shared" si="396"/>
        <v>422.02754999999996</v>
      </c>
    </row>
    <row r="25352" spans="1:3" x14ac:dyDescent="0.25">
      <c r="A25352" s="2" t="s">
        <v>13765</v>
      </c>
      <c r="B25352" s="6">
        <v>422044.19999999995</v>
      </c>
      <c r="C25352" s="7">
        <f t="shared" si="396"/>
        <v>422.04419999999993</v>
      </c>
    </row>
    <row r="25353" spans="1:3" x14ac:dyDescent="0.25">
      <c r="A25353" s="2" t="s">
        <v>13766</v>
      </c>
      <c r="B25353" s="6">
        <v>422060.85</v>
      </c>
      <c r="C25353" s="7">
        <f t="shared" si="396"/>
        <v>422.06084999999996</v>
      </c>
    </row>
    <row r="25354" spans="1:3" x14ac:dyDescent="0.25">
      <c r="A25354" s="2" t="s">
        <v>13767</v>
      </c>
      <c r="B25354" s="6">
        <v>422077.49999999994</v>
      </c>
      <c r="C25354" s="7">
        <f t="shared" si="396"/>
        <v>422.07749999999993</v>
      </c>
    </row>
    <row r="25355" spans="1:3" x14ac:dyDescent="0.25">
      <c r="A25355" s="2" t="s">
        <v>13768</v>
      </c>
      <c r="B25355" s="6">
        <v>422094.14999999997</v>
      </c>
      <c r="C25355" s="7">
        <f t="shared" si="396"/>
        <v>422.09414999999996</v>
      </c>
    </row>
    <row r="25356" spans="1:3" x14ac:dyDescent="0.25">
      <c r="A25356" s="2" t="s">
        <v>13769</v>
      </c>
      <c r="B25356" s="6">
        <v>422110.8</v>
      </c>
      <c r="C25356" s="7">
        <f t="shared" si="396"/>
        <v>422.11079999999998</v>
      </c>
    </row>
    <row r="25357" spans="1:3" x14ac:dyDescent="0.25">
      <c r="A25357" s="2" t="s">
        <v>13770</v>
      </c>
      <c r="B25357" s="6">
        <v>422127.44999999995</v>
      </c>
      <c r="C25357" s="7">
        <f t="shared" si="396"/>
        <v>422.12744999999995</v>
      </c>
    </row>
    <row r="25358" spans="1:3" x14ac:dyDescent="0.25">
      <c r="A25358" s="2" t="s">
        <v>13771</v>
      </c>
      <c r="B25358" s="6">
        <v>422144.1</v>
      </c>
      <c r="C25358" s="7">
        <f t="shared" si="396"/>
        <v>422.14409999999998</v>
      </c>
    </row>
    <row r="25359" spans="1:3" x14ac:dyDescent="0.25">
      <c r="A25359" s="2" t="s">
        <v>13772</v>
      </c>
      <c r="B25359" s="6">
        <v>422160.74999999994</v>
      </c>
      <c r="C25359" s="7">
        <f t="shared" si="396"/>
        <v>422.16074999999995</v>
      </c>
    </row>
    <row r="25360" spans="1:3" x14ac:dyDescent="0.25">
      <c r="A25360" s="2" t="s">
        <v>13773</v>
      </c>
      <c r="B25360" s="6">
        <v>422177.39999999997</v>
      </c>
      <c r="C25360" s="7">
        <f t="shared" si="396"/>
        <v>422.17739999999998</v>
      </c>
    </row>
    <row r="25361" spans="1:3" x14ac:dyDescent="0.25">
      <c r="A25361" s="2" t="s">
        <v>13774</v>
      </c>
      <c r="B25361" s="6">
        <v>422194.05</v>
      </c>
      <c r="C25361" s="7">
        <f t="shared" si="396"/>
        <v>422.19405</v>
      </c>
    </row>
    <row r="25362" spans="1:3" x14ac:dyDescent="0.25">
      <c r="A25362" s="2" t="s">
        <v>13775</v>
      </c>
      <c r="B25362" s="6">
        <v>422210.69999999995</v>
      </c>
      <c r="C25362" s="7">
        <f t="shared" si="396"/>
        <v>422.21069999999997</v>
      </c>
    </row>
    <row r="25363" spans="1:3" x14ac:dyDescent="0.25">
      <c r="A25363" s="2" t="s">
        <v>13776</v>
      </c>
      <c r="B25363" s="6">
        <v>422227.35</v>
      </c>
      <c r="C25363" s="7">
        <f t="shared" si="396"/>
        <v>422.22735</v>
      </c>
    </row>
    <row r="25364" spans="1:3" x14ac:dyDescent="0.25">
      <c r="A25364" s="2" t="s">
        <v>13777</v>
      </c>
      <c r="B25364" s="6">
        <v>422243.99999999994</v>
      </c>
      <c r="C25364" s="7">
        <f t="shared" si="396"/>
        <v>422.24399999999991</v>
      </c>
    </row>
    <row r="25365" spans="1:3" x14ac:dyDescent="0.25">
      <c r="A25365" s="2" t="s">
        <v>13778</v>
      </c>
      <c r="B25365" s="6">
        <v>422260.64999999997</v>
      </c>
      <c r="C25365" s="7">
        <f t="shared" si="396"/>
        <v>422.26064999999994</v>
      </c>
    </row>
    <row r="25366" spans="1:3" x14ac:dyDescent="0.25">
      <c r="A25366" s="2" t="s">
        <v>13779</v>
      </c>
      <c r="B25366" s="6">
        <v>422277.3</v>
      </c>
      <c r="C25366" s="7">
        <f t="shared" si="396"/>
        <v>422.27729999999997</v>
      </c>
    </row>
    <row r="25367" spans="1:3" x14ac:dyDescent="0.25">
      <c r="A25367" s="2" t="s">
        <v>13780</v>
      </c>
      <c r="B25367" s="6">
        <v>422293.94999999995</v>
      </c>
      <c r="C25367" s="7">
        <f t="shared" si="396"/>
        <v>422.29394999999994</v>
      </c>
    </row>
    <row r="25368" spans="1:3" x14ac:dyDescent="0.25">
      <c r="A25368" s="2" t="s">
        <v>13781</v>
      </c>
      <c r="B25368" s="6">
        <v>422310.6</v>
      </c>
      <c r="C25368" s="7">
        <f t="shared" si="396"/>
        <v>422.31059999999997</v>
      </c>
    </row>
    <row r="25369" spans="1:3" x14ac:dyDescent="0.25">
      <c r="A25369" s="2" t="s">
        <v>13782</v>
      </c>
      <c r="B25369" s="6">
        <v>422327.24999999994</v>
      </c>
      <c r="C25369" s="7">
        <f t="shared" si="396"/>
        <v>422.32724999999994</v>
      </c>
    </row>
    <row r="25370" spans="1:3" x14ac:dyDescent="0.25">
      <c r="A25370" s="2" t="s">
        <v>13783</v>
      </c>
      <c r="B25370" s="6">
        <v>422343.89999999997</v>
      </c>
      <c r="C25370" s="7">
        <f t="shared" si="396"/>
        <v>422.34389999999996</v>
      </c>
    </row>
    <row r="25371" spans="1:3" x14ac:dyDescent="0.25">
      <c r="A25371" s="2" t="s">
        <v>13784</v>
      </c>
      <c r="B25371" s="6">
        <v>422360.55</v>
      </c>
      <c r="C25371" s="7">
        <f t="shared" si="396"/>
        <v>422.36054999999999</v>
      </c>
    </row>
    <row r="25372" spans="1:3" x14ac:dyDescent="0.25">
      <c r="A25372" s="2" t="s">
        <v>13785</v>
      </c>
      <c r="B25372" s="6">
        <v>422377.19999999995</v>
      </c>
      <c r="C25372" s="7">
        <f t="shared" si="396"/>
        <v>422.37719999999996</v>
      </c>
    </row>
    <row r="25373" spans="1:3" x14ac:dyDescent="0.25">
      <c r="A25373" s="2" t="s">
        <v>13786</v>
      </c>
      <c r="B25373" s="6">
        <v>422393.85</v>
      </c>
      <c r="C25373" s="7">
        <f t="shared" si="396"/>
        <v>422.39384999999999</v>
      </c>
    </row>
    <row r="25374" spans="1:3" x14ac:dyDescent="0.25">
      <c r="A25374" s="2" t="s">
        <v>13787</v>
      </c>
      <c r="B25374" s="6">
        <v>422410.49999999994</v>
      </c>
      <c r="C25374" s="7">
        <f t="shared" si="396"/>
        <v>422.41049999999996</v>
      </c>
    </row>
    <row r="25375" spans="1:3" x14ac:dyDescent="0.25">
      <c r="A25375" s="2" t="s">
        <v>13788</v>
      </c>
      <c r="B25375" s="6">
        <v>422427.14999999997</v>
      </c>
      <c r="C25375" s="7">
        <f t="shared" si="396"/>
        <v>422.42714999999998</v>
      </c>
    </row>
    <row r="25376" spans="1:3" x14ac:dyDescent="0.25">
      <c r="A25376" s="2" t="s">
        <v>13789</v>
      </c>
      <c r="B25376" s="6">
        <v>422443.8</v>
      </c>
      <c r="C25376" s="7">
        <f t="shared" si="396"/>
        <v>422.44380000000001</v>
      </c>
    </row>
    <row r="25377" spans="1:3" x14ac:dyDescent="0.25">
      <c r="A25377" s="2" t="s">
        <v>13790</v>
      </c>
      <c r="B25377" s="6">
        <v>422460.44999999995</v>
      </c>
      <c r="C25377" s="7">
        <f t="shared" si="396"/>
        <v>422.46044999999998</v>
      </c>
    </row>
    <row r="25378" spans="1:3" x14ac:dyDescent="0.25">
      <c r="A25378" s="2" t="s">
        <v>13791</v>
      </c>
      <c r="B25378" s="6">
        <v>422477.1</v>
      </c>
      <c r="C25378" s="7">
        <f t="shared" si="396"/>
        <v>422.47709999999995</v>
      </c>
    </row>
    <row r="25379" spans="1:3" x14ac:dyDescent="0.25">
      <c r="A25379" s="2" t="s">
        <v>13792</v>
      </c>
      <c r="B25379" s="6">
        <v>422493.74999999994</v>
      </c>
      <c r="C25379" s="7">
        <f t="shared" si="396"/>
        <v>422.49374999999992</v>
      </c>
    </row>
    <row r="25380" spans="1:3" x14ac:dyDescent="0.25">
      <c r="A25380" s="2" t="s">
        <v>13793</v>
      </c>
      <c r="B25380" s="6">
        <v>422510.39999999997</v>
      </c>
      <c r="C25380" s="7">
        <f t="shared" si="396"/>
        <v>422.51039999999995</v>
      </c>
    </row>
    <row r="25381" spans="1:3" x14ac:dyDescent="0.25">
      <c r="A25381" s="2" t="s">
        <v>13794</v>
      </c>
      <c r="B25381" s="6">
        <v>422527.05</v>
      </c>
      <c r="C25381" s="7">
        <f t="shared" si="396"/>
        <v>422.52704999999997</v>
      </c>
    </row>
    <row r="25382" spans="1:3" x14ac:dyDescent="0.25">
      <c r="A25382" s="2" t="s">
        <v>13795</v>
      </c>
      <c r="B25382" s="6">
        <v>422543.69999999995</v>
      </c>
      <c r="C25382" s="7">
        <f t="shared" si="396"/>
        <v>422.54369999999994</v>
      </c>
    </row>
    <row r="25383" spans="1:3" x14ac:dyDescent="0.25">
      <c r="A25383" s="2" t="s">
        <v>13796</v>
      </c>
      <c r="B25383" s="6">
        <v>422560.35</v>
      </c>
      <c r="C25383" s="7">
        <f t="shared" si="396"/>
        <v>422.56034999999997</v>
      </c>
    </row>
    <row r="25384" spans="1:3" x14ac:dyDescent="0.25">
      <c r="A25384" s="2" t="s">
        <v>13797</v>
      </c>
      <c r="B25384" s="6">
        <v>422576.99999999994</v>
      </c>
      <c r="C25384" s="7">
        <f t="shared" si="396"/>
        <v>422.57699999999994</v>
      </c>
    </row>
    <row r="25385" spans="1:3" x14ac:dyDescent="0.25">
      <c r="A25385" s="2" t="s">
        <v>13798</v>
      </c>
      <c r="B25385" s="6">
        <v>422593.64999999997</v>
      </c>
      <c r="C25385" s="7">
        <f t="shared" si="396"/>
        <v>422.59364999999997</v>
      </c>
    </row>
    <row r="25386" spans="1:3" x14ac:dyDescent="0.25">
      <c r="A25386" s="2" t="s">
        <v>13799</v>
      </c>
      <c r="B25386" s="6">
        <v>422610.3</v>
      </c>
      <c r="C25386" s="7">
        <f t="shared" si="396"/>
        <v>422.6103</v>
      </c>
    </row>
    <row r="25387" spans="1:3" x14ac:dyDescent="0.25">
      <c r="A25387" s="2" t="s">
        <v>13800</v>
      </c>
      <c r="B25387" s="6">
        <v>422626.94999999995</v>
      </c>
      <c r="C25387" s="7">
        <f t="shared" si="396"/>
        <v>422.62694999999997</v>
      </c>
    </row>
    <row r="25388" spans="1:3" x14ac:dyDescent="0.25">
      <c r="A25388" s="2" t="s">
        <v>13801</v>
      </c>
      <c r="B25388" s="6">
        <v>422643.6</v>
      </c>
      <c r="C25388" s="7">
        <f t="shared" si="396"/>
        <v>422.64359999999999</v>
      </c>
    </row>
    <row r="25389" spans="1:3" x14ac:dyDescent="0.25">
      <c r="A25389" s="2" t="s">
        <v>13802</v>
      </c>
      <c r="B25389" s="6">
        <v>422660.24999999994</v>
      </c>
      <c r="C25389" s="7">
        <f t="shared" si="396"/>
        <v>422.66024999999996</v>
      </c>
    </row>
    <row r="25390" spans="1:3" x14ac:dyDescent="0.25">
      <c r="A25390" s="2" t="s">
        <v>13803</v>
      </c>
      <c r="B25390" s="6">
        <v>422676.89999999997</v>
      </c>
      <c r="C25390" s="7">
        <f t="shared" si="396"/>
        <v>422.67689999999999</v>
      </c>
    </row>
    <row r="25391" spans="1:3" x14ac:dyDescent="0.25">
      <c r="A25391" s="2" t="s">
        <v>13804</v>
      </c>
      <c r="B25391" s="6">
        <v>422693.55</v>
      </c>
      <c r="C25391" s="7">
        <f t="shared" si="396"/>
        <v>422.69355000000002</v>
      </c>
    </row>
    <row r="25392" spans="1:3" x14ac:dyDescent="0.25">
      <c r="A25392" s="2" t="s">
        <v>13805</v>
      </c>
      <c r="B25392" s="6">
        <v>422710.19999999995</v>
      </c>
      <c r="C25392" s="7">
        <f t="shared" si="396"/>
        <v>422.71019999999993</v>
      </c>
    </row>
    <row r="25393" spans="1:3" x14ac:dyDescent="0.25">
      <c r="A25393" s="2" t="s">
        <v>13806</v>
      </c>
      <c r="B25393" s="6">
        <v>422726.85</v>
      </c>
      <c r="C25393" s="7">
        <f t="shared" si="396"/>
        <v>422.72684999999996</v>
      </c>
    </row>
    <row r="25394" spans="1:3" x14ac:dyDescent="0.25">
      <c r="A25394" s="2" t="s">
        <v>13807</v>
      </c>
      <c r="B25394" s="6">
        <v>422743.49999999994</v>
      </c>
      <c r="C25394" s="7">
        <f t="shared" si="396"/>
        <v>422.74349999999993</v>
      </c>
    </row>
    <row r="25395" spans="1:3" x14ac:dyDescent="0.25">
      <c r="A25395" s="2" t="s">
        <v>13808</v>
      </c>
      <c r="B25395" s="6">
        <v>422760.14999999997</v>
      </c>
      <c r="C25395" s="7">
        <f t="shared" si="396"/>
        <v>422.76014999999995</v>
      </c>
    </row>
    <row r="25396" spans="1:3" x14ac:dyDescent="0.25">
      <c r="A25396" s="2" t="s">
        <v>13809</v>
      </c>
      <c r="B25396" s="6">
        <v>422776.8</v>
      </c>
      <c r="C25396" s="7">
        <f t="shared" si="396"/>
        <v>422.77679999999998</v>
      </c>
    </row>
    <row r="25397" spans="1:3" x14ac:dyDescent="0.25">
      <c r="A25397" s="2" t="s">
        <v>13810</v>
      </c>
      <c r="B25397" s="6">
        <v>422793.44999999995</v>
      </c>
      <c r="C25397" s="7">
        <f t="shared" si="396"/>
        <v>422.79344999999995</v>
      </c>
    </row>
    <row r="25398" spans="1:3" x14ac:dyDescent="0.25">
      <c r="A25398" s="2" t="s">
        <v>13811</v>
      </c>
      <c r="B25398" s="6">
        <v>422810.1</v>
      </c>
      <c r="C25398" s="7">
        <f t="shared" si="396"/>
        <v>422.81009999999998</v>
      </c>
    </row>
    <row r="25399" spans="1:3" x14ac:dyDescent="0.25">
      <c r="A25399" s="2" t="s">
        <v>13812</v>
      </c>
      <c r="B25399" s="6">
        <v>422826.74999999994</v>
      </c>
      <c r="C25399" s="7">
        <f t="shared" si="396"/>
        <v>422.82674999999995</v>
      </c>
    </row>
    <row r="25400" spans="1:3" x14ac:dyDescent="0.25">
      <c r="A25400" s="2" t="s">
        <v>13813</v>
      </c>
      <c r="B25400" s="6">
        <v>422843.39999999997</v>
      </c>
      <c r="C25400" s="7">
        <f t="shared" si="396"/>
        <v>422.84339999999997</v>
      </c>
    </row>
    <row r="25401" spans="1:3" x14ac:dyDescent="0.25">
      <c r="A25401" s="2" t="s">
        <v>13814</v>
      </c>
      <c r="B25401" s="6">
        <v>422860.05</v>
      </c>
      <c r="C25401" s="7">
        <f t="shared" si="396"/>
        <v>422.86005</v>
      </c>
    </row>
    <row r="25402" spans="1:3" x14ac:dyDescent="0.25">
      <c r="A25402" s="2" t="s">
        <v>13815</v>
      </c>
      <c r="B25402" s="6">
        <v>422876.69999999995</v>
      </c>
      <c r="C25402" s="7">
        <f t="shared" si="396"/>
        <v>422.87669999999997</v>
      </c>
    </row>
    <row r="25403" spans="1:3" x14ac:dyDescent="0.25">
      <c r="A25403" s="2" t="s">
        <v>13816</v>
      </c>
      <c r="B25403" s="6">
        <v>422893.35</v>
      </c>
      <c r="C25403" s="7">
        <f t="shared" si="396"/>
        <v>422.89335</v>
      </c>
    </row>
    <row r="25404" spans="1:3" x14ac:dyDescent="0.25">
      <c r="A25404" s="2" t="s">
        <v>13817</v>
      </c>
      <c r="B25404" s="6">
        <v>422909.99999999994</v>
      </c>
      <c r="C25404" s="7">
        <f t="shared" si="396"/>
        <v>422.90999999999997</v>
      </c>
    </row>
    <row r="25405" spans="1:3" x14ac:dyDescent="0.25">
      <c r="A25405" s="2" t="s">
        <v>13818</v>
      </c>
      <c r="B25405" s="6">
        <v>422926.64999999997</v>
      </c>
      <c r="C25405" s="7">
        <f t="shared" si="396"/>
        <v>422.92664999999994</v>
      </c>
    </row>
    <row r="25406" spans="1:3" x14ac:dyDescent="0.25">
      <c r="A25406" s="2" t="s">
        <v>13819</v>
      </c>
      <c r="B25406" s="6">
        <v>422943.3</v>
      </c>
      <c r="C25406" s="7">
        <f t="shared" si="396"/>
        <v>422.94329999999997</v>
      </c>
    </row>
    <row r="25407" spans="1:3" x14ac:dyDescent="0.25">
      <c r="A25407" s="2" t="s">
        <v>13820</v>
      </c>
      <c r="B25407" s="6">
        <v>422959.94999999995</v>
      </c>
      <c r="C25407" s="7">
        <f t="shared" si="396"/>
        <v>422.95994999999994</v>
      </c>
    </row>
    <row r="25408" spans="1:3" x14ac:dyDescent="0.25">
      <c r="A25408" s="2" t="s">
        <v>13821</v>
      </c>
      <c r="B25408" s="6">
        <v>422976.6</v>
      </c>
      <c r="C25408" s="7">
        <f t="shared" si="396"/>
        <v>422.97659999999996</v>
      </c>
    </row>
    <row r="25409" spans="1:3" x14ac:dyDescent="0.25">
      <c r="A25409" s="2" t="s">
        <v>13822</v>
      </c>
      <c r="B25409" s="6">
        <v>422993.24999999994</v>
      </c>
      <c r="C25409" s="7">
        <f t="shared" si="396"/>
        <v>422.99324999999993</v>
      </c>
    </row>
    <row r="25410" spans="1:3" x14ac:dyDescent="0.25">
      <c r="A25410" s="2" t="s">
        <v>13823</v>
      </c>
      <c r="B25410" s="6">
        <v>423009.89999999997</v>
      </c>
      <c r="C25410" s="7">
        <f t="shared" si="396"/>
        <v>423.00989999999996</v>
      </c>
    </row>
    <row r="25411" spans="1:3" x14ac:dyDescent="0.25">
      <c r="A25411" s="2" t="s">
        <v>13824</v>
      </c>
      <c r="B25411" s="6">
        <v>423026.55</v>
      </c>
      <c r="C25411" s="7">
        <f t="shared" ref="C25411:C25474" si="397">B25411/1000</f>
        <v>423.02654999999999</v>
      </c>
    </row>
    <row r="25412" spans="1:3" x14ac:dyDescent="0.25">
      <c r="A25412" s="2" t="s">
        <v>13825</v>
      </c>
      <c r="B25412" s="6">
        <v>423043.19999999995</v>
      </c>
      <c r="C25412" s="7">
        <f t="shared" si="397"/>
        <v>423.04319999999996</v>
      </c>
    </row>
    <row r="25413" spans="1:3" x14ac:dyDescent="0.25">
      <c r="A25413" s="2" t="s">
        <v>13826</v>
      </c>
      <c r="B25413" s="6">
        <v>423059.85</v>
      </c>
      <c r="C25413" s="7">
        <f t="shared" si="397"/>
        <v>423.05984999999998</v>
      </c>
    </row>
    <row r="25414" spans="1:3" x14ac:dyDescent="0.25">
      <c r="A25414" s="2" t="s">
        <v>13827</v>
      </c>
      <c r="B25414" s="6">
        <v>423076.49999999994</v>
      </c>
      <c r="C25414" s="7">
        <f t="shared" si="397"/>
        <v>423.07649999999995</v>
      </c>
    </row>
    <row r="25415" spans="1:3" x14ac:dyDescent="0.25">
      <c r="A25415" s="2" t="s">
        <v>13828</v>
      </c>
      <c r="B25415" s="6">
        <v>423093.14999999997</v>
      </c>
      <c r="C25415" s="7">
        <f t="shared" si="397"/>
        <v>423.09314999999998</v>
      </c>
    </row>
    <row r="25416" spans="1:3" x14ac:dyDescent="0.25">
      <c r="A25416" s="2" t="s">
        <v>13829</v>
      </c>
      <c r="B25416" s="6">
        <v>423109.8</v>
      </c>
      <c r="C25416" s="7">
        <f t="shared" si="397"/>
        <v>423.10980000000001</v>
      </c>
    </row>
    <row r="25417" spans="1:3" x14ac:dyDescent="0.25">
      <c r="A25417" s="2" t="s">
        <v>13830</v>
      </c>
      <c r="B25417" s="6">
        <v>423126.44999999995</v>
      </c>
      <c r="C25417" s="7">
        <f t="shared" si="397"/>
        <v>423.12644999999998</v>
      </c>
    </row>
    <row r="25418" spans="1:3" x14ac:dyDescent="0.25">
      <c r="A25418" s="2" t="s">
        <v>13831</v>
      </c>
      <c r="B25418" s="6">
        <v>423143.1</v>
      </c>
      <c r="C25418" s="7">
        <f t="shared" si="397"/>
        <v>423.1431</v>
      </c>
    </row>
    <row r="25419" spans="1:3" x14ac:dyDescent="0.25">
      <c r="A25419" s="2" t="s">
        <v>13832</v>
      </c>
      <c r="B25419" s="6">
        <v>423159.74999999994</v>
      </c>
      <c r="C25419" s="7">
        <f t="shared" si="397"/>
        <v>423.15974999999992</v>
      </c>
    </row>
    <row r="25420" spans="1:3" x14ac:dyDescent="0.25">
      <c r="A25420" s="2" t="s">
        <v>13833</v>
      </c>
      <c r="B25420" s="6">
        <v>423176.39999999997</v>
      </c>
      <c r="C25420" s="7">
        <f t="shared" si="397"/>
        <v>423.17639999999994</v>
      </c>
    </row>
    <row r="25421" spans="1:3" x14ac:dyDescent="0.25">
      <c r="A25421" s="2" t="s">
        <v>13834</v>
      </c>
      <c r="B25421" s="6">
        <v>423193.05</v>
      </c>
      <c r="C25421" s="7">
        <f t="shared" si="397"/>
        <v>423.19304999999997</v>
      </c>
    </row>
    <row r="25422" spans="1:3" x14ac:dyDescent="0.25">
      <c r="A25422" s="2" t="s">
        <v>13835</v>
      </c>
      <c r="B25422" s="6">
        <v>423209.69999999995</v>
      </c>
      <c r="C25422" s="7">
        <f t="shared" si="397"/>
        <v>423.20969999999994</v>
      </c>
    </row>
    <row r="25423" spans="1:3" x14ac:dyDescent="0.25">
      <c r="A25423" s="2" t="s">
        <v>13836</v>
      </c>
      <c r="B25423" s="6">
        <v>423226.35</v>
      </c>
      <c r="C25423" s="7">
        <f t="shared" si="397"/>
        <v>423.22634999999997</v>
      </c>
    </row>
    <row r="25424" spans="1:3" x14ac:dyDescent="0.25">
      <c r="A25424" s="2" t="s">
        <v>13837</v>
      </c>
      <c r="B25424" s="6">
        <v>423242.99999999994</v>
      </c>
      <c r="C25424" s="7">
        <f t="shared" si="397"/>
        <v>423.24299999999994</v>
      </c>
    </row>
    <row r="25425" spans="1:3" x14ac:dyDescent="0.25">
      <c r="A25425" s="2" t="s">
        <v>13838</v>
      </c>
      <c r="B25425" s="6">
        <v>423259.64999999997</v>
      </c>
      <c r="C25425" s="7">
        <f t="shared" si="397"/>
        <v>423.25964999999997</v>
      </c>
    </row>
    <row r="25426" spans="1:3" x14ac:dyDescent="0.25">
      <c r="A25426" s="2" t="s">
        <v>13839</v>
      </c>
      <c r="B25426" s="6">
        <v>423276.3</v>
      </c>
      <c r="C25426" s="7">
        <f t="shared" si="397"/>
        <v>423.27629999999999</v>
      </c>
    </row>
    <row r="25427" spans="1:3" x14ac:dyDescent="0.25">
      <c r="A25427" s="2" t="s">
        <v>13840</v>
      </c>
      <c r="B25427" s="6">
        <v>423292.94999999995</v>
      </c>
      <c r="C25427" s="7">
        <f t="shared" si="397"/>
        <v>423.29294999999996</v>
      </c>
    </row>
    <row r="25428" spans="1:3" x14ac:dyDescent="0.25">
      <c r="A25428" s="2" t="s">
        <v>13841</v>
      </c>
      <c r="B25428" s="6">
        <v>423309.6</v>
      </c>
      <c r="C25428" s="7">
        <f t="shared" si="397"/>
        <v>423.30959999999999</v>
      </c>
    </row>
    <row r="25429" spans="1:3" x14ac:dyDescent="0.25">
      <c r="A25429" s="2" t="s">
        <v>13842</v>
      </c>
      <c r="B25429" s="6">
        <v>423326.24999999994</v>
      </c>
      <c r="C25429" s="7">
        <f t="shared" si="397"/>
        <v>423.32624999999996</v>
      </c>
    </row>
    <row r="25430" spans="1:3" x14ac:dyDescent="0.25">
      <c r="A25430" s="2" t="s">
        <v>13843</v>
      </c>
      <c r="B25430" s="6">
        <v>423342.89999999997</v>
      </c>
      <c r="C25430" s="7">
        <f t="shared" si="397"/>
        <v>423.34289999999999</v>
      </c>
    </row>
    <row r="25431" spans="1:3" x14ac:dyDescent="0.25">
      <c r="A25431" s="2" t="s">
        <v>13844</v>
      </c>
      <c r="B25431" s="6">
        <v>423359.55</v>
      </c>
      <c r="C25431" s="7">
        <f t="shared" si="397"/>
        <v>423.35955000000001</v>
      </c>
    </row>
    <row r="25432" spans="1:3" x14ac:dyDescent="0.25">
      <c r="A25432" s="2" t="s">
        <v>13845</v>
      </c>
      <c r="B25432" s="6">
        <v>423376.19999999995</v>
      </c>
      <c r="C25432" s="7">
        <f t="shared" si="397"/>
        <v>423.37619999999993</v>
      </c>
    </row>
    <row r="25433" spans="1:3" x14ac:dyDescent="0.25">
      <c r="A25433" s="2" t="s">
        <v>13846</v>
      </c>
      <c r="B25433" s="6">
        <v>423392.85</v>
      </c>
      <c r="C25433" s="7">
        <f t="shared" si="397"/>
        <v>423.39284999999995</v>
      </c>
    </row>
    <row r="25434" spans="1:3" x14ac:dyDescent="0.25">
      <c r="A25434" s="2" t="s">
        <v>13847</v>
      </c>
      <c r="B25434" s="6">
        <v>423409.49999999994</v>
      </c>
      <c r="C25434" s="7">
        <f t="shared" si="397"/>
        <v>423.40949999999992</v>
      </c>
    </row>
    <row r="25435" spans="1:3" x14ac:dyDescent="0.25">
      <c r="A25435" s="2" t="s">
        <v>13848</v>
      </c>
      <c r="B25435" s="6">
        <v>423426.14999999997</v>
      </c>
      <c r="C25435" s="7">
        <f t="shared" si="397"/>
        <v>423.42614999999995</v>
      </c>
    </row>
    <row r="25436" spans="1:3" x14ac:dyDescent="0.25">
      <c r="A25436" s="2" t="s">
        <v>13849</v>
      </c>
      <c r="B25436" s="6">
        <v>423442.8</v>
      </c>
      <c r="C25436" s="7">
        <f t="shared" si="397"/>
        <v>423.44279999999998</v>
      </c>
    </row>
    <row r="25437" spans="1:3" x14ac:dyDescent="0.25">
      <c r="A25437" s="2" t="s">
        <v>13850</v>
      </c>
      <c r="B25437" s="6">
        <v>423459.44999999995</v>
      </c>
      <c r="C25437" s="7">
        <f t="shared" si="397"/>
        <v>423.45944999999995</v>
      </c>
    </row>
    <row r="25438" spans="1:3" x14ac:dyDescent="0.25">
      <c r="A25438" s="2" t="s">
        <v>13851</v>
      </c>
      <c r="B25438" s="6">
        <v>423476.1</v>
      </c>
      <c r="C25438" s="7">
        <f t="shared" si="397"/>
        <v>423.47609999999997</v>
      </c>
    </row>
    <row r="25439" spans="1:3" x14ac:dyDescent="0.25">
      <c r="A25439" s="2" t="s">
        <v>13852</v>
      </c>
      <c r="B25439" s="6">
        <v>423492.74999999994</v>
      </c>
      <c r="C25439" s="7">
        <f t="shared" si="397"/>
        <v>423.49274999999994</v>
      </c>
    </row>
    <row r="25440" spans="1:3" x14ac:dyDescent="0.25">
      <c r="A25440" s="2" t="s">
        <v>13853</v>
      </c>
      <c r="B25440" s="6">
        <v>423509.39999999997</v>
      </c>
      <c r="C25440" s="7">
        <f t="shared" si="397"/>
        <v>423.50939999999997</v>
      </c>
    </row>
    <row r="25441" spans="1:3" x14ac:dyDescent="0.25">
      <c r="A25441" s="2" t="s">
        <v>13854</v>
      </c>
      <c r="B25441" s="6">
        <v>423526.05</v>
      </c>
      <c r="C25441" s="7">
        <f t="shared" si="397"/>
        <v>423.52605</v>
      </c>
    </row>
    <row r="25442" spans="1:3" x14ac:dyDescent="0.25">
      <c r="A25442" s="2" t="s">
        <v>13855</v>
      </c>
      <c r="B25442" s="6">
        <v>423542.69999999995</v>
      </c>
      <c r="C25442" s="7">
        <f t="shared" si="397"/>
        <v>423.54269999999997</v>
      </c>
    </row>
    <row r="25443" spans="1:3" x14ac:dyDescent="0.25">
      <c r="A25443" s="2" t="s">
        <v>13856</v>
      </c>
      <c r="B25443" s="6">
        <v>423559.35</v>
      </c>
      <c r="C25443" s="7">
        <f t="shared" si="397"/>
        <v>423.55934999999999</v>
      </c>
    </row>
    <row r="25444" spans="1:3" x14ac:dyDescent="0.25">
      <c r="A25444" s="2" t="s">
        <v>13857</v>
      </c>
      <c r="B25444" s="6">
        <v>423575.99999999994</v>
      </c>
      <c r="C25444" s="7">
        <f t="shared" si="397"/>
        <v>423.57599999999996</v>
      </c>
    </row>
    <row r="25445" spans="1:3" x14ac:dyDescent="0.25">
      <c r="A25445" s="2" t="s">
        <v>13858</v>
      </c>
      <c r="B25445" s="6">
        <v>423592.64999999997</v>
      </c>
      <c r="C25445" s="7">
        <f t="shared" si="397"/>
        <v>423.59264999999999</v>
      </c>
    </row>
    <row r="25446" spans="1:3" x14ac:dyDescent="0.25">
      <c r="A25446" s="2" t="s">
        <v>13859</v>
      </c>
      <c r="B25446" s="6">
        <v>423609.3</v>
      </c>
      <c r="C25446" s="7">
        <f t="shared" si="397"/>
        <v>423.60929999999996</v>
      </c>
    </row>
    <row r="25447" spans="1:3" x14ac:dyDescent="0.25">
      <c r="A25447" s="2" t="s">
        <v>13860</v>
      </c>
      <c r="B25447" s="6">
        <v>423625.94999999995</v>
      </c>
      <c r="C25447" s="7">
        <f t="shared" si="397"/>
        <v>423.62594999999993</v>
      </c>
    </row>
    <row r="25448" spans="1:3" x14ac:dyDescent="0.25">
      <c r="A25448" s="2" t="s">
        <v>13861</v>
      </c>
      <c r="B25448" s="6">
        <v>423642.6</v>
      </c>
      <c r="C25448" s="7">
        <f t="shared" si="397"/>
        <v>423.64259999999996</v>
      </c>
    </row>
    <row r="25449" spans="1:3" x14ac:dyDescent="0.25">
      <c r="A25449" s="2" t="s">
        <v>13862</v>
      </c>
      <c r="B25449" s="6">
        <v>423659.24999999994</v>
      </c>
      <c r="C25449" s="7">
        <f t="shared" si="397"/>
        <v>423.65924999999993</v>
      </c>
    </row>
    <row r="25450" spans="1:3" x14ac:dyDescent="0.25">
      <c r="A25450" s="2" t="s">
        <v>13863</v>
      </c>
      <c r="B25450" s="6">
        <v>423675.89999999997</v>
      </c>
      <c r="C25450" s="7">
        <f t="shared" si="397"/>
        <v>423.67589999999996</v>
      </c>
    </row>
    <row r="25451" spans="1:3" x14ac:dyDescent="0.25">
      <c r="A25451" s="2" t="s">
        <v>13864</v>
      </c>
      <c r="B25451" s="6">
        <v>423692.55</v>
      </c>
      <c r="C25451" s="7">
        <f t="shared" si="397"/>
        <v>423.69254999999998</v>
      </c>
    </row>
    <row r="25452" spans="1:3" x14ac:dyDescent="0.25">
      <c r="A25452" s="2" t="s">
        <v>13865</v>
      </c>
      <c r="B25452" s="6">
        <v>423709.19999999995</v>
      </c>
      <c r="C25452" s="7">
        <f t="shared" si="397"/>
        <v>423.70919999999995</v>
      </c>
    </row>
    <row r="25453" spans="1:3" x14ac:dyDescent="0.25">
      <c r="A25453" s="2" t="s">
        <v>13866</v>
      </c>
      <c r="B25453" s="6">
        <v>423725.85</v>
      </c>
      <c r="C25453" s="7">
        <f t="shared" si="397"/>
        <v>423.72584999999998</v>
      </c>
    </row>
    <row r="25454" spans="1:3" x14ac:dyDescent="0.25">
      <c r="A25454" s="2" t="s">
        <v>13867</v>
      </c>
      <c r="B25454" s="6">
        <v>423742.49999999994</v>
      </c>
      <c r="C25454" s="7">
        <f t="shared" si="397"/>
        <v>423.74249999999995</v>
      </c>
    </row>
    <row r="25455" spans="1:3" x14ac:dyDescent="0.25">
      <c r="A25455" s="2" t="s">
        <v>13868</v>
      </c>
      <c r="B25455" s="6">
        <v>423759.14999999997</v>
      </c>
      <c r="C25455" s="7">
        <f t="shared" si="397"/>
        <v>423.75914999999998</v>
      </c>
    </row>
    <row r="25456" spans="1:3" x14ac:dyDescent="0.25">
      <c r="A25456" s="2" t="s">
        <v>13869</v>
      </c>
      <c r="B25456" s="6">
        <v>423775.8</v>
      </c>
      <c r="C25456" s="7">
        <f t="shared" si="397"/>
        <v>423.7758</v>
      </c>
    </row>
    <row r="25457" spans="1:3" x14ac:dyDescent="0.25">
      <c r="A25457" s="2" t="s">
        <v>13870</v>
      </c>
      <c r="B25457" s="6">
        <v>423792.44999999995</v>
      </c>
      <c r="C25457" s="7">
        <f t="shared" si="397"/>
        <v>423.79244999999997</v>
      </c>
    </row>
    <row r="25458" spans="1:3" x14ac:dyDescent="0.25">
      <c r="A25458" s="2" t="s">
        <v>13871</v>
      </c>
      <c r="B25458" s="6">
        <v>423809.1</v>
      </c>
      <c r="C25458" s="7">
        <f t="shared" si="397"/>
        <v>423.8091</v>
      </c>
    </row>
    <row r="25459" spans="1:3" x14ac:dyDescent="0.25">
      <c r="A25459" s="2" t="s">
        <v>13872</v>
      </c>
      <c r="B25459" s="6">
        <v>423825.74999999994</v>
      </c>
      <c r="C25459" s="7">
        <f t="shared" si="397"/>
        <v>423.82574999999991</v>
      </c>
    </row>
    <row r="25460" spans="1:3" x14ac:dyDescent="0.25">
      <c r="A25460" s="2" t="s">
        <v>13873</v>
      </c>
      <c r="B25460" s="6">
        <v>423842.39999999997</v>
      </c>
      <c r="C25460" s="7">
        <f t="shared" si="397"/>
        <v>423.84239999999994</v>
      </c>
    </row>
    <row r="25461" spans="1:3" x14ac:dyDescent="0.25">
      <c r="A25461" s="2" t="s">
        <v>13874</v>
      </c>
      <c r="B25461" s="6">
        <v>423859.05</v>
      </c>
      <c r="C25461" s="7">
        <f t="shared" si="397"/>
        <v>423.85904999999997</v>
      </c>
    </row>
    <row r="25462" spans="1:3" x14ac:dyDescent="0.25">
      <c r="A25462" s="2" t="s">
        <v>13875</v>
      </c>
      <c r="B25462" s="6">
        <v>423875.69999999995</v>
      </c>
      <c r="C25462" s="7">
        <f t="shared" si="397"/>
        <v>423.87569999999994</v>
      </c>
    </row>
    <row r="25463" spans="1:3" x14ac:dyDescent="0.25">
      <c r="A25463" s="2" t="s">
        <v>13876</v>
      </c>
      <c r="B25463" s="6">
        <v>423892.35</v>
      </c>
      <c r="C25463" s="7">
        <f t="shared" si="397"/>
        <v>423.89234999999996</v>
      </c>
    </row>
    <row r="25464" spans="1:3" x14ac:dyDescent="0.25">
      <c r="A25464" s="2" t="s">
        <v>13877</v>
      </c>
      <c r="B25464" s="6">
        <v>423908.99999999994</v>
      </c>
      <c r="C25464" s="7">
        <f t="shared" si="397"/>
        <v>423.90899999999993</v>
      </c>
    </row>
    <row r="25465" spans="1:3" x14ac:dyDescent="0.25">
      <c r="A25465" s="2" t="s">
        <v>13878</v>
      </c>
      <c r="B25465" s="6">
        <v>423925.64999999997</v>
      </c>
      <c r="C25465" s="7">
        <f t="shared" si="397"/>
        <v>423.92564999999996</v>
      </c>
    </row>
    <row r="25466" spans="1:3" x14ac:dyDescent="0.25">
      <c r="A25466" s="2" t="s">
        <v>13879</v>
      </c>
      <c r="B25466" s="6">
        <v>423942.3</v>
      </c>
      <c r="C25466" s="7">
        <f t="shared" si="397"/>
        <v>423.94229999999999</v>
      </c>
    </row>
    <row r="25467" spans="1:3" x14ac:dyDescent="0.25">
      <c r="A25467" s="2" t="s">
        <v>13880</v>
      </c>
      <c r="B25467" s="6">
        <v>423958.94999999995</v>
      </c>
      <c r="C25467" s="7">
        <f t="shared" si="397"/>
        <v>423.95894999999996</v>
      </c>
    </row>
    <row r="25468" spans="1:3" x14ac:dyDescent="0.25">
      <c r="A25468" s="2" t="s">
        <v>13881</v>
      </c>
      <c r="B25468" s="6">
        <v>423975.6</v>
      </c>
      <c r="C25468" s="7">
        <f t="shared" si="397"/>
        <v>423.97559999999999</v>
      </c>
    </row>
    <row r="25469" spans="1:3" x14ac:dyDescent="0.25">
      <c r="A25469" s="2" t="s">
        <v>13882</v>
      </c>
      <c r="B25469" s="6">
        <v>423992.24999999994</v>
      </c>
      <c r="C25469" s="7">
        <f t="shared" si="397"/>
        <v>423.99224999999996</v>
      </c>
    </row>
    <row r="25470" spans="1:3" x14ac:dyDescent="0.25">
      <c r="A25470" s="2" t="s">
        <v>13883</v>
      </c>
      <c r="B25470" s="6">
        <v>424008.89999999997</v>
      </c>
      <c r="C25470" s="7">
        <f t="shared" si="397"/>
        <v>424.00889999999998</v>
      </c>
    </row>
    <row r="25471" spans="1:3" x14ac:dyDescent="0.25">
      <c r="A25471" s="2" t="s">
        <v>13884</v>
      </c>
      <c r="B25471" s="6">
        <v>424025.55</v>
      </c>
      <c r="C25471" s="7">
        <f t="shared" si="397"/>
        <v>424.02555000000001</v>
      </c>
    </row>
    <row r="25472" spans="1:3" x14ac:dyDescent="0.25">
      <c r="A25472" s="2" t="s">
        <v>13885</v>
      </c>
      <c r="B25472" s="6">
        <v>424042.19999999995</v>
      </c>
      <c r="C25472" s="7">
        <f t="shared" si="397"/>
        <v>424.04219999999998</v>
      </c>
    </row>
    <row r="25473" spans="1:3" x14ac:dyDescent="0.25">
      <c r="A25473" s="2" t="s">
        <v>13886</v>
      </c>
      <c r="B25473" s="6">
        <v>424058.85</v>
      </c>
      <c r="C25473" s="7">
        <f t="shared" si="397"/>
        <v>424.05884999999995</v>
      </c>
    </row>
    <row r="25474" spans="1:3" x14ac:dyDescent="0.25">
      <c r="A25474" s="2" t="s">
        <v>13887</v>
      </c>
      <c r="B25474" s="6">
        <v>424075.49999999994</v>
      </c>
      <c r="C25474" s="7">
        <f t="shared" si="397"/>
        <v>424.07549999999992</v>
      </c>
    </row>
    <row r="25475" spans="1:3" x14ac:dyDescent="0.25">
      <c r="A25475" s="2" t="s">
        <v>13888</v>
      </c>
      <c r="B25475" s="6">
        <v>424092.14999999997</v>
      </c>
      <c r="C25475" s="7">
        <f t="shared" ref="C25475:C25538" si="398">B25475/1000</f>
        <v>424.09214999999995</v>
      </c>
    </row>
    <row r="25476" spans="1:3" x14ac:dyDescent="0.25">
      <c r="A25476" s="2" t="s">
        <v>13889</v>
      </c>
      <c r="B25476" s="6">
        <v>424108.79999999999</v>
      </c>
      <c r="C25476" s="7">
        <f t="shared" si="398"/>
        <v>424.10879999999997</v>
      </c>
    </row>
    <row r="25477" spans="1:3" x14ac:dyDescent="0.25">
      <c r="A25477" s="2" t="s">
        <v>13890</v>
      </c>
      <c r="B25477" s="6">
        <v>424125.44999999995</v>
      </c>
      <c r="C25477" s="7">
        <f t="shared" si="398"/>
        <v>424.12544999999994</v>
      </c>
    </row>
    <row r="25478" spans="1:3" x14ac:dyDescent="0.25">
      <c r="A25478" s="2" t="s">
        <v>13891</v>
      </c>
      <c r="B25478" s="6">
        <v>424142.1</v>
      </c>
      <c r="C25478" s="7">
        <f t="shared" si="398"/>
        <v>424.14209999999997</v>
      </c>
    </row>
    <row r="25479" spans="1:3" x14ac:dyDescent="0.25">
      <c r="A25479" s="2" t="s">
        <v>13892</v>
      </c>
      <c r="B25479" s="6">
        <v>424158.74999999994</v>
      </c>
      <c r="C25479" s="7">
        <f t="shared" si="398"/>
        <v>424.15874999999994</v>
      </c>
    </row>
    <row r="25480" spans="1:3" x14ac:dyDescent="0.25">
      <c r="A25480" s="2" t="s">
        <v>13893</v>
      </c>
      <c r="B25480" s="6">
        <v>424175.39999999997</v>
      </c>
      <c r="C25480" s="7">
        <f t="shared" si="398"/>
        <v>424.17539999999997</v>
      </c>
    </row>
    <row r="25481" spans="1:3" x14ac:dyDescent="0.25">
      <c r="A25481" s="2" t="s">
        <v>13894</v>
      </c>
      <c r="B25481" s="6">
        <v>424192.05</v>
      </c>
      <c r="C25481" s="7">
        <f t="shared" si="398"/>
        <v>424.19204999999999</v>
      </c>
    </row>
    <row r="25482" spans="1:3" x14ac:dyDescent="0.25">
      <c r="A25482" s="2" t="s">
        <v>13895</v>
      </c>
      <c r="B25482" s="6">
        <v>424208.69999999995</v>
      </c>
      <c r="C25482" s="7">
        <f t="shared" si="398"/>
        <v>424.20869999999996</v>
      </c>
    </row>
    <row r="25483" spans="1:3" x14ac:dyDescent="0.25">
      <c r="A25483" s="2" t="s">
        <v>13896</v>
      </c>
      <c r="B25483" s="6">
        <v>424225.35</v>
      </c>
      <c r="C25483" s="7">
        <f t="shared" si="398"/>
        <v>424.22534999999999</v>
      </c>
    </row>
    <row r="25484" spans="1:3" x14ac:dyDescent="0.25">
      <c r="A25484" s="2" t="s">
        <v>13897</v>
      </c>
      <c r="B25484" s="6">
        <v>424241.99999999994</v>
      </c>
      <c r="C25484" s="7">
        <f t="shared" si="398"/>
        <v>424.24199999999996</v>
      </c>
    </row>
    <row r="25485" spans="1:3" x14ac:dyDescent="0.25">
      <c r="A25485" s="2" t="s">
        <v>13898</v>
      </c>
      <c r="B25485" s="6">
        <v>424258.64999999997</v>
      </c>
      <c r="C25485" s="7">
        <f t="shared" si="398"/>
        <v>424.25864999999999</v>
      </c>
    </row>
    <row r="25486" spans="1:3" x14ac:dyDescent="0.25">
      <c r="A25486" s="2" t="s">
        <v>13899</v>
      </c>
      <c r="B25486" s="6">
        <v>424275.3</v>
      </c>
      <c r="C25486" s="7">
        <f t="shared" si="398"/>
        <v>424.27530000000002</v>
      </c>
    </row>
    <row r="25487" spans="1:3" x14ac:dyDescent="0.25">
      <c r="A25487" s="2" t="s">
        <v>13900</v>
      </c>
      <c r="B25487" s="6">
        <v>424291.94999999995</v>
      </c>
      <c r="C25487" s="7">
        <f t="shared" si="398"/>
        <v>424.29194999999993</v>
      </c>
    </row>
    <row r="25488" spans="1:3" x14ac:dyDescent="0.25">
      <c r="A25488" s="2" t="s">
        <v>13901</v>
      </c>
      <c r="B25488" s="6">
        <v>424308.6</v>
      </c>
      <c r="C25488" s="7">
        <f t="shared" si="398"/>
        <v>424.30859999999996</v>
      </c>
    </row>
    <row r="25489" spans="1:3" x14ac:dyDescent="0.25">
      <c r="A25489" s="2" t="s">
        <v>13902</v>
      </c>
      <c r="B25489" s="6">
        <v>424325.24999999994</v>
      </c>
      <c r="C25489" s="7">
        <f t="shared" si="398"/>
        <v>424.32524999999993</v>
      </c>
    </row>
    <row r="25490" spans="1:3" x14ac:dyDescent="0.25">
      <c r="A25490" s="2" t="s">
        <v>13903</v>
      </c>
      <c r="B25490" s="6">
        <v>424341.89999999997</v>
      </c>
      <c r="C25490" s="7">
        <f t="shared" si="398"/>
        <v>424.34189999999995</v>
      </c>
    </row>
    <row r="25491" spans="1:3" x14ac:dyDescent="0.25">
      <c r="A25491" s="2" t="s">
        <v>13904</v>
      </c>
      <c r="B25491" s="6">
        <v>424358.55</v>
      </c>
      <c r="C25491" s="7">
        <f t="shared" si="398"/>
        <v>424.35854999999998</v>
      </c>
    </row>
    <row r="25492" spans="1:3" x14ac:dyDescent="0.25">
      <c r="A25492" s="2" t="s">
        <v>13905</v>
      </c>
      <c r="B25492" s="6">
        <v>424375.19999999995</v>
      </c>
      <c r="C25492" s="7">
        <f t="shared" si="398"/>
        <v>424.37519999999995</v>
      </c>
    </row>
    <row r="25493" spans="1:3" x14ac:dyDescent="0.25">
      <c r="A25493" s="2" t="s">
        <v>13906</v>
      </c>
      <c r="B25493" s="6">
        <v>424391.85</v>
      </c>
      <c r="C25493" s="7">
        <f t="shared" si="398"/>
        <v>424.39184999999998</v>
      </c>
    </row>
    <row r="25494" spans="1:3" x14ac:dyDescent="0.25">
      <c r="A25494" s="2" t="s">
        <v>13907</v>
      </c>
      <c r="B25494" s="6">
        <v>424408.49999999994</v>
      </c>
      <c r="C25494" s="7">
        <f t="shared" si="398"/>
        <v>424.40849999999995</v>
      </c>
    </row>
    <row r="25495" spans="1:3" x14ac:dyDescent="0.25">
      <c r="A25495" s="2" t="s">
        <v>13908</v>
      </c>
      <c r="B25495" s="6">
        <v>424425.14999999997</v>
      </c>
      <c r="C25495" s="7">
        <f t="shared" si="398"/>
        <v>424.42514999999997</v>
      </c>
    </row>
    <row r="25496" spans="1:3" x14ac:dyDescent="0.25">
      <c r="A25496" s="2" t="s">
        <v>13909</v>
      </c>
      <c r="B25496" s="6">
        <v>424441.8</v>
      </c>
      <c r="C25496" s="7">
        <f t="shared" si="398"/>
        <v>424.4418</v>
      </c>
    </row>
    <row r="25497" spans="1:3" x14ac:dyDescent="0.25">
      <c r="A25497" s="2" t="s">
        <v>13910</v>
      </c>
      <c r="B25497" s="6">
        <v>424458.44999999995</v>
      </c>
      <c r="C25497" s="7">
        <f t="shared" si="398"/>
        <v>424.45844999999997</v>
      </c>
    </row>
    <row r="25498" spans="1:3" x14ac:dyDescent="0.25">
      <c r="A25498" s="2" t="s">
        <v>13911</v>
      </c>
      <c r="B25498" s="6">
        <v>424475.1</v>
      </c>
      <c r="C25498" s="7">
        <f t="shared" si="398"/>
        <v>424.4751</v>
      </c>
    </row>
    <row r="25499" spans="1:3" x14ac:dyDescent="0.25">
      <c r="A25499" s="2" t="s">
        <v>13912</v>
      </c>
      <c r="B25499" s="6">
        <v>424491.74999999994</v>
      </c>
      <c r="C25499" s="7">
        <f t="shared" si="398"/>
        <v>424.49174999999997</v>
      </c>
    </row>
    <row r="25500" spans="1:3" x14ac:dyDescent="0.25">
      <c r="A25500" s="2" t="s">
        <v>13913</v>
      </c>
      <c r="B25500" s="6">
        <v>424508.39999999997</v>
      </c>
      <c r="C25500" s="7">
        <f t="shared" si="398"/>
        <v>424.50839999999994</v>
      </c>
    </row>
    <row r="25501" spans="1:3" x14ac:dyDescent="0.25">
      <c r="A25501" s="2" t="s">
        <v>13914</v>
      </c>
      <c r="B25501" s="6">
        <v>424525.05</v>
      </c>
      <c r="C25501" s="7">
        <f t="shared" si="398"/>
        <v>424.52504999999996</v>
      </c>
    </row>
    <row r="25502" spans="1:3" x14ac:dyDescent="0.25">
      <c r="A25502" s="2" t="s">
        <v>13915</v>
      </c>
      <c r="B25502" s="6">
        <v>424541.69999999995</v>
      </c>
      <c r="C25502" s="7">
        <f t="shared" si="398"/>
        <v>424.54169999999993</v>
      </c>
    </row>
    <row r="25503" spans="1:3" x14ac:dyDescent="0.25">
      <c r="A25503" s="2" t="s">
        <v>13916</v>
      </c>
      <c r="B25503" s="6">
        <v>424558.35</v>
      </c>
      <c r="C25503" s="7">
        <f t="shared" si="398"/>
        <v>424.55834999999996</v>
      </c>
    </row>
    <row r="25504" spans="1:3" x14ac:dyDescent="0.25">
      <c r="A25504" s="2" t="s">
        <v>13917</v>
      </c>
      <c r="B25504" s="6">
        <v>424574.99999999994</v>
      </c>
      <c r="C25504" s="7">
        <f t="shared" si="398"/>
        <v>424.57499999999993</v>
      </c>
    </row>
    <row r="25505" spans="1:3" x14ac:dyDescent="0.25">
      <c r="A25505" s="2" t="s">
        <v>13918</v>
      </c>
      <c r="B25505" s="6">
        <v>424591.64999999997</v>
      </c>
      <c r="C25505" s="7">
        <f t="shared" si="398"/>
        <v>424.59164999999996</v>
      </c>
    </row>
    <row r="25506" spans="1:3" x14ac:dyDescent="0.25">
      <c r="A25506" s="2" t="s">
        <v>13919</v>
      </c>
      <c r="B25506" s="6">
        <v>424608.3</v>
      </c>
      <c r="C25506" s="7">
        <f t="shared" si="398"/>
        <v>424.60829999999999</v>
      </c>
    </row>
    <row r="25507" spans="1:3" x14ac:dyDescent="0.25">
      <c r="A25507" s="2" t="s">
        <v>13920</v>
      </c>
      <c r="B25507" s="6">
        <v>424624.94999999995</v>
      </c>
      <c r="C25507" s="7">
        <f t="shared" si="398"/>
        <v>424.62494999999996</v>
      </c>
    </row>
    <row r="25508" spans="1:3" x14ac:dyDescent="0.25">
      <c r="A25508" s="2" t="s">
        <v>13921</v>
      </c>
      <c r="B25508" s="6">
        <v>424641.6</v>
      </c>
      <c r="C25508" s="7">
        <f t="shared" si="398"/>
        <v>424.64159999999998</v>
      </c>
    </row>
    <row r="25509" spans="1:3" x14ac:dyDescent="0.25">
      <c r="A25509" s="2" t="s">
        <v>13922</v>
      </c>
      <c r="B25509" s="6">
        <v>424658.24999999994</v>
      </c>
      <c r="C25509" s="7">
        <f t="shared" si="398"/>
        <v>424.65824999999995</v>
      </c>
    </row>
    <row r="25510" spans="1:3" x14ac:dyDescent="0.25">
      <c r="A25510" s="2" t="s">
        <v>13923</v>
      </c>
      <c r="B25510" s="6">
        <v>424674.89999999997</v>
      </c>
      <c r="C25510" s="7">
        <f t="shared" si="398"/>
        <v>424.67489999999998</v>
      </c>
    </row>
    <row r="25511" spans="1:3" x14ac:dyDescent="0.25">
      <c r="A25511" s="2" t="s">
        <v>13924</v>
      </c>
      <c r="B25511" s="6">
        <v>424691.55</v>
      </c>
      <c r="C25511" s="7">
        <f t="shared" si="398"/>
        <v>424.69155000000001</v>
      </c>
    </row>
    <row r="25512" spans="1:3" x14ac:dyDescent="0.25">
      <c r="A25512" s="2" t="s">
        <v>13925</v>
      </c>
      <c r="B25512" s="6">
        <v>424708.19999999995</v>
      </c>
      <c r="C25512" s="7">
        <f t="shared" si="398"/>
        <v>424.70819999999998</v>
      </c>
    </row>
    <row r="25513" spans="1:3" x14ac:dyDescent="0.25">
      <c r="A25513" s="2" t="s">
        <v>13926</v>
      </c>
      <c r="B25513" s="6">
        <v>424724.85</v>
      </c>
      <c r="C25513" s="7">
        <f t="shared" si="398"/>
        <v>424.72485</v>
      </c>
    </row>
    <row r="25514" spans="1:3" x14ac:dyDescent="0.25">
      <c r="A25514" s="2" t="s">
        <v>13927</v>
      </c>
      <c r="B25514" s="6">
        <v>424741.49999999994</v>
      </c>
      <c r="C25514" s="7">
        <f t="shared" si="398"/>
        <v>424.74149999999992</v>
      </c>
    </row>
    <row r="25515" spans="1:3" x14ac:dyDescent="0.25">
      <c r="A25515" s="2" t="s">
        <v>13928</v>
      </c>
      <c r="B25515" s="6">
        <v>424758.14999999997</v>
      </c>
      <c r="C25515" s="7">
        <f t="shared" si="398"/>
        <v>424.75814999999994</v>
      </c>
    </row>
    <row r="25516" spans="1:3" x14ac:dyDescent="0.25">
      <c r="A25516" s="2" t="s">
        <v>13929</v>
      </c>
      <c r="B25516" s="6">
        <v>424774.8</v>
      </c>
      <c r="C25516" s="7">
        <f t="shared" si="398"/>
        <v>424.77479999999997</v>
      </c>
    </row>
    <row r="25517" spans="1:3" x14ac:dyDescent="0.25">
      <c r="A25517" s="2" t="s">
        <v>13930</v>
      </c>
      <c r="B25517" s="6">
        <v>424791.44999999995</v>
      </c>
      <c r="C25517" s="7">
        <f t="shared" si="398"/>
        <v>424.79144999999994</v>
      </c>
    </row>
    <row r="25518" spans="1:3" x14ac:dyDescent="0.25">
      <c r="A25518" s="2" t="s">
        <v>13931</v>
      </c>
      <c r="B25518" s="6">
        <v>424808.1</v>
      </c>
      <c r="C25518" s="7">
        <f t="shared" si="398"/>
        <v>424.80809999999997</v>
      </c>
    </row>
    <row r="25519" spans="1:3" x14ac:dyDescent="0.25">
      <c r="A25519" s="2" t="s">
        <v>13932</v>
      </c>
      <c r="B25519" s="6">
        <v>424824.74999999994</v>
      </c>
      <c r="C25519" s="7">
        <f t="shared" si="398"/>
        <v>424.82474999999994</v>
      </c>
    </row>
    <row r="25520" spans="1:3" x14ac:dyDescent="0.25">
      <c r="A25520" s="2" t="s">
        <v>13933</v>
      </c>
      <c r="B25520" s="6">
        <v>424841.39999999997</v>
      </c>
      <c r="C25520" s="7">
        <f t="shared" si="398"/>
        <v>424.84139999999996</v>
      </c>
    </row>
    <row r="25521" spans="1:3" x14ac:dyDescent="0.25">
      <c r="A25521" s="2" t="s">
        <v>13934</v>
      </c>
      <c r="B25521" s="6">
        <v>424858.05</v>
      </c>
      <c r="C25521" s="7">
        <f t="shared" si="398"/>
        <v>424.85804999999999</v>
      </c>
    </row>
    <row r="25522" spans="1:3" x14ac:dyDescent="0.25">
      <c r="A25522" s="2" t="s">
        <v>13935</v>
      </c>
      <c r="B25522" s="6">
        <v>424874.69999999995</v>
      </c>
      <c r="C25522" s="7">
        <f t="shared" si="398"/>
        <v>424.87469999999996</v>
      </c>
    </row>
    <row r="25523" spans="1:3" x14ac:dyDescent="0.25">
      <c r="A25523" s="2" t="s">
        <v>13936</v>
      </c>
      <c r="B25523" s="6">
        <v>424891.35</v>
      </c>
      <c r="C25523" s="7">
        <f t="shared" si="398"/>
        <v>424.89134999999999</v>
      </c>
    </row>
    <row r="25524" spans="1:3" x14ac:dyDescent="0.25">
      <c r="A25524" s="2" t="s">
        <v>13937</v>
      </c>
      <c r="B25524" s="6">
        <v>424907.99999999994</v>
      </c>
      <c r="C25524" s="7">
        <f t="shared" si="398"/>
        <v>424.90799999999996</v>
      </c>
    </row>
    <row r="25525" spans="1:3" x14ac:dyDescent="0.25">
      <c r="A25525" s="2" t="s">
        <v>13938</v>
      </c>
      <c r="B25525" s="6">
        <v>424924.64999999997</v>
      </c>
      <c r="C25525" s="7">
        <f t="shared" si="398"/>
        <v>424.92464999999999</v>
      </c>
    </row>
    <row r="25526" spans="1:3" x14ac:dyDescent="0.25">
      <c r="A25526" s="2" t="s">
        <v>13939</v>
      </c>
      <c r="B25526" s="6">
        <v>424941.3</v>
      </c>
      <c r="C25526" s="7">
        <f t="shared" si="398"/>
        <v>424.94130000000001</v>
      </c>
    </row>
    <row r="25527" spans="1:3" x14ac:dyDescent="0.25">
      <c r="A25527" s="2" t="s">
        <v>13940</v>
      </c>
      <c r="B25527" s="6">
        <v>424957.94999999995</v>
      </c>
      <c r="C25527" s="7">
        <f t="shared" si="398"/>
        <v>424.95794999999993</v>
      </c>
    </row>
    <row r="25528" spans="1:3" x14ac:dyDescent="0.25">
      <c r="A25528" s="2" t="s">
        <v>13941</v>
      </c>
      <c r="B25528" s="6">
        <v>424974.6</v>
      </c>
      <c r="C25528" s="7">
        <f t="shared" si="398"/>
        <v>424.97459999999995</v>
      </c>
    </row>
    <row r="25529" spans="1:3" x14ac:dyDescent="0.25">
      <c r="A25529" s="2" t="s">
        <v>13942</v>
      </c>
      <c r="B25529" s="6">
        <v>424991.24999999994</v>
      </c>
      <c r="C25529" s="7">
        <f t="shared" si="398"/>
        <v>424.99124999999992</v>
      </c>
    </row>
    <row r="25530" spans="1:3" x14ac:dyDescent="0.25">
      <c r="A25530" s="2" t="s">
        <v>13943</v>
      </c>
      <c r="B25530" s="6">
        <v>425007.89999999997</v>
      </c>
      <c r="C25530" s="7">
        <f t="shared" si="398"/>
        <v>425.00789999999995</v>
      </c>
    </row>
    <row r="25531" spans="1:3" x14ac:dyDescent="0.25">
      <c r="A25531" s="2" t="s">
        <v>13944</v>
      </c>
      <c r="B25531" s="6">
        <v>425024.55</v>
      </c>
      <c r="C25531" s="7">
        <f t="shared" si="398"/>
        <v>425.02454999999998</v>
      </c>
    </row>
    <row r="25532" spans="1:3" x14ac:dyDescent="0.25">
      <c r="A25532" s="2" t="s">
        <v>13945</v>
      </c>
      <c r="B25532" s="6">
        <v>425041.19999999995</v>
      </c>
      <c r="C25532" s="7">
        <f t="shared" si="398"/>
        <v>425.04119999999995</v>
      </c>
    </row>
    <row r="25533" spans="1:3" x14ac:dyDescent="0.25">
      <c r="A25533" s="2" t="s">
        <v>13946</v>
      </c>
      <c r="B25533" s="6">
        <v>425057.85</v>
      </c>
      <c r="C25533" s="7">
        <f t="shared" si="398"/>
        <v>425.05784999999997</v>
      </c>
    </row>
    <row r="25534" spans="1:3" x14ac:dyDescent="0.25">
      <c r="A25534" s="2" t="s">
        <v>13947</v>
      </c>
      <c r="B25534" s="6">
        <v>425074.49999999994</v>
      </c>
      <c r="C25534" s="7">
        <f t="shared" si="398"/>
        <v>425.07449999999994</v>
      </c>
    </row>
    <row r="25535" spans="1:3" x14ac:dyDescent="0.25">
      <c r="A25535" s="2" t="s">
        <v>13948</v>
      </c>
      <c r="B25535" s="6">
        <v>425091.14999999997</v>
      </c>
      <c r="C25535" s="7">
        <f t="shared" si="398"/>
        <v>425.09114999999997</v>
      </c>
    </row>
    <row r="25536" spans="1:3" x14ac:dyDescent="0.25">
      <c r="A25536" s="2" t="s">
        <v>13949</v>
      </c>
      <c r="B25536" s="6">
        <v>425107.8</v>
      </c>
      <c r="C25536" s="7">
        <f t="shared" si="398"/>
        <v>425.1078</v>
      </c>
    </row>
    <row r="25537" spans="1:3" x14ac:dyDescent="0.25">
      <c r="A25537" s="2" t="s">
        <v>13950</v>
      </c>
      <c r="B25537" s="6">
        <v>425124.44999999995</v>
      </c>
      <c r="C25537" s="7">
        <f t="shared" si="398"/>
        <v>425.12444999999997</v>
      </c>
    </row>
    <row r="25538" spans="1:3" x14ac:dyDescent="0.25">
      <c r="A25538" s="2" t="s">
        <v>13951</v>
      </c>
      <c r="B25538" s="6">
        <v>425141.1</v>
      </c>
      <c r="C25538" s="7">
        <f t="shared" si="398"/>
        <v>425.14109999999999</v>
      </c>
    </row>
    <row r="25539" spans="1:3" x14ac:dyDescent="0.25">
      <c r="A25539" s="2" t="s">
        <v>13952</v>
      </c>
      <c r="B25539" s="6">
        <v>425157.74999999994</v>
      </c>
      <c r="C25539" s="7">
        <f t="shared" ref="C25539:C25602" si="399">B25539/1000</f>
        <v>425.15774999999996</v>
      </c>
    </row>
    <row r="25540" spans="1:3" x14ac:dyDescent="0.25">
      <c r="A25540" s="2" t="s">
        <v>13953</v>
      </c>
      <c r="B25540" s="6">
        <v>425174.39999999997</v>
      </c>
      <c r="C25540" s="7">
        <f t="shared" si="399"/>
        <v>425.17439999999999</v>
      </c>
    </row>
    <row r="25541" spans="1:3" x14ac:dyDescent="0.25">
      <c r="A25541" s="2" t="s">
        <v>13954</v>
      </c>
      <c r="B25541" s="6">
        <v>425191.05</v>
      </c>
      <c r="C25541" s="7">
        <f t="shared" si="399"/>
        <v>425.19104999999996</v>
      </c>
    </row>
    <row r="25542" spans="1:3" x14ac:dyDescent="0.25">
      <c r="A25542" s="2" t="s">
        <v>13955</v>
      </c>
      <c r="B25542" s="6">
        <v>425207.69999999995</v>
      </c>
      <c r="C25542" s="7">
        <f t="shared" si="399"/>
        <v>425.20769999999993</v>
      </c>
    </row>
    <row r="25543" spans="1:3" x14ac:dyDescent="0.25">
      <c r="A25543" s="2" t="s">
        <v>13956</v>
      </c>
      <c r="B25543" s="6">
        <v>425224.35</v>
      </c>
      <c r="C25543" s="7">
        <f t="shared" si="399"/>
        <v>425.22434999999996</v>
      </c>
    </row>
    <row r="25544" spans="1:3" x14ac:dyDescent="0.25">
      <c r="A25544" s="2" t="s">
        <v>13957</v>
      </c>
      <c r="B25544" s="6">
        <v>425240.99999999994</v>
      </c>
      <c r="C25544" s="7">
        <f t="shared" si="399"/>
        <v>425.24099999999993</v>
      </c>
    </row>
    <row r="25545" spans="1:3" x14ac:dyDescent="0.25">
      <c r="A25545" s="2" t="s">
        <v>13958</v>
      </c>
      <c r="B25545" s="6">
        <v>425257.64999999997</v>
      </c>
      <c r="C25545" s="7">
        <f t="shared" si="399"/>
        <v>425.25764999999996</v>
      </c>
    </row>
    <row r="25546" spans="1:3" x14ac:dyDescent="0.25">
      <c r="A25546" s="2" t="s">
        <v>13959</v>
      </c>
      <c r="B25546" s="6">
        <v>425274.3</v>
      </c>
      <c r="C25546" s="7">
        <f t="shared" si="399"/>
        <v>425.27429999999998</v>
      </c>
    </row>
    <row r="25547" spans="1:3" x14ac:dyDescent="0.25">
      <c r="A25547" s="2" t="s">
        <v>13960</v>
      </c>
      <c r="B25547" s="6">
        <v>425290.94999999995</v>
      </c>
      <c r="C25547" s="7">
        <f t="shared" si="399"/>
        <v>425.29094999999995</v>
      </c>
    </row>
    <row r="25548" spans="1:3" x14ac:dyDescent="0.25">
      <c r="A25548" s="2" t="s">
        <v>13961</v>
      </c>
      <c r="B25548" s="6">
        <v>425307.6</v>
      </c>
      <c r="C25548" s="7">
        <f t="shared" si="399"/>
        <v>425.30759999999998</v>
      </c>
    </row>
    <row r="25549" spans="1:3" x14ac:dyDescent="0.25">
      <c r="A25549" s="2" t="s">
        <v>13962</v>
      </c>
      <c r="B25549" s="6">
        <v>425324.24999999994</v>
      </c>
      <c r="C25549" s="7">
        <f t="shared" si="399"/>
        <v>425.32424999999995</v>
      </c>
    </row>
    <row r="25550" spans="1:3" x14ac:dyDescent="0.25">
      <c r="A25550" s="2" t="s">
        <v>13963</v>
      </c>
      <c r="B25550" s="6">
        <v>425340.89999999997</v>
      </c>
      <c r="C25550" s="7">
        <f t="shared" si="399"/>
        <v>425.34089999999998</v>
      </c>
    </row>
    <row r="25551" spans="1:3" x14ac:dyDescent="0.25">
      <c r="A25551" s="2" t="s">
        <v>13964</v>
      </c>
      <c r="B25551" s="6">
        <v>425357.55</v>
      </c>
      <c r="C25551" s="7">
        <f t="shared" si="399"/>
        <v>425.35755</v>
      </c>
    </row>
    <row r="25552" spans="1:3" x14ac:dyDescent="0.25">
      <c r="A25552" s="2" t="s">
        <v>13965</v>
      </c>
      <c r="B25552" s="6">
        <v>425374.19999999995</v>
      </c>
      <c r="C25552" s="7">
        <f t="shared" si="399"/>
        <v>425.37419999999997</v>
      </c>
    </row>
    <row r="25553" spans="1:3" x14ac:dyDescent="0.25">
      <c r="A25553" s="2" t="s">
        <v>13966</v>
      </c>
      <c r="B25553" s="6">
        <v>425390.85</v>
      </c>
      <c r="C25553" s="7">
        <f t="shared" si="399"/>
        <v>425.39085</v>
      </c>
    </row>
    <row r="25554" spans="1:3" x14ac:dyDescent="0.25">
      <c r="A25554" s="2" t="s">
        <v>13967</v>
      </c>
      <c r="B25554" s="6">
        <v>425407.49999999994</v>
      </c>
      <c r="C25554" s="7">
        <f t="shared" si="399"/>
        <v>425.40749999999991</v>
      </c>
    </row>
    <row r="25555" spans="1:3" x14ac:dyDescent="0.25">
      <c r="A25555" s="2" t="s">
        <v>13968</v>
      </c>
      <c r="B25555" s="6">
        <v>425424.14999999997</v>
      </c>
      <c r="C25555" s="7">
        <f t="shared" si="399"/>
        <v>425.42414999999994</v>
      </c>
    </row>
    <row r="25556" spans="1:3" x14ac:dyDescent="0.25">
      <c r="A25556" s="2" t="s">
        <v>13969</v>
      </c>
      <c r="B25556" s="6">
        <v>425440.8</v>
      </c>
      <c r="C25556" s="7">
        <f t="shared" si="399"/>
        <v>425.44079999999997</v>
      </c>
    </row>
    <row r="25557" spans="1:3" x14ac:dyDescent="0.25">
      <c r="A25557" s="2" t="s">
        <v>13970</v>
      </c>
      <c r="B25557" s="6">
        <v>425457.44999999995</v>
      </c>
      <c r="C25557" s="7">
        <f t="shared" si="399"/>
        <v>425.45744999999994</v>
      </c>
    </row>
    <row r="25558" spans="1:3" x14ac:dyDescent="0.25">
      <c r="A25558" s="2" t="s">
        <v>13971</v>
      </c>
      <c r="B25558" s="6">
        <v>425474.1</v>
      </c>
      <c r="C25558" s="7">
        <f t="shared" si="399"/>
        <v>425.47409999999996</v>
      </c>
    </row>
    <row r="25559" spans="1:3" x14ac:dyDescent="0.25">
      <c r="A25559" s="2" t="s">
        <v>13972</v>
      </c>
      <c r="B25559" s="6">
        <v>425490.74999999994</v>
      </c>
      <c r="C25559" s="7">
        <f t="shared" si="399"/>
        <v>425.49074999999993</v>
      </c>
    </row>
    <row r="25560" spans="1:3" x14ac:dyDescent="0.25">
      <c r="A25560" s="2" t="s">
        <v>13973</v>
      </c>
      <c r="B25560" s="6">
        <v>425507.39999999997</v>
      </c>
      <c r="C25560" s="7">
        <f t="shared" si="399"/>
        <v>425.50739999999996</v>
      </c>
    </row>
    <row r="25561" spans="1:3" x14ac:dyDescent="0.25">
      <c r="A25561" s="2" t="s">
        <v>13974</v>
      </c>
      <c r="B25561" s="6">
        <v>425524.05</v>
      </c>
      <c r="C25561" s="7">
        <f t="shared" si="399"/>
        <v>425.52404999999999</v>
      </c>
    </row>
    <row r="25562" spans="1:3" x14ac:dyDescent="0.25">
      <c r="A25562" s="2" t="s">
        <v>13975</v>
      </c>
      <c r="B25562" s="6">
        <v>425540.69999999995</v>
      </c>
      <c r="C25562" s="7">
        <f t="shared" si="399"/>
        <v>425.54069999999996</v>
      </c>
    </row>
    <row r="25563" spans="1:3" x14ac:dyDescent="0.25">
      <c r="A25563" s="2" t="s">
        <v>13976</v>
      </c>
      <c r="B25563" s="6">
        <v>425557.35</v>
      </c>
      <c r="C25563" s="7">
        <f t="shared" si="399"/>
        <v>425.55734999999999</v>
      </c>
    </row>
    <row r="25564" spans="1:3" x14ac:dyDescent="0.25">
      <c r="A25564" s="2" t="s">
        <v>13977</v>
      </c>
      <c r="B25564" s="6">
        <v>425573.99999999994</v>
      </c>
      <c r="C25564" s="7">
        <f t="shared" si="399"/>
        <v>425.57399999999996</v>
      </c>
    </row>
    <row r="25565" spans="1:3" x14ac:dyDescent="0.25">
      <c r="A25565" s="2" t="s">
        <v>13978</v>
      </c>
      <c r="B25565" s="6">
        <v>425590.64999999997</v>
      </c>
      <c r="C25565" s="7">
        <f t="shared" si="399"/>
        <v>425.59064999999998</v>
      </c>
    </row>
    <row r="25566" spans="1:3" x14ac:dyDescent="0.25">
      <c r="A25566" s="2" t="s">
        <v>13979</v>
      </c>
      <c r="B25566" s="6">
        <v>425607.3</v>
      </c>
      <c r="C25566" s="7">
        <f t="shared" si="399"/>
        <v>425.60730000000001</v>
      </c>
    </row>
    <row r="25567" spans="1:3" x14ac:dyDescent="0.25">
      <c r="A25567" s="2" t="s">
        <v>13980</v>
      </c>
      <c r="B25567" s="6">
        <v>425623.94999999995</v>
      </c>
      <c r="C25567" s="7">
        <f t="shared" si="399"/>
        <v>425.62394999999998</v>
      </c>
    </row>
    <row r="25568" spans="1:3" x14ac:dyDescent="0.25">
      <c r="A25568" s="2" t="s">
        <v>13981</v>
      </c>
      <c r="B25568" s="6">
        <v>425640.6</v>
      </c>
      <c r="C25568" s="7">
        <f t="shared" si="399"/>
        <v>425.64059999999995</v>
      </c>
    </row>
    <row r="25569" spans="1:3" x14ac:dyDescent="0.25">
      <c r="A25569" s="2" t="s">
        <v>13982</v>
      </c>
      <c r="B25569" s="6">
        <v>425657.24999999994</v>
      </c>
      <c r="C25569" s="7">
        <f t="shared" si="399"/>
        <v>425.65724999999992</v>
      </c>
    </row>
    <row r="25570" spans="1:3" x14ac:dyDescent="0.25">
      <c r="A25570" s="2" t="s">
        <v>13983</v>
      </c>
      <c r="B25570" s="6">
        <v>425673.89999999997</v>
      </c>
      <c r="C25570" s="7">
        <f t="shared" si="399"/>
        <v>425.67389999999995</v>
      </c>
    </row>
    <row r="25571" spans="1:3" x14ac:dyDescent="0.25">
      <c r="A25571" s="2" t="s">
        <v>13984</v>
      </c>
      <c r="B25571" s="6">
        <v>425690.55</v>
      </c>
      <c r="C25571" s="7">
        <f t="shared" si="399"/>
        <v>425.69054999999997</v>
      </c>
    </row>
    <row r="25572" spans="1:3" x14ac:dyDescent="0.25">
      <c r="A25572" s="2" t="s">
        <v>13985</v>
      </c>
      <c r="B25572" s="6">
        <v>425707.19999999995</v>
      </c>
      <c r="C25572" s="7">
        <f t="shared" si="399"/>
        <v>425.70719999999994</v>
      </c>
    </row>
    <row r="25573" spans="1:3" x14ac:dyDescent="0.25">
      <c r="A25573" s="2" t="s">
        <v>13986</v>
      </c>
      <c r="B25573" s="6">
        <v>425723.85</v>
      </c>
      <c r="C25573" s="7">
        <f t="shared" si="399"/>
        <v>425.72384999999997</v>
      </c>
    </row>
    <row r="25574" spans="1:3" x14ac:dyDescent="0.25">
      <c r="A25574" s="2" t="s">
        <v>13987</v>
      </c>
      <c r="B25574" s="6">
        <v>425740.49999999994</v>
      </c>
      <c r="C25574" s="7">
        <f t="shared" si="399"/>
        <v>425.74049999999994</v>
      </c>
    </row>
    <row r="25575" spans="1:3" x14ac:dyDescent="0.25">
      <c r="A25575" s="2" t="s">
        <v>13988</v>
      </c>
      <c r="B25575" s="6">
        <v>425757.14999999997</v>
      </c>
      <c r="C25575" s="7">
        <f t="shared" si="399"/>
        <v>425.75714999999997</v>
      </c>
    </row>
    <row r="25576" spans="1:3" x14ac:dyDescent="0.25">
      <c r="A25576" s="2" t="s">
        <v>13989</v>
      </c>
      <c r="B25576" s="6">
        <v>425773.8</v>
      </c>
      <c r="C25576" s="7">
        <f t="shared" si="399"/>
        <v>425.77379999999999</v>
      </c>
    </row>
    <row r="25577" spans="1:3" x14ac:dyDescent="0.25">
      <c r="A25577" s="2" t="s">
        <v>13990</v>
      </c>
      <c r="B25577" s="6">
        <v>425790.44999999995</v>
      </c>
      <c r="C25577" s="7">
        <f t="shared" si="399"/>
        <v>425.79044999999996</v>
      </c>
    </row>
    <row r="25578" spans="1:3" x14ac:dyDescent="0.25">
      <c r="A25578" s="2" t="s">
        <v>13991</v>
      </c>
      <c r="B25578" s="6">
        <v>425807.1</v>
      </c>
      <c r="C25578" s="7">
        <f t="shared" si="399"/>
        <v>425.80709999999999</v>
      </c>
    </row>
    <row r="25579" spans="1:3" x14ac:dyDescent="0.25">
      <c r="A25579" s="2" t="s">
        <v>13992</v>
      </c>
      <c r="B25579" s="6">
        <v>425823.74999999994</v>
      </c>
      <c r="C25579" s="7">
        <f t="shared" si="399"/>
        <v>425.82374999999996</v>
      </c>
    </row>
    <row r="25580" spans="1:3" x14ac:dyDescent="0.25">
      <c r="A25580" s="2" t="s">
        <v>13993</v>
      </c>
      <c r="B25580" s="6">
        <v>425840.39999999997</v>
      </c>
      <c r="C25580" s="7">
        <f t="shared" si="399"/>
        <v>425.84039999999999</v>
      </c>
    </row>
    <row r="25581" spans="1:3" x14ac:dyDescent="0.25">
      <c r="A25581" s="2" t="s">
        <v>13994</v>
      </c>
      <c r="B25581" s="6">
        <v>425857.05</v>
      </c>
      <c r="C25581" s="7">
        <f t="shared" si="399"/>
        <v>425.85705000000002</v>
      </c>
    </row>
    <row r="25582" spans="1:3" x14ac:dyDescent="0.25">
      <c r="A25582" s="2" t="s">
        <v>13995</v>
      </c>
      <c r="B25582" s="6">
        <v>425873.69999999995</v>
      </c>
      <c r="C25582" s="7">
        <f t="shared" si="399"/>
        <v>425.87369999999993</v>
      </c>
    </row>
    <row r="25583" spans="1:3" x14ac:dyDescent="0.25">
      <c r="A25583" s="2" t="s">
        <v>13996</v>
      </c>
      <c r="B25583" s="6">
        <v>425890.35</v>
      </c>
      <c r="C25583" s="7">
        <f t="shared" si="399"/>
        <v>425.89034999999996</v>
      </c>
    </row>
    <row r="25584" spans="1:3" x14ac:dyDescent="0.25">
      <c r="A25584" s="2" t="s">
        <v>13997</v>
      </c>
      <c r="B25584" s="6">
        <v>425906.99999999994</v>
      </c>
      <c r="C25584" s="7">
        <f t="shared" si="399"/>
        <v>425.90699999999993</v>
      </c>
    </row>
    <row r="25585" spans="1:3" x14ac:dyDescent="0.25">
      <c r="A25585" s="2" t="s">
        <v>13998</v>
      </c>
      <c r="B25585" s="6">
        <v>425923.64999999997</v>
      </c>
      <c r="C25585" s="7">
        <f t="shared" si="399"/>
        <v>425.92364999999995</v>
      </c>
    </row>
    <row r="25586" spans="1:3" x14ac:dyDescent="0.25">
      <c r="A25586" s="2" t="s">
        <v>13999</v>
      </c>
      <c r="B25586" s="6">
        <v>425940.3</v>
      </c>
      <c r="C25586" s="7">
        <f t="shared" si="399"/>
        <v>425.94029999999998</v>
      </c>
    </row>
    <row r="25587" spans="1:3" x14ac:dyDescent="0.25">
      <c r="A25587" s="2" t="s">
        <v>14000</v>
      </c>
      <c r="B25587" s="6">
        <v>425956.94999999995</v>
      </c>
      <c r="C25587" s="7">
        <f t="shared" si="399"/>
        <v>425.95694999999995</v>
      </c>
    </row>
    <row r="25588" spans="1:3" x14ac:dyDescent="0.25">
      <c r="A25588" s="2" t="s">
        <v>14001</v>
      </c>
      <c r="B25588" s="6">
        <v>425973.6</v>
      </c>
      <c r="C25588" s="7">
        <f t="shared" si="399"/>
        <v>425.97359999999998</v>
      </c>
    </row>
    <row r="25589" spans="1:3" x14ac:dyDescent="0.25">
      <c r="A25589" s="2" t="s">
        <v>14002</v>
      </c>
      <c r="B25589" s="6">
        <v>425990.24999999994</v>
      </c>
      <c r="C25589" s="7">
        <f t="shared" si="399"/>
        <v>425.99024999999995</v>
      </c>
    </row>
    <row r="25590" spans="1:3" x14ac:dyDescent="0.25">
      <c r="A25590" s="2" t="s">
        <v>14003</v>
      </c>
      <c r="B25590" s="6">
        <v>426006.89999999997</v>
      </c>
      <c r="C25590" s="7">
        <f t="shared" si="399"/>
        <v>426.00689999999997</v>
      </c>
    </row>
    <row r="25591" spans="1:3" x14ac:dyDescent="0.25">
      <c r="A25591" s="2" t="s">
        <v>14004</v>
      </c>
      <c r="B25591" s="6">
        <v>426023.55</v>
      </c>
      <c r="C25591" s="7">
        <f t="shared" si="399"/>
        <v>426.02355</v>
      </c>
    </row>
    <row r="25592" spans="1:3" x14ac:dyDescent="0.25">
      <c r="A25592" s="2" t="s">
        <v>14005</v>
      </c>
      <c r="B25592" s="6">
        <v>426040.19999999995</v>
      </c>
      <c r="C25592" s="7">
        <f t="shared" si="399"/>
        <v>426.04019999999997</v>
      </c>
    </row>
    <row r="25593" spans="1:3" x14ac:dyDescent="0.25">
      <c r="A25593" s="2" t="s">
        <v>14006</v>
      </c>
      <c r="B25593" s="6">
        <v>426056.85</v>
      </c>
      <c r="C25593" s="7">
        <f t="shared" si="399"/>
        <v>426.05685</v>
      </c>
    </row>
    <row r="25594" spans="1:3" x14ac:dyDescent="0.25">
      <c r="A25594" s="2" t="s">
        <v>14007</v>
      </c>
      <c r="B25594" s="6">
        <v>426073.49999999994</v>
      </c>
      <c r="C25594" s="7">
        <f t="shared" si="399"/>
        <v>426.07349999999997</v>
      </c>
    </row>
    <row r="25595" spans="1:3" x14ac:dyDescent="0.25">
      <c r="A25595" s="2" t="s">
        <v>14008</v>
      </c>
      <c r="B25595" s="6">
        <v>426090.14999999997</v>
      </c>
      <c r="C25595" s="7">
        <f t="shared" si="399"/>
        <v>426.09014999999994</v>
      </c>
    </row>
    <row r="25596" spans="1:3" x14ac:dyDescent="0.25">
      <c r="A25596" s="2" t="s">
        <v>14009</v>
      </c>
      <c r="B25596" s="6">
        <v>426106.8</v>
      </c>
      <c r="C25596" s="7">
        <f t="shared" si="399"/>
        <v>426.10679999999996</v>
      </c>
    </row>
    <row r="25597" spans="1:3" x14ac:dyDescent="0.25">
      <c r="A25597" s="2" t="s">
        <v>14010</v>
      </c>
      <c r="B25597" s="6">
        <v>426123.44999999995</v>
      </c>
      <c r="C25597" s="7">
        <f t="shared" si="399"/>
        <v>426.12344999999993</v>
      </c>
    </row>
    <row r="25598" spans="1:3" x14ac:dyDescent="0.25">
      <c r="A25598" s="2" t="s">
        <v>14011</v>
      </c>
      <c r="B25598" s="6">
        <v>426140.1</v>
      </c>
      <c r="C25598" s="7">
        <f t="shared" si="399"/>
        <v>426.14009999999996</v>
      </c>
    </row>
    <row r="25599" spans="1:3" x14ac:dyDescent="0.25">
      <c r="A25599" s="2" t="s">
        <v>14012</v>
      </c>
      <c r="B25599" s="6">
        <v>426156.74999999994</v>
      </c>
      <c r="C25599" s="7">
        <f t="shared" si="399"/>
        <v>426.15674999999993</v>
      </c>
    </row>
    <row r="25600" spans="1:3" x14ac:dyDescent="0.25">
      <c r="A25600" s="2" t="s">
        <v>14013</v>
      </c>
      <c r="B25600" s="6">
        <v>426173.39999999997</v>
      </c>
      <c r="C25600" s="7">
        <f t="shared" si="399"/>
        <v>426.17339999999996</v>
      </c>
    </row>
    <row r="25601" spans="1:3" x14ac:dyDescent="0.25">
      <c r="A25601" s="2" t="s">
        <v>14014</v>
      </c>
      <c r="B25601" s="6">
        <v>426190.05</v>
      </c>
      <c r="C25601" s="7">
        <f t="shared" si="399"/>
        <v>426.19004999999999</v>
      </c>
    </row>
    <row r="25602" spans="1:3" x14ac:dyDescent="0.25">
      <c r="A25602" s="2" t="s">
        <v>14015</v>
      </c>
      <c r="B25602" s="6">
        <v>426206.69999999995</v>
      </c>
      <c r="C25602" s="7">
        <f t="shared" si="399"/>
        <v>426.20669999999996</v>
      </c>
    </row>
    <row r="25603" spans="1:3" x14ac:dyDescent="0.25">
      <c r="A25603" s="2" t="s">
        <v>14016</v>
      </c>
      <c r="B25603" s="6">
        <v>426223.35</v>
      </c>
      <c r="C25603" s="7">
        <f t="shared" ref="C25603:C25666" si="400">B25603/1000</f>
        <v>426.22334999999998</v>
      </c>
    </row>
    <row r="25604" spans="1:3" x14ac:dyDescent="0.25">
      <c r="A25604" s="2" t="s">
        <v>14017</v>
      </c>
      <c r="B25604" s="6">
        <v>426239.99999999994</v>
      </c>
      <c r="C25604" s="7">
        <f t="shared" si="400"/>
        <v>426.23999999999995</v>
      </c>
    </row>
    <row r="25605" spans="1:3" x14ac:dyDescent="0.25">
      <c r="A25605" s="2" t="s">
        <v>14018</v>
      </c>
      <c r="B25605" s="6">
        <v>426256.64999999997</v>
      </c>
      <c r="C25605" s="7">
        <f t="shared" si="400"/>
        <v>426.25664999999998</v>
      </c>
    </row>
    <row r="25606" spans="1:3" x14ac:dyDescent="0.25">
      <c r="A25606" s="2" t="s">
        <v>14019</v>
      </c>
      <c r="B25606" s="6">
        <v>426273.3</v>
      </c>
      <c r="C25606" s="7">
        <f t="shared" si="400"/>
        <v>426.27330000000001</v>
      </c>
    </row>
    <row r="25607" spans="1:3" x14ac:dyDescent="0.25">
      <c r="A25607" s="2" t="s">
        <v>14020</v>
      </c>
      <c r="B25607" s="6">
        <v>426289.94999999995</v>
      </c>
      <c r="C25607" s="7">
        <f t="shared" si="400"/>
        <v>426.28994999999998</v>
      </c>
    </row>
    <row r="25608" spans="1:3" x14ac:dyDescent="0.25">
      <c r="A25608" s="2" t="s">
        <v>14021</v>
      </c>
      <c r="B25608" s="6">
        <v>426306.6</v>
      </c>
      <c r="C25608" s="7">
        <f t="shared" si="400"/>
        <v>426.3066</v>
      </c>
    </row>
    <row r="25609" spans="1:3" x14ac:dyDescent="0.25">
      <c r="A25609" s="2" t="s">
        <v>14022</v>
      </c>
      <c r="B25609" s="6">
        <v>426323.24999999994</v>
      </c>
      <c r="C25609" s="7">
        <f t="shared" si="400"/>
        <v>426.32324999999992</v>
      </c>
    </row>
    <row r="25610" spans="1:3" x14ac:dyDescent="0.25">
      <c r="A25610" s="2" t="s">
        <v>14023</v>
      </c>
      <c r="B25610" s="6">
        <v>426339.89999999997</v>
      </c>
      <c r="C25610" s="7">
        <f t="shared" si="400"/>
        <v>426.33989999999994</v>
      </c>
    </row>
    <row r="25611" spans="1:3" x14ac:dyDescent="0.25">
      <c r="A25611" s="2" t="s">
        <v>14024</v>
      </c>
      <c r="B25611" s="6">
        <v>426356.55</v>
      </c>
      <c r="C25611" s="7">
        <f t="shared" si="400"/>
        <v>426.35654999999997</v>
      </c>
    </row>
    <row r="25612" spans="1:3" x14ac:dyDescent="0.25">
      <c r="A25612" s="2" t="s">
        <v>14025</v>
      </c>
      <c r="B25612" s="6">
        <v>426373.19999999995</v>
      </c>
      <c r="C25612" s="7">
        <f t="shared" si="400"/>
        <v>426.37319999999994</v>
      </c>
    </row>
    <row r="25613" spans="1:3" x14ac:dyDescent="0.25">
      <c r="A25613" s="2" t="s">
        <v>14026</v>
      </c>
      <c r="B25613" s="6">
        <v>426389.85</v>
      </c>
      <c r="C25613" s="7">
        <f t="shared" si="400"/>
        <v>426.38984999999997</v>
      </c>
    </row>
    <row r="25614" spans="1:3" x14ac:dyDescent="0.25">
      <c r="A25614" s="2" t="s">
        <v>14027</v>
      </c>
      <c r="B25614" s="6">
        <v>426406.49999999994</v>
      </c>
      <c r="C25614" s="7">
        <f t="shared" si="400"/>
        <v>426.40649999999994</v>
      </c>
    </row>
    <row r="25615" spans="1:3" x14ac:dyDescent="0.25">
      <c r="A25615" s="2" t="s">
        <v>14028</v>
      </c>
      <c r="B25615" s="6">
        <v>426423.14999999997</v>
      </c>
      <c r="C25615" s="7">
        <f t="shared" si="400"/>
        <v>426.42314999999996</v>
      </c>
    </row>
    <row r="25616" spans="1:3" x14ac:dyDescent="0.25">
      <c r="A25616" s="2" t="s">
        <v>14029</v>
      </c>
      <c r="B25616" s="6">
        <v>426439.8</v>
      </c>
      <c r="C25616" s="7">
        <f t="shared" si="400"/>
        <v>426.43979999999999</v>
      </c>
    </row>
    <row r="25617" spans="1:3" x14ac:dyDescent="0.25">
      <c r="A25617" s="2" t="s">
        <v>14030</v>
      </c>
      <c r="B25617" s="6">
        <v>426456.44999999995</v>
      </c>
      <c r="C25617" s="7">
        <f t="shared" si="400"/>
        <v>426.45644999999996</v>
      </c>
    </row>
    <row r="25618" spans="1:3" x14ac:dyDescent="0.25">
      <c r="A25618" s="2" t="s">
        <v>14031</v>
      </c>
      <c r="B25618" s="6">
        <v>426473.1</v>
      </c>
      <c r="C25618" s="7">
        <f t="shared" si="400"/>
        <v>426.47309999999999</v>
      </c>
    </row>
    <row r="25619" spans="1:3" x14ac:dyDescent="0.25">
      <c r="A25619" s="2" t="s">
        <v>14032</v>
      </c>
      <c r="B25619" s="6">
        <v>426489.74999999994</v>
      </c>
      <c r="C25619" s="7">
        <f t="shared" si="400"/>
        <v>426.48974999999996</v>
      </c>
    </row>
    <row r="25620" spans="1:3" x14ac:dyDescent="0.25">
      <c r="A25620" s="2" t="s">
        <v>14033</v>
      </c>
      <c r="B25620" s="6">
        <v>426506.39999999997</v>
      </c>
      <c r="C25620" s="7">
        <f t="shared" si="400"/>
        <v>426.50639999999999</v>
      </c>
    </row>
    <row r="25621" spans="1:3" x14ac:dyDescent="0.25">
      <c r="A25621" s="2" t="s">
        <v>14034</v>
      </c>
      <c r="B25621" s="6">
        <v>426523.05</v>
      </c>
      <c r="C25621" s="7">
        <f t="shared" si="400"/>
        <v>426.52305000000001</v>
      </c>
    </row>
    <row r="25622" spans="1:3" x14ac:dyDescent="0.25">
      <c r="A25622" s="2" t="s">
        <v>14035</v>
      </c>
      <c r="B25622" s="6">
        <v>426539.69999999995</v>
      </c>
      <c r="C25622" s="7">
        <f t="shared" si="400"/>
        <v>426.53969999999993</v>
      </c>
    </row>
    <row r="25623" spans="1:3" x14ac:dyDescent="0.25">
      <c r="A25623" s="2" t="s">
        <v>14036</v>
      </c>
      <c r="B25623" s="6">
        <v>426556.35</v>
      </c>
      <c r="C25623" s="7">
        <f t="shared" si="400"/>
        <v>426.55634999999995</v>
      </c>
    </row>
    <row r="25624" spans="1:3" x14ac:dyDescent="0.25">
      <c r="A25624" s="2" t="s">
        <v>14037</v>
      </c>
      <c r="B25624" s="6">
        <v>426572.99999999994</v>
      </c>
      <c r="C25624" s="7">
        <f t="shared" si="400"/>
        <v>426.57299999999992</v>
      </c>
    </row>
    <row r="25625" spans="1:3" x14ac:dyDescent="0.25">
      <c r="A25625" s="2" t="s">
        <v>14038</v>
      </c>
      <c r="B25625" s="6">
        <v>426589.64999999997</v>
      </c>
      <c r="C25625" s="7">
        <f t="shared" si="400"/>
        <v>426.58964999999995</v>
      </c>
    </row>
    <row r="25626" spans="1:3" x14ac:dyDescent="0.25">
      <c r="A25626" s="2" t="s">
        <v>14039</v>
      </c>
      <c r="B25626" s="6">
        <v>426606.3</v>
      </c>
      <c r="C25626" s="7">
        <f t="shared" si="400"/>
        <v>426.60629999999998</v>
      </c>
    </row>
    <row r="25627" spans="1:3" x14ac:dyDescent="0.25">
      <c r="A25627" s="2" t="s">
        <v>14040</v>
      </c>
      <c r="B25627" s="6">
        <v>426622.94999999995</v>
      </c>
      <c r="C25627" s="7">
        <f t="shared" si="400"/>
        <v>426.62294999999995</v>
      </c>
    </row>
    <row r="25628" spans="1:3" x14ac:dyDescent="0.25">
      <c r="A25628" s="2" t="s">
        <v>14041</v>
      </c>
      <c r="B25628" s="6">
        <v>426639.6</v>
      </c>
      <c r="C25628" s="7">
        <f t="shared" si="400"/>
        <v>426.63959999999997</v>
      </c>
    </row>
    <row r="25629" spans="1:3" x14ac:dyDescent="0.25">
      <c r="A25629" s="2" t="s">
        <v>14042</v>
      </c>
      <c r="B25629" s="6">
        <v>426656.24999999994</v>
      </c>
      <c r="C25629" s="7">
        <f t="shared" si="400"/>
        <v>426.65624999999994</v>
      </c>
    </row>
    <row r="25630" spans="1:3" x14ac:dyDescent="0.25">
      <c r="A25630" s="2" t="s">
        <v>14043</v>
      </c>
      <c r="B25630" s="6">
        <v>426672.89999999997</v>
      </c>
      <c r="C25630" s="7">
        <f t="shared" si="400"/>
        <v>426.67289999999997</v>
      </c>
    </row>
    <row r="25631" spans="1:3" x14ac:dyDescent="0.25">
      <c r="A25631" s="2" t="s">
        <v>14044</v>
      </c>
      <c r="B25631" s="6">
        <v>426689.55</v>
      </c>
      <c r="C25631" s="7">
        <f t="shared" si="400"/>
        <v>426.68955</v>
      </c>
    </row>
    <row r="25632" spans="1:3" x14ac:dyDescent="0.25">
      <c r="A25632" s="2" t="s">
        <v>14045</v>
      </c>
      <c r="B25632" s="6">
        <v>426706.19999999995</v>
      </c>
      <c r="C25632" s="7">
        <f t="shared" si="400"/>
        <v>426.70619999999997</v>
      </c>
    </row>
    <row r="25633" spans="1:3" x14ac:dyDescent="0.25">
      <c r="A25633" s="2" t="s">
        <v>14046</v>
      </c>
      <c r="B25633" s="6">
        <v>426722.85</v>
      </c>
      <c r="C25633" s="7">
        <f t="shared" si="400"/>
        <v>426.72284999999999</v>
      </c>
    </row>
    <row r="25634" spans="1:3" x14ac:dyDescent="0.25">
      <c r="A25634" s="2" t="s">
        <v>14047</v>
      </c>
      <c r="B25634" s="6">
        <v>426739.49999999994</v>
      </c>
      <c r="C25634" s="7">
        <f t="shared" si="400"/>
        <v>426.73949999999996</v>
      </c>
    </row>
    <row r="25635" spans="1:3" x14ac:dyDescent="0.25">
      <c r="A25635" s="2" t="s">
        <v>14048</v>
      </c>
      <c r="B25635" s="6">
        <v>426756.14999999997</v>
      </c>
      <c r="C25635" s="7">
        <f t="shared" si="400"/>
        <v>426.75614999999999</v>
      </c>
    </row>
    <row r="25636" spans="1:3" x14ac:dyDescent="0.25">
      <c r="A25636" s="2" t="s">
        <v>14049</v>
      </c>
      <c r="B25636" s="6">
        <v>426772.8</v>
      </c>
      <c r="C25636" s="7">
        <f t="shared" si="400"/>
        <v>426.77279999999996</v>
      </c>
    </row>
    <row r="25637" spans="1:3" x14ac:dyDescent="0.25">
      <c r="A25637" s="2" t="s">
        <v>14050</v>
      </c>
      <c r="B25637" s="6">
        <v>426789.44999999995</v>
      </c>
      <c r="C25637" s="7">
        <f t="shared" si="400"/>
        <v>426.78944999999993</v>
      </c>
    </row>
    <row r="25638" spans="1:3" x14ac:dyDescent="0.25">
      <c r="A25638" s="2" t="s">
        <v>14051</v>
      </c>
      <c r="B25638" s="6">
        <v>426806.1</v>
      </c>
      <c r="C25638" s="7">
        <f t="shared" si="400"/>
        <v>426.80609999999996</v>
      </c>
    </row>
    <row r="25639" spans="1:3" x14ac:dyDescent="0.25">
      <c r="A25639" s="2" t="s">
        <v>14052</v>
      </c>
      <c r="B25639" s="6">
        <v>426822.74999999994</v>
      </c>
      <c r="C25639" s="7">
        <f t="shared" si="400"/>
        <v>426.82274999999993</v>
      </c>
    </row>
    <row r="25640" spans="1:3" x14ac:dyDescent="0.25">
      <c r="A25640" s="2" t="s">
        <v>14053</v>
      </c>
      <c r="B25640" s="6">
        <v>426839.39999999997</v>
      </c>
      <c r="C25640" s="7">
        <f t="shared" si="400"/>
        <v>426.83939999999996</v>
      </c>
    </row>
    <row r="25641" spans="1:3" x14ac:dyDescent="0.25">
      <c r="A25641" s="2" t="s">
        <v>14054</v>
      </c>
      <c r="B25641" s="6">
        <v>426856.05</v>
      </c>
      <c r="C25641" s="7">
        <f t="shared" si="400"/>
        <v>426.85604999999998</v>
      </c>
    </row>
    <row r="25642" spans="1:3" x14ac:dyDescent="0.25">
      <c r="A25642" s="2" t="s">
        <v>14055</v>
      </c>
      <c r="B25642" s="6">
        <v>426872.69999999995</v>
      </c>
      <c r="C25642" s="7">
        <f t="shared" si="400"/>
        <v>426.87269999999995</v>
      </c>
    </row>
    <row r="25643" spans="1:3" x14ac:dyDescent="0.25">
      <c r="A25643" s="2" t="s">
        <v>14056</v>
      </c>
      <c r="B25643" s="6">
        <v>426889.35</v>
      </c>
      <c r="C25643" s="7">
        <f t="shared" si="400"/>
        <v>426.88934999999998</v>
      </c>
    </row>
    <row r="25644" spans="1:3" x14ac:dyDescent="0.25">
      <c r="A25644" s="2" t="s">
        <v>14057</v>
      </c>
      <c r="B25644" s="6">
        <v>426905.99999999994</v>
      </c>
      <c r="C25644" s="7">
        <f t="shared" si="400"/>
        <v>426.90599999999995</v>
      </c>
    </row>
    <row r="25645" spans="1:3" x14ac:dyDescent="0.25">
      <c r="A25645" s="2" t="s">
        <v>14058</v>
      </c>
      <c r="B25645" s="6">
        <v>426922.64999999997</v>
      </c>
      <c r="C25645" s="7">
        <f t="shared" si="400"/>
        <v>426.92264999999998</v>
      </c>
    </row>
    <row r="25646" spans="1:3" x14ac:dyDescent="0.25">
      <c r="A25646" s="2" t="s">
        <v>14059</v>
      </c>
      <c r="B25646" s="6">
        <v>426939.3</v>
      </c>
      <c r="C25646" s="7">
        <f t="shared" si="400"/>
        <v>426.9393</v>
      </c>
    </row>
    <row r="25647" spans="1:3" x14ac:dyDescent="0.25">
      <c r="A25647" s="2" t="s">
        <v>14060</v>
      </c>
      <c r="B25647" s="6">
        <v>426955.94999999995</v>
      </c>
      <c r="C25647" s="7">
        <f t="shared" si="400"/>
        <v>426.95594999999997</v>
      </c>
    </row>
    <row r="25648" spans="1:3" x14ac:dyDescent="0.25">
      <c r="A25648" s="2" t="s">
        <v>14061</v>
      </c>
      <c r="B25648" s="6">
        <v>426972.6</v>
      </c>
      <c r="C25648" s="7">
        <f t="shared" si="400"/>
        <v>426.9726</v>
      </c>
    </row>
    <row r="25649" spans="1:3" x14ac:dyDescent="0.25">
      <c r="A25649" s="2" t="s">
        <v>14062</v>
      </c>
      <c r="B25649" s="6">
        <v>426989.24999999994</v>
      </c>
      <c r="C25649" s="7">
        <f t="shared" si="400"/>
        <v>426.98924999999997</v>
      </c>
    </row>
    <row r="25650" spans="1:3" x14ac:dyDescent="0.25">
      <c r="A25650" s="2" t="s">
        <v>14063</v>
      </c>
      <c r="B25650" s="6">
        <v>427005.89999999997</v>
      </c>
      <c r="C25650" s="7">
        <f t="shared" si="400"/>
        <v>427.00589999999994</v>
      </c>
    </row>
    <row r="25651" spans="1:3" x14ac:dyDescent="0.25">
      <c r="A25651" s="2" t="s">
        <v>14064</v>
      </c>
      <c r="B25651" s="6">
        <v>427022.55</v>
      </c>
      <c r="C25651" s="7">
        <f t="shared" si="400"/>
        <v>427.02254999999997</v>
      </c>
    </row>
    <row r="25652" spans="1:3" x14ac:dyDescent="0.25">
      <c r="A25652" s="2" t="s">
        <v>14065</v>
      </c>
      <c r="B25652" s="6">
        <v>427039.19999999995</v>
      </c>
      <c r="C25652" s="7">
        <f t="shared" si="400"/>
        <v>427.03919999999994</v>
      </c>
    </row>
    <row r="25653" spans="1:3" x14ac:dyDescent="0.25">
      <c r="A25653" s="2" t="s">
        <v>14066</v>
      </c>
      <c r="B25653" s="6">
        <v>427055.85</v>
      </c>
      <c r="C25653" s="7">
        <f t="shared" si="400"/>
        <v>427.05584999999996</v>
      </c>
    </row>
    <row r="25654" spans="1:3" x14ac:dyDescent="0.25">
      <c r="A25654" s="2" t="s">
        <v>14067</v>
      </c>
      <c r="B25654" s="6">
        <v>427072.49999999994</v>
      </c>
      <c r="C25654" s="7">
        <f t="shared" si="400"/>
        <v>427.07249999999993</v>
      </c>
    </row>
    <row r="25655" spans="1:3" x14ac:dyDescent="0.25">
      <c r="A25655" s="2" t="s">
        <v>14068</v>
      </c>
      <c r="B25655" s="6">
        <v>427089.14999999997</v>
      </c>
      <c r="C25655" s="7">
        <f t="shared" si="400"/>
        <v>427.08914999999996</v>
      </c>
    </row>
    <row r="25656" spans="1:3" x14ac:dyDescent="0.25">
      <c r="A25656" s="2" t="s">
        <v>14069</v>
      </c>
      <c r="B25656" s="6">
        <v>427105.8</v>
      </c>
      <c r="C25656" s="7">
        <f t="shared" si="400"/>
        <v>427.10579999999999</v>
      </c>
    </row>
    <row r="25657" spans="1:3" x14ac:dyDescent="0.25">
      <c r="A25657" s="2" t="s">
        <v>14070</v>
      </c>
      <c r="B25657" s="6">
        <v>427122.44999999995</v>
      </c>
      <c r="C25657" s="7">
        <f t="shared" si="400"/>
        <v>427.12244999999996</v>
      </c>
    </row>
    <row r="25658" spans="1:3" x14ac:dyDescent="0.25">
      <c r="A25658" s="2" t="s">
        <v>14071</v>
      </c>
      <c r="B25658" s="6">
        <v>427139.1</v>
      </c>
      <c r="C25658" s="7">
        <f t="shared" si="400"/>
        <v>427.13909999999998</v>
      </c>
    </row>
    <row r="25659" spans="1:3" x14ac:dyDescent="0.25">
      <c r="A25659" s="2" t="s">
        <v>14072</v>
      </c>
      <c r="B25659" s="6">
        <v>427155.74999999994</v>
      </c>
      <c r="C25659" s="7">
        <f t="shared" si="400"/>
        <v>427.15574999999995</v>
      </c>
    </row>
    <row r="25660" spans="1:3" x14ac:dyDescent="0.25">
      <c r="A25660" s="2" t="s">
        <v>14073</v>
      </c>
      <c r="B25660" s="6">
        <v>427172.39999999997</v>
      </c>
      <c r="C25660" s="7">
        <f t="shared" si="400"/>
        <v>427.17239999999998</v>
      </c>
    </row>
    <row r="25661" spans="1:3" x14ac:dyDescent="0.25">
      <c r="A25661" s="2" t="s">
        <v>14074</v>
      </c>
      <c r="B25661" s="6">
        <v>427189.05</v>
      </c>
      <c r="C25661" s="7">
        <f t="shared" si="400"/>
        <v>427.18905000000001</v>
      </c>
    </row>
    <row r="25662" spans="1:3" x14ac:dyDescent="0.25">
      <c r="A25662" s="2" t="s">
        <v>14075</v>
      </c>
      <c r="B25662" s="6">
        <v>427205.69999999995</v>
      </c>
      <c r="C25662" s="7">
        <f t="shared" si="400"/>
        <v>427.20569999999998</v>
      </c>
    </row>
    <row r="25663" spans="1:3" x14ac:dyDescent="0.25">
      <c r="A25663" s="2" t="s">
        <v>14076</v>
      </c>
      <c r="B25663" s="6">
        <v>427222.35</v>
      </c>
      <c r="C25663" s="7">
        <f t="shared" si="400"/>
        <v>427.22234999999995</v>
      </c>
    </row>
    <row r="25664" spans="1:3" x14ac:dyDescent="0.25">
      <c r="A25664" s="2" t="s">
        <v>14077</v>
      </c>
      <c r="B25664" s="6">
        <v>427238.99999999994</v>
      </c>
      <c r="C25664" s="7">
        <f t="shared" si="400"/>
        <v>427.23899999999992</v>
      </c>
    </row>
    <row r="25665" spans="1:3" x14ac:dyDescent="0.25">
      <c r="A25665" s="2" t="s">
        <v>14078</v>
      </c>
      <c r="B25665" s="6">
        <v>427255.64999999997</v>
      </c>
      <c r="C25665" s="7">
        <f t="shared" si="400"/>
        <v>427.25564999999995</v>
      </c>
    </row>
    <row r="25666" spans="1:3" x14ac:dyDescent="0.25">
      <c r="A25666" s="2" t="s">
        <v>14079</v>
      </c>
      <c r="B25666" s="6">
        <v>427272.3</v>
      </c>
      <c r="C25666" s="7">
        <f t="shared" si="400"/>
        <v>427.27229999999997</v>
      </c>
    </row>
    <row r="25667" spans="1:3" x14ac:dyDescent="0.25">
      <c r="A25667" s="2" t="s">
        <v>14080</v>
      </c>
      <c r="B25667" s="6">
        <v>427288.94999999995</v>
      </c>
      <c r="C25667" s="7">
        <f t="shared" ref="C25667:C25730" si="401">B25667/1000</f>
        <v>427.28894999999994</v>
      </c>
    </row>
    <row r="25668" spans="1:3" x14ac:dyDescent="0.25">
      <c r="A25668" s="2" t="s">
        <v>14081</v>
      </c>
      <c r="B25668" s="6">
        <v>427305.6</v>
      </c>
      <c r="C25668" s="7">
        <f t="shared" si="401"/>
        <v>427.30559999999997</v>
      </c>
    </row>
    <row r="25669" spans="1:3" x14ac:dyDescent="0.25">
      <c r="A25669" s="2" t="s">
        <v>14082</v>
      </c>
      <c r="B25669" s="6">
        <v>427322.24999999994</v>
      </c>
      <c r="C25669" s="7">
        <f t="shared" si="401"/>
        <v>427.32224999999994</v>
      </c>
    </row>
    <row r="25670" spans="1:3" x14ac:dyDescent="0.25">
      <c r="A25670" s="2" t="s">
        <v>14083</v>
      </c>
      <c r="B25670" s="6">
        <v>427338.89999999997</v>
      </c>
      <c r="C25670" s="7">
        <f t="shared" si="401"/>
        <v>427.33889999999997</v>
      </c>
    </row>
    <row r="25671" spans="1:3" x14ac:dyDescent="0.25">
      <c r="A25671" s="2" t="s">
        <v>14084</v>
      </c>
      <c r="B25671" s="6">
        <v>427355.55</v>
      </c>
      <c r="C25671" s="7">
        <f t="shared" si="401"/>
        <v>427.35554999999999</v>
      </c>
    </row>
    <row r="25672" spans="1:3" x14ac:dyDescent="0.25">
      <c r="A25672" s="2" t="s">
        <v>14085</v>
      </c>
      <c r="B25672" s="6">
        <v>427372.19999999995</v>
      </c>
      <c r="C25672" s="7">
        <f t="shared" si="401"/>
        <v>427.37219999999996</v>
      </c>
    </row>
    <row r="25673" spans="1:3" x14ac:dyDescent="0.25">
      <c r="A25673" s="2" t="s">
        <v>14086</v>
      </c>
      <c r="B25673" s="6">
        <v>427388.85</v>
      </c>
      <c r="C25673" s="7">
        <f t="shared" si="401"/>
        <v>427.38884999999999</v>
      </c>
    </row>
    <row r="25674" spans="1:3" x14ac:dyDescent="0.25">
      <c r="A25674" s="2" t="s">
        <v>14087</v>
      </c>
      <c r="B25674" s="6">
        <v>427405.49999999994</v>
      </c>
      <c r="C25674" s="7">
        <f t="shared" si="401"/>
        <v>427.40549999999996</v>
      </c>
    </row>
    <row r="25675" spans="1:3" x14ac:dyDescent="0.25">
      <c r="A25675" s="2" t="s">
        <v>14088</v>
      </c>
      <c r="B25675" s="6">
        <v>427422.14999999997</v>
      </c>
      <c r="C25675" s="7">
        <f t="shared" si="401"/>
        <v>427.42214999999999</v>
      </c>
    </row>
    <row r="25676" spans="1:3" x14ac:dyDescent="0.25">
      <c r="A25676" s="2" t="s">
        <v>14089</v>
      </c>
      <c r="B25676" s="6">
        <v>427438.8</v>
      </c>
      <c r="C25676" s="7">
        <f t="shared" si="401"/>
        <v>427.43880000000001</v>
      </c>
    </row>
    <row r="25677" spans="1:3" x14ac:dyDescent="0.25">
      <c r="A25677" s="2" t="s">
        <v>14090</v>
      </c>
      <c r="B25677" s="6">
        <v>427455.44999999995</v>
      </c>
      <c r="C25677" s="7">
        <f t="shared" si="401"/>
        <v>427.45544999999993</v>
      </c>
    </row>
    <row r="25678" spans="1:3" x14ac:dyDescent="0.25">
      <c r="A25678" s="2" t="s">
        <v>14091</v>
      </c>
      <c r="B25678" s="6">
        <v>427472.1</v>
      </c>
      <c r="C25678" s="7">
        <f t="shared" si="401"/>
        <v>427.47209999999995</v>
      </c>
    </row>
    <row r="25679" spans="1:3" x14ac:dyDescent="0.25">
      <c r="A25679" s="2" t="s">
        <v>14092</v>
      </c>
      <c r="B25679" s="6">
        <v>427488.74999999994</v>
      </c>
      <c r="C25679" s="7">
        <f t="shared" si="401"/>
        <v>427.48874999999992</v>
      </c>
    </row>
    <row r="25680" spans="1:3" x14ac:dyDescent="0.25">
      <c r="A25680" s="2" t="s">
        <v>14093</v>
      </c>
      <c r="B25680" s="6">
        <v>427505.39999999997</v>
      </c>
      <c r="C25680" s="7">
        <f t="shared" si="401"/>
        <v>427.50539999999995</v>
      </c>
    </row>
    <row r="25681" spans="1:3" x14ac:dyDescent="0.25">
      <c r="A25681" s="2" t="s">
        <v>14094</v>
      </c>
      <c r="B25681" s="6">
        <v>427522.05</v>
      </c>
      <c r="C25681" s="7">
        <f t="shared" si="401"/>
        <v>427.52204999999998</v>
      </c>
    </row>
    <row r="25682" spans="1:3" x14ac:dyDescent="0.25">
      <c r="A25682" s="2" t="s">
        <v>14095</v>
      </c>
      <c r="B25682" s="6">
        <v>427538.69999999995</v>
      </c>
      <c r="C25682" s="7">
        <f t="shared" si="401"/>
        <v>427.53869999999995</v>
      </c>
    </row>
    <row r="25683" spans="1:3" x14ac:dyDescent="0.25">
      <c r="A25683" s="2" t="s">
        <v>14096</v>
      </c>
      <c r="B25683" s="6">
        <v>427555.35</v>
      </c>
      <c r="C25683" s="7">
        <f t="shared" si="401"/>
        <v>427.55534999999998</v>
      </c>
    </row>
    <row r="25684" spans="1:3" x14ac:dyDescent="0.25">
      <c r="A25684" s="2" t="s">
        <v>14097</v>
      </c>
      <c r="B25684" s="6">
        <v>427571.99999999994</v>
      </c>
      <c r="C25684" s="7">
        <f t="shared" si="401"/>
        <v>427.57199999999995</v>
      </c>
    </row>
    <row r="25685" spans="1:3" x14ac:dyDescent="0.25">
      <c r="A25685" s="2" t="s">
        <v>14098</v>
      </c>
      <c r="B25685" s="6">
        <v>427588.64999999997</v>
      </c>
      <c r="C25685" s="7">
        <f t="shared" si="401"/>
        <v>427.58864999999997</v>
      </c>
    </row>
    <row r="25686" spans="1:3" x14ac:dyDescent="0.25">
      <c r="A25686" s="2" t="s">
        <v>14099</v>
      </c>
      <c r="B25686" s="6">
        <v>427605.3</v>
      </c>
      <c r="C25686" s="7">
        <f t="shared" si="401"/>
        <v>427.6053</v>
      </c>
    </row>
    <row r="25687" spans="1:3" x14ac:dyDescent="0.25">
      <c r="A25687" s="2" t="s">
        <v>14100</v>
      </c>
      <c r="B25687" s="6">
        <v>427621.94999999995</v>
      </c>
      <c r="C25687" s="7">
        <f t="shared" si="401"/>
        <v>427.62194999999997</v>
      </c>
    </row>
    <row r="25688" spans="1:3" x14ac:dyDescent="0.25">
      <c r="A25688" s="2" t="s">
        <v>14101</v>
      </c>
      <c r="B25688" s="6">
        <v>427638.6</v>
      </c>
      <c r="C25688" s="7">
        <f t="shared" si="401"/>
        <v>427.6386</v>
      </c>
    </row>
    <row r="25689" spans="1:3" x14ac:dyDescent="0.25">
      <c r="A25689" s="2" t="s">
        <v>14102</v>
      </c>
      <c r="B25689" s="6">
        <v>427655.24999999994</v>
      </c>
      <c r="C25689" s="7">
        <f t="shared" si="401"/>
        <v>427.65524999999997</v>
      </c>
    </row>
    <row r="25690" spans="1:3" x14ac:dyDescent="0.25">
      <c r="A25690" s="2" t="s">
        <v>14103</v>
      </c>
      <c r="B25690" s="6">
        <v>427671.89999999997</v>
      </c>
      <c r="C25690" s="7">
        <f t="shared" si="401"/>
        <v>427.67189999999994</v>
      </c>
    </row>
    <row r="25691" spans="1:3" x14ac:dyDescent="0.25">
      <c r="A25691" s="2" t="s">
        <v>14104</v>
      </c>
      <c r="B25691" s="6">
        <v>427688.55</v>
      </c>
      <c r="C25691" s="7">
        <f t="shared" si="401"/>
        <v>427.68854999999996</v>
      </c>
    </row>
    <row r="25692" spans="1:3" x14ac:dyDescent="0.25">
      <c r="A25692" s="2" t="s">
        <v>14105</v>
      </c>
      <c r="B25692" s="6">
        <v>427705.19999999995</v>
      </c>
      <c r="C25692" s="7">
        <f t="shared" si="401"/>
        <v>427.70519999999993</v>
      </c>
    </row>
    <row r="25693" spans="1:3" x14ac:dyDescent="0.25">
      <c r="A25693" s="2" t="s">
        <v>14106</v>
      </c>
      <c r="B25693" s="6">
        <v>427721.85</v>
      </c>
      <c r="C25693" s="7">
        <f t="shared" si="401"/>
        <v>427.72184999999996</v>
      </c>
    </row>
    <row r="25694" spans="1:3" x14ac:dyDescent="0.25">
      <c r="A25694" s="2" t="s">
        <v>14107</v>
      </c>
      <c r="B25694" s="6">
        <v>427738.49999999994</v>
      </c>
      <c r="C25694" s="7">
        <f t="shared" si="401"/>
        <v>427.73849999999993</v>
      </c>
    </row>
    <row r="25695" spans="1:3" x14ac:dyDescent="0.25">
      <c r="A25695" s="2" t="s">
        <v>14108</v>
      </c>
      <c r="B25695" s="6">
        <v>427755.14999999997</v>
      </c>
      <c r="C25695" s="7">
        <f t="shared" si="401"/>
        <v>427.75514999999996</v>
      </c>
    </row>
    <row r="25696" spans="1:3" x14ac:dyDescent="0.25">
      <c r="A25696" s="2" t="s">
        <v>14109</v>
      </c>
      <c r="B25696" s="6">
        <v>427771.8</v>
      </c>
      <c r="C25696" s="7">
        <f t="shared" si="401"/>
        <v>427.77179999999998</v>
      </c>
    </row>
    <row r="25697" spans="1:3" x14ac:dyDescent="0.25">
      <c r="A25697" s="2" t="s">
        <v>14110</v>
      </c>
      <c r="B25697" s="6">
        <v>427788.44999999995</v>
      </c>
      <c r="C25697" s="7">
        <f t="shared" si="401"/>
        <v>427.78844999999995</v>
      </c>
    </row>
    <row r="25698" spans="1:3" x14ac:dyDescent="0.25">
      <c r="A25698" s="2" t="s">
        <v>14111</v>
      </c>
      <c r="B25698" s="6">
        <v>427805.1</v>
      </c>
      <c r="C25698" s="7">
        <f t="shared" si="401"/>
        <v>427.80509999999998</v>
      </c>
    </row>
    <row r="25699" spans="1:3" x14ac:dyDescent="0.25">
      <c r="A25699" s="2" t="s">
        <v>14112</v>
      </c>
      <c r="B25699" s="6">
        <v>427821.74999999994</v>
      </c>
      <c r="C25699" s="7">
        <f t="shared" si="401"/>
        <v>427.82174999999995</v>
      </c>
    </row>
    <row r="25700" spans="1:3" x14ac:dyDescent="0.25">
      <c r="A25700" s="2" t="s">
        <v>14113</v>
      </c>
      <c r="B25700" s="6">
        <v>427838.39999999997</v>
      </c>
      <c r="C25700" s="7">
        <f t="shared" si="401"/>
        <v>427.83839999999998</v>
      </c>
    </row>
    <row r="25701" spans="1:3" x14ac:dyDescent="0.25">
      <c r="A25701" s="2" t="s">
        <v>14114</v>
      </c>
      <c r="B25701" s="6">
        <v>427855.05</v>
      </c>
      <c r="C25701" s="7">
        <f t="shared" si="401"/>
        <v>427.85505000000001</v>
      </c>
    </row>
    <row r="25702" spans="1:3" x14ac:dyDescent="0.25">
      <c r="A25702" s="2" t="s">
        <v>14115</v>
      </c>
      <c r="B25702" s="6">
        <v>427871.69999999995</v>
      </c>
      <c r="C25702" s="7">
        <f t="shared" si="401"/>
        <v>427.87169999999998</v>
      </c>
    </row>
    <row r="25703" spans="1:3" x14ac:dyDescent="0.25">
      <c r="A25703" s="2" t="s">
        <v>14116</v>
      </c>
      <c r="B25703" s="6">
        <v>427888.35</v>
      </c>
      <c r="C25703" s="7">
        <f t="shared" si="401"/>
        <v>427.88835</v>
      </c>
    </row>
    <row r="25704" spans="1:3" x14ac:dyDescent="0.25">
      <c r="A25704" s="2" t="s">
        <v>14117</v>
      </c>
      <c r="B25704" s="6">
        <v>427904.99999999994</v>
      </c>
      <c r="C25704" s="7">
        <f t="shared" si="401"/>
        <v>427.90499999999992</v>
      </c>
    </row>
    <row r="25705" spans="1:3" x14ac:dyDescent="0.25">
      <c r="A25705" s="2" t="s">
        <v>14118</v>
      </c>
      <c r="B25705" s="6">
        <v>427921.64999999997</v>
      </c>
      <c r="C25705" s="7">
        <f t="shared" si="401"/>
        <v>427.92164999999994</v>
      </c>
    </row>
    <row r="25706" spans="1:3" x14ac:dyDescent="0.25">
      <c r="A25706" s="2" t="s">
        <v>14119</v>
      </c>
      <c r="B25706" s="6">
        <v>427938.3</v>
      </c>
      <c r="C25706" s="7">
        <f t="shared" si="401"/>
        <v>427.93829999999997</v>
      </c>
    </row>
    <row r="25707" spans="1:3" x14ac:dyDescent="0.25">
      <c r="A25707" s="2" t="s">
        <v>14120</v>
      </c>
      <c r="B25707" s="6">
        <v>427954.94999999995</v>
      </c>
      <c r="C25707" s="7">
        <f t="shared" si="401"/>
        <v>427.95494999999994</v>
      </c>
    </row>
    <row r="25708" spans="1:3" x14ac:dyDescent="0.25">
      <c r="A25708" s="2" t="s">
        <v>14121</v>
      </c>
      <c r="B25708" s="6">
        <v>427971.6</v>
      </c>
      <c r="C25708" s="7">
        <f t="shared" si="401"/>
        <v>427.97159999999997</v>
      </c>
    </row>
    <row r="25709" spans="1:3" x14ac:dyDescent="0.25">
      <c r="A25709" s="2" t="s">
        <v>14122</v>
      </c>
      <c r="B25709" s="6">
        <v>427988.24999999994</v>
      </c>
      <c r="C25709" s="7">
        <f t="shared" si="401"/>
        <v>427.98824999999994</v>
      </c>
    </row>
    <row r="25710" spans="1:3" x14ac:dyDescent="0.25">
      <c r="A25710" s="2" t="s">
        <v>14123</v>
      </c>
      <c r="B25710" s="6">
        <v>428004.89999999997</v>
      </c>
      <c r="C25710" s="7">
        <f t="shared" si="401"/>
        <v>428.00489999999996</v>
      </c>
    </row>
    <row r="25711" spans="1:3" x14ac:dyDescent="0.25">
      <c r="A25711" s="2" t="s">
        <v>14124</v>
      </c>
      <c r="B25711" s="6">
        <v>428021.55</v>
      </c>
      <c r="C25711" s="7">
        <f t="shared" si="401"/>
        <v>428.02154999999999</v>
      </c>
    </row>
    <row r="25712" spans="1:3" x14ac:dyDescent="0.25">
      <c r="A25712" s="2" t="s">
        <v>14125</v>
      </c>
      <c r="B25712" s="6">
        <v>428038.19999999995</v>
      </c>
      <c r="C25712" s="7">
        <f t="shared" si="401"/>
        <v>428.03819999999996</v>
      </c>
    </row>
    <row r="25713" spans="1:3" x14ac:dyDescent="0.25">
      <c r="A25713" s="2" t="s">
        <v>14126</v>
      </c>
      <c r="B25713" s="6">
        <v>428054.85</v>
      </c>
      <c r="C25713" s="7">
        <f t="shared" si="401"/>
        <v>428.05484999999999</v>
      </c>
    </row>
    <row r="25714" spans="1:3" x14ac:dyDescent="0.25">
      <c r="A25714" s="2" t="s">
        <v>14127</v>
      </c>
      <c r="B25714" s="6">
        <v>428071.49999999994</v>
      </c>
      <c r="C25714" s="7">
        <f t="shared" si="401"/>
        <v>428.07149999999996</v>
      </c>
    </row>
    <row r="25715" spans="1:3" x14ac:dyDescent="0.25">
      <c r="A25715" s="2" t="s">
        <v>14128</v>
      </c>
      <c r="B25715" s="6">
        <v>428088.14999999997</v>
      </c>
      <c r="C25715" s="7">
        <f t="shared" si="401"/>
        <v>428.08814999999998</v>
      </c>
    </row>
    <row r="25716" spans="1:3" x14ac:dyDescent="0.25">
      <c r="A25716" s="2" t="s">
        <v>14129</v>
      </c>
      <c r="B25716" s="6">
        <v>428104.8</v>
      </c>
      <c r="C25716" s="7">
        <f t="shared" si="401"/>
        <v>428.10480000000001</v>
      </c>
    </row>
    <row r="25717" spans="1:3" x14ac:dyDescent="0.25">
      <c r="A25717" s="2" t="s">
        <v>14130</v>
      </c>
      <c r="B25717" s="6">
        <v>428121.44999999995</v>
      </c>
      <c r="C25717" s="7">
        <f t="shared" si="401"/>
        <v>428.12144999999998</v>
      </c>
    </row>
    <row r="25718" spans="1:3" x14ac:dyDescent="0.25">
      <c r="A25718" s="2" t="s">
        <v>14131</v>
      </c>
      <c r="B25718" s="6">
        <v>428138.1</v>
      </c>
      <c r="C25718" s="7">
        <f t="shared" si="401"/>
        <v>428.13809999999995</v>
      </c>
    </row>
    <row r="25719" spans="1:3" x14ac:dyDescent="0.25">
      <c r="A25719" s="2" t="s">
        <v>14132</v>
      </c>
      <c r="B25719" s="6">
        <v>428154.74999999994</v>
      </c>
      <c r="C25719" s="7">
        <f t="shared" si="401"/>
        <v>428.15474999999992</v>
      </c>
    </row>
    <row r="25720" spans="1:3" x14ac:dyDescent="0.25">
      <c r="A25720" s="2" t="s">
        <v>14133</v>
      </c>
      <c r="B25720" s="6">
        <v>428171.39999999997</v>
      </c>
      <c r="C25720" s="7">
        <f t="shared" si="401"/>
        <v>428.17139999999995</v>
      </c>
    </row>
    <row r="25721" spans="1:3" x14ac:dyDescent="0.25">
      <c r="A25721" s="2" t="s">
        <v>14134</v>
      </c>
      <c r="B25721" s="6">
        <v>428188.05</v>
      </c>
      <c r="C25721" s="7">
        <f t="shared" si="401"/>
        <v>428.18804999999998</v>
      </c>
    </row>
    <row r="25722" spans="1:3" x14ac:dyDescent="0.25">
      <c r="A25722" s="2" t="s">
        <v>14135</v>
      </c>
      <c r="B25722" s="6">
        <v>428204.69999999995</v>
      </c>
      <c r="C25722" s="7">
        <f t="shared" si="401"/>
        <v>428.20469999999995</v>
      </c>
    </row>
    <row r="25723" spans="1:3" x14ac:dyDescent="0.25">
      <c r="A25723" s="2" t="s">
        <v>14136</v>
      </c>
      <c r="B25723" s="6">
        <v>428221.35</v>
      </c>
      <c r="C25723" s="7">
        <f t="shared" si="401"/>
        <v>428.22134999999997</v>
      </c>
    </row>
    <row r="25724" spans="1:3" x14ac:dyDescent="0.25">
      <c r="A25724" s="2" t="s">
        <v>14137</v>
      </c>
      <c r="B25724" s="6">
        <v>428237.99999999994</v>
      </c>
      <c r="C25724" s="7">
        <f t="shared" si="401"/>
        <v>428.23799999999994</v>
      </c>
    </row>
    <row r="25725" spans="1:3" x14ac:dyDescent="0.25">
      <c r="A25725" s="2" t="s">
        <v>14138</v>
      </c>
      <c r="B25725" s="6">
        <v>428254.64999999997</v>
      </c>
      <c r="C25725" s="7">
        <f t="shared" si="401"/>
        <v>428.25464999999997</v>
      </c>
    </row>
    <row r="25726" spans="1:3" x14ac:dyDescent="0.25">
      <c r="A25726" s="2" t="s">
        <v>14139</v>
      </c>
      <c r="B25726" s="6">
        <v>428271.3</v>
      </c>
      <c r="C25726" s="7">
        <f t="shared" si="401"/>
        <v>428.2713</v>
      </c>
    </row>
    <row r="25727" spans="1:3" x14ac:dyDescent="0.25">
      <c r="A25727" s="2" t="s">
        <v>14140</v>
      </c>
      <c r="B25727" s="6">
        <v>428287.94999999995</v>
      </c>
      <c r="C25727" s="7">
        <f t="shared" si="401"/>
        <v>428.28794999999997</v>
      </c>
    </row>
    <row r="25728" spans="1:3" x14ac:dyDescent="0.25">
      <c r="A25728" s="2" t="s">
        <v>14141</v>
      </c>
      <c r="B25728" s="6">
        <v>428304.6</v>
      </c>
      <c r="C25728" s="7">
        <f t="shared" si="401"/>
        <v>428.30459999999999</v>
      </c>
    </row>
    <row r="25729" spans="1:3" x14ac:dyDescent="0.25">
      <c r="A25729" s="2" t="s">
        <v>14142</v>
      </c>
      <c r="B25729" s="6">
        <v>428321.24999999994</v>
      </c>
      <c r="C25729" s="7">
        <f t="shared" si="401"/>
        <v>428.32124999999996</v>
      </c>
    </row>
    <row r="25730" spans="1:3" x14ac:dyDescent="0.25">
      <c r="A25730" s="2" t="s">
        <v>14143</v>
      </c>
      <c r="B25730" s="6">
        <v>428337.89999999997</v>
      </c>
      <c r="C25730" s="7">
        <f t="shared" si="401"/>
        <v>428.33789999999999</v>
      </c>
    </row>
    <row r="25731" spans="1:3" x14ac:dyDescent="0.25">
      <c r="A25731" s="2" t="s">
        <v>14144</v>
      </c>
      <c r="B25731" s="6">
        <v>428354.55</v>
      </c>
      <c r="C25731" s="7">
        <f t="shared" ref="C25731:C25794" si="402">B25731/1000</f>
        <v>428.35454999999996</v>
      </c>
    </row>
    <row r="25732" spans="1:3" x14ac:dyDescent="0.25">
      <c r="A25732" s="2" t="s">
        <v>14145</v>
      </c>
      <c r="B25732" s="6">
        <v>428371.19999999995</v>
      </c>
      <c r="C25732" s="7">
        <f t="shared" si="402"/>
        <v>428.37119999999993</v>
      </c>
    </row>
    <row r="25733" spans="1:3" x14ac:dyDescent="0.25">
      <c r="A25733" s="2" t="s">
        <v>14146</v>
      </c>
      <c r="B25733" s="6">
        <v>428387.85</v>
      </c>
      <c r="C25733" s="7">
        <f t="shared" si="402"/>
        <v>428.38784999999996</v>
      </c>
    </row>
    <row r="25734" spans="1:3" x14ac:dyDescent="0.25">
      <c r="A25734" s="2" t="s">
        <v>14147</v>
      </c>
      <c r="B25734" s="6">
        <v>428404.49999999994</v>
      </c>
      <c r="C25734" s="7">
        <f t="shared" si="402"/>
        <v>428.40449999999993</v>
      </c>
    </row>
    <row r="25735" spans="1:3" x14ac:dyDescent="0.25">
      <c r="A25735" s="2" t="s">
        <v>14148</v>
      </c>
      <c r="B25735" s="6">
        <v>428421.14999999997</v>
      </c>
      <c r="C25735" s="7">
        <f t="shared" si="402"/>
        <v>428.42114999999995</v>
      </c>
    </row>
    <row r="25736" spans="1:3" x14ac:dyDescent="0.25">
      <c r="A25736" s="2" t="s">
        <v>14149</v>
      </c>
      <c r="B25736" s="6">
        <v>428437.8</v>
      </c>
      <c r="C25736" s="7">
        <f t="shared" si="402"/>
        <v>428.43779999999998</v>
      </c>
    </row>
    <row r="25737" spans="1:3" x14ac:dyDescent="0.25">
      <c r="A25737" s="2" t="s">
        <v>14150</v>
      </c>
      <c r="B25737" s="6">
        <v>428454.44999999995</v>
      </c>
      <c r="C25737" s="7">
        <f t="shared" si="402"/>
        <v>428.45444999999995</v>
      </c>
    </row>
    <row r="25738" spans="1:3" x14ac:dyDescent="0.25">
      <c r="A25738" s="2" t="s">
        <v>14151</v>
      </c>
      <c r="B25738" s="6">
        <v>428471.1</v>
      </c>
      <c r="C25738" s="7">
        <f t="shared" si="402"/>
        <v>428.47109999999998</v>
      </c>
    </row>
    <row r="25739" spans="1:3" x14ac:dyDescent="0.25">
      <c r="A25739" s="2" t="s">
        <v>14152</v>
      </c>
      <c r="B25739" s="6">
        <v>428487.74999999994</v>
      </c>
      <c r="C25739" s="7">
        <f t="shared" si="402"/>
        <v>428.48774999999995</v>
      </c>
    </row>
    <row r="25740" spans="1:3" x14ac:dyDescent="0.25">
      <c r="A25740" s="2" t="s">
        <v>14153</v>
      </c>
      <c r="B25740" s="6">
        <v>428504.39999999997</v>
      </c>
      <c r="C25740" s="7">
        <f t="shared" si="402"/>
        <v>428.50439999999998</v>
      </c>
    </row>
    <row r="25741" spans="1:3" x14ac:dyDescent="0.25">
      <c r="A25741" s="2" t="s">
        <v>14154</v>
      </c>
      <c r="B25741" s="6">
        <v>428521.05</v>
      </c>
      <c r="C25741" s="7">
        <f t="shared" si="402"/>
        <v>428.52105</v>
      </c>
    </row>
    <row r="25742" spans="1:3" x14ac:dyDescent="0.25">
      <c r="A25742" s="2" t="s">
        <v>14155</v>
      </c>
      <c r="B25742" s="6">
        <v>428537.69999999995</v>
      </c>
      <c r="C25742" s="7">
        <f t="shared" si="402"/>
        <v>428.53769999999997</v>
      </c>
    </row>
    <row r="25743" spans="1:3" x14ac:dyDescent="0.25">
      <c r="A25743" s="2" t="s">
        <v>14156</v>
      </c>
      <c r="B25743" s="6">
        <v>428554.35</v>
      </c>
      <c r="C25743" s="7">
        <f t="shared" si="402"/>
        <v>428.55435</v>
      </c>
    </row>
    <row r="25744" spans="1:3" x14ac:dyDescent="0.25">
      <c r="A25744" s="2" t="s">
        <v>14157</v>
      </c>
      <c r="B25744" s="6">
        <v>428570.99999999994</v>
      </c>
      <c r="C25744" s="7">
        <f t="shared" si="402"/>
        <v>428.57099999999997</v>
      </c>
    </row>
    <row r="25745" spans="1:3" x14ac:dyDescent="0.25">
      <c r="A25745" s="2" t="s">
        <v>14158</v>
      </c>
      <c r="B25745" s="6">
        <v>428587.64999999997</v>
      </c>
      <c r="C25745" s="7">
        <f t="shared" si="402"/>
        <v>428.58764999999994</v>
      </c>
    </row>
    <row r="25746" spans="1:3" x14ac:dyDescent="0.25">
      <c r="A25746" s="2" t="s">
        <v>14159</v>
      </c>
      <c r="B25746" s="6">
        <v>428604.3</v>
      </c>
      <c r="C25746" s="7">
        <f t="shared" si="402"/>
        <v>428.60429999999997</v>
      </c>
    </row>
    <row r="25747" spans="1:3" x14ac:dyDescent="0.25">
      <c r="A25747" s="2" t="s">
        <v>14160</v>
      </c>
      <c r="B25747" s="6">
        <v>428620.94999999995</v>
      </c>
      <c r="C25747" s="7">
        <f t="shared" si="402"/>
        <v>428.62094999999994</v>
      </c>
    </row>
    <row r="25748" spans="1:3" x14ac:dyDescent="0.25">
      <c r="A25748" s="2" t="s">
        <v>14161</v>
      </c>
      <c r="B25748" s="6">
        <v>428637.6</v>
      </c>
      <c r="C25748" s="7">
        <f t="shared" si="402"/>
        <v>428.63759999999996</v>
      </c>
    </row>
    <row r="25749" spans="1:3" x14ac:dyDescent="0.25">
      <c r="A25749" s="2" t="s">
        <v>14162</v>
      </c>
      <c r="B25749" s="6">
        <v>428654.24999999994</v>
      </c>
      <c r="C25749" s="7">
        <f t="shared" si="402"/>
        <v>428.65424999999993</v>
      </c>
    </row>
    <row r="25750" spans="1:3" x14ac:dyDescent="0.25">
      <c r="A25750" s="2" t="s">
        <v>14163</v>
      </c>
      <c r="B25750" s="6">
        <v>428670.89999999997</v>
      </c>
      <c r="C25750" s="7">
        <f t="shared" si="402"/>
        <v>428.67089999999996</v>
      </c>
    </row>
    <row r="25751" spans="1:3" x14ac:dyDescent="0.25">
      <c r="A25751" s="2" t="s">
        <v>14164</v>
      </c>
      <c r="B25751" s="6">
        <v>428687.55</v>
      </c>
      <c r="C25751" s="7">
        <f t="shared" si="402"/>
        <v>428.68754999999999</v>
      </c>
    </row>
    <row r="25752" spans="1:3" x14ac:dyDescent="0.25">
      <c r="A25752" s="2" t="s">
        <v>14165</v>
      </c>
      <c r="B25752" s="6">
        <v>428704.19999999995</v>
      </c>
      <c r="C25752" s="7">
        <f t="shared" si="402"/>
        <v>428.70419999999996</v>
      </c>
    </row>
    <row r="25753" spans="1:3" x14ac:dyDescent="0.25">
      <c r="A25753" s="2" t="s">
        <v>14166</v>
      </c>
      <c r="B25753" s="6">
        <v>428720.85</v>
      </c>
      <c r="C25753" s="7">
        <f t="shared" si="402"/>
        <v>428.72084999999998</v>
      </c>
    </row>
    <row r="25754" spans="1:3" x14ac:dyDescent="0.25">
      <c r="A25754" s="2" t="s">
        <v>14167</v>
      </c>
      <c r="B25754" s="6">
        <v>428737.49999999994</v>
      </c>
      <c r="C25754" s="7">
        <f t="shared" si="402"/>
        <v>428.73749999999995</v>
      </c>
    </row>
    <row r="25755" spans="1:3" x14ac:dyDescent="0.25">
      <c r="A25755" s="2" t="s">
        <v>14168</v>
      </c>
      <c r="B25755" s="6">
        <v>428754.14999999997</v>
      </c>
      <c r="C25755" s="7">
        <f t="shared" si="402"/>
        <v>428.75414999999998</v>
      </c>
    </row>
    <row r="25756" spans="1:3" x14ac:dyDescent="0.25">
      <c r="A25756" s="2" t="s">
        <v>14169</v>
      </c>
      <c r="B25756" s="6">
        <v>428770.8</v>
      </c>
      <c r="C25756" s="7">
        <f t="shared" si="402"/>
        <v>428.77080000000001</v>
      </c>
    </row>
    <row r="25757" spans="1:3" x14ac:dyDescent="0.25">
      <c r="A25757" s="2" t="s">
        <v>14170</v>
      </c>
      <c r="B25757" s="6">
        <v>428787.44999999995</v>
      </c>
      <c r="C25757" s="7">
        <f t="shared" si="402"/>
        <v>428.78744999999998</v>
      </c>
    </row>
    <row r="25758" spans="1:3" x14ac:dyDescent="0.25">
      <c r="A25758" s="2" t="s">
        <v>14171</v>
      </c>
      <c r="B25758" s="6">
        <v>428804.1</v>
      </c>
      <c r="C25758" s="7">
        <f t="shared" si="402"/>
        <v>428.80409999999995</v>
      </c>
    </row>
    <row r="25759" spans="1:3" x14ac:dyDescent="0.25">
      <c r="A25759" s="2" t="s">
        <v>14172</v>
      </c>
      <c r="B25759" s="6">
        <v>428820.74999999994</v>
      </c>
      <c r="C25759" s="7">
        <f t="shared" si="402"/>
        <v>428.82074999999992</v>
      </c>
    </row>
    <row r="25760" spans="1:3" x14ac:dyDescent="0.25">
      <c r="A25760" s="2" t="s">
        <v>14173</v>
      </c>
      <c r="B25760" s="6">
        <v>428837.39999999997</v>
      </c>
      <c r="C25760" s="7">
        <f t="shared" si="402"/>
        <v>428.83739999999995</v>
      </c>
    </row>
    <row r="25761" spans="1:3" x14ac:dyDescent="0.25">
      <c r="A25761" s="2" t="s">
        <v>14174</v>
      </c>
      <c r="B25761" s="6">
        <v>428854.05</v>
      </c>
      <c r="C25761" s="7">
        <f t="shared" si="402"/>
        <v>428.85404999999997</v>
      </c>
    </row>
    <row r="25762" spans="1:3" x14ac:dyDescent="0.25">
      <c r="A25762" s="2" t="s">
        <v>14175</v>
      </c>
      <c r="B25762" s="6">
        <v>428870.69999999995</v>
      </c>
      <c r="C25762" s="7">
        <f t="shared" si="402"/>
        <v>428.87069999999994</v>
      </c>
    </row>
    <row r="25763" spans="1:3" x14ac:dyDescent="0.25">
      <c r="A25763" s="2" t="s">
        <v>14176</v>
      </c>
      <c r="B25763" s="6">
        <v>428887.35</v>
      </c>
      <c r="C25763" s="7">
        <f t="shared" si="402"/>
        <v>428.88734999999997</v>
      </c>
    </row>
    <row r="25764" spans="1:3" x14ac:dyDescent="0.25">
      <c r="A25764" s="2" t="s">
        <v>14177</v>
      </c>
      <c r="B25764" s="6">
        <v>428903.99999999994</v>
      </c>
      <c r="C25764" s="7">
        <f t="shared" si="402"/>
        <v>428.90399999999994</v>
      </c>
    </row>
    <row r="25765" spans="1:3" x14ac:dyDescent="0.25">
      <c r="A25765" s="2" t="s">
        <v>14178</v>
      </c>
      <c r="B25765" s="6">
        <v>428920.64999999997</v>
      </c>
      <c r="C25765" s="7">
        <f t="shared" si="402"/>
        <v>428.92064999999997</v>
      </c>
    </row>
    <row r="25766" spans="1:3" x14ac:dyDescent="0.25">
      <c r="A25766" s="2" t="s">
        <v>14179</v>
      </c>
      <c r="B25766" s="6">
        <v>428937.3</v>
      </c>
      <c r="C25766" s="7">
        <f t="shared" si="402"/>
        <v>428.93729999999999</v>
      </c>
    </row>
    <row r="25767" spans="1:3" x14ac:dyDescent="0.25">
      <c r="A25767" s="2" t="s">
        <v>14180</v>
      </c>
      <c r="B25767" s="6">
        <v>428953.94999999995</v>
      </c>
      <c r="C25767" s="7">
        <f t="shared" si="402"/>
        <v>428.95394999999996</v>
      </c>
    </row>
    <row r="25768" spans="1:3" x14ac:dyDescent="0.25">
      <c r="A25768" s="2" t="s">
        <v>14181</v>
      </c>
      <c r="B25768" s="6">
        <v>428970.6</v>
      </c>
      <c r="C25768" s="7">
        <f t="shared" si="402"/>
        <v>428.97059999999999</v>
      </c>
    </row>
    <row r="25769" spans="1:3" x14ac:dyDescent="0.25">
      <c r="A25769" s="2" t="s">
        <v>14182</v>
      </c>
      <c r="B25769" s="6">
        <v>428987.24999999994</v>
      </c>
      <c r="C25769" s="7">
        <f t="shared" si="402"/>
        <v>428.98724999999996</v>
      </c>
    </row>
    <row r="25770" spans="1:3" x14ac:dyDescent="0.25">
      <c r="A25770" s="2" t="s">
        <v>14183</v>
      </c>
      <c r="B25770" s="6">
        <v>429003.89999999997</v>
      </c>
      <c r="C25770" s="7">
        <f t="shared" si="402"/>
        <v>429.00389999999999</v>
      </c>
    </row>
    <row r="25771" spans="1:3" x14ac:dyDescent="0.25">
      <c r="A25771" s="2" t="s">
        <v>14184</v>
      </c>
      <c r="B25771" s="6">
        <v>429020.55</v>
      </c>
      <c r="C25771" s="7">
        <f t="shared" si="402"/>
        <v>429.02055000000001</v>
      </c>
    </row>
    <row r="25772" spans="1:3" x14ac:dyDescent="0.25">
      <c r="A25772" s="2" t="s">
        <v>14185</v>
      </c>
      <c r="B25772" s="6">
        <v>429037.19999999995</v>
      </c>
      <c r="C25772" s="7">
        <f t="shared" si="402"/>
        <v>429.03719999999993</v>
      </c>
    </row>
    <row r="25773" spans="1:3" x14ac:dyDescent="0.25">
      <c r="A25773" s="2" t="s">
        <v>14186</v>
      </c>
      <c r="B25773" s="6">
        <v>429053.85</v>
      </c>
      <c r="C25773" s="7">
        <f t="shared" si="402"/>
        <v>429.05384999999995</v>
      </c>
    </row>
    <row r="25774" spans="1:3" x14ac:dyDescent="0.25">
      <c r="A25774" s="2" t="s">
        <v>14187</v>
      </c>
      <c r="B25774" s="6">
        <v>429070.49999999994</v>
      </c>
      <c r="C25774" s="7">
        <f t="shared" si="402"/>
        <v>429.07049999999992</v>
      </c>
    </row>
    <row r="25775" spans="1:3" x14ac:dyDescent="0.25">
      <c r="A25775" s="2" t="s">
        <v>14188</v>
      </c>
      <c r="B25775" s="6">
        <v>429087.14999999997</v>
      </c>
      <c r="C25775" s="7">
        <f t="shared" si="402"/>
        <v>429.08714999999995</v>
      </c>
    </row>
    <row r="25776" spans="1:3" x14ac:dyDescent="0.25">
      <c r="A25776" s="2" t="s">
        <v>14189</v>
      </c>
      <c r="B25776" s="6">
        <v>429103.8</v>
      </c>
      <c r="C25776" s="7">
        <f t="shared" si="402"/>
        <v>429.10379999999998</v>
      </c>
    </row>
    <row r="25777" spans="1:3" x14ac:dyDescent="0.25">
      <c r="A25777" s="2" t="s">
        <v>14190</v>
      </c>
      <c r="B25777" s="6">
        <v>429120.44999999995</v>
      </c>
      <c r="C25777" s="7">
        <f t="shared" si="402"/>
        <v>429.12044999999995</v>
      </c>
    </row>
    <row r="25778" spans="1:3" x14ac:dyDescent="0.25">
      <c r="A25778" s="2" t="s">
        <v>14191</v>
      </c>
      <c r="B25778" s="6">
        <v>429137.1</v>
      </c>
      <c r="C25778" s="7">
        <f t="shared" si="402"/>
        <v>429.13709999999998</v>
      </c>
    </row>
    <row r="25779" spans="1:3" x14ac:dyDescent="0.25">
      <c r="A25779" s="2" t="s">
        <v>14192</v>
      </c>
      <c r="B25779" s="6">
        <v>429153.74999999994</v>
      </c>
      <c r="C25779" s="7">
        <f t="shared" si="402"/>
        <v>429.15374999999995</v>
      </c>
    </row>
    <row r="25780" spans="1:3" x14ac:dyDescent="0.25">
      <c r="A25780" s="2" t="s">
        <v>14193</v>
      </c>
      <c r="B25780" s="6">
        <v>429170.39999999997</v>
      </c>
      <c r="C25780" s="7">
        <f t="shared" si="402"/>
        <v>429.17039999999997</v>
      </c>
    </row>
    <row r="25781" spans="1:3" x14ac:dyDescent="0.25">
      <c r="A25781" s="2" t="s">
        <v>14194</v>
      </c>
      <c r="B25781" s="6">
        <v>429187.05</v>
      </c>
      <c r="C25781" s="7">
        <f t="shared" si="402"/>
        <v>429.18705</v>
      </c>
    </row>
    <row r="25782" spans="1:3" x14ac:dyDescent="0.25">
      <c r="A25782" s="2" t="s">
        <v>14195</v>
      </c>
      <c r="B25782" s="6">
        <v>429203.69999999995</v>
      </c>
      <c r="C25782" s="7">
        <f t="shared" si="402"/>
        <v>429.20369999999997</v>
      </c>
    </row>
    <row r="25783" spans="1:3" x14ac:dyDescent="0.25">
      <c r="A25783" s="2" t="s">
        <v>14196</v>
      </c>
      <c r="B25783" s="6">
        <v>429220.35</v>
      </c>
      <c r="C25783" s="7">
        <f t="shared" si="402"/>
        <v>429.22035</v>
      </c>
    </row>
    <row r="25784" spans="1:3" x14ac:dyDescent="0.25">
      <c r="A25784" s="2" t="s">
        <v>14197</v>
      </c>
      <c r="B25784" s="6">
        <v>429236.99999999994</v>
      </c>
      <c r="C25784" s="7">
        <f t="shared" si="402"/>
        <v>429.23699999999997</v>
      </c>
    </row>
    <row r="25785" spans="1:3" x14ac:dyDescent="0.25">
      <c r="A25785" s="2" t="s">
        <v>14198</v>
      </c>
      <c r="B25785" s="6">
        <v>429253.64999999997</v>
      </c>
      <c r="C25785" s="7">
        <f t="shared" si="402"/>
        <v>429.25364999999999</v>
      </c>
    </row>
    <row r="25786" spans="1:3" x14ac:dyDescent="0.25">
      <c r="A25786" s="2" t="s">
        <v>14199</v>
      </c>
      <c r="B25786" s="6">
        <v>429270.3</v>
      </c>
      <c r="C25786" s="7">
        <f t="shared" si="402"/>
        <v>429.27029999999996</v>
      </c>
    </row>
    <row r="25787" spans="1:3" x14ac:dyDescent="0.25">
      <c r="A25787" s="2" t="s">
        <v>14200</v>
      </c>
      <c r="B25787" s="6">
        <v>429286.94999999995</v>
      </c>
      <c r="C25787" s="7">
        <f t="shared" si="402"/>
        <v>429.28694999999993</v>
      </c>
    </row>
    <row r="25788" spans="1:3" x14ac:dyDescent="0.25">
      <c r="A25788" s="2" t="s">
        <v>14201</v>
      </c>
      <c r="B25788" s="6">
        <v>429303.6</v>
      </c>
      <c r="C25788" s="7">
        <f t="shared" si="402"/>
        <v>429.30359999999996</v>
      </c>
    </row>
    <row r="25789" spans="1:3" x14ac:dyDescent="0.25">
      <c r="A25789" s="2" t="s">
        <v>14202</v>
      </c>
      <c r="B25789" s="6">
        <v>429320.24999999994</v>
      </c>
      <c r="C25789" s="7">
        <f t="shared" si="402"/>
        <v>429.32024999999993</v>
      </c>
    </row>
    <row r="25790" spans="1:3" x14ac:dyDescent="0.25">
      <c r="A25790" s="2" t="s">
        <v>14203</v>
      </c>
      <c r="B25790" s="6">
        <v>429336.89999999997</v>
      </c>
      <c r="C25790" s="7">
        <f t="shared" si="402"/>
        <v>429.33689999999996</v>
      </c>
    </row>
    <row r="25791" spans="1:3" x14ac:dyDescent="0.25">
      <c r="A25791" s="2" t="s">
        <v>14204</v>
      </c>
      <c r="B25791" s="6">
        <v>429353.55</v>
      </c>
      <c r="C25791" s="7">
        <f t="shared" si="402"/>
        <v>429.35354999999998</v>
      </c>
    </row>
    <row r="25792" spans="1:3" x14ac:dyDescent="0.25">
      <c r="A25792" s="2" t="s">
        <v>14205</v>
      </c>
      <c r="B25792" s="6">
        <v>429370.19999999995</v>
      </c>
      <c r="C25792" s="7">
        <f t="shared" si="402"/>
        <v>429.37019999999995</v>
      </c>
    </row>
    <row r="25793" spans="1:3" x14ac:dyDescent="0.25">
      <c r="A25793" s="2" t="s">
        <v>14206</v>
      </c>
      <c r="B25793" s="6">
        <v>429386.85</v>
      </c>
      <c r="C25793" s="7">
        <f t="shared" si="402"/>
        <v>429.38684999999998</v>
      </c>
    </row>
    <row r="25794" spans="1:3" x14ac:dyDescent="0.25">
      <c r="A25794" s="2" t="s">
        <v>14207</v>
      </c>
      <c r="B25794" s="6">
        <v>429403.49999999994</v>
      </c>
      <c r="C25794" s="7">
        <f t="shared" si="402"/>
        <v>429.40349999999995</v>
      </c>
    </row>
    <row r="25795" spans="1:3" x14ac:dyDescent="0.25">
      <c r="A25795" s="2" t="s">
        <v>14208</v>
      </c>
      <c r="B25795" s="6">
        <v>429420.14999999997</v>
      </c>
      <c r="C25795" s="7">
        <f t="shared" ref="C25795:C25858" si="403">B25795/1000</f>
        <v>429.42014999999998</v>
      </c>
    </row>
    <row r="25796" spans="1:3" x14ac:dyDescent="0.25">
      <c r="A25796" s="2" t="s">
        <v>14209</v>
      </c>
      <c r="B25796" s="6">
        <v>429436.8</v>
      </c>
      <c r="C25796" s="7">
        <f t="shared" si="403"/>
        <v>429.43680000000001</v>
      </c>
    </row>
    <row r="25797" spans="1:3" x14ac:dyDescent="0.25">
      <c r="A25797" s="2" t="s">
        <v>14210</v>
      </c>
      <c r="B25797" s="6">
        <v>429453.44999999995</v>
      </c>
      <c r="C25797" s="7">
        <f t="shared" si="403"/>
        <v>429.45344999999998</v>
      </c>
    </row>
    <row r="25798" spans="1:3" x14ac:dyDescent="0.25">
      <c r="A25798" s="2" t="s">
        <v>14211</v>
      </c>
      <c r="B25798" s="6">
        <v>429470.1</v>
      </c>
      <c r="C25798" s="7">
        <f t="shared" si="403"/>
        <v>429.4701</v>
      </c>
    </row>
    <row r="25799" spans="1:3" x14ac:dyDescent="0.25">
      <c r="A25799" s="2" t="s">
        <v>14212</v>
      </c>
      <c r="B25799" s="6">
        <v>429486.74999999994</v>
      </c>
      <c r="C25799" s="7">
        <f t="shared" si="403"/>
        <v>429.48674999999992</v>
      </c>
    </row>
    <row r="25800" spans="1:3" x14ac:dyDescent="0.25">
      <c r="A25800" s="2" t="s">
        <v>14213</v>
      </c>
      <c r="B25800" s="6">
        <v>429503.39999999997</v>
      </c>
      <c r="C25800" s="7">
        <f t="shared" si="403"/>
        <v>429.50339999999994</v>
      </c>
    </row>
    <row r="25801" spans="1:3" x14ac:dyDescent="0.25">
      <c r="A25801" s="2" t="s">
        <v>14214</v>
      </c>
      <c r="B25801" s="6">
        <v>429520.05</v>
      </c>
      <c r="C25801" s="7">
        <f t="shared" si="403"/>
        <v>429.52004999999997</v>
      </c>
    </row>
    <row r="25802" spans="1:3" x14ac:dyDescent="0.25">
      <c r="A25802" s="2" t="s">
        <v>14215</v>
      </c>
      <c r="B25802" s="6">
        <v>429536.69999999995</v>
      </c>
      <c r="C25802" s="7">
        <f t="shared" si="403"/>
        <v>429.53669999999994</v>
      </c>
    </row>
    <row r="25803" spans="1:3" x14ac:dyDescent="0.25">
      <c r="A25803" s="2" t="s">
        <v>14216</v>
      </c>
      <c r="B25803" s="6">
        <v>429553.35</v>
      </c>
      <c r="C25803" s="7">
        <f t="shared" si="403"/>
        <v>429.55334999999997</v>
      </c>
    </row>
    <row r="25804" spans="1:3" x14ac:dyDescent="0.25">
      <c r="A25804" s="2" t="s">
        <v>14217</v>
      </c>
      <c r="B25804" s="6">
        <v>429569.99999999994</v>
      </c>
      <c r="C25804" s="7">
        <f t="shared" si="403"/>
        <v>429.56999999999994</v>
      </c>
    </row>
    <row r="25805" spans="1:3" x14ac:dyDescent="0.25">
      <c r="A25805" s="2" t="s">
        <v>14218</v>
      </c>
      <c r="B25805" s="6">
        <v>429586.64999999997</v>
      </c>
      <c r="C25805" s="7">
        <f t="shared" si="403"/>
        <v>429.58664999999996</v>
      </c>
    </row>
    <row r="25806" spans="1:3" x14ac:dyDescent="0.25">
      <c r="A25806" s="2" t="s">
        <v>14219</v>
      </c>
      <c r="B25806" s="6">
        <v>429603.3</v>
      </c>
      <c r="C25806" s="7">
        <f t="shared" si="403"/>
        <v>429.60329999999999</v>
      </c>
    </row>
    <row r="25807" spans="1:3" x14ac:dyDescent="0.25">
      <c r="A25807" s="2" t="s">
        <v>14220</v>
      </c>
      <c r="B25807" s="6">
        <v>429619.94999999995</v>
      </c>
      <c r="C25807" s="7">
        <f t="shared" si="403"/>
        <v>429.61994999999996</v>
      </c>
    </row>
    <row r="25808" spans="1:3" x14ac:dyDescent="0.25">
      <c r="A25808" s="2" t="s">
        <v>14221</v>
      </c>
      <c r="B25808" s="6">
        <v>429636.6</v>
      </c>
      <c r="C25808" s="7">
        <f t="shared" si="403"/>
        <v>429.63659999999999</v>
      </c>
    </row>
    <row r="25809" spans="1:3" x14ac:dyDescent="0.25">
      <c r="A25809" s="2" t="s">
        <v>14222</v>
      </c>
      <c r="B25809" s="6">
        <v>429653.24999999994</v>
      </c>
      <c r="C25809" s="7">
        <f t="shared" si="403"/>
        <v>429.65324999999996</v>
      </c>
    </row>
    <row r="25810" spans="1:3" x14ac:dyDescent="0.25">
      <c r="A25810" s="2" t="s">
        <v>14223</v>
      </c>
      <c r="B25810" s="6">
        <v>429669.89999999997</v>
      </c>
      <c r="C25810" s="7">
        <f t="shared" si="403"/>
        <v>429.66989999999998</v>
      </c>
    </row>
    <row r="25811" spans="1:3" x14ac:dyDescent="0.25">
      <c r="A25811" s="2" t="s">
        <v>14224</v>
      </c>
      <c r="B25811" s="6">
        <v>429686.55</v>
      </c>
      <c r="C25811" s="7">
        <f t="shared" si="403"/>
        <v>429.68655000000001</v>
      </c>
    </row>
    <row r="25812" spans="1:3" x14ac:dyDescent="0.25">
      <c r="A25812" s="2" t="s">
        <v>14225</v>
      </c>
      <c r="B25812" s="6">
        <v>429703.19999999995</v>
      </c>
      <c r="C25812" s="7">
        <f t="shared" si="403"/>
        <v>429.70319999999998</v>
      </c>
    </row>
    <row r="25813" spans="1:3" x14ac:dyDescent="0.25">
      <c r="A25813" s="2" t="s">
        <v>14226</v>
      </c>
      <c r="B25813" s="6">
        <v>429719.85</v>
      </c>
      <c r="C25813" s="7">
        <f t="shared" si="403"/>
        <v>429.71984999999995</v>
      </c>
    </row>
    <row r="25814" spans="1:3" x14ac:dyDescent="0.25">
      <c r="A25814" s="2" t="s">
        <v>14227</v>
      </c>
      <c r="B25814" s="6">
        <v>429736.49999999994</v>
      </c>
      <c r="C25814" s="7">
        <f t="shared" si="403"/>
        <v>429.73649999999992</v>
      </c>
    </row>
    <row r="25815" spans="1:3" x14ac:dyDescent="0.25">
      <c r="A25815" s="2" t="s">
        <v>14228</v>
      </c>
      <c r="B25815" s="6">
        <v>429753.14999999997</v>
      </c>
      <c r="C25815" s="7">
        <f t="shared" si="403"/>
        <v>429.75314999999995</v>
      </c>
    </row>
    <row r="25816" spans="1:3" x14ac:dyDescent="0.25">
      <c r="A25816" s="2" t="s">
        <v>14229</v>
      </c>
      <c r="B25816" s="6">
        <v>429769.8</v>
      </c>
      <c r="C25816" s="7">
        <f t="shared" si="403"/>
        <v>429.76979999999998</v>
      </c>
    </row>
    <row r="25817" spans="1:3" x14ac:dyDescent="0.25">
      <c r="A25817" s="2" t="s">
        <v>14230</v>
      </c>
      <c r="B25817" s="6">
        <v>429786.44999999995</v>
      </c>
      <c r="C25817" s="7">
        <f t="shared" si="403"/>
        <v>429.78644999999995</v>
      </c>
    </row>
    <row r="25818" spans="1:3" x14ac:dyDescent="0.25">
      <c r="A25818" s="2" t="s">
        <v>14231</v>
      </c>
      <c r="B25818" s="6">
        <v>429803.1</v>
      </c>
      <c r="C25818" s="7">
        <f t="shared" si="403"/>
        <v>429.80309999999997</v>
      </c>
    </row>
    <row r="25819" spans="1:3" x14ac:dyDescent="0.25">
      <c r="A25819" s="2" t="s">
        <v>14232</v>
      </c>
      <c r="B25819" s="6">
        <v>429819.74999999994</v>
      </c>
      <c r="C25819" s="7">
        <f t="shared" si="403"/>
        <v>429.81974999999994</v>
      </c>
    </row>
    <row r="25820" spans="1:3" x14ac:dyDescent="0.25">
      <c r="A25820" s="2" t="s">
        <v>14233</v>
      </c>
      <c r="B25820" s="6">
        <v>429836.39999999997</v>
      </c>
      <c r="C25820" s="7">
        <f t="shared" si="403"/>
        <v>429.83639999999997</v>
      </c>
    </row>
    <row r="25821" spans="1:3" x14ac:dyDescent="0.25">
      <c r="A25821" s="2" t="s">
        <v>14234</v>
      </c>
      <c r="B25821" s="6">
        <v>429853.05</v>
      </c>
      <c r="C25821" s="7">
        <f t="shared" si="403"/>
        <v>429.85305</v>
      </c>
    </row>
    <row r="25822" spans="1:3" x14ac:dyDescent="0.25">
      <c r="A25822" s="2" t="s">
        <v>14235</v>
      </c>
      <c r="B25822" s="6">
        <v>429869.69999999995</v>
      </c>
      <c r="C25822" s="7">
        <f t="shared" si="403"/>
        <v>429.86969999999997</v>
      </c>
    </row>
    <row r="25823" spans="1:3" x14ac:dyDescent="0.25">
      <c r="A25823" s="2" t="s">
        <v>14236</v>
      </c>
      <c r="B25823" s="6">
        <v>429886.35</v>
      </c>
      <c r="C25823" s="7">
        <f t="shared" si="403"/>
        <v>429.88634999999999</v>
      </c>
    </row>
    <row r="25824" spans="1:3" x14ac:dyDescent="0.25">
      <c r="A25824" s="2" t="s">
        <v>14237</v>
      </c>
      <c r="B25824" s="6">
        <v>429902.99999999994</v>
      </c>
      <c r="C25824" s="7">
        <f t="shared" si="403"/>
        <v>429.90299999999996</v>
      </c>
    </row>
    <row r="25825" spans="1:3" x14ac:dyDescent="0.25">
      <c r="A25825" s="2" t="s">
        <v>14238</v>
      </c>
      <c r="B25825" s="6">
        <v>429919.64999999997</v>
      </c>
      <c r="C25825" s="7">
        <f t="shared" si="403"/>
        <v>429.91964999999999</v>
      </c>
    </row>
    <row r="25826" spans="1:3" x14ac:dyDescent="0.25">
      <c r="A25826" s="2" t="s">
        <v>14239</v>
      </c>
      <c r="B25826" s="6">
        <v>429936.3</v>
      </c>
      <c r="C25826" s="7">
        <f t="shared" si="403"/>
        <v>429.93629999999996</v>
      </c>
    </row>
    <row r="25827" spans="1:3" x14ac:dyDescent="0.25">
      <c r="A25827" s="2" t="s">
        <v>14240</v>
      </c>
      <c r="B25827" s="6">
        <v>429952.94999999995</v>
      </c>
      <c r="C25827" s="7">
        <f t="shared" si="403"/>
        <v>429.95294999999993</v>
      </c>
    </row>
    <row r="25828" spans="1:3" x14ac:dyDescent="0.25">
      <c r="A25828" s="2" t="s">
        <v>14241</v>
      </c>
      <c r="B25828" s="6">
        <v>429969.6</v>
      </c>
      <c r="C25828" s="7">
        <f t="shared" si="403"/>
        <v>429.96959999999996</v>
      </c>
    </row>
    <row r="25829" spans="1:3" x14ac:dyDescent="0.25">
      <c r="A25829" s="2" t="s">
        <v>14242</v>
      </c>
      <c r="B25829" s="6">
        <v>429986.24999999994</v>
      </c>
      <c r="C25829" s="7">
        <f t="shared" si="403"/>
        <v>429.98624999999993</v>
      </c>
    </row>
    <row r="25830" spans="1:3" x14ac:dyDescent="0.25">
      <c r="A25830" s="2" t="s">
        <v>14243</v>
      </c>
      <c r="B25830" s="6">
        <v>430002.89999999997</v>
      </c>
      <c r="C25830" s="7">
        <f t="shared" si="403"/>
        <v>430.00289999999995</v>
      </c>
    </row>
    <row r="25831" spans="1:3" x14ac:dyDescent="0.25">
      <c r="A25831" s="2" t="s">
        <v>14244</v>
      </c>
      <c r="B25831" s="6">
        <v>430019.55</v>
      </c>
      <c r="C25831" s="7">
        <f t="shared" si="403"/>
        <v>430.01954999999998</v>
      </c>
    </row>
    <row r="25832" spans="1:3" x14ac:dyDescent="0.25">
      <c r="A25832" s="2" t="s">
        <v>14245</v>
      </c>
      <c r="B25832" s="6">
        <v>430036.19999999995</v>
      </c>
      <c r="C25832" s="7">
        <f t="shared" si="403"/>
        <v>430.03619999999995</v>
      </c>
    </row>
    <row r="25833" spans="1:3" x14ac:dyDescent="0.25">
      <c r="A25833" s="2" t="s">
        <v>14246</v>
      </c>
      <c r="B25833" s="6">
        <v>430052.85</v>
      </c>
      <c r="C25833" s="7">
        <f t="shared" si="403"/>
        <v>430.05284999999998</v>
      </c>
    </row>
    <row r="25834" spans="1:3" x14ac:dyDescent="0.25">
      <c r="A25834" s="2" t="s">
        <v>14247</v>
      </c>
      <c r="B25834" s="6">
        <v>430069.49999999994</v>
      </c>
      <c r="C25834" s="7">
        <f t="shared" si="403"/>
        <v>430.06949999999995</v>
      </c>
    </row>
    <row r="25835" spans="1:3" x14ac:dyDescent="0.25">
      <c r="A25835" s="2" t="s">
        <v>14248</v>
      </c>
      <c r="B25835" s="6">
        <v>430086.14999999997</v>
      </c>
      <c r="C25835" s="7">
        <f t="shared" si="403"/>
        <v>430.08614999999998</v>
      </c>
    </row>
    <row r="25836" spans="1:3" x14ac:dyDescent="0.25">
      <c r="A25836" s="2" t="s">
        <v>14249</v>
      </c>
      <c r="B25836" s="6">
        <v>430102.8</v>
      </c>
      <c r="C25836" s="7">
        <f t="shared" si="403"/>
        <v>430.1028</v>
      </c>
    </row>
    <row r="25837" spans="1:3" x14ac:dyDescent="0.25">
      <c r="A25837" s="2" t="s">
        <v>14250</v>
      </c>
      <c r="B25837" s="6">
        <v>430119.44999999995</v>
      </c>
      <c r="C25837" s="7">
        <f t="shared" si="403"/>
        <v>430.11944999999997</v>
      </c>
    </row>
    <row r="25838" spans="1:3" x14ac:dyDescent="0.25">
      <c r="A25838" s="2" t="s">
        <v>14251</v>
      </c>
      <c r="B25838" s="6">
        <v>430136.1</v>
      </c>
      <c r="C25838" s="7">
        <f t="shared" si="403"/>
        <v>430.1361</v>
      </c>
    </row>
    <row r="25839" spans="1:3" x14ac:dyDescent="0.25">
      <c r="A25839" s="2" t="s">
        <v>14252</v>
      </c>
      <c r="B25839" s="6">
        <v>430152.74999999994</v>
      </c>
      <c r="C25839" s="7">
        <f t="shared" si="403"/>
        <v>430.15274999999997</v>
      </c>
    </row>
    <row r="25840" spans="1:3" x14ac:dyDescent="0.25">
      <c r="A25840" s="2" t="s">
        <v>14253</v>
      </c>
      <c r="B25840" s="6">
        <v>430169.39999999997</v>
      </c>
      <c r="C25840" s="7">
        <f t="shared" si="403"/>
        <v>430.16939999999994</v>
      </c>
    </row>
    <row r="25841" spans="1:3" x14ac:dyDescent="0.25">
      <c r="A25841" s="2" t="s">
        <v>14254</v>
      </c>
      <c r="B25841" s="6">
        <v>430186.05</v>
      </c>
      <c r="C25841" s="7">
        <f t="shared" si="403"/>
        <v>430.18604999999997</v>
      </c>
    </row>
    <row r="25842" spans="1:3" x14ac:dyDescent="0.25">
      <c r="A25842" s="2" t="s">
        <v>14255</v>
      </c>
      <c r="B25842" s="6">
        <v>430202.69999999995</v>
      </c>
      <c r="C25842" s="7">
        <f t="shared" si="403"/>
        <v>430.20269999999994</v>
      </c>
    </row>
    <row r="25843" spans="1:3" x14ac:dyDescent="0.25">
      <c r="A25843" s="2" t="s">
        <v>14256</v>
      </c>
      <c r="B25843" s="6">
        <v>430219.35</v>
      </c>
      <c r="C25843" s="7">
        <f t="shared" si="403"/>
        <v>430.21934999999996</v>
      </c>
    </row>
    <row r="25844" spans="1:3" x14ac:dyDescent="0.25">
      <c r="A25844" s="2" t="s">
        <v>14257</v>
      </c>
      <c r="B25844" s="6">
        <v>430235.99999999994</v>
      </c>
      <c r="C25844" s="7">
        <f t="shared" si="403"/>
        <v>430.23599999999993</v>
      </c>
    </row>
    <row r="25845" spans="1:3" x14ac:dyDescent="0.25">
      <c r="A25845" s="2" t="s">
        <v>14258</v>
      </c>
      <c r="B25845" s="6">
        <v>430252.64999999997</v>
      </c>
      <c r="C25845" s="7">
        <f t="shared" si="403"/>
        <v>430.25264999999996</v>
      </c>
    </row>
    <row r="25846" spans="1:3" x14ac:dyDescent="0.25">
      <c r="A25846" s="2" t="s">
        <v>14259</v>
      </c>
      <c r="B25846" s="6">
        <v>430269.3</v>
      </c>
      <c r="C25846" s="7">
        <f t="shared" si="403"/>
        <v>430.26929999999999</v>
      </c>
    </row>
    <row r="25847" spans="1:3" x14ac:dyDescent="0.25">
      <c r="A25847" s="2" t="s">
        <v>14260</v>
      </c>
      <c r="B25847" s="6">
        <v>430285.94999999995</v>
      </c>
      <c r="C25847" s="7">
        <f t="shared" si="403"/>
        <v>430.28594999999996</v>
      </c>
    </row>
    <row r="25848" spans="1:3" x14ac:dyDescent="0.25">
      <c r="A25848" s="2" t="s">
        <v>14261</v>
      </c>
      <c r="B25848" s="6">
        <v>430302.6</v>
      </c>
      <c r="C25848" s="7">
        <f t="shared" si="403"/>
        <v>430.30259999999998</v>
      </c>
    </row>
    <row r="25849" spans="1:3" x14ac:dyDescent="0.25">
      <c r="A25849" s="2" t="s">
        <v>14262</v>
      </c>
      <c r="B25849" s="6">
        <v>430319.24999999994</v>
      </c>
      <c r="C25849" s="7">
        <f t="shared" si="403"/>
        <v>430.31924999999995</v>
      </c>
    </row>
    <row r="25850" spans="1:3" x14ac:dyDescent="0.25">
      <c r="A25850" s="2" t="s">
        <v>14263</v>
      </c>
      <c r="B25850" s="6">
        <v>430335.89999999997</v>
      </c>
      <c r="C25850" s="7">
        <f t="shared" si="403"/>
        <v>430.33589999999998</v>
      </c>
    </row>
    <row r="25851" spans="1:3" x14ac:dyDescent="0.25">
      <c r="A25851" s="2" t="s">
        <v>14264</v>
      </c>
      <c r="B25851" s="6">
        <v>430352.55</v>
      </c>
      <c r="C25851" s="7">
        <f t="shared" si="403"/>
        <v>430.35255000000001</v>
      </c>
    </row>
    <row r="25852" spans="1:3" x14ac:dyDescent="0.25">
      <c r="A25852" s="2" t="s">
        <v>14265</v>
      </c>
      <c r="B25852" s="6">
        <v>430369.19999999995</v>
      </c>
      <c r="C25852" s="7">
        <f t="shared" si="403"/>
        <v>430.36919999999998</v>
      </c>
    </row>
    <row r="25853" spans="1:3" x14ac:dyDescent="0.25">
      <c r="A25853" s="2" t="s">
        <v>14266</v>
      </c>
      <c r="B25853" s="6">
        <v>430385.85</v>
      </c>
      <c r="C25853" s="7">
        <f t="shared" si="403"/>
        <v>430.38585</v>
      </c>
    </row>
    <row r="25854" spans="1:3" x14ac:dyDescent="0.25">
      <c r="A25854" s="2" t="s">
        <v>14267</v>
      </c>
      <c r="B25854" s="6">
        <v>430402.49999999994</v>
      </c>
      <c r="C25854" s="7">
        <f t="shared" si="403"/>
        <v>430.40249999999992</v>
      </c>
    </row>
    <row r="25855" spans="1:3" x14ac:dyDescent="0.25">
      <c r="A25855" s="2" t="s">
        <v>14268</v>
      </c>
      <c r="B25855" s="6">
        <v>430419.14999999997</v>
      </c>
      <c r="C25855" s="7">
        <f t="shared" si="403"/>
        <v>430.41914999999995</v>
      </c>
    </row>
    <row r="25856" spans="1:3" x14ac:dyDescent="0.25">
      <c r="A25856" s="2" t="s">
        <v>14269</v>
      </c>
      <c r="B25856" s="6">
        <v>430435.8</v>
      </c>
      <c r="C25856" s="7">
        <f t="shared" si="403"/>
        <v>430.43579999999997</v>
      </c>
    </row>
    <row r="25857" spans="1:3" x14ac:dyDescent="0.25">
      <c r="A25857" s="2" t="s">
        <v>14270</v>
      </c>
      <c r="B25857" s="6">
        <v>430452.44999999995</v>
      </c>
      <c r="C25857" s="7">
        <f t="shared" si="403"/>
        <v>430.45244999999994</v>
      </c>
    </row>
    <row r="25858" spans="1:3" x14ac:dyDescent="0.25">
      <c r="A25858" s="2" t="s">
        <v>14271</v>
      </c>
      <c r="B25858" s="6">
        <v>430469.1</v>
      </c>
      <c r="C25858" s="7">
        <f t="shared" si="403"/>
        <v>430.46909999999997</v>
      </c>
    </row>
    <row r="25859" spans="1:3" x14ac:dyDescent="0.25">
      <c r="A25859" s="2" t="s">
        <v>14272</v>
      </c>
      <c r="B25859" s="6">
        <v>430485.74999999994</v>
      </c>
      <c r="C25859" s="7">
        <f t="shared" ref="C25859:C25922" si="404">B25859/1000</f>
        <v>430.48574999999994</v>
      </c>
    </row>
    <row r="25860" spans="1:3" x14ac:dyDescent="0.25">
      <c r="A25860" s="2" t="s">
        <v>14273</v>
      </c>
      <c r="B25860" s="6">
        <v>430502.39999999997</v>
      </c>
      <c r="C25860" s="7">
        <f t="shared" si="404"/>
        <v>430.50239999999997</v>
      </c>
    </row>
    <row r="25861" spans="1:3" x14ac:dyDescent="0.25">
      <c r="A25861" s="2" t="s">
        <v>14274</v>
      </c>
      <c r="B25861" s="6">
        <v>430519.05</v>
      </c>
      <c r="C25861" s="7">
        <f t="shared" si="404"/>
        <v>430.51904999999999</v>
      </c>
    </row>
    <row r="25862" spans="1:3" x14ac:dyDescent="0.25">
      <c r="A25862" s="2" t="s">
        <v>14275</v>
      </c>
      <c r="B25862" s="6">
        <v>430535.69999999995</v>
      </c>
      <c r="C25862" s="7">
        <f t="shared" si="404"/>
        <v>430.53569999999996</v>
      </c>
    </row>
    <row r="25863" spans="1:3" x14ac:dyDescent="0.25">
      <c r="A25863" s="2" t="s">
        <v>14276</v>
      </c>
      <c r="B25863" s="6">
        <v>430552.35</v>
      </c>
      <c r="C25863" s="7">
        <f t="shared" si="404"/>
        <v>430.55234999999999</v>
      </c>
    </row>
    <row r="25864" spans="1:3" x14ac:dyDescent="0.25">
      <c r="A25864" s="2" t="s">
        <v>14277</v>
      </c>
      <c r="B25864" s="6">
        <v>430568.99999999994</v>
      </c>
      <c r="C25864" s="7">
        <f t="shared" si="404"/>
        <v>430.56899999999996</v>
      </c>
    </row>
    <row r="25865" spans="1:3" x14ac:dyDescent="0.25">
      <c r="A25865" s="2" t="s">
        <v>14278</v>
      </c>
      <c r="B25865" s="6">
        <v>430585.64999999997</v>
      </c>
      <c r="C25865" s="7">
        <f t="shared" si="404"/>
        <v>430.58564999999999</v>
      </c>
    </row>
    <row r="25866" spans="1:3" x14ac:dyDescent="0.25">
      <c r="A25866" s="2" t="s">
        <v>14279</v>
      </c>
      <c r="B25866" s="6">
        <v>430602.3</v>
      </c>
      <c r="C25866" s="7">
        <f t="shared" si="404"/>
        <v>430.60230000000001</v>
      </c>
    </row>
    <row r="25867" spans="1:3" x14ac:dyDescent="0.25">
      <c r="A25867" s="2" t="s">
        <v>14280</v>
      </c>
      <c r="B25867" s="6">
        <v>430618.94999999995</v>
      </c>
      <c r="C25867" s="7">
        <f t="shared" si="404"/>
        <v>430.61894999999993</v>
      </c>
    </row>
    <row r="25868" spans="1:3" x14ac:dyDescent="0.25">
      <c r="A25868" s="2" t="s">
        <v>14281</v>
      </c>
      <c r="B25868" s="6">
        <v>430635.6</v>
      </c>
      <c r="C25868" s="7">
        <f t="shared" si="404"/>
        <v>430.63559999999995</v>
      </c>
    </row>
    <row r="25869" spans="1:3" x14ac:dyDescent="0.25">
      <c r="A25869" s="2" t="s">
        <v>14282</v>
      </c>
      <c r="B25869" s="6">
        <v>430652.24999999994</v>
      </c>
      <c r="C25869" s="7">
        <f t="shared" si="404"/>
        <v>430.65224999999992</v>
      </c>
    </row>
    <row r="25870" spans="1:3" x14ac:dyDescent="0.25">
      <c r="A25870" s="2" t="s">
        <v>14283</v>
      </c>
      <c r="B25870" s="6">
        <v>430668.89999999997</v>
      </c>
      <c r="C25870" s="7">
        <f t="shared" si="404"/>
        <v>430.66889999999995</v>
      </c>
    </row>
    <row r="25871" spans="1:3" x14ac:dyDescent="0.25">
      <c r="A25871" s="2" t="s">
        <v>14284</v>
      </c>
      <c r="B25871" s="6">
        <v>430685.55</v>
      </c>
      <c r="C25871" s="7">
        <f t="shared" si="404"/>
        <v>430.68554999999998</v>
      </c>
    </row>
    <row r="25872" spans="1:3" x14ac:dyDescent="0.25">
      <c r="A25872" s="2" t="s">
        <v>14285</v>
      </c>
      <c r="B25872" s="6">
        <v>430702.19999999995</v>
      </c>
      <c r="C25872" s="7">
        <f t="shared" si="404"/>
        <v>430.70219999999995</v>
      </c>
    </row>
    <row r="25873" spans="1:3" x14ac:dyDescent="0.25">
      <c r="A25873" s="2" t="s">
        <v>14286</v>
      </c>
      <c r="B25873" s="6">
        <v>430718.85</v>
      </c>
      <c r="C25873" s="7">
        <f t="shared" si="404"/>
        <v>430.71884999999997</v>
      </c>
    </row>
    <row r="25874" spans="1:3" x14ac:dyDescent="0.25">
      <c r="A25874" s="2" t="s">
        <v>14287</v>
      </c>
      <c r="B25874" s="6">
        <v>430735.49999999994</v>
      </c>
      <c r="C25874" s="7">
        <f t="shared" si="404"/>
        <v>430.73549999999994</v>
      </c>
    </row>
    <row r="25875" spans="1:3" x14ac:dyDescent="0.25">
      <c r="A25875" s="2" t="s">
        <v>14288</v>
      </c>
      <c r="B25875" s="6">
        <v>430752.14999999997</v>
      </c>
      <c r="C25875" s="7">
        <f t="shared" si="404"/>
        <v>430.75214999999997</v>
      </c>
    </row>
    <row r="25876" spans="1:3" x14ac:dyDescent="0.25">
      <c r="A25876" s="2" t="s">
        <v>14289</v>
      </c>
      <c r="B25876" s="6">
        <v>430768.8</v>
      </c>
      <c r="C25876" s="7">
        <f t="shared" si="404"/>
        <v>430.7688</v>
      </c>
    </row>
    <row r="25877" spans="1:3" x14ac:dyDescent="0.25">
      <c r="A25877" s="2" t="s">
        <v>14290</v>
      </c>
      <c r="B25877" s="6">
        <v>430785.44999999995</v>
      </c>
      <c r="C25877" s="7">
        <f t="shared" si="404"/>
        <v>430.78544999999997</v>
      </c>
    </row>
    <row r="25878" spans="1:3" x14ac:dyDescent="0.25">
      <c r="A25878" s="2" t="s">
        <v>14291</v>
      </c>
      <c r="B25878" s="6">
        <v>430802.1</v>
      </c>
      <c r="C25878" s="7">
        <f t="shared" si="404"/>
        <v>430.8021</v>
      </c>
    </row>
    <row r="25879" spans="1:3" x14ac:dyDescent="0.25">
      <c r="A25879" s="2" t="s">
        <v>14292</v>
      </c>
      <c r="B25879" s="6">
        <v>430818.74999999994</v>
      </c>
      <c r="C25879" s="7">
        <f t="shared" si="404"/>
        <v>430.81874999999997</v>
      </c>
    </row>
    <row r="25880" spans="1:3" x14ac:dyDescent="0.25">
      <c r="A25880" s="2" t="s">
        <v>14293</v>
      </c>
      <c r="B25880" s="6">
        <v>430835.39999999997</v>
      </c>
      <c r="C25880" s="7">
        <f t="shared" si="404"/>
        <v>430.83539999999999</v>
      </c>
    </row>
    <row r="25881" spans="1:3" x14ac:dyDescent="0.25">
      <c r="A25881" s="2" t="s">
        <v>14294</v>
      </c>
      <c r="B25881" s="6">
        <v>430852.05</v>
      </c>
      <c r="C25881" s="7">
        <f t="shared" si="404"/>
        <v>430.85204999999996</v>
      </c>
    </row>
    <row r="25882" spans="1:3" x14ac:dyDescent="0.25">
      <c r="A25882" s="2" t="s">
        <v>14295</v>
      </c>
      <c r="B25882" s="6">
        <v>430868.69999999995</v>
      </c>
      <c r="C25882" s="7">
        <f t="shared" si="404"/>
        <v>430.86869999999993</v>
      </c>
    </row>
    <row r="25883" spans="1:3" x14ac:dyDescent="0.25">
      <c r="A25883" s="2" t="s">
        <v>14296</v>
      </c>
      <c r="B25883" s="6">
        <v>430885.35</v>
      </c>
      <c r="C25883" s="7">
        <f t="shared" si="404"/>
        <v>430.88534999999996</v>
      </c>
    </row>
    <row r="25884" spans="1:3" x14ac:dyDescent="0.25">
      <c r="A25884" s="2" t="s">
        <v>14297</v>
      </c>
      <c r="B25884" s="6">
        <v>430901.99999999994</v>
      </c>
      <c r="C25884" s="7">
        <f t="shared" si="404"/>
        <v>430.90199999999993</v>
      </c>
    </row>
    <row r="25885" spans="1:3" x14ac:dyDescent="0.25">
      <c r="A25885" s="2" t="s">
        <v>14298</v>
      </c>
      <c r="B25885" s="6">
        <v>430918.64999999997</v>
      </c>
      <c r="C25885" s="7">
        <f t="shared" si="404"/>
        <v>430.91864999999996</v>
      </c>
    </row>
    <row r="25886" spans="1:3" x14ac:dyDescent="0.25">
      <c r="A25886" s="2" t="s">
        <v>14299</v>
      </c>
      <c r="B25886" s="6">
        <v>430935.3</v>
      </c>
      <c r="C25886" s="7">
        <f t="shared" si="404"/>
        <v>430.93529999999998</v>
      </c>
    </row>
    <row r="25887" spans="1:3" x14ac:dyDescent="0.25">
      <c r="A25887" s="2" t="s">
        <v>14300</v>
      </c>
      <c r="B25887" s="6">
        <v>430951.94999999995</v>
      </c>
      <c r="C25887" s="7">
        <f t="shared" si="404"/>
        <v>430.95194999999995</v>
      </c>
    </row>
    <row r="25888" spans="1:3" x14ac:dyDescent="0.25">
      <c r="A25888" s="2" t="s">
        <v>14301</v>
      </c>
      <c r="B25888" s="6">
        <v>430968.6</v>
      </c>
      <c r="C25888" s="7">
        <f t="shared" si="404"/>
        <v>430.96859999999998</v>
      </c>
    </row>
    <row r="25889" spans="1:3" x14ac:dyDescent="0.25">
      <c r="A25889" s="2" t="s">
        <v>14302</v>
      </c>
      <c r="B25889" s="6">
        <v>430985.24999999994</v>
      </c>
      <c r="C25889" s="7">
        <f t="shared" si="404"/>
        <v>430.98524999999995</v>
      </c>
    </row>
    <row r="25890" spans="1:3" x14ac:dyDescent="0.25">
      <c r="A25890" s="2" t="s">
        <v>14303</v>
      </c>
      <c r="B25890" s="6">
        <v>431001.89999999997</v>
      </c>
      <c r="C25890" s="7">
        <f t="shared" si="404"/>
        <v>431.00189999999998</v>
      </c>
    </row>
    <row r="25891" spans="1:3" x14ac:dyDescent="0.25">
      <c r="A25891" s="2" t="s">
        <v>14304</v>
      </c>
      <c r="B25891" s="6">
        <v>431018.55</v>
      </c>
      <c r="C25891" s="7">
        <f t="shared" si="404"/>
        <v>431.01855</v>
      </c>
    </row>
    <row r="25892" spans="1:3" x14ac:dyDescent="0.25">
      <c r="A25892" s="2" t="s">
        <v>14305</v>
      </c>
      <c r="B25892" s="6">
        <v>431035.19999999995</v>
      </c>
      <c r="C25892" s="7">
        <f t="shared" si="404"/>
        <v>431.03519999999997</v>
      </c>
    </row>
    <row r="25893" spans="1:3" x14ac:dyDescent="0.25">
      <c r="A25893" s="2" t="s">
        <v>14306</v>
      </c>
      <c r="B25893" s="6">
        <v>431051.85</v>
      </c>
      <c r="C25893" s="7">
        <f t="shared" si="404"/>
        <v>431.05185</v>
      </c>
    </row>
    <row r="25894" spans="1:3" x14ac:dyDescent="0.25">
      <c r="A25894" s="2" t="s">
        <v>14307</v>
      </c>
      <c r="B25894" s="6">
        <v>431068.49999999994</v>
      </c>
      <c r="C25894" s="7">
        <f t="shared" si="404"/>
        <v>431.06849999999991</v>
      </c>
    </row>
    <row r="25895" spans="1:3" x14ac:dyDescent="0.25">
      <c r="A25895" s="2" t="s">
        <v>14308</v>
      </c>
      <c r="B25895" s="6">
        <v>431085.14999999997</v>
      </c>
      <c r="C25895" s="7">
        <f t="shared" si="404"/>
        <v>431.08514999999994</v>
      </c>
    </row>
    <row r="25896" spans="1:3" x14ac:dyDescent="0.25">
      <c r="A25896" s="2" t="s">
        <v>14309</v>
      </c>
      <c r="B25896" s="6">
        <v>431101.8</v>
      </c>
      <c r="C25896" s="7">
        <f t="shared" si="404"/>
        <v>431.10179999999997</v>
      </c>
    </row>
    <row r="25897" spans="1:3" x14ac:dyDescent="0.25">
      <c r="A25897" s="2" t="s">
        <v>14310</v>
      </c>
      <c r="B25897" s="6">
        <v>431118.44999999995</v>
      </c>
      <c r="C25897" s="7">
        <f t="shared" si="404"/>
        <v>431.11844999999994</v>
      </c>
    </row>
    <row r="25898" spans="1:3" x14ac:dyDescent="0.25">
      <c r="A25898" s="2" t="s">
        <v>14311</v>
      </c>
      <c r="B25898" s="6">
        <v>431135.1</v>
      </c>
      <c r="C25898" s="7">
        <f t="shared" si="404"/>
        <v>431.13509999999997</v>
      </c>
    </row>
    <row r="25899" spans="1:3" x14ac:dyDescent="0.25">
      <c r="A25899" s="2" t="s">
        <v>14312</v>
      </c>
      <c r="B25899" s="6">
        <v>431151.74999999994</v>
      </c>
      <c r="C25899" s="7">
        <f t="shared" si="404"/>
        <v>431.15174999999994</v>
      </c>
    </row>
    <row r="25900" spans="1:3" x14ac:dyDescent="0.25">
      <c r="A25900" s="2" t="s">
        <v>14313</v>
      </c>
      <c r="B25900" s="6">
        <v>431168.39999999997</v>
      </c>
      <c r="C25900" s="7">
        <f t="shared" si="404"/>
        <v>431.16839999999996</v>
      </c>
    </row>
    <row r="25901" spans="1:3" x14ac:dyDescent="0.25">
      <c r="A25901" s="2" t="s">
        <v>14314</v>
      </c>
      <c r="B25901" s="6">
        <v>431185.05</v>
      </c>
      <c r="C25901" s="7">
        <f t="shared" si="404"/>
        <v>431.18504999999999</v>
      </c>
    </row>
    <row r="25902" spans="1:3" x14ac:dyDescent="0.25">
      <c r="A25902" s="2" t="s">
        <v>14315</v>
      </c>
      <c r="B25902" s="6">
        <v>431201.69999999995</v>
      </c>
      <c r="C25902" s="7">
        <f t="shared" si="404"/>
        <v>431.20169999999996</v>
      </c>
    </row>
    <row r="25903" spans="1:3" x14ac:dyDescent="0.25">
      <c r="A25903" s="2" t="s">
        <v>14316</v>
      </c>
      <c r="B25903" s="6">
        <v>431218.35</v>
      </c>
      <c r="C25903" s="7">
        <f t="shared" si="404"/>
        <v>431.21834999999999</v>
      </c>
    </row>
    <row r="25904" spans="1:3" x14ac:dyDescent="0.25">
      <c r="A25904" s="2" t="s">
        <v>14317</v>
      </c>
      <c r="B25904" s="6">
        <v>431234.99999999994</v>
      </c>
      <c r="C25904" s="7">
        <f t="shared" si="404"/>
        <v>431.23499999999996</v>
      </c>
    </row>
    <row r="25905" spans="1:3" x14ac:dyDescent="0.25">
      <c r="A25905" s="2" t="s">
        <v>14318</v>
      </c>
      <c r="B25905" s="6">
        <v>431251.64999999997</v>
      </c>
      <c r="C25905" s="7">
        <f t="shared" si="404"/>
        <v>431.25164999999998</v>
      </c>
    </row>
    <row r="25906" spans="1:3" x14ac:dyDescent="0.25">
      <c r="A25906" s="2" t="s">
        <v>14319</v>
      </c>
      <c r="B25906" s="6">
        <v>431268.3</v>
      </c>
      <c r="C25906" s="7">
        <f t="shared" si="404"/>
        <v>431.26830000000001</v>
      </c>
    </row>
    <row r="25907" spans="1:3" x14ac:dyDescent="0.25">
      <c r="A25907" s="2" t="s">
        <v>14320</v>
      </c>
      <c r="B25907" s="6">
        <v>431284.94999999995</v>
      </c>
      <c r="C25907" s="7">
        <f t="shared" si="404"/>
        <v>431.28494999999998</v>
      </c>
    </row>
    <row r="25908" spans="1:3" x14ac:dyDescent="0.25">
      <c r="A25908" s="2" t="s">
        <v>14321</v>
      </c>
      <c r="B25908" s="6">
        <v>431301.6</v>
      </c>
      <c r="C25908" s="7">
        <f t="shared" si="404"/>
        <v>431.30159999999995</v>
      </c>
    </row>
    <row r="25909" spans="1:3" x14ac:dyDescent="0.25">
      <c r="A25909" s="2" t="s">
        <v>14322</v>
      </c>
      <c r="B25909" s="6">
        <v>431318.24999999994</v>
      </c>
      <c r="C25909" s="7">
        <f t="shared" si="404"/>
        <v>431.31824999999992</v>
      </c>
    </row>
    <row r="25910" spans="1:3" x14ac:dyDescent="0.25">
      <c r="A25910" s="2" t="s">
        <v>14323</v>
      </c>
      <c r="B25910" s="6">
        <v>431334.89999999997</v>
      </c>
      <c r="C25910" s="7">
        <f t="shared" si="404"/>
        <v>431.33489999999995</v>
      </c>
    </row>
    <row r="25911" spans="1:3" x14ac:dyDescent="0.25">
      <c r="A25911" s="2" t="s">
        <v>14324</v>
      </c>
      <c r="B25911" s="6">
        <v>431351.55</v>
      </c>
      <c r="C25911" s="7">
        <f t="shared" si="404"/>
        <v>431.35154999999997</v>
      </c>
    </row>
    <row r="25912" spans="1:3" x14ac:dyDescent="0.25">
      <c r="A25912" s="2" t="s">
        <v>14325</v>
      </c>
      <c r="B25912" s="6">
        <v>431368.19999999995</v>
      </c>
      <c r="C25912" s="7">
        <f t="shared" si="404"/>
        <v>431.36819999999994</v>
      </c>
    </row>
    <row r="25913" spans="1:3" x14ac:dyDescent="0.25">
      <c r="A25913" s="2" t="s">
        <v>14326</v>
      </c>
      <c r="B25913" s="6">
        <v>431384.85</v>
      </c>
      <c r="C25913" s="7">
        <f t="shared" si="404"/>
        <v>431.38484999999997</v>
      </c>
    </row>
    <row r="25914" spans="1:3" x14ac:dyDescent="0.25">
      <c r="A25914" s="2" t="s">
        <v>14327</v>
      </c>
      <c r="B25914" s="6">
        <v>431401.49999999994</v>
      </c>
      <c r="C25914" s="7">
        <f t="shared" si="404"/>
        <v>431.40149999999994</v>
      </c>
    </row>
    <row r="25915" spans="1:3" x14ac:dyDescent="0.25">
      <c r="A25915" s="2" t="s">
        <v>14328</v>
      </c>
      <c r="B25915" s="6">
        <v>431418.14999999997</v>
      </c>
      <c r="C25915" s="7">
        <f t="shared" si="404"/>
        <v>431.41814999999997</v>
      </c>
    </row>
    <row r="25916" spans="1:3" x14ac:dyDescent="0.25">
      <c r="A25916" s="2" t="s">
        <v>14329</v>
      </c>
      <c r="B25916" s="6">
        <v>431434.8</v>
      </c>
      <c r="C25916" s="7">
        <f t="shared" si="404"/>
        <v>431.4348</v>
      </c>
    </row>
    <row r="25917" spans="1:3" x14ac:dyDescent="0.25">
      <c r="A25917" s="2" t="s">
        <v>14330</v>
      </c>
      <c r="B25917" s="6">
        <v>431451.44999999995</v>
      </c>
      <c r="C25917" s="7">
        <f t="shared" si="404"/>
        <v>431.45144999999997</v>
      </c>
    </row>
    <row r="25918" spans="1:3" x14ac:dyDescent="0.25">
      <c r="A25918" s="2" t="s">
        <v>14331</v>
      </c>
      <c r="B25918" s="6">
        <v>431468.1</v>
      </c>
      <c r="C25918" s="7">
        <f t="shared" si="404"/>
        <v>431.46809999999999</v>
      </c>
    </row>
    <row r="25919" spans="1:3" x14ac:dyDescent="0.25">
      <c r="A25919" s="2" t="s">
        <v>14332</v>
      </c>
      <c r="B25919" s="6">
        <v>431484.74999999994</v>
      </c>
      <c r="C25919" s="7">
        <f t="shared" si="404"/>
        <v>431.48474999999996</v>
      </c>
    </row>
    <row r="25920" spans="1:3" x14ac:dyDescent="0.25">
      <c r="A25920" s="2" t="s">
        <v>14333</v>
      </c>
      <c r="B25920" s="6">
        <v>431501.39999999997</v>
      </c>
      <c r="C25920" s="7">
        <f t="shared" si="404"/>
        <v>431.50139999999999</v>
      </c>
    </row>
    <row r="25921" spans="1:3" x14ac:dyDescent="0.25">
      <c r="A25921" s="2" t="s">
        <v>14334</v>
      </c>
      <c r="B25921" s="6">
        <v>431518.05</v>
      </c>
      <c r="C25921" s="7">
        <f t="shared" si="404"/>
        <v>431.51805000000002</v>
      </c>
    </row>
    <row r="25922" spans="1:3" x14ac:dyDescent="0.25">
      <c r="A25922" s="2" t="s">
        <v>14335</v>
      </c>
      <c r="B25922" s="6">
        <v>431534.69999999995</v>
      </c>
      <c r="C25922" s="7">
        <f t="shared" si="404"/>
        <v>431.53469999999993</v>
      </c>
    </row>
    <row r="25923" spans="1:3" x14ac:dyDescent="0.25">
      <c r="A25923" s="2" t="s">
        <v>14336</v>
      </c>
      <c r="B25923" s="6">
        <v>431551.35</v>
      </c>
      <c r="C25923" s="7">
        <f t="shared" ref="C25923:C25986" si="405">B25923/1000</f>
        <v>431.55134999999996</v>
      </c>
    </row>
    <row r="25924" spans="1:3" x14ac:dyDescent="0.25">
      <c r="A25924" s="2" t="s">
        <v>14337</v>
      </c>
      <c r="B25924" s="6">
        <v>431567.99999999994</v>
      </c>
      <c r="C25924" s="7">
        <f t="shared" si="405"/>
        <v>431.56799999999993</v>
      </c>
    </row>
    <row r="25925" spans="1:3" x14ac:dyDescent="0.25">
      <c r="A25925" s="2" t="s">
        <v>14338</v>
      </c>
      <c r="B25925" s="6">
        <v>431584.64999999997</v>
      </c>
      <c r="C25925" s="7">
        <f t="shared" si="405"/>
        <v>431.58464999999995</v>
      </c>
    </row>
    <row r="25926" spans="1:3" x14ac:dyDescent="0.25">
      <c r="A25926" s="2" t="s">
        <v>14339</v>
      </c>
      <c r="B25926" s="6">
        <v>431601.3</v>
      </c>
      <c r="C25926" s="7">
        <f t="shared" si="405"/>
        <v>431.60129999999998</v>
      </c>
    </row>
    <row r="25927" spans="1:3" x14ac:dyDescent="0.25">
      <c r="A25927" s="2" t="s">
        <v>14340</v>
      </c>
      <c r="B25927" s="6">
        <v>431617.94999999995</v>
      </c>
      <c r="C25927" s="7">
        <f t="shared" si="405"/>
        <v>431.61794999999995</v>
      </c>
    </row>
    <row r="25928" spans="1:3" x14ac:dyDescent="0.25">
      <c r="A25928" s="2" t="s">
        <v>14341</v>
      </c>
      <c r="B25928" s="6">
        <v>431634.6</v>
      </c>
      <c r="C25928" s="7">
        <f t="shared" si="405"/>
        <v>431.63459999999998</v>
      </c>
    </row>
    <row r="25929" spans="1:3" x14ac:dyDescent="0.25">
      <c r="A25929" s="2" t="s">
        <v>14342</v>
      </c>
      <c r="B25929" s="6">
        <v>431651.24999999994</v>
      </c>
      <c r="C25929" s="7">
        <f t="shared" si="405"/>
        <v>431.65124999999995</v>
      </c>
    </row>
    <row r="25930" spans="1:3" x14ac:dyDescent="0.25">
      <c r="A25930" s="2" t="s">
        <v>14343</v>
      </c>
      <c r="B25930" s="6">
        <v>431667.89999999997</v>
      </c>
      <c r="C25930" s="7">
        <f t="shared" si="405"/>
        <v>431.66789999999997</v>
      </c>
    </row>
    <row r="25931" spans="1:3" x14ac:dyDescent="0.25">
      <c r="A25931" s="2" t="s">
        <v>14344</v>
      </c>
      <c r="B25931" s="6">
        <v>431684.55</v>
      </c>
      <c r="C25931" s="7">
        <f t="shared" si="405"/>
        <v>431.68455</v>
      </c>
    </row>
    <row r="25932" spans="1:3" x14ac:dyDescent="0.25">
      <c r="A25932" s="2" t="s">
        <v>14345</v>
      </c>
      <c r="B25932" s="6">
        <v>431701.19999999995</v>
      </c>
      <c r="C25932" s="7">
        <f t="shared" si="405"/>
        <v>431.70119999999997</v>
      </c>
    </row>
    <row r="25933" spans="1:3" x14ac:dyDescent="0.25">
      <c r="A25933" s="2" t="s">
        <v>14346</v>
      </c>
      <c r="B25933" s="6">
        <v>431717.85</v>
      </c>
      <c r="C25933" s="7">
        <f t="shared" si="405"/>
        <v>431.71785</v>
      </c>
    </row>
    <row r="25934" spans="1:3" x14ac:dyDescent="0.25">
      <c r="A25934" s="2" t="s">
        <v>14347</v>
      </c>
      <c r="B25934" s="6">
        <v>431734.49999999994</v>
      </c>
      <c r="C25934" s="7">
        <f t="shared" si="405"/>
        <v>431.73449999999997</v>
      </c>
    </row>
    <row r="25935" spans="1:3" x14ac:dyDescent="0.25">
      <c r="A25935" s="2" t="s">
        <v>14348</v>
      </c>
      <c r="B25935" s="6">
        <v>431751.14999999997</v>
      </c>
      <c r="C25935" s="7">
        <f t="shared" si="405"/>
        <v>431.75114999999994</v>
      </c>
    </row>
    <row r="25936" spans="1:3" x14ac:dyDescent="0.25">
      <c r="A25936" s="2" t="s">
        <v>14349</v>
      </c>
      <c r="B25936" s="6">
        <v>431767.8</v>
      </c>
      <c r="C25936" s="7">
        <f t="shared" si="405"/>
        <v>431.76779999999997</v>
      </c>
    </row>
    <row r="25937" spans="1:3" x14ac:dyDescent="0.25">
      <c r="A25937" s="2" t="s">
        <v>14350</v>
      </c>
      <c r="B25937" s="6">
        <v>431784.44999999995</v>
      </c>
      <c r="C25937" s="7">
        <f t="shared" si="405"/>
        <v>431.78444999999994</v>
      </c>
    </row>
    <row r="25938" spans="1:3" x14ac:dyDescent="0.25">
      <c r="A25938" s="2" t="s">
        <v>14351</v>
      </c>
      <c r="B25938" s="6">
        <v>431801.1</v>
      </c>
      <c r="C25938" s="7">
        <f t="shared" si="405"/>
        <v>431.80109999999996</v>
      </c>
    </row>
    <row r="25939" spans="1:3" x14ac:dyDescent="0.25">
      <c r="A25939" s="2" t="s">
        <v>14352</v>
      </c>
      <c r="B25939" s="6">
        <v>431817.74999999994</v>
      </c>
      <c r="C25939" s="7">
        <f t="shared" si="405"/>
        <v>431.81774999999993</v>
      </c>
    </row>
    <row r="25940" spans="1:3" x14ac:dyDescent="0.25">
      <c r="A25940" s="2" t="s">
        <v>14353</v>
      </c>
      <c r="B25940" s="6">
        <v>431834.39999999997</v>
      </c>
      <c r="C25940" s="7">
        <f t="shared" si="405"/>
        <v>431.83439999999996</v>
      </c>
    </row>
    <row r="25941" spans="1:3" x14ac:dyDescent="0.25">
      <c r="A25941" s="2" t="s">
        <v>14354</v>
      </c>
      <c r="B25941" s="6">
        <v>431851.05</v>
      </c>
      <c r="C25941" s="7">
        <f t="shared" si="405"/>
        <v>431.85104999999999</v>
      </c>
    </row>
    <row r="25942" spans="1:3" x14ac:dyDescent="0.25">
      <c r="A25942" s="2" t="s">
        <v>14355</v>
      </c>
      <c r="B25942" s="6">
        <v>431867.69999999995</v>
      </c>
      <c r="C25942" s="7">
        <f t="shared" si="405"/>
        <v>431.86769999999996</v>
      </c>
    </row>
    <row r="25943" spans="1:3" x14ac:dyDescent="0.25">
      <c r="A25943" s="2" t="s">
        <v>14356</v>
      </c>
      <c r="B25943" s="6">
        <v>431884.35</v>
      </c>
      <c r="C25943" s="7">
        <f t="shared" si="405"/>
        <v>431.88434999999998</v>
      </c>
    </row>
    <row r="25944" spans="1:3" x14ac:dyDescent="0.25">
      <c r="A25944" s="2" t="s">
        <v>14357</v>
      </c>
      <c r="B25944" s="6">
        <v>431900.99999999994</v>
      </c>
      <c r="C25944" s="7">
        <f t="shared" si="405"/>
        <v>431.90099999999995</v>
      </c>
    </row>
    <row r="25945" spans="1:3" x14ac:dyDescent="0.25">
      <c r="A25945" s="2" t="s">
        <v>14358</v>
      </c>
      <c r="B25945" s="6">
        <v>431917.64999999997</v>
      </c>
      <c r="C25945" s="7">
        <f t="shared" si="405"/>
        <v>431.91764999999998</v>
      </c>
    </row>
    <row r="25946" spans="1:3" x14ac:dyDescent="0.25">
      <c r="A25946" s="2" t="s">
        <v>14359</v>
      </c>
      <c r="B25946" s="6">
        <v>431934.3</v>
      </c>
      <c r="C25946" s="7">
        <f t="shared" si="405"/>
        <v>431.93430000000001</v>
      </c>
    </row>
    <row r="25947" spans="1:3" x14ac:dyDescent="0.25">
      <c r="A25947" s="2" t="s">
        <v>14360</v>
      </c>
      <c r="B25947" s="6">
        <v>431950.94999999995</v>
      </c>
      <c r="C25947" s="7">
        <f t="shared" si="405"/>
        <v>431.95094999999998</v>
      </c>
    </row>
    <row r="25948" spans="1:3" x14ac:dyDescent="0.25">
      <c r="A25948" s="2" t="s">
        <v>14361</v>
      </c>
      <c r="B25948" s="6">
        <v>431967.6</v>
      </c>
      <c r="C25948" s="7">
        <f t="shared" si="405"/>
        <v>431.9676</v>
      </c>
    </row>
    <row r="25949" spans="1:3" x14ac:dyDescent="0.25">
      <c r="A25949" s="2" t="s">
        <v>14362</v>
      </c>
      <c r="B25949" s="6">
        <v>431984.24999999994</v>
      </c>
      <c r="C25949" s="7">
        <f t="shared" si="405"/>
        <v>431.98424999999992</v>
      </c>
    </row>
    <row r="25950" spans="1:3" x14ac:dyDescent="0.25">
      <c r="A25950" s="2" t="s">
        <v>14363</v>
      </c>
      <c r="B25950" s="6">
        <v>432000.89999999997</v>
      </c>
      <c r="C25950" s="7">
        <f t="shared" si="405"/>
        <v>432.00089999999994</v>
      </c>
    </row>
    <row r="25951" spans="1:3" x14ac:dyDescent="0.25">
      <c r="A25951" s="2" t="s">
        <v>14364</v>
      </c>
      <c r="B25951" s="6">
        <v>432017.55</v>
      </c>
      <c r="C25951" s="7">
        <f t="shared" si="405"/>
        <v>432.01754999999997</v>
      </c>
    </row>
    <row r="25952" spans="1:3" x14ac:dyDescent="0.25">
      <c r="A25952" s="2" t="s">
        <v>14365</v>
      </c>
      <c r="B25952" s="6">
        <v>432034.19999999995</v>
      </c>
      <c r="C25952" s="7">
        <f t="shared" si="405"/>
        <v>432.03419999999994</v>
      </c>
    </row>
    <row r="25953" spans="1:3" x14ac:dyDescent="0.25">
      <c r="A25953" s="2" t="s">
        <v>14366</v>
      </c>
      <c r="B25953" s="6">
        <v>432050.85</v>
      </c>
      <c r="C25953" s="7">
        <f t="shared" si="405"/>
        <v>432.05084999999997</v>
      </c>
    </row>
    <row r="25954" spans="1:3" x14ac:dyDescent="0.25">
      <c r="A25954" s="2" t="s">
        <v>14367</v>
      </c>
      <c r="B25954" s="6">
        <v>432067.49999999994</v>
      </c>
      <c r="C25954" s="7">
        <f t="shared" si="405"/>
        <v>432.06749999999994</v>
      </c>
    </row>
    <row r="25955" spans="1:3" x14ac:dyDescent="0.25">
      <c r="A25955" s="2" t="s">
        <v>14368</v>
      </c>
      <c r="B25955" s="6">
        <v>432084.14999999997</v>
      </c>
      <c r="C25955" s="7">
        <f t="shared" si="405"/>
        <v>432.08414999999997</v>
      </c>
    </row>
    <row r="25956" spans="1:3" x14ac:dyDescent="0.25">
      <c r="A25956" s="2" t="s">
        <v>14369</v>
      </c>
      <c r="B25956" s="6">
        <v>432100.8</v>
      </c>
      <c r="C25956" s="7">
        <f t="shared" si="405"/>
        <v>432.10079999999999</v>
      </c>
    </row>
    <row r="25957" spans="1:3" x14ac:dyDescent="0.25">
      <c r="A25957" s="2" t="s">
        <v>14370</v>
      </c>
      <c r="B25957" s="6">
        <v>432117.44999999995</v>
      </c>
      <c r="C25957" s="7">
        <f t="shared" si="405"/>
        <v>432.11744999999996</v>
      </c>
    </row>
    <row r="25958" spans="1:3" x14ac:dyDescent="0.25">
      <c r="A25958" s="2" t="s">
        <v>14371</v>
      </c>
      <c r="B25958" s="6">
        <v>432134.1</v>
      </c>
      <c r="C25958" s="7">
        <f t="shared" si="405"/>
        <v>432.13409999999999</v>
      </c>
    </row>
    <row r="25959" spans="1:3" x14ac:dyDescent="0.25">
      <c r="A25959" s="2" t="s">
        <v>14372</v>
      </c>
      <c r="B25959" s="6">
        <v>432150.74999999994</v>
      </c>
      <c r="C25959" s="7">
        <f t="shared" si="405"/>
        <v>432.15074999999996</v>
      </c>
    </row>
    <row r="25960" spans="1:3" x14ac:dyDescent="0.25">
      <c r="A25960" s="2" t="s">
        <v>14373</v>
      </c>
      <c r="B25960" s="6">
        <v>432167.39999999997</v>
      </c>
      <c r="C25960" s="7">
        <f t="shared" si="405"/>
        <v>432.16739999999999</v>
      </c>
    </row>
    <row r="25961" spans="1:3" x14ac:dyDescent="0.25">
      <c r="A25961" s="2" t="s">
        <v>14374</v>
      </c>
      <c r="B25961" s="6">
        <v>432184.05</v>
      </c>
      <c r="C25961" s="7">
        <f t="shared" si="405"/>
        <v>432.18405000000001</v>
      </c>
    </row>
    <row r="25962" spans="1:3" x14ac:dyDescent="0.25">
      <c r="A25962" s="2" t="s">
        <v>14375</v>
      </c>
      <c r="B25962" s="6">
        <v>432200.69999999995</v>
      </c>
      <c r="C25962" s="7">
        <f t="shared" si="405"/>
        <v>432.20069999999993</v>
      </c>
    </row>
    <row r="25963" spans="1:3" x14ac:dyDescent="0.25">
      <c r="A25963" s="2" t="s">
        <v>14376</v>
      </c>
      <c r="B25963" s="6">
        <v>432217.35</v>
      </c>
      <c r="C25963" s="7">
        <f t="shared" si="405"/>
        <v>432.21734999999995</v>
      </c>
    </row>
    <row r="25964" spans="1:3" x14ac:dyDescent="0.25">
      <c r="A25964" s="2" t="s">
        <v>14377</v>
      </c>
      <c r="B25964" s="6">
        <v>432233.99999999994</v>
      </c>
      <c r="C25964" s="7">
        <f t="shared" si="405"/>
        <v>432.23399999999992</v>
      </c>
    </row>
    <row r="25965" spans="1:3" x14ac:dyDescent="0.25">
      <c r="A25965" s="2" t="s">
        <v>14378</v>
      </c>
      <c r="B25965" s="6">
        <v>432250.64999999997</v>
      </c>
      <c r="C25965" s="7">
        <f t="shared" si="405"/>
        <v>432.25064999999995</v>
      </c>
    </row>
    <row r="25966" spans="1:3" x14ac:dyDescent="0.25">
      <c r="A25966" s="2" t="s">
        <v>14379</v>
      </c>
      <c r="B25966" s="6">
        <v>432267.3</v>
      </c>
      <c r="C25966" s="7">
        <f t="shared" si="405"/>
        <v>432.26729999999998</v>
      </c>
    </row>
    <row r="25967" spans="1:3" x14ac:dyDescent="0.25">
      <c r="A25967" s="2" t="s">
        <v>14380</v>
      </c>
      <c r="B25967" s="6">
        <v>432283.94999999995</v>
      </c>
      <c r="C25967" s="7">
        <f t="shared" si="405"/>
        <v>432.28394999999995</v>
      </c>
    </row>
    <row r="25968" spans="1:3" x14ac:dyDescent="0.25">
      <c r="A25968" s="2" t="s">
        <v>14381</v>
      </c>
      <c r="B25968" s="6">
        <v>432300.6</v>
      </c>
      <c r="C25968" s="7">
        <f t="shared" si="405"/>
        <v>432.30059999999997</v>
      </c>
    </row>
    <row r="25969" spans="1:3" x14ac:dyDescent="0.25">
      <c r="A25969" s="2" t="s">
        <v>14382</v>
      </c>
      <c r="B25969" s="6">
        <v>432317.24999999994</v>
      </c>
      <c r="C25969" s="7">
        <f t="shared" si="405"/>
        <v>432.31724999999994</v>
      </c>
    </row>
    <row r="25970" spans="1:3" x14ac:dyDescent="0.25">
      <c r="A25970" s="2" t="s">
        <v>14383</v>
      </c>
      <c r="B25970" s="6">
        <v>432333.89999999997</v>
      </c>
      <c r="C25970" s="7">
        <f t="shared" si="405"/>
        <v>432.33389999999997</v>
      </c>
    </row>
    <row r="25971" spans="1:3" x14ac:dyDescent="0.25">
      <c r="A25971" s="2" t="s">
        <v>14384</v>
      </c>
      <c r="B25971" s="6">
        <v>432350.55</v>
      </c>
      <c r="C25971" s="7">
        <f t="shared" si="405"/>
        <v>432.35055</v>
      </c>
    </row>
    <row r="25972" spans="1:3" x14ac:dyDescent="0.25">
      <c r="A25972" s="2" t="s">
        <v>14385</v>
      </c>
      <c r="B25972" s="6">
        <v>432367.19999999995</v>
      </c>
      <c r="C25972" s="7">
        <f t="shared" si="405"/>
        <v>432.36719999999997</v>
      </c>
    </row>
    <row r="25973" spans="1:3" x14ac:dyDescent="0.25">
      <c r="A25973" s="2" t="s">
        <v>14386</v>
      </c>
      <c r="B25973" s="6">
        <v>432383.85</v>
      </c>
      <c r="C25973" s="7">
        <f t="shared" si="405"/>
        <v>432.38385</v>
      </c>
    </row>
    <row r="25974" spans="1:3" x14ac:dyDescent="0.25">
      <c r="A25974" s="2" t="s">
        <v>14387</v>
      </c>
      <c r="B25974" s="6">
        <v>432400.49999999994</v>
      </c>
      <c r="C25974" s="7">
        <f t="shared" si="405"/>
        <v>432.40049999999997</v>
      </c>
    </row>
    <row r="25975" spans="1:3" x14ac:dyDescent="0.25">
      <c r="A25975" s="2" t="s">
        <v>14388</v>
      </c>
      <c r="B25975" s="6">
        <v>432417.14999999997</v>
      </c>
      <c r="C25975" s="7">
        <f t="shared" si="405"/>
        <v>432.41714999999999</v>
      </c>
    </row>
    <row r="25976" spans="1:3" x14ac:dyDescent="0.25">
      <c r="A25976" s="2" t="s">
        <v>14389</v>
      </c>
      <c r="B25976" s="6">
        <v>432433.8</v>
      </c>
      <c r="C25976" s="7">
        <f t="shared" si="405"/>
        <v>432.43379999999996</v>
      </c>
    </row>
    <row r="25977" spans="1:3" x14ac:dyDescent="0.25">
      <c r="A25977" s="2" t="s">
        <v>14390</v>
      </c>
      <c r="B25977" s="6">
        <v>432450.44999999995</v>
      </c>
      <c r="C25977" s="7">
        <f t="shared" si="405"/>
        <v>432.45044999999993</v>
      </c>
    </row>
    <row r="25978" spans="1:3" x14ac:dyDescent="0.25">
      <c r="A25978" s="2" t="s">
        <v>14391</v>
      </c>
      <c r="B25978" s="6">
        <v>432467.1</v>
      </c>
      <c r="C25978" s="7">
        <f t="shared" si="405"/>
        <v>432.46709999999996</v>
      </c>
    </row>
    <row r="25979" spans="1:3" x14ac:dyDescent="0.25">
      <c r="A25979" s="2" t="s">
        <v>14392</v>
      </c>
      <c r="B25979" s="6">
        <v>432483.74999999994</v>
      </c>
      <c r="C25979" s="7">
        <f t="shared" si="405"/>
        <v>432.48374999999993</v>
      </c>
    </row>
    <row r="25980" spans="1:3" x14ac:dyDescent="0.25">
      <c r="A25980" s="2" t="s">
        <v>14393</v>
      </c>
      <c r="B25980" s="6">
        <v>432500.39999999997</v>
      </c>
      <c r="C25980" s="7">
        <f t="shared" si="405"/>
        <v>432.50039999999996</v>
      </c>
    </row>
    <row r="25981" spans="1:3" x14ac:dyDescent="0.25">
      <c r="A25981" s="2" t="s">
        <v>14394</v>
      </c>
      <c r="B25981" s="6">
        <v>432517.05</v>
      </c>
      <c r="C25981" s="7">
        <f t="shared" si="405"/>
        <v>432.51704999999998</v>
      </c>
    </row>
    <row r="25982" spans="1:3" x14ac:dyDescent="0.25">
      <c r="A25982" s="2" t="s">
        <v>14395</v>
      </c>
      <c r="B25982" s="6">
        <v>432533.69999999995</v>
      </c>
      <c r="C25982" s="7">
        <f t="shared" si="405"/>
        <v>432.53369999999995</v>
      </c>
    </row>
    <row r="25983" spans="1:3" x14ac:dyDescent="0.25">
      <c r="A25983" s="2" t="s">
        <v>14396</v>
      </c>
      <c r="B25983" s="6">
        <v>432550.35</v>
      </c>
      <c r="C25983" s="7">
        <f t="shared" si="405"/>
        <v>432.55034999999998</v>
      </c>
    </row>
    <row r="25984" spans="1:3" x14ac:dyDescent="0.25">
      <c r="A25984" s="2" t="s">
        <v>14397</v>
      </c>
      <c r="B25984" s="6">
        <v>432566.99999999994</v>
      </c>
      <c r="C25984" s="7">
        <f t="shared" si="405"/>
        <v>432.56699999999995</v>
      </c>
    </row>
    <row r="25985" spans="1:3" x14ac:dyDescent="0.25">
      <c r="A25985" s="2" t="s">
        <v>14398</v>
      </c>
      <c r="B25985" s="6">
        <v>432583.64999999997</v>
      </c>
      <c r="C25985" s="7">
        <f t="shared" si="405"/>
        <v>432.58364999999998</v>
      </c>
    </row>
    <row r="25986" spans="1:3" x14ac:dyDescent="0.25">
      <c r="A25986" s="2" t="s">
        <v>14399</v>
      </c>
      <c r="B25986" s="6">
        <v>432600.3</v>
      </c>
      <c r="C25986" s="7">
        <f t="shared" si="405"/>
        <v>432.6003</v>
      </c>
    </row>
    <row r="25987" spans="1:3" x14ac:dyDescent="0.25">
      <c r="A25987" s="2" t="s">
        <v>14400</v>
      </c>
      <c r="B25987" s="6">
        <v>432616.94999999995</v>
      </c>
      <c r="C25987" s="7">
        <f t="shared" ref="C25987:C26050" si="406">B25987/1000</f>
        <v>432.61694999999997</v>
      </c>
    </row>
    <row r="25988" spans="1:3" x14ac:dyDescent="0.25">
      <c r="A25988" s="2" t="s">
        <v>14401</v>
      </c>
      <c r="B25988" s="6">
        <v>432633.59999999998</v>
      </c>
      <c r="C25988" s="7">
        <f t="shared" si="406"/>
        <v>432.6336</v>
      </c>
    </row>
    <row r="25989" spans="1:3" x14ac:dyDescent="0.25">
      <c r="A25989" s="2" t="s">
        <v>14402</v>
      </c>
      <c r="B25989" s="6">
        <v>432650.24999999994</v>
      </c>
      <c r="C25989" s="7">
        <f t="shared" si="406"/>
        <v>432.65024999999991</v>
      </c>
    </row>
    <row r="25990" spans="1:3" x14ac:dyDescent="0.25">
      <c r="A25990" s="2" t="s">
        <v>14403</v>
      </c>
      <c r="B25990" s="6">
        <v>432666.89999999997</v>
      </c>
      <c r="C25990" s="7">
        <f t="shared" si="406"/>
        <v>432.66689999999994</v>
      </c>
    </row>
    <row r="25991" spans="1:3" x14ac:dyDescent="0.25">
      <c r="A25991" s="2" t="s">
        <v>14404</v>
      </c>
      <c r="B25991" s="6">
        <v>432683.55</v>
      </c>
      <c r="C25991" s="7">
        <f t="shared" si="406"/>
        <v>432.68354999999997</v>
      </c>
    </row>
    <row r="25992" spans="1:3" x14ac:dyDescent="0.25">
      <c r="A25992" s="2" t="s">
        <v>14405</v>
      </c>
      <c r="B25992" s="6">
        <v>432700.19999999995</v>
      </c>
      <c r="C25992" s="7">
        <f t="shared" si="406"/>
        <v>432.70019999999994</v>
      </c>
    </row>
    <row r="25993" spans="1:3" x14ac:dyDescent="0.25">
      <c r="A25993" s="2" t="s">
        <v>14406</v>
      </c>
      <c r="B25993" s="6">
        <v>432716.85</v>
      </c>
      <c r="C25993" s="7">
        <f t="shared" si="406"/>
        <v>432.71684999999997</v>
      </c>
    </row>
    <row r="25994" spans="1:3" x14ac:dyDescent="0.25">
      <c r="A25994" s="2" t="s">
        <v>14407</v>
      </c>
      <c r="B25994" s="6">
        <v>432733.49999999994</v>
      </c>
      <c r="C25994" s="7">
        <f t="shared" si="406"/>
        <v>432.73349999999994</v>
      </c>
    </row>
    <row r="25995" spans="1:3" x14ac:dyDescent="0.25">
      <c r="A25995" s="2" t="s">
        <v>14408</v>
      </c>
      <c r="B25995" s="6">
        <v>432750.14999999997</v>
      </c>
      <c r="C25995" s="7">
        <f t="shared" si="406"/>
        <v>432.75014999999996</v>
      </c>
    </row>
    <row r="25996" spans="1:3" x14ac:dyDescent="0.25">
      <c r="A25996" s="2" t="s">
        <v>14409</v>
      </c>
      <c r="B25996" s="6">
        <v>432766.8</v>
      </c>
      <c r="C25996" s="7">
        <f t="shared" si="406"/>
        <v>432.76679999999999</v>
      </c>
    </row>
    <row r="25997" spans="1:3" x14ac:dyDescent="0.25">
      <c r="A25997" s="2" t="s">
        <v>14410</v>
      </c>
      <c r="B25997" s="6">
        <v>432783.44999999995</v>
      </c>
      <c r="C25997" s="7">
        <f t="shared" si="406"/>
        <v>432.78344999999996</v>
      </c>
    </row>
    <row r="25998" spans="1:3" x14ac:dyDescent="0.25">
      <c r="A25998" s="2" t="s">
        <v>14411</v>
      </c>
      <c r="B25998" s="6">
        <v>432800.1</v>
      </c>
      <c r="C25998" s="7">
        <f t="shared" si="406"/>
        <v>432.80009999999999</v>
      </c>
    </row>
    <row r="25999" spans="1:3" x14ac:dyDescent="0.25">
      <c r="A25999" s="2" t="s">
        <v>14412</v>
      </c>
      <c r="B25999" s="6">
        <v>432816.74999999994</v>
      </c>
      <c r="C25999" s="7">
        <f t="shared" si="406"/>
        <v>432.81674999999996</v>
      </c>
    </row>
    <row r="26000" spans="1:3" x14ac:dyDescent="0.25">
      <c r="A26000" s="2" t="s">
        <v>14413</v>
      </c>
      <c r="B26000" s="6">
        <v>432833.39999999997</v>
      </c>
      <c r="C26000" s="7">
        <f t="shared" si="406"/>
        <v>432.83339999999998</v>
      </c>
    </row>
    <row r="26001" spans="1:3" x14ac:dyDescent="0.25">
      <c r="A26001" s="2" t="s">
        <v>14414</v>
      </c>
      <c r="B26001" s="6">
        <v>432850.05</v>
      </c>
      <c r="C26001" s="7">
        <f t="shared" si="406"/>
        <v>432.85005000000001</v>
      </c>
    </row>
    <row r="26002" spans="1:3" x14ac:dyDescent="0.25">
      <c r="A26002" s="2" t="s">
        <v>14415</v>
      </c>
      <c r="B26002" s="6">
        <v>432866.69999999995</v>
      </c>
      <c r="C26002" s="7">
        <f t="shared" si="406"/>
        <v>432.86669999999998</v>
      </c>
    </row>
    <row r="26003" spans="1:3" x14ac:dyDescent="0.25">
      <c r="A26003" s="2" t="s">
        <v>14416</v>
      </c>
      <c r="B26003" s="6">
        <v>432883.35</v>
      </c>
      <c r="C26003" s="7">
        <f t="shared" si="406"/>
        <v>432.88334999999995</v>
      </c>
    </row>
    <row r="26004" spans="1:3" x14ac:dyDescent="0.25">
      <c r="A26004" s="2" t="s">
        <v>14417</v>
      </c>
      <c r="B26004" s="6">
        <v>432899.99999999994</v>
      </c>
      <c r="C26004" s="7">
        <f t="shared" si="406"/>
        <v>432.89999999999992</v>
      </c>
    </row>
    <row r="26005" spans="1:3" x14ac:dyDescent="0.25">
      <c r="A26005" s="2" t="s">
        <v>14418</v>
      </c>
      <c r="B26005" s="6">
        <v>432916.64999999997</v>
      </c>
      <c r="C26005" s="7">
        <f t="shared" si="406"/>
        <v>432.91664999999995</v>
      </c>
    </row>
    <row r="26006" spans="1:3" x14ac:dyDescent="0.25">
      <c r="A26006" s="2" t="s">
        <v>14419</v>
      </c>
      <c r="B26006" s="6">
        <v>432933.3</v>
      </c>
      <c r="C26006" s="7">
        <f t="shared" si="406"/>
        <v>432.93329999999997</v>
      </c>
    </row>
    <row r="26007" spans="1:3" x14ac:dyDescent="0.25">
      <c r="A26007" s="2" t="s">
        <v>14420</v>
      </c>
      <c r="B26007" s="6">
        <v>432949.94999999995</v>
      </c>
      <c r="C26007" s="7">
        <f t="shared" si="406"/>
        <v>432.94994999999994</v>
      </c>
    </row>
    <row r="26008" spans="1:3" x14ac:dyDescent="0.25">
      <c r="A26008" s="2" t="s">
        <v>14421</v>
      </c>
      <c r="B26008" s="6">
        <v>432966.6</v>
      </c>
      <c r="C26008" s="7">
        <f t="shared" si="406"/>
        <v>432.96659999999997</v>
      </c>
    </row>
    <row r="26009" spans="1:3" x14ac:dyDescent="0.25">
      <c r="A26009" s="2" t="s">
        <v>14422</v>
      </c>
      <c r="B26009" s="6">
        <v>432983.24999999994</v>
      </c>
      <c r="C26009" s="7">
        <f t="shared" si="406"/>
        <v>432.98324999999994</v>
      </c>
    </row>
    <row r="26010" spans="1:3" x14ac:dyDescent="0.25">
      <c r="A26010" s="2" t="s">
        <v>14423</v>
      </c>
      <c r="B26010" s="6">
        <v>432999.89999999997</v>
      </c>
      <c r="C26010" s="7">
        <f t="shared" si="406"/>
        <v>432.99989999999997</v>
      </c>
    </row>
    <row r="26011" spans="1:3" x14ac:dyDescent="0.25">
      <c r="A26011" s="2" t="s">
        <v>14424</v>
      </c>
      <c r="B26011" s="6">
        <v>433016.55</v>
      </c>
      <c r="C26011" s="7">
        <f t="shared" si="406"/>
        <v>433.01655</v>
      </c>
    </row>
    <row r="26012" spans="1:3" x14ac:dyDescent="0.25">
      <c r="A26012" s="2" t="s">
        <v>14425</v>
      </c>
      <c r="B26012" s="6">
        <v>433033.19999999995</v>
      </c>
      <c r="C26012" s="7">
        <f t="shared" si="406"/>
        <v>433.03319999999997</v>
      </c>
    </row>
    <row r="26013" spans="1:3" x14ac:dyDescent="0.25">
      <c r="A26013" s="2" t="s">
        <v>14426</v>
      </c>
      <c r="B26013" s="6">
        <v>433049.85</v>
      </c>
      <c r="C26013" s="7">
        <f t="shared" si="406"/>
        <v>433.04984999999999</v>
      </c>
    </row>
    <row r="26014" spans="1:3" x14ac:dyDescent="0.25">
      <c r="A26014" s="2" t="s">
        <v>14427</v>
      </c>
      <c r="B26014" s="6">
        <v>433066.49999999994</v>
      </c>
      <c r="C26014" s="7">
        <f t="shared" si="406"/>
        <v>433.06649999999996</v>
      </c>
    </row>
    <row r="26015" spans="1:3" x14ac:dyDescent="0.25">
      <c r="A26015" s="2" t="s">
        <v>14428</v>
      </c>
      <c r="B26015" s="6">
        <v>433083.14999999997</v>
      </c>
      <c r="C26015" s="7">
        <f t="shared" si="406"/>
        <v>433.08314999999999</v>
      </c>
    </row>
    <row r="26016" spans="1:3" x14ac:dyDescent="0.25">
      <c r="A26016" s="2" t="s">
        <v>14429</v>
      </c>
      <c r="B26016" s="6">
        <v>433099.8</v>
      </c>
      <c r="C26016" s="7">
        <f t="shared" si="406"/>
        <v>433.09980000000002</v>
      </c>
    </row>
    <row r="26017" spans="1:3" x14ac:dyDescent="0.25">
      <c r="A26017" s="2" t="s">
        <v>14430</v>
      </c>
      <c r="B26017" s="6">
        <v>433116.44999999995</v>
      </c>
      <c r="C26017" s="7">
        <f t="shared" si="406"/>
        <v>433.11644999999993</v>
      </c>
    </row>
    <row r="26018" spans="1:3" x14ac:dyDescent="0.25">
      <c r="A26018" s="2" t="s">
        <v>14431</v>
      </c>
      <c r="B26018" s="6">
        <v>433133.1</v>
      </c>
      <c r="C26018" s="7">
        <f t="shared" si="406"/>
        <v>433.13309999999996</v>
      </c>
    </row>
    <row r="26019" spans="1:3" x14ac:dyDescent="0.25">
      <c r="A26019" s="2" t="s">
        <v>14432</v>
      </c>
      <c r="B26019" s="6">
        <v>433149.74999999994</v>
      </c>
      <c r="C26019" s="7">
        <f t="shared" si="406"/>
        <v>433.14974999999993</v>
      </c>
    </row>
    <row r="26020" spans="1:3" x14ac:dyDescent="0.25">
      <c r="A26020" s="2" t="s">
        <v>14433</v>
      </c>
      <c r="B26020" s="6">
        <v>433166.39999999997</v>
      </c>
      <c r="C26020" s="7">
        <f t="shared" si="406"/>
        <v>433.16639999999995</v>
      </c>
    </row>
    <row r="26021" spans="1:3" x14ac:dyDescent="0.25">
      <c r="A26021" s="2" t="s">
        <v>14434</v>
      </c>
      <c r="B26021" s="6">
        <v>433183.05</v>
      </c>
      <c r="C26021" s="7">
        <f t="shared" si="406"/>
        <v>433.18304999999998</v>
      </c>
    </row>
    <row r="26022" spans="1:3" x14ac:dyDescent="0.25">
      <c r="A26022" s="2" t="s">
        <v>14435</v>
      </c>
      <c r="B26022" s="6">
        <v>433199.69999999995</v>
      </c>
      <c r="C26022" s="7">
        <f t="shared" si="406"/>
        <v>433.19969999999995</v>
      </c>
    </row>
    <row r="26023" spans="1:3" x14ac:dyDescent="0.25">
      <c r="A26023" s="2" t="s">
        <v>14436</v>
      </c>
      <c r="B26023" s="6">
        <v>433216.35</v>
      </c>
      <c r="C26023" s="7">
        <f t="shared" si="406"/>
        <v>433.21634999999998</v>
      </c>
    </row>
    <row r="26024" spans="1:3" x14ac:dyDescent="0.25">
      <c r="A26024" s="2" t="s">
        <v>14437</v>
      </c>
      <c r="B26024" s="6">
        <v>433232.99999999994</v>
      </c>
      <c r="C26024" s="7">
        <f t="shared" si="406"/>
        <v>433.23299999999995</v>
      </c>
    </row>
    <row r="26025" spans="1:3" x14ac:dyDescent="0.25">
      <c r="A26025" s="2" t="s">
        <v>14438</v>
      </c>
      <c r="B26025" s="6">
        <v>433249.64999999997</v>
      </c>
      <c r="C26025" s="7">
        <f t="shared" si="406"/>
        <v>433.24964999999997</v>
      </c>
    </row>
    <row r="26026" spans="1:3" x14ac:dyDescent="0.25">
      <c r="A26026" s="2" t="s">
        <v>14439</v>
      </c>
      <c r="B26026" s="6">
        <v>433266.3</v>
      </c>
      <c r="C26026" s="7">
        <f t="shared" si="406"/>
        <v>433.2663</v>
      </c>
    </row>
    <row r="26027" spans="1:3" x14ac:dyDescent="0.25">
      <c r="A26027" s="2" t="s">
        <v>14440</v>
      </c>
      <c r="B26027" s="6">
        <v>433282.94999999995</v>
      </c>
      <c r="C26027" s="7">
        <f t="shared" si="406"/>
        <v>433.28294999999997</v>
      </c>
    </row>
    <row r="26028" spans="1:3" x14ac:dyDescent="0.25">
      <c r="A26028" s="2" t="s">
        <v>14441</v>
      </c>
      <c r="B26028" s="6">
        <v>433299.6</v>
      </c>
      <c r="C26028" s="7">
        <f t="shared" si="406"/>
        <v>433.2996</v>
      </c>
    </row>
    <row r="26029" spans="1:3" x14ac:dyDescent="0.25">
      <c r="A26029" s="2" t="s">
        <v>14442</v>
      </c>
      <c r="B26029" s="6">
        <v>433316.24999999994</v>
      </c>
      <c r="C26029" s="7">
        <f t="shared" si="406"/>
        <v>433.31624999999997</v>
      </c>
    </row>
    <row r="26030" spans="1:3" x14ac:dyDescent="0.25">
      <c r="A26030" s="2" t="s">
        <v>14443</v>
      </c>
      <c r="B26030" s="6">
        <v>433332.89999999997</v>
      </c>
      <c r="C26030" s="7">
        <f t="shared" si="406"/>
        <v>433.33289999999994</v>
      </c>
    </row>
    <row r="26031" spans="1:3" x14ac:dyDescent="0.25">
      <c r="A26031" s="2" t="s">
        <v>14444</v>
      </c>
      <c r="B26031" s="6">
        <v>433349.55</v>
      </c>
      <c r="C26031" s="7">
        <f t="shared" si="406"/>
        <v>433.34954999999997</v>
      </c>
    </row>
    <row r="26032" spans="1:3" x14ac:dyDescent="0.25">
      <c r="A26032" s="2" t="s">
        <v>14445</v>
      </c>
      <c r="B26032" s="6">
        <v>433366.19999999995</v>
      </c>
      <c r="C26032" s="7">
        <f t="shared" si="406"/>
        <v>433.36619999999994</v>
      </c>
    </row>
    <row r="26033" spans="1:3" x14ac:dyDescent="0.25">
      <c r="A26033" s="2" t="s">
        <v>14446</v>
      </c>
      <c r="B26033" s="6">
        <v>433382.85</v>
      </c>
      <c r="C26033" s="7">
        <f t="shared" si="406"/>
        <v>433.38284999999996</v>
      </c>
    </row>
    <row r="26034" spans="1:3" x14ac:dyDescent="0.25">
      <c r="A26034" s="2" t="s">
        <v>14447</v>
      </c>
      <c r="B26034" s="6">
        <v>433399.49999999994</v>
      </c>
      <c r="C26034" s="7">
        <f t="shared" si="406"/>
        <v>433.39949999999993</v>
      </c>
    </row>
    <row r="26035" spans="1:3" x14ac:dyDescent="0.25">
      <c r="A26035" s="2" t="s">
        <v>14448</v>
      </c>
      <c r="B26035" s="6">
        <v>433416.14999999997</v>
      </c>
      <c r="C26035" s="7">
        <f t="shared" si="406"/>
        <v>433.41614999999996</v>
      </c>
    </row>
    <row r="26036" spans="1:3" x14ac:dyDescent="0.25">
      <c r="A26036" s="2" t="s">
        <v>14449</v>
      </c>
      <c r="B26036" s="6">
        <v>433432.8</v>
      </c>
      <c r="C26036" s="7">
        <f t="shared" si="406"/>
        <v>433.43279999999999</v>
      </c>
    </row>
    <row r="26037" spans="1:3" x14ac:dyDescent="0.25">
      <c r="A26037" s="2" t="s">
        <v>14450</v>
      </c>
      <c r="B26037" s="6">
        <v>433449.44999999995</v>
      </c>
      <c r="C26037" s="7">
        <f t="shared" si="406"/>
        <v>433.44944999999996</v>
      </c>
    </row>
    <row r="26038" spans="1:3" x14ac:dyDescent="0.25">
      <c r="A26038" s="2" t="s">
        <v>14451</v>
      </c>
      <c r="B26038" s="6">
        <v>433466.1</v>
      </c>
      <c r="C26038" s="7">
        <f t="shared" si="406"/>
        <v>433.46609999999998</v>
      </c>
    </row>
    <row r="26039" spans="1:3" x14ac:dyDescent="0.25">
      <c r="A26039" s="2" t="s">
        <v>14452</v>
      </c>
      <c r="B26039" s="6">
        <v>433482.74999999994</v>
      </c>
      <c r="C26039" s="7">
        <f t="shared" si="406"/>
        <v>433.48274999999995</v>
      </c>
    </row>
    <row r="26040" spans="1:3" x14ac:dyDescent="0.25">
      <c r="A26040" s="2" t="s">
        <v>14453</v>
      </c>
      <c r="B26040" s="6">
        <v>433499.39999999997</v>
      </c>
      <c r="C26040" s="7">
        <f t="shared" si="406"/>
        <v>433.49939999999998</v>
      </c>
    </row>
    <row r="26041" spans="1:3" x14ac:dyDescent="0.25">
      <c r="A26041" s="2" t="s">
        <v>14454</v>
      </c>
      <c r="B26041" s="6">
        <v>433516.05</v>
      </c>
      <c r="C26041" s="7">
        <f t="shared" si="406"/>
        <v>433.51605000000001</v>
      </c>
    </row>
    <row r="26042" spans="1:3" x14ac:dyDescent="0.25">
      <c r="A26042" s="2" t="s">
        <v>14455</v>
      </c>
      <c r="B26042" s="6">
        <v>433532.69999999995</v>
      </c>
      <c r="C26042" s="7">
        <f t="shared" si="406"/>
        <v>433.53269999999998</v>
      </c>
    </row>
    <row r="26043" spans="1:3" x14ac:dyDescent="0.25">
      <c r="A26043" s="2" t="s">
        <v>14456</v>
      </c>
      <c r="B26043" s="6">
        <v>433549.35</v>
      </c>
      <c r="C26043" s="7">
        <f t="shared" si="406"/>
        <v>433.54935</v>
      </c>
    </row>
    <row r="26044" spans="1:3" x14ac:dyDescent="0.25">
      <c r="A26044" s="2" t="s">
        <v>14457</v>
      </c>
      <c r="B26044" s="6">
        <v>433565.99999999994</v>
      </c>
      <c r="C26044" s="7">
        <f t="shared" si="406"/>
        <v>433.56599999999992</v>
      </c>
    </row>
    <row r="26045" spans="1:3" x14ac:dyDescent="0.25">
      <c r="A26045" s="2" t="s">
        <v>14458</v>
      </c>
      <c r="B26045" s="6">
        <v>433582.64999999997</v>
      </c>
      <c r="C26045" s="7">
        <f t="shared" si="406"/>
        <v>433.58264999999994</v>
      </c>
    </row>
    <row r="26046" spans="1:3" x14ac:dyDescent="0.25">
      <c r="A26046" s="2" t="s">
        <v>14459</v>
      </c>
      <c r="B26046" s="6">
        <v>433599.3</v>
      </c>
      <c r="C26046" s="7">
        <f t="shared" si="406"/>
        <v>433.59929999999997</v>
      </c>
    </row>
    <row r="26047" spans="1:3" x14ac:dyDescent="0.25">
      <c r="A26047" s="2" t="s">
        <v>14460</v>
      </c>
      <c r="B26047" s="6">
        <v>433615.94999999995</v>
      </c>
      <c r="C26047" s="7">
        <f t="shared" si="406"/>
        <v>433.61594999999994</v>
      </c>
    </row>
    <row r="26048" spans="1:3" x14ac:dyDescent="0.25">
      <c r="A26048" s="2" t="s">
        <v>14461</v>
      </c>
      <c r="B26048" s="6">
        <v>433632.6</v>
      </c>
      <c r="C26048" s="7">
        <f t="shared" si="406"/>
        <v>433.63259999999997</v>
      </c>
    </row>
    <row r="26049" spans="1:3" x14ac:dyDescent="0.25">
      <c r="A26049" s="2" t="s">
        <v>14462</v>
      </c>
      <c r="B26049" s="6">
        <v>433649.24999999994</v>
      </c>
      <c r="C26049" s="7">
        <f t="shared" si="406"/>
        <v>433.64924999999994</v>
      </c>
    </row>
    <row r="26050" spans="1:3" x14ac:dyDescent="0.25">
      <c r="A26050" s="2" t="s">
        <v>14463</v>
      </c>
      <c r="B26050" s="6">
        <v>433665.89999999997</v>
      </c>
      <c r="C26050" s="7">
        <f t="shared" si="406"/>
        <v>433.66589999999997</v>
      </c>
    </row>
    <row r="26051" spans="1:3" x14ac:dyDescent="0.25">
      <c r="A26051" s="2" t="s">
        <v>14464</v>
      </c>
      <c r="B26051" s="6">
        <v>433682.55</v>
      </c>
      <c r="C26051" s="7">
        <f t="shared" ref="C26051:C26114" si="407">B26051/1000</f>
        <v>433.68254999999999</v>
      </c>
    </row>
    <row r="26052" spans="1:3" x14ac:dyDescent="0.25">
      <c r="A26052" s="2" t="s">
        <v>14465</v>
      </c>
      <c r="B26052" s="6">
        <v>433699.19999999995</v>
      </c>
      <c r="C26052" s="7">
        <f t="shared" si="407"/>
        <v>433.69919999999996</v>
      </c>
    </row>
    <row r="26053" spans="1:3" x14ac:dyDescent="0.25">
      <c r="A26053" s="2" t="s">
        <v>14466</v>
      </c>
      <c r="B26053" s="6">
        <v>433715.85</v>
      </c>
      <c r="C26053" s="7">
        <f t="shared" si="407"/>
        <v>433.71584999999999</v>
      </c>
    </row>
    <row r="26054" spans="1:3" x14ac:dyDescent="0.25">
      <c r="A26054" s="2" t="s">
        <v>14467</v>
      </c>
      <c r="B26054" s="6">
        <v>433732.49999999994</v>
      </c>
      <c r="C26054" s="7">
        <f t="shared" si="407"/>
        <v>433.73249999999996</v>
      </c>
    </row>
    <row r="26055" spans="1:3" x14ac:dyDescent="0.25">
      <c r="A26055" s="2" t="s">
        <v>14468</v>
      </c>
      <c r="B26055" s="6">
        <v>433749.14999999997</v>
      </c>
      <c r="C26055" s="7">
        <f t="shared" si="407"/>
        <v>433.74914999999999</v>
      </c>
    </row>
    <row r="26056" spans="1:3" x14ac:dyDescent="0.25">
      <c r="A26056" s="2" t="s">
        <v>14469</v>
      </c>
      <c r="B26056" s="6">
        <v>433765.8</v>
      </c>
      <c r="C26056" s="7">
        <f t="shared" si="407"/>
        <v>433.76580000000001</v>
      </c>
    </row>
    <row r="26057" spans="1:3" x14ac:dyDescent="0.25">
      <c r="A26057" s="2" t="s">
        <v>14470</v>
      </c>
      <c r="B26057" s="6">
        <v>433782.44999999995</v>
      </c>
      <c r="C26057" s="7">
        <f t="shared" si="407"/>
        <v>433.78244999999993</v>
      </c>
    </row>
    <row r="26058" spans="1:3" x14ac:dyDescent="0.25">
      <c r="A26058" s="2" t="s">
        <v>14471</v>
      </c>
      <c r="B26058" s="6">
        <v>433799.1</v>
      </c>
      <c r="C26058" s="7">
        <f t="shared" si="407"/>
        <v>433.79909999999995</v>
      </c>
    </row>
    <row r="26059" spans="1:3" x14ac:dyDescent="0.25">
      <c r="A26059" s="2" t="s">
        <v>14472</v>
      </c>
      <c r="B26059" s="6">
        <v>433815.74999999994</v>
      </c>
      <c r="C26059" s="7">
        <f t="shared" si="407"/>
        <v>433.81574999999992</v>
      </c>
    </row>
    <row r="26060" spans="1:3" x14ac:dyDescent="0.25">
      <c r="A26060" s="2" t="s">
        <v>14473</v>
      </c>
      <c r="B26060" s="6">
        <v>433832.39999999997</v>
      </c>
      <c r="C26060" s="7">
        <f t="shared" si="407"/>
        <v>433.83239999999995</v>
      </c>
    </row>
    <row r="26061" spans="1:3" x14ac:dyDescent="0.25">
      <c r="A26061" s="2" t="s">
        <v>14474</v>
      </c>
      <c r="B26061" s="6">
        <v>433849.05</v>
      </c>
      <c r="C26061" s="7">
        <f t="shared" si="407"/>
        <v>433.84904999999998</v>
      </c>
    </row>
    <row r="26062" spans="1:3" x14ac:dyDescent="0.25">
      <c r="A26062" s="2" t="s">
        <v>14475</v>
      </c>
      <c r="B26062" s="6">
        <v>433865.69999999995</v>
      </c>
      <c r="C26062" s="7">
        <f t="shared" si="407"/>
        <v>433.86569999999995</v>
      </c>
    </row>
    <row r="26063" spans="1:3" x14ac:dyDescent="0.25">
      <c r="A26063" s="2" t="s">
        <v>14476</v>
      </c>
      <c r="B26063" s="6">
        <v>433882.35</v>
      </c>
      <c r="C26063" s="7">
        <f t="shared" si="407"/>
        <v>433.88234999999997</v>
      </c>
    </row>
    <row r="26064" spans="1:3" x14ac:dyDescent="0.25">
      <c r="A26064" s="2" t="s">
        <v>14477</v>
      </c>
      <c r="B26064" s="6">
        <v>433898.99999999994</v>
      </c>
      <c r="C26064" s="7">
        <f t="shared" si="407"/>
        <v>433.89899999999994</v>
      </c>
    </row>
    <row r="26065" spans="1:3" x14ac:dyDescent="0.25">
      <c r="A26065" s="2" t="s">
        <v>14478</v>
      </c>
      <c r="B26065" s="6">
        <v>433915.64999999997</v>
      </c>
      <c r="C26065" s="7">
        <f t="shared" si="407"/>
        <v>433.91564999999997</v>
      </c>
    </row>
    <row r="26066" spans="1:3" x14ac:dyDescent="0.25">
      <c r="A26066" s="2" t="s">
        <v>14479</v>
      </c>
      <c r="B26066" s="6">
        <v>433932.3</v>
      </c>
      <c r="C26066" s="7">
        <f t="shared" si="407"/>
        <v>433.9323</v>
      </c>
    </row>
    <row r="26067" spans="1:3" x14ac:dyDescent="0.25">
      <c r="A26067" s="2" t="s">
        <v>14480</v>
      </c>
      <c r="B26067" s="6">
        <v>433948.94999999995</v>
      </c>
      <c r="C26067" s="7">
        <f t="shared" si="407"/>
        <v>433.94894999999997</v>
      </c>
    </row>
    <row r="26068" spans="1:3" x14ac:dyDescent="0.25">
      <c r="A26068" s="2" t="s">
        <v>14481</v>
      </c>
      <c r="B26068" s="6">
        <v>433965.6</v>
      </c>
      <c r="C26068" s="7">
        <f t="shared" si="407"/>
        <v>433.96559999999999</v>
      </c>
    </row>
    <row r="26069" spans="1:3" x14ac:dyDescent="0.25">
      <c r="A26069" s="2" t="s">
        <v>14482</v>
      </c>
      <c r="B26069" s="6">
        <v>433982.24999999994</v>
      </c>
      <c r="C26069" s="7">
        <f t="shared" si="407"/>
        <v>433.98224999999996</v>
      </c>
    </row>
    <row r="26070" spans="1:3" x14ac:dyDescent="0.25">
      <c r="A26070" s="2" t="s">
        <v>14483</v>
      </c>
      <c r="B26070" s="6">
        <v>433998.89999999997</v>
      </c>
      <c r="C26070" s="7">
        <f t="shared" si="407"/>
        <v>433.99889999999999</v>
      </c>
    </row>
    <row r="26071" spans="1:3" x14ac:dyDescent="0.25">
      <c r="A26071" s="2" t="s">
        <v>14484</v>
      </c>
      <c r="B26071" s="6">
        <v>434015.55</v>
      </c>
      <c r="C26071" s="7">
        <f t="shared" si="407"/>
        <v>434.01554999999996</v>
      </c>
    </row>
    <row r="26072" spans="1:3" x14ac:dyDescent="0.25">
      <c r="A26072" s="2" t="s">
        <v>14485</v>
      </c>
      <c r="B26072" s="6">
        <v>434032.19999999995</v>
      </c>
      <c r="C26072" s="7">
        <f t="shared" si="407"/>
        <v>434.03219999999993</v>
      </c>
    </row>
    <row r="26073" spans="1:3" x14ac:dyDescent="0.25">
      <c r="A26073" s="2" t="s">
        <v>14486</v>
      </c>
      <c r="B26073" s="6">
        <v>434048.85</v>
      </c>
      <c r="C26073" s="7">
        <f t="shared" si="407"/>
        <v>434.04884999999996</v>
      </c>
    </row>
    <row r="26074" spans="1:3" x14ac:dyDescent="0.25">
      <c r="A26074" s="2" t="s">
        <v>14487</v>
      </c>
      <c r="B26074" s="6">
        <v>434065.49999999994</v>
      </c>
      <c r="C26074" s="7">
        <f t="shared" si="407"/>
        <v>434.06549999999993</v>
      </c>
    </row>
    <row r="26075" spans="1:3" x14ac:dyDescent="0.25">
      <c r="A26075" s="2" t="s">
        <v>14488</v>
      </c>
      <c r="B26075" s="6">
        <v>434082.14999999997</v>
      </c>
      <c r="C26075" s="7">
        <f t="shared" si="407"/>
        <v>434.08214999999996</v>
      </c>
    </row>
    <row r="26076" spans="1:3" x14ac:dyDescent="0.25">
      <c r="A26076" s="2" t="s">
        <v>14489</v>
      </c>
      <c r="B26076" s="6">
        <v>434098.8</v>
      </c>
      <c r="C26076" s="7">
        <f t="shared" si="407"/>
        <v>434.09879999999998</v>
      </c>
    </row>
    <row r="26077" spans="1:3" x14ac:dyDescent="0.25">
      <c r="A26077" s="2" t="s">
        <v>14490</v>
      </c>
      <c r="B26077" s="6">
        <v>434115.44999999995</v>
      </c>
      <c r="C26077" s="7">
        <f t="shared" si="407"/>
        <v>434.11544999999995</v>
      </c>
    </row>
    <row r="26078" spans="1:3" x14ac:dyDescent="0.25">
      <c r="A26078" s="2" t="s">
        <v>14491</v>
      </c>
      <c r="B26078" s="6">
        <v>434132.1</v>
      </c>
      <c r="C26078" s="7">
        <f t="shared" si="407"/>
        <v>434.13209999999998</v>
      </c>
    </row>
    <row r="26079" spans="1:3" x14ac:dyDescent="0.25">
      <c r="A26079" s="2" t="s">
        <v>14492</v>
      </c>
      <c r="B26079" s="6">
        <v>434148.74999999994</v>
      </c>
      <c r="C26079" s="7">
        <f t="shared" si="407"/>
        <v>434.14874999999995</v>
      </c>
    </row>
    <row r="26080" spans="1:3" x14ac:dyDescent="0.25">
      <c r="A26080" s="2" t="s">
        <v>14493</v>
      </c>
      <c r="B26080" s="6">
        <v>434165.39999999997</v>
      </c>
      <c r="C26080" s="7">
        <f t="shared" si="407"/>
        <v>434.16539999999998</v>
      </c>
    </row>
    <row r="26081" spans="1:3" x14ac:dyDescent="0.25">
      <c r="A26081" s="2" t="s">
        <v>14494</v>
      </c>
      <c r="B26081" s="6">
        <v>434182.05</v>
      </c>
      <c r="C26081" s="7">
        <f t="shared" si="407"/>
        <v>434.18205</v>
      </c>
    </row>
    <row r="26082" spans="1:3" x14ac:dyDescent="0.25">
      <c r="A26082" s="2" t="s">
        <v>14495</v>
      </c>
      <c r="B26082" s="6">
        <v>434198.69999999995</v>
      </c>
      <c r="C26082" s="7">
        <f t="shared" si="407"/>
        <v>434.19869999999997</v>
      </c>
    </row>
    <row r="26083" spans="1:3" x14ac:dyDescent="0.25">
      <c r="A26083" s="2" t="s">
        <v>14496</v>
      </c>
      <c r="B26083" s="6">
        <v>434215.35</v>
      </c>
      <c r="C26083" s="7">
        <f t="shared" si="407"/>
        <v>434.21535</v>
      </c>
    </row>
    <row r="26084" spans="1:3" x14ac:dyDescent="0.25">
      <c r="A26084" s="2" t="s">
        <v>14497</v>
      </c>
      <c r="B26084" s="6">
        <v>434231.99999999994</v>
      </c>
      <c r="C26084" s="7">
        <f t="shared" si="407"/>
        <v>434.23199999999991</v>
      </c>
    </row>
    <row r="26085" spans="1:3" x14ac:dyDescent="0.25">
      <c r="A26085" s="2" t="s">
        <v>14498</v>
      </c>
      <c r="B26085" s="6">
        <v>434248.64999999997</v>
      </c>
      <c r="C26085" s="7">
        <f t="shared" si="407"/>
        <v>434.24864999999994</v>
      </c>
    </row>
    <row r="26086" spans="1:3" x14ac:dyDescent="0.25">
      <c r="A26086" s="2" t="s">
        <v>14499</v>
      </c>
      <c r="B26086" s="6">
        <v>434265.3</v>
      </c>
      <c r="C26086" s="7">
        <f t="shared" si="407"/>
        <v>434.26529999999997</v>
      </c>
    </row>
    <row r="26087" spans="1:3" x14ac:dyDescent="0.25">
      <c r="A26087" s="2" t="s">
        <v>14500</v>
      </c>
      <c r="B26087" s="6">
        <v>434281.94999999995</v>
      </c>
      <c r="C26087" s="7">
        <f t="shared" si="407"/>
        <v>434.28194999999994</v>
      </c>
    </row>
    <row r="26088" spans="1:3" x14ac:dyDescent="0.25">
      <c r="A26088" s="2" t="s">
        <v>14501</v>
      </c>
      <c r="B26088" s="6">
        <v>434298.6</v>
      </c>
      <c r="C26088" s="7">
        <f t="shared" si="407"/>
        <v>434.29859999999996</v>
      </c>
    </row>
    <row r="26089" spans="1:3" x14ac:dyDescent="0.25">
      <c r="A26089" s="2" t="s">
        <v>14502</v>
      </c>
      <c r="B26089" s="6">
        <v>434315.24999999994</v>
      </c>
      <c r="C26089" s="7">
        <f t="shared" si="407"/>
        <v>434.31524999999993</v>
      </c>
    </row>
    <row r="26090" spans="1:3" x14ac:dyDescent="0.25">
      <c r="A26090" s="2" t="s">
        <v>14503</v>
      </c>
      <c r="B26090" s="6">
        <v>434331.89999999997</v>
      </c>
      <c r="C26090" s="7">
        <f t="shared" si="407"/>
        <v>434.33189999999996</v>
      </c>
    </row>
    <row r="26091" spans="1:3" x14ac:dyDescent="0.25">
      <c r="A26091" s="2" t="s">
        <v>14504</v>
      </c>
      <c r="B26091" s="6">
        <v>434348.55</v>
      </c>
      <c r="C26091" s="7">
        <f t="shared" si="407"/>
        <v>434.34854999999999</v>
      </c>
    </row>
    <row r="26092" spans="1:3" x14ac:dyDescent="0.25">
      <c r="A26092" s="2" t="s">
        <v>14505</v>
      </c>
      <c r="B26092" s="6">
        <v>434365.19999999995</v>
      </c>
      <c r="C26092" s="7">
        <f t="shared" si="407"/>
        <v>434.36519999999996</v>
      </c>
    </row>
    <row r="26093" spans="1:3" x14ac:dyDescent="0.25">
      <c r="A26093" s="2" t="s">
        <v>14506</v>
      </c>
      <c r="B26093" s="6">
        <v>434381.85</v>
      </c>
      <c r="C26093" s="7">
        <f t="shared" si="407"/>
        <v>434.38184999999999</v>
      </c>
    </row>
    <row r="26094" spans="1:3" x14ac:dyDescent="0.25">
      <c r="A26094" s="2" t="s">
        <v>14507</v>
      </c>
      <c r="B26094" s="6">
        <v>434398.49999999994</v>
      </c>
      <c r="C26094" s="7">
        <f t="shared" si="407"/>
        <v>434.39849999999996</v>
      </c>
    </row>
    <row r="26095" spans="1:3" x14ac:dyDescent="0.25">
      <c r="A26095" s="2" t="s">
        <v>14508</v>
      </c>
      <c r="B26095" s="6">
        <v>434415.14999999997</v>
      </c>
      <c r="C26095" s="7">
        <f t="shared" si="407"/>
        <v>434.41514999999998</v>
      </c>
    </row>
    <row r="26096" spans="1:3" x14ac:dyDescent="0.25">
      <c r="A26096" s="2" t="s">
        <v>14509</v>
      </c>
      <c r="B26096" s="6">
        <v>434431.8</v>
      </c>
      <c r="C26096" s="7">
        <f t="shared" si="407"/>
        <v>434.43180000000001</v>
      </c>
    </row>
    <row r="26097" spans="1:3" x14ac:dyDescent="0.25">
      <c r="A26097" s="2" t="s">
        <v>14510</v>
      </c>
      <c r="B26097" s="6">
        <v>434448.44999999995</v>
      </c>
      <c r="C26097" s="7">
        <f t="shared" si="407"/>
        <v>434.44844999999998</v>
      </c>
    </row>
    <row r="26098" spans="1:3" x14ac:dyDescent="0.25">
      <c r="A26098" s="2" t="s">
        <v>14511</v>
      </c>
      <c r="B26098" s="6">
        <v>434465.1</v>
      </c>
      <c r="C26098" s="7">
        <f t="shared" si="407"/>
        <v>434.46509999999995</v>
      </c>
    </row>
    <row r="26099" spans="1:3" x14ac:dyDescent="0.25">
      <c r="A26099" s="2" t="s">
        <v>14512</v>
      </c>
      <c r="B26099" s="6">
        <v>434481.74999999994</v>
      </c>
      <c r="C26099" s="7">
        <f t="shared" si="407"/>
        <v>434.48174999999992</v>
      </c>
    </row>
    <row r="26100" spans="1:3" x14ac:dyDescent="0.25">
      <c r="A26100" s="2" t="s">
        <v>14513</v>
      </c>
      <c r="B26100" s="6">
        <v>434498.39999999997</v>
      </c>
      <c r="C26100" s="7">
        <f t="shared" si="407"/>
        <v>434.49839999999995</v>
      </c>
    </row>
    <row r="26101" spans="1:3" x14ac:dyDescent="0.25">
      <c r="A26101" s="2" t="s">
        <v>14514</v>
      </c>
      <c r="B26101" s="6">
        <v>434515.05</v>
      </c>
      <c r="C26101" s="7">
        <f t="shared" si="407"/>
        <v>434.51504999999997</v>
      </c>
    </row>
    <row r="26102" spans="1:3" x14ac:dyDescent="0.25">
      <c r="A26102" s="2" t="s">
        <v>14515</v>
      </c>
      <c r="B26102" s="6">
        <v>434531.69999999995</v>
      </c>
      <c r="C26102" s="7">
        <f t="shared" si="407"/>
        <v>434.53169999999994</v>
      </c>
    </row>
    <row r="26103" spans="1:3" x14ac:dyDescent="0.25">
      <c r="A26103" s="2" t="s">
        <v>14516</v>
      </c>
      <c r="B26103" s="6">
        <v>434548.35</v>
      </c>
      <c r="C26103" s="7">
        <f t="shared" si="407"/>
        <v>434.54834999999997</v>
      </c>
    </row>
    <row r="26104" spans="1:3" x14ac:dyDescent="0.25">
      <c r="A26104" s="2" t="s">
        <v>14517</v>
      </c>
      <c r="B26104" s="6">
        <v>434564.99999999994</v>
      </c>
      <c r="C26104" s="7">
        <f t="shared" si="407"/>
        <v>434.56499999999994</v>
      </c>
    </row>
    <row r="26105" spans="1:3" x14ac:dyDescent="0.25">
      <c r="A26105" s="2" t="s">
        <v>14518</v>
      </c>
      <c r="B26105" s="6">
        <v>434581.64999999997</v>
      </c>
      <c r="C26105" s="7">
        <f t="shared" si="407"/>
        <v>434.58164999999997</v>
      </c>
    </row>
    <row r="26106" spans="1:3" x14ac:dyDescent="0.25">
      <c r="A26106" s="2" t="s">
        <v>14519</v>
      </c>
      <c r="B26106" s="6">
        <v>434598.3</v>
      </c>
      <c r="C26106" s="7">
        <f t="shared" si="407"/>
        <v>434.59829999999999</v>
      </c>
    </row>
    <row r="26107" spans="1:3" x14ac:dyDescent="0.25">
      <c r="A26107" s="2" t="s">
        <v>14520</v>
      </c>
      <c r="B26107" s="6">
        <v>434614.94999999995</v>
      </c>
      <c r="C26107" s="7">
        <f t="shared" si="407"/>
        <v>434.61494999999996</v>
      </c>
    </row>
    <row r="26108" spans="1:3" x14ac:dyDescent="0.25">
      <c r="A26108" s="2" t="s">
        <v>14521</v>
      </c>
      <c r="B26108" s="6">
        <v>434631.6</v>
      </c>
      <c r="C26108" s="7">
        <f t="shared" si="407"/>
        <v>434.63159999999999</v>
      </c>
    </row>
    <row r="26109" spans="1:3" x14ac:dyDescent="0.25">
      <c r="A26109" s="2" t="s">
        <v>14522</v>
      </c>
      <c r="B26109" s="6">
        <v>434648.24999999994</v>
      </c>
      <c r="C26109" s="7">
        <f t="shared" si="407"/>
        <v>434.64824999999996</v>
      </c>
    </row>
    <row r="26110" spans="1:3" x14ac:dyDescent="0.25">
      <c r="A26110" s="2" t="s">
        <v>14523</v>
      </c>
      <c r="B26110" s="6">
        <v>434664.89999999997</v>
      </c>
      <c r="C26110" s="7">
        <f t="shared" si="407"/>
        <v>434.66489999999999</v>
      </c>
    </row>
    <row r="26111" spans="1:3" x14ac:dyDescent="0.25">
      <c r="A26111" s="2" t="s">
        <v>14524</v>
      </c>
      <c r="B26111" s="6">
        <v>434681.55</v>
      </c>
      <c r="C26111" s="7">
        <f t="shared" si="407"/>
        <v>434.68155000000002</v>
      </c>
    </row>
    <row r="26112" spans="1:3" x14ac:dyDescent="0.25">
      <c r="A26112" s="2" t="s">
        <v>14525</v>
      </c>
      <c r="B26112" s="6">
        <v>434698.19999999995</v>
      </c>
      <c r="C26112" s="7">
        <f t="shared" si="407"/>
        <v>434.69819999999993</v>
      </c>
    </row>
    <row r="26113" spans="1:3" x14ac:dyDescent="0.25">
      <c r="A26113" s="2" t="s">
        <v>14526</v>
      </c>
      <c r="B26113" s="6">
        <v>434714.85</v>
      </c>
      <c r="C26113" s="7">
        <f t="shared" si="407"/>
        <v>434.71484999999996</v>
      </c>
    </row>
    <row r="26114" spans="1:3" x14ac:dyDescent="0.25">
      <c r="A26114" s="2" t="s">
        <v>14527</v>
      </c>
      <c r="B26114" s="6">
        <v>434731.49999999994</v>
      </c>
      <c r="C26114" s="7">
        <f t="shared" si="407"/>
        <v>434.73149999999993</v>
      </c>
    </row>
    <row r="26115" spans="1:3" x14ac:dyDescent="0.25">
      <c r="A26115" s="2" t="s">
        <v>14528</v>
      </c>
      <c r="B26115" s="6">
        <v>434748.14999999997</v>
      </c>
      <c r="C26115" s="7">
        <f t="shared" ref="C26115:C26178" si="408">B26115/1000</f>
        <v>434.74814999999995</v>
      </c>
    </row>
    <row r="26116" spans="1:3" x14ac:dyDescent="0.25">
      <c r="A26116" s="2" t="s">
        <v>14529</v>
      </c>
      <c r="B26116" s="6">
        <v>434764.79999999999</v>
      </c>
      <c r="C26116" s="7">
        <f t="shared" si="408"/>
        <v>434.76479999999998</v>
      </c>
    </row>
    <row r="26117" spans="1:3" x14ac:dyDescent="0.25">
      <c r="A26117" s="2" t="s">
        <v>14530</v>
      </c>
      <c r="B26117" s="6">
        <v>434781.44999999995</v>
      </c>
      <c r="C26117" s="7">
        <f t="shared" si="408"/>
        <v>434.78144999999995</v>
      </c>
    </row>
    <row r="26118" spans="1:3" x14ac:dyDescent="0.25">
      <c r="A26118" s="2" t="s">
        <v>14531</v>
      </c>
      <c r="B26118" s="6">
        <v>434798.1</v>
      </c>
      <c r="C26118" s="7">
        <f t="shared" si="408"/>
        <v>434.79809999999998</v>
      </c>
    </row>
    <row r="26119" spans="1:3" x14ac:dyDescent="0.25">
      <c r="A26119" s="2" t="s">
        <v>14532</v>
      </c>
      <c r="B26119" s="6">
        <v>434814.74999999994</v>
      </c>
      <c r="C26119" s="7">
        <f t="shared" si="408"/>
        <v>434.81474999999995</v>
      </c>
    </row>
    <row r="26120" spans="1:3" x14ac:dyDescent="0.25">
      <c r="A26120" s="2" t="s">
        <v>14533</v>
      </c>
      <c r="B26120" s="6">
        <v>434831.39999999997</v>
      </c>
      <c r="C26120" s="7">
        <f t="shared" si="408"/>
        <v>434.83139999999997</v>
      </c>
    </row>
    <row r="26121" spans="1:3" x14ac:dyDescent="0.25">
      <c r="A26121" s="2" t="s">
        <v>14534</v>
      </c>
      <c r="B26121" s="6">
        <v>434848.05</v>
      </c>
      <c r="C26121" s="7">
        <f t="shared" si="408"/>
        <v>434.84805</v>
      </c>
    </row>
    <row r="26122" spans="1:3" x14ac:dyDescent="0.25">
      <c r="A26122" s="2" t="s">
        <v>14535</v>
      </c>
      <c r="B26122" s="6">
        <v>434864.69999999995</v>
      </c>
      <c r="C26122" s="7">
        <f t="shared" si="408"/>
        <v>434.86469999999997</v>
      </c>
    </row>
    <row r="26123" spans="1:3" x14ac:dyDescent="0.25">
      <c r="A26123" s="2" t="s">
        <v>14536</v>
      </c>
      <c r="B26123" s="6">
        <v>434881.35</v>
      </c>
      <c r="C26123" s="7">
        <f t="shared" si="408"/>
        <v>434.88135</v>
      </c>
    </row>
    <row r="26124" spans="1:3" x14ac:dyDescent="0.25">
      <c r="A26124" s="2" t="s">
        <v>14537</v>
      </c>
      <c r="B26124" s="6">
        <v>434897.99999999994</v>
      </c>
      <c r="C26124" s="7">
        <f t="shared" si="408"/>
        <v>434.89799999999997</v>
      </c>
    </row>
    <row r="26125" spans="1:3" x14ac:dyDescent="0.25">
      <c r="A26125" s="2" t="s">
        <v>14538</v>
      </c>
      <c r="B26125" s="6">
        <v>434914.64999999997</v>
      </c>
      <c r="C26125" s="7">
        <f t="shared" si="408"/>
        <v>434.91464999999994</v>
      </c>
    </row>
    <row r="26126" spans="1:3" x14ac:dyDescent="0.25">
      <c r="A26126" s="2" t="s">
        <v>14539</v>
      </c>
      <c r="B26126" s="6">
        <v>434931.3</v>
      </c>
      <c r="C26126" s="7">
        <f t="shared" si="408"/>
        <v>434.93129999999996</v>
      </c>
    </row>
    <row r="26127" spans="1:3" x14ac:dyDescent="0.25">
      <c r="A26127" s="2" t="s">
        <v>14540</v>
      </c>
      <c r="B26127" s="6">
        <v>434947.94999999995</v>
      </c>
      <c r="C26127" s="7">
        <f t="shared" si="408"/>
        <v>434.94794999999993</v>
      </c>
    </row>
    <row r="26128" spans="1:3" x14ac:dyDescent="0.25">
      <c r="A26128" s="2" t="s">
        <v>14541</v>
      </c>
      <c r="B26128" s="6">
        <v>434964.6</v>
      </c>
      <c r="C26128" s="7">
        <f t="shared" si="408"/>
        <v>434.96459999999996</v>
      </c>
    </row>
    <row r="26129" spans="1:3" x14ac:dyDescent="0.25">
      <c r="A26129" s="2" t="s">
        <v>14542</v>
      </c>
      <c r="B26129" s="6">
        <v>434981.24999999994</v>
      </c>
      <c r="C26129" s="7">
        <f t="shared" si="408"/>
        <v>434.98124999999993</v>
      </c>
    </row>
    <row r="26130" spans="1:3" x14ac:dyDescent="0.25">
      <c r="A26130" s="2" t="s">
        <v>14543</v>
      </c>
      <c r="B26130" s="6">
        <v>434997.89999999997</v>
      </c>
      <c r="C26130" s="7">
        <f t="shared" si="408"/>
        <v>434.99789999999996</v>
      </c>
    </row>
    <row r="26131" spans="1:3" x14ac:dyDescent="0.25">
      <c r="A26131" s="2" t="s">
        <v>14544</v>
      </c>
      <c r="B26131" s="6">
        <v>435014.55</v>
      </c>
      <c r="C26131" s="7">
        <f t="shared" si="408"/>
        <v>435.01454999999999</v>
      </c>
    </row>
    <row r="26132" spans="1:3" x14ac:dyDescent="0.25">
      <c r="A26132" s="2" t="s">
        <v>14545</v>
      </c>
      <c r="B26132" s="6">
        <v>435031.19999999995</v>
      </c>
      <c r="C26132" s="7">
        <f t="shared" si="408"/>
        <v>435.03119999999996</v>
      </c>
    </row>
    <row r="26133" spans="1:3" x14ac:dyDescent="0.25">
      <c r="A26133" s="2" t="s">
        <v>14546</v>
      </c>
      <c r="B26133" s="6">
        <v>435047.85</v>
      </c>
      <c r="C26133" s="7">
        <f t="shared" si="408"/>
        <v>435.04784999999998</v>
      </c>
    </row>
    <row r="26134" spans="1:3" x14ac:dyDescent="0.25">
      <c r="A26134" s="2" t="s">
        <v>14547</v>
      </c>
      <c r="B26134" s="6">
        <v>435064.49999999994</v>
      </c>
      <c r="C26134" s="7">
        <f t="shared" si="408"/>
        <v>435.06449999999995</v>
      </c>
    </row>
    <row r="26135" spans="1:3" x14ac:dyDescent="0.25">
      <c r="A26135" s="2" t="s">
        <v>14548</v>
      </c>
      <c r="B26135" s="6">
        <v>435081.14999999997</v>
      </c>
      <c r="C26135" s="7">
        <f t="shared" si="408"/>
        <v>435.08114999999998</v>
      </c>
    </row>
    <row r="26136" spans="1:3" x14ac:dyDescent="0.25">
      <c r="A26136" s="2" t="s">
        <v>14549</v>
      </c>
      <c r="B26136" s="6">
        <v>435097.8</v>
      </c>
      <c r="C26136" s="7">
        <f t="shared" si="408"/>
        <v>435.09780000000001</v>
      </c>
    </row>
    <row r="26137" spans="1:3" x14ac:dyDescent="0.25">
      <c r="A26137" s="2" t="s">
        <v>14550</v>
      </c>
      <c r="B26137" s="6">
        <v>435114.44999999995</v>
      </c>
      <c r="C26137" s="7">
        <f t="shared" si="408"/>
        <v>435.11444999999998</v>
      </c>
    </row>
    <row r="26138" spans="1:3" x14ac:dyDescent="0.25">
      <c r="A26138" s="2" t="s">
        <v>14551</v>
      </c>
      <c r="B26138" s="6">
        <v>435131.1</v>
      </c>
      <c r="C26138" s="7">
        <f t="shared" si="408"/>
        <v>435.1311</v>
      </c>
    </row>
    <row r="26139" spans="1:3" x14ac:dyDescent="0.25">
      <c r="A26139" s="2" t="s">
        <v>14552</v>
      </c>
      <c r="B26139" s="6">
        <v>435147.74999999994</v>
      </c>
      <c r="C26139" s="7">
        <f t="shared" si="408"/>
        <v>435.14774999999992</v>
      </c>
    </row>
    <row r="26140" spans="1:3" x14ac:dyDescent="0.25">
      <c r="A26140" s="2" t="s">
        <v>14553</v>
      </c>
      <c r="B26140" s="6">
        <v>435164.39999999997</v>
      </c>
      <c r="C26140" s="7">
        <f t="shared" si="408"/>
        <v>435.16439999999994</v>
      </c>
    </row>
    <row r="26141" spans="1:3" x14ac:dyDescent="0.25">
      <c r="A26141" s="2" t="s">
        <v>14554</v>
      </c>
      <c r="B26141" s="6">
        <v>435181.05</v>
      </c>
      <c r="C26141" s="7">
        <f t="shared" si="408"/>
        <v>435.18104999999997</v>
      </c>
    </row>
    <row r="26142" spans="1:3" x14ac:dyDescent="0.25">
      <c r="A26142" s="2" t="s">
        <v>14555</v>
      </c>
      <c r="B26142" s="6">
        <v>435197.69999999995</v>
      </c>
      <c r="C26142" s="7">
        <f t="shared" si="408"/>
        <v>435.19769999999994</v>
      </c>
    </row>
    <row r="26143" spans="1:3" x14ac:dyDescent="0.25">
      <c r="A26143" s="2" t="s">
        <v>14556</v>
      </c>
      <c r="B26143" s="6">
        <v>435214.35</v>
      </c>
      <c r="C26143" s="7">
        <f t="shared" si="408"/>
        <v>435.21434999999997</v>
      </c>
    </row>
    <row r="26144" spans="1:3" x14ac:dyDescent="0.25">
      <c r="A26144" s="2" t="s">
        <v>14557</v>
      </c>
      <c r="B26144" s="6">
        <v>435230.99999999994</v>
      </c>
      <c r="C26144" s="7">
        <f t="shared" si="408"/>
        <v>435.23099999999994</v>
      </c>
    </row>
    <row r="26145" spans="1:3" x14ac:dyDescent="0.25">
      <c r="A26145" s="2" t="s">
        <v>14558</v>
      </c>
      <c r="B26145" s="6">
        <v>435247.64999999997</v>
      </c>
      <c r="C26145" s="7">
        <f t="shared" si="408"/>
        <v>435.24764999999996</v>
      </c>
    </row>
    <row r="26146" spans="1:3" x14ac:dyDescent="0.25">
      <c r="A26146" s="2" t="s">
        <v>14559</v>
      </c>
      <c r="B26146" s="6">
        <v>435264.3</v>
      </c>
      <c r="C26146" s="7">
        <f t="shared" si="408"/>
        <v>435.26429999999999</v>
      </c>
    </row>
    <row r="26147" spans="1:3" x14ac:dyDescent="0.25">
      <c r="A26147" s="2" t="s">
        <v>14560</v>
      </c>
      <c r="B26147" s="6">
        <v>435280.94999999995</v>
      </c>
      <c r="C26147" s="7">
        <f t="shared" si="408"/>
        <v>435.28094999999996</v>
      </c>
    </row>
    <row r="26148" spans="1:3" x14ac:dyDescent="0.25">
      <c r="A26148" s="2" t="s">
        <v>14561</v>
      </c>
      <c r="B26148" s="6">
        <v>435297.6</v>
      </c>
      <c r="C26148" s="7">
        <f t="shared" si="408"/>
        <v>435.29759999999999</v>
      </c>
    </row>
    <row r="26149" spans="1:3" x14ac:dyDescent="0.25">
      <c r="A26149" s="2" t="s">
        <v>14562</v>
      </c>
      <c r="B26149" s="6">
        <v>435314.24999999994</v>
      </c>
      <c r="C26149" s="7">
        <f t="shared" si="408"/>
        <v>435.31424999999996</v>
      </c>
    </row>
    <row r="26150" spans="1:3" x14ac:dyDescent="0.25">
      <c r="A26150" s="2" t="s">
        <v>14563</v>
      </c>
      <c r="B26150" s="6">
        <v>435330.89999999997</v>
      </c>
      <c r="C26150" s="7">
        <f t="shared" si="408"/>
        <v>435.33089999999999</v>
      </c>
    </row>
    <row r="26151" spans="1:3" x14ac:dyDescent="0.25">
      <c r="A26151" s="2" t="s">
        <v>14564</v>
      </c>
      <c r="B26151" s="6">
        <v>435347.55</v>
      </c>
      <c r="C26151" s="7">
        <f t="shared" si="408"/>
        <v>435.34755000000001</v>
      </c>
    </row>
    <row r="26152" spans="1:3" x14ac:dyDescent="0.25">
      <c r="A26152" s="2" t="s">
        <v>14565</v>
      </c>
      <c r="B26152" s="6">
        <v>435364.19999999995</v>
      </c>
      <c r="C26152" s="7">
        <f t="shared" si="408"/>
        <v>435.36419999999993</v>
      </c>
    </row>
    <row r="26153" spans="1:3" x14ac:dyDescent="0.25">
      <c r="A26153" s="2" t="s">
        <v>14566</v>
      </c>
      <c r="B26153" s="6">
        <v>435380.85</v>
      </c>
      <c r="C26153" s="7">
        <f t="shared" si="408"/>
        <v>435.38084999999995</v>
      </c>
    </row>
    <row r="26154" spans="1:3" x14ac:dyDescent="0.25">
      <c r="A26154" s="2" t="s">
        <v>14567</v>
      </c>
      <c r="B26154" s="6">
        <v>435397.49999999994</v>
      </c>
      <c r="C26154" s="7">
        <f t="shared" si="408"/>
        <v>435.39749999999992</v>
      </c>
    </row>
    <row r="26155" spans="1:3" x14ac:dyDescent="0.25">
      <c r="A26155" s="2" t="s">
        <v>14568</v>
      </c>
      <c r="B26155" s="6">
        <v>435414.14999999997</v>
      </c>
      <c r="C26155" s="7">
        <f t="shared" si="408"/>
        <v>435.41414999999995</v>
      </c>
    </row>
    <row r="26156" spans="1:3" x14ac:dyDescent="0.25">
      <c r="A26156" s="2" t="s">
        <v>14569</v>
      </c>
      <c r="B26156" s="6">
        <v>435430.8</v>
      </c>
      <c r="C26156" s="7">
        <f t="shared" si="408"/>
        <v>435.43079999999998</v>
      </c>
    </row>
    <row r="26157" spans="1:3" x14ac:dyDescent="0.25">
      <c r="A26157" s="2" t="s">
        <v>14570</v>
      </c>
      <c r="B26157" s="6">
        <v>435447.44999999995</v>
      </c>
      <c r="C26157" s="7">
        <f t="shared" si="408"/>
        <v>435.44744999999995</v>
      </c>
    </row>
    <row r="26158" spans="1:3" x14ac:dyDescent="0.25">
      <c r="A26158" s="2" t="s">
        <v>14571</v>
      </c>
      <c r="B26158" s="6">
        <v>435464.1</v>
      </c>
      <c r="C26158" s="7">
        <f t="shared" si="408"/>
        <v>435.46409999999997</v>
      </c>
    </row>
    <row r="26159" spans="1:3" x14ac:dyDescent="0.25">
      <c r="A26159" s="2" t="s">
        <v>14572</v>
      </c>
      <c r="B26159" s="6">
        <v>435480.74999999994</v>
      </c>
      <c r="C26159" s="7">
        <f t="shared" si="408"/>
        <v>435.48074999999994</v>
      </c>
    </row>
    <row r="26160" spans="1:3" x14ac:dyDescent="0.25">
      <c r="A26160" s="2" t="s">
        <v>14573</v>
      </c>
      <c r="B26160" s="6">
        <v>435497.39999999997</v>
      </c>
      <c r="C26160" s="7">
        <f t="shared" si="408"/>
        <v>435.49739999999997</v>
      </c>
    </row>
    <row r="26161" spans="1:3" x14ac:dyDescent="0.25">
      <c r="A26161" s="2" t="s">
        <v>14574</v>
      </c>
      <c r="B26161" s="6">
        <v>435514.05</v>
      </c>
      <c r="C26161" s="7">
        <f t="shared" si="408"/>
        <v>435.51405</v>
      </c>
    </row>
    <row r="26162" spans="1:3" x14ac:dyDescent="0.25">
      <c r="A26162" s="2" t="s">
        <v>14575</v>
      </c>
      <c r="B26162" s="6">
        <v>435530.69999999995</v>
      </c>
      <c r="C26162" s="7">
        <f t="shared" si="408"/>
        <v>435.53069999999997</v>
      </c>
    </row>
    <row r="26163" spans="1:3" x14ac:dyDescent="0.25">
      <c r="A26163" s="2" t="s">
        <v>14576</v>
      </c>
      <c r="B26163" s="6">
        <v>435547.35</v>
      </c>
      <c r="C26163" s="7">
        <f t="shared" si="408"/>
        <v>435.54734999999999</v>
      </c>
    </row>
    <row r="26164" spans="1:3" x14ac:dyDescent="0.25">
      <c r="A26164" s="2" t="s">
        <v>14577</v>
      </c>
      <c r="B26164" s="6">
        <v>435563.99999999994</v>
      </c>
      <c r="C26164" s="7">
        <f t="shared" si="408"/>
        <v>435.56399999999996</v>
      </c>
    </row>
    <row r="26165" spans="1:3" x14ac:dyDescent="0.25">
      <c r="A26165" s="2" t="s">
        <v>14578</v>
      </c>
      <c r="B26165" s="6">
        <v>435580.64999999997</v>
      </c>
      <c r="C26165" s="7">
        <f t="shared" si="408"/>
        <v>435.58064999999999</v>
      </c>
    </row>
    <row r="26166" spans="1:3" x14ac:dyDescent="0.25">
      <c r="A26166" s="2" t="s">
        <v>14579</v>
      </c>
      <c r="B26166" s="6">
        <v>435597.3</v>
      </c>
      <c r="C26166" s="7">
        <f t="shared" si="408"/>
        <v>435.59729999999996</v>
      </c>
    </row>
    <row r="26167" spans="1:3" x14ac:dyDescent="0.25">
      <c r="A26167" s="2" t="s">
        <v>14580</v>
      </c>
      <c r="B26167" s="6">
        <v>435613.94999999995</v>
      </c>
      <c r="C26167" s="7">
        <f t="shared" si="408"/>
        <v>435.61394999999993</v>
      </c>
    </row>
    <row r="26168" spans="1:3" x14ac:dyDescent="0.25">
      <c r="A26168" s="2" t="s">
        <v>14581</v>
      </c>
      <c r="B26168" s="6">
        <v>435630.6</v>
      </c>
      <c r="C26168" s="7">
        <f t="shared" si="408"/>
        <v>435.63059999999996</v>
      </c>
    </row>
    <row r="26169" spans="1:3" x14ac:dyDescent="0.25">
      <c r="A26169" s="2" t="s">
        <v>14582</v>
      </c>
      <c r="B26169" s="6">
        <v>435647.24999999994</v>
      </c>
      <c r="C26169" s="7">
        <f t="shared" si="408"/>
        <v>435.64724999999993</v>
      </c>
    </row>
    <row r="26170" spans="1:3" x14ac:dyDescent="0.25">
      <c r="A26170" s="2" t="s">
        <v>14583</v>
      </c>
      <c r="B26170" s="6">
        <v>435663.89999999997</v>
      </c>
      <c r="C26170" s="7">
        <f t="shared" si="408"/>
        <v>435.66389999999996</v>
      </c>
    </row>
    <row r="26171" spans="1:3" x14ac:dyDescent="0.25">
      <c r="A26171" s="2" t="s">
        <v>14584</v>
      </c>
      <c r="B26171" s="6">
        <v>435680.55</v>
      </c>
      <c r="C26171" s="7">
        <f t="shared" si="408"/>
        <v>435.68054999999998</v>
      </c>
    </row>
    <row r="26172" spans="1:3" x14ac:dyDescent="0.25">
      <c r="A26172" s="2" t="s">
        <v>14585</v>
      </c>
      <c r="B26172" s="6">
        <v>435697.19999999995</v>
      </c>
      <c r="C26172" s="7">
        <f t="shared" si="408"/>
        <v>435.69719999999995</v>
      </c>
    </row>
    <row r="26173" spans="1:3" x14ac:dyDescent="0.25">
      <c r="A26173" s="2" t="s">
        <v>14586</v>
      </c>
      <c r="B26173" s="6">
        <v>435713.85</v>
      </c>
      <c r="C26173" s="7">
        <f t="shared" si="408"/>
        <v>435.71384999999998</v>
      </c>
    </row>
    <row r="26174" spans="1:3" x14ac:dyDescent="0.25">
      <c r="A26174" s="2" t="s">
        <v>14587</v>
      </c>
      <c r="B26174" s="6">
        <v>435730.49999999994</v>
      </c>
      <c r="C26174" s="7">
        <f t="shared" si="408"/>
        <v>435.73049999999995</v>
      </c>
    </row>
    <row r="26175" spans="1:3" x14ac:dyDescent="0.25">
      <c r="A26175" s="2" t="s">
        <v>14588</v>
      </c>
      <c r="B26175" s="6">
        <v>435747.14999999997</v>
      </c>
      <c r="C26175" s="7">
        <f t="shared" si="408"/>
        <v>435.74714999999998</v>
      </c>
    </row>
    <row r="26176" spans="1:3" x14ac:dyDescent="0.25">
      <c r="A26176" s="2" t="s">
        <v>14589</v>
      </c>
      <c r="B26176" s="6">
        <v>435763.8</v>
      </c>
      <c r="C26176" s="7">
        <f t="shared" si="408"/>
        <v>435.7638</v>
      </c>
    </row>
    <row r="26177" spans="1:3" x14ac:dyDescent="0.25">
      <c r="A26177" s="2" t="s">
        <v>14590</v>
      </c>
      <c r="B26177" s="6">
        <v>435780.44999999995</v>
      </c>
      <c r="C26177" s="7">
        <f t="shared" si="408"/>
        <v>435.78044999999997</v>
      </c>
    </row>
    <row r="26178" spans="1:3" x14ac:dyDescent="0.25">
      <c r="A26178" s="2" t="s">
        <v>14591</v>
      </c>
      <c r="B26178" s="6">
        <v>435797.1</v>
      </c>
      <c r="C26178" s="7">
        <f t="shared" si="408"/>
        <v>435.7971</v>
      </c>
    </row>
    <row r="26179" spans="1:3" x14ac:dyDescent="0.25">
      <c r="A26179" s="2" t="s">
        <v>14592</v>
      </c>
      <c r="B26179" s="6">
        <v>435813.74999999994</v>
      </c>
      <c r="C26179" s="7">
        <f t="shared" ref="C26179:C26242" si="409">B26179/1000</f>
        <v>435.81374999999991</v>
      </c>
    </row>
    <row r="26180" spans="1:3" x14ac:dyDescent="0.25">
      <c r="A26180" s="2" t="s">
        <v>14593</v>
      </c>
      <c r="B26180" s="6">
        <v>435830.39999999997</v>
      </c>
      <c r="C26180" s="7">
        <f t="shared" si="409"/>
        <v>435.83039999999994</v>
      </c>
    </row>
    <row r="26181" spans="1:3" x14ac:dyDescent="0.25">
      <c r="A26181" s="2" t="s">
        <v>14594</v>
      </c>
      <c r="B26181" s="6">
        <v>435847.05</v>
      </c>
      <c r="C26181" s="7">
        <f t="shared" si="409"/>
        <v>435.84704999999997</v>
      </c>
    </row>
    <row r="26182" spans="1:3" x14ac:dyDescent="0.25">
      <c r="A26182" s="2" t="s">
        <v>14595</v>
      </c>
      <c r="B26182" s="6">
        <v>435863.69999999995</v>
      </c>
      <c r="C26182" s="7">
        <f t="shared" si="409"/>
        <v>435.86369999999994</v>
      </c>
    </row>
    <row r="26183" spans="1:3" x14ac:dyDescent="0.25">
      <c r="A26183" s="2" t="s">
        <v>14596</v>
      </c>
      <c r="B26183" s="6">
        <v>435880.35</v>
      </c>
      <c r="C26183" s="7">
        <f t="shared" si="409"/>
        <v>435.88034999999996</v>
      </c>
    </row>
    <row r="26184" spans="1:3" x14ac:dyDescent="0.25">
      <c r="A26184" s="2" t="s">
        <v>14597</v>
      </c>
      <c r="B26184" s="6">
        <v>435896.99999999994</v>
      </c>
      <c r="C26184" s="7">
        <f t="shared" si="409"/>
        <v>435.89699999999993</v>
      </c>
    </row>
    <row r="26185" spans="1:3" x14ac:dyDescent="0.25">
      <c r="A26185" s="2" t="s">
        <v>14598</v>
      </c>
      <c r="B26185" s="6">
        <v>435913.64999999997</v>
      </c>
      <c r="C26185" s="7">
        <f t="shared" si="409"/>
        <v>435.91364999999996</v>
      </c>
    </row>
    <row r="26186" spans="1:3" x14ac:dyDescent="0.25">
      <c r="A26186" s="2" t="s">
        <v>14599</v>
      </c>
      <c r="B26186" s="6">
        <v>435930.3</v>
      </c>
      <c r="C26186" s="7">
        <f t="shared" si="409"/>
        <v>435.93029999999999</v>
      </c>
    </row>
    <row r="26187" spans="1:3" x14ac:dyDescent="0.25">
      <c r="A26187" s="2" t="s">
        <v>14600</v>
      </c>
      <c r="B26187" s="6">
        <v>435946.94999999995</v>
      </c>
      <c r="C26187" s="7">
        <f t="shared" si="409"/>
        <v>435.94694999999996</v>
      </c>
    </row>
    <row r="26188" spans="1:3" x14ac:dyDescent="0.25">
      <c r="A26188" s="2" t="s">
        <v>14601</v>
      </c>
      <c r="B26188" s="6">
        <v>435963.6</v>
      </c>
      <c r="C26188" s="7">
        <f t="shared" si="409"/>
        <v>435.96359999999999</v>
      </c>
    </row>
    <row r="26189" spans="1:3" x14ac:dyDescent="0.25">
      <c r="A26189" s="2" t="s">
        <v>14602</v>
      </c>
      <c r="B26189" s="6">
        <v>435980.24999999994</v>
      </c>
      <c r="C26189" s="7">
        <f t="shared" si="409"/>
        <v>435.98024999999996</v>
      </c>
    </row>
    <row r="26190" spans="1:3" x14ac:dyDescent="0.25">
      <c r="A26190" s="2" t="s">
        <v>14603</v>
      </c>
      <c r="B26190" s="6">
        <v>435996.89999999997</v>
      </c>
      <c r="C26190" s="7">
        <f t="shared" si="409"/>
        <v>435.99689999999998</v>
      </c>
    </row>
    <row r="26191" spans="1:3" x14ac:dyDescent="0.25">
      <c r="A26191" s="2" t="s">
        <v>14604</v>
      </c>
      <c r="B26191" s="6">
        <v>436013.55</v>
      </c>
      <c r="C26191" s="7">
        <f t="shared" si="409"/>
        <v>436.01355000000001</v>
      </c>
    </row>
    <row r="26192" spans="1:3" x14ac:dyDescent="0.25">
      <c r="A26192" s="2" t="s">
        <v>14605</v>
      </c>
      <c r="B26192" s="6">
        <v>436030.19999999995</v>
      </c>
      <c r="C26192" s="7">
        <f t="shared" si="409"/>
        <v>436.03019999999998</v>
      </c>
    </row>
    <row r="26193" spans="1:3" x14ac:dyDescent="0.25">
      <c r="A26193" s="2" t="s">
        <v>14606</v>
      </c>
      <c r="B26193" s="6">
        <v>436046.85</v>
      </c>
      <c r="C26193" s="7">
        <f t="shared" si="409"/>
        <v>436.04684999999995</v>
      </c>
    </row>
    <row r="26194" spans="1:3" x14ac:dyDescent="0.25">
      <c r="A26194" s="2" t="s">
        <v>14607</v>
      </c>
      <c r="B26194" s="6">
        <v>436063.49999999994</v>
      </c>
      <c r="C26194" s="7">
        <f t="shared" si="409"/>
        <v>436.06349999999992</v>
      </c>
    </row>
    <row r="26195" spans="1:3" x14ac:dyDescent="0.25">
      <c r="A26195" s="2" t="s">
        <v>14608</v>
      </c>
      <c r="B26195" s="6">
        <v>436080.14999999997</v>
      </c>
      <c r="C26195" s="7">
        <f t="shared" si="409"/>
        <v>436.08014999999995</v>
      </c>
    </row>
    <row r="26196" spans="1:3" x14ac:dyDescent="0.25">
      <c r="A26196" s="2" t="s">
        <v>14609</v>
      </c>
      <c r="B26196" s="6">
        <v>436096.8</v>
      </c>
      <c r="C26196" s="7">
        <f t="shared" si="409"/>
        <v>436.09679999999997</v>
      </c>
    </row>
    <row r="26197" spans="1:3" x14ac:dyDescent="0.25">
      <c r="A26197" s="2" t="s">
        <v>14610</v>
      </c>
      <c r="B26197" s="6">
        <v>436113.44999999995</v>
      </c>
      <c r="C26197" s="7">
        <f t="shared" si="409"/>
        <v>436.11344999999994</v>
      </c>
    </row>
    <row r="26198" spans="1:3" x14ac:dyDescent="0.25">
      <c r="A26198" s="2" t="s">
        <v>14611</v>
      </c>
      <c r="B26198" s="6">
        <v>436130.1</v>
      </c>
      <c r="C26198" s="7">
        <f t="shared" si="409"/>
        <v>436.13009999999997</v>
      </c>
    </row>
    <row r="26199" spans="1:3" x14ac:dyDescent="0.25">
      <c r="A26199" s="2" t="s">
        <v>14612</v>
      </c>
      <c r="B26199" s="6">
        <v>436146.74999999994</v>
      </c>
      <c r="C26199" s="7">
        <f t="shared" si="409"/>
        <v>436.14674999999994</v>
      </c>
    </row>
    <row r="26200" spans="1:3" x14ac:dyDescent="0.25">
      <c r="A26200" s="2" t="s">
        <v>14613</v>
      </c>
      <c r="B26200" s="6">
        <v>436163.39999999997</v>
      </c>
      <c r="C26200" s="7">
        <f t="shared" si="409"/>
        <v>436.16339999999997</v>
      </c>
    </row>
    <row r="26201" spans="1:3" x14ac:dyDescent="0.25">
      <c r="A26201" s="2" t="s">
        <v>14614</v>
      </c>
      <c r="B26201" s="6">
        <v>436180.05</v>
      </c>
      <c r="C26201" s="7">
        <f t="shared" si="409"/>
        <v>436.18004999999999</v>
      </c>
    </row>
    <row r="26202" spans="1:3" x14ac:dyDescent="0.25">
      <c r="A26202" s="2" t="s">
        <v>14615</v>
      </c>
      <c r="B26202" s="6">
        <v>436196.69999999995</v>
      </c>
      <c r="C26202" s="7">
        <f t="shared" si="409"/>
        <v>436.19669999999996</v>
      </c>
    </row>
    <row r="26203" spans="1:3" x14ac:dyDescent="0.25">
      <c r="A26203" s="2" t="s">
        <v>14616</v>
      </c>
      <c r="B26203" s="6">
        <v>436213.35</v>
      </c>
      <c r="C26203" s="7">
        <f t="shared" si="409"/>
        <v>436.21334999999999</v>
      </c>
    </row>
    <row r="26204" spans="1:3" x14ac:dyDescent="0.25">
      <c r="A26204" s="2" t="s">
        <v>14617</v>
      </c>
      <c r="B26204" s="6">
        <v>436229.99999999994</v>
      </c>
      <c r="C26204" s="7">
        <f t="shared" si="409"/>
        <v>436.22999999999996</v>
      </c>
    </row>
    <row r="26205" spans="1:3" x14ac:dyDescent="0.25">
      <c r="A26205" s="2" t="s">
        <v>14618</v>
      </c>
      <c r="B26205" s="6">
        <v>436246.64999999997</v>
      </c>
      <c r="C26205" s="7">
        <f t="shared" si="409"/>
        <v>436.24664999999999</v>
      </c>
    </row>
    <row r="26206" spans="1:3" x14ac:dyDescent="0.25">
      <c r="A26206" s="2" t="s">
        <v>14619</v>
      </c>
      <c r="B26206" s="6">
        <v>436263.3</v>
      </c>
      <c r="C26206" s="7">
        <f t="shared" si="409"/>
        <v>436.26330000000002</v>
      </c>
    </row>
    <row r="26207" spans="1:3" x14ac:dyDescent="0.25">
      <c r="A26207" s="2" t="s">
        <v>14620</v>
      </c>
      <c r="B26207" s="6">
        <v>436279.94999999995</v>
      </c>
      <c r="C26207" s="7">
        <f t="shared" si="409"/>
        <v>436.27994999999993</v>
      </c>
    </row>
    <row r="26208" spans="1:3" x14ac:dyDescent="0.25">
      <c r="A26208" s="2" t="s">
        <v>14621</v>
      </c>
      <c r="B26208" s="6">
        <v>436296.6</v>
      </c>
      <c r="C26208" s="7">
        <f t="shared" si="409"/>
        <v>436.29659999999996</v>
      </c>
    </row>
    <row r="26209" spans="1:3" x14ac:dyDescent="0.25">
      <c r="A26209" s="2" t="s">
        <v>14622</v>
      </c>
      <c r="B26209" s="6">
        <v>436313.24999999994</v>
      </c>
      <c r="C26209" s="7">
        <f t="shared" si="409"/>
        <v>436.31324999999993</v>
      </c>
    </row>
    <row r="26210" spans="1:3" x14ac:dyDescent="0.25">
      <c r="A26210" s="2" t="s">
        <v>14623</v>
      </c>
      <c r="B26210" s="6">
        <v>436329.89999999997</v>
      </c>
      <c r="C26210" s="7">
        <f t="shared" si="409"/>
        <v>436.32989999999995</v>
      </c>
    </row>
    <row r="26211" spans="1:3" x14ac:dyDescent="0.25">
      <c r="A26211" s="2" t="s">
        <v>14624</v>
      </c>
      <c r="B26211" s="6">
        <v>436346.55</v>
      </c>
      <c r="C26211" s="7">
        <f t="shared" si="409"/>
        <v>436.34654999999998</v>
      </c>
    </row>
    <row r="26212" spans="1:3" x14ac:dyDescent="0.25">
      <c r="A26212" s="2" t="s">
        <v>14625</v>
      </c>
      <c r="B26212" s="6">
        <v>436363.19999999995</v>
      </c>
      <c r="C26212" s="7">
        <f t="shared" si="409"/>
        <v>436.36319999999995</v>
      </c>
    </row>
    <row r="26213" spans="1:3" x14ac:dyDescent="0.25">
      <c r="A26213" s="2" t="s">
        <v>14626</v>
      </c>
      <c r="B26213" s="6">
        <v>436379.85</v>
      </c>
      <c r="C26213" s="7">
        <f t="shared" si="409"/>
        <v>436.37984999999998</v>
      </c>
    </row>
    <row r="26214" spans="1:3" x14ac:dyDescent="0.25">
      <c r="A26214" s="2" t="s">
        <v>14627</v>
      </c>
      <c r="B26214" s="6">
        <v>436396.49999999994</v>
      </c>
      <c r="C26214" s="7">
        <f t="shared" si="409"/>
        <v>436.39649999999995</v>
      </c>
    </row>
    <row r="26215" spans="1:3" x14ac:dyDescent="0.25">
      <c r="A26215" s="2" t="s">
        <v>14628</v>
      </c>
      <c r="B26215" s="6">
        <v>436413.14999999997</v>
      </c>
      <c r="C26215" s="7">
        <f t="shared" si="409"/>
        <v>436.41314999999997</v>
      </c>
    </row>
    <row r="26216" spans="1:3" x14ac:dyDescent="0.25">
      <c r="A26216" s="2" t="s">
        <v>14629</v>
      </c>
      <c r="B26216" s="6">
        <v>436429.8</v>
      </c>
      <c r="C26216" s="7">
        <f t="shared" si="409"/>
        <v>436.4298</v>
      </c>
    </row>
    <row r="26217" spans="1:3" x14ac:dyDescent="0.25">
      <c r="A26217" s="2" t="s">
        <v>14630</v>
      </c>
      <c r="B26217" s="6">
        <v>436446.44999999995</v>
      </c>
      <c r="C26217" s="7">
        <f t="shared" si="409"/>
        <v>436.44644999999997</v>
      </c>
    </row>
    <row r="26218" spans="1:3" x14ac:dyDescent="0.25">
      <c r="A26218" s="2" t="s">
        <v>14631</v>
      </c>
      <c r="B26218" s="6">
        <v>436463.1</v>
      </c>
      <c r="C26218" s="7">
        <f t="shared" si="409"/>
        <v>436.4631</v>
      </c>
    </row>
    <row r="26219" spans="1:3" x14ac:dyDescent="0.25">
      <c r="A26219" s="2" t="s">
        <v>14632</v>
      </c>
      <c r="B26219" s="6">
        <v>436479.74999999994</v>
      </c>
      <c r="C26219" s="7">
        <f t="shared" si="409"/>
        <v>436.47974999999997</v>
      </c>
    </row>
    <row r="26220" spans="1:3" x14ac:dyDescent="0.25">
      <c r="A26220" s="2" t="s">
        <v>14633</v>
      </c>
      <c r="B26220" s="6">
        <v>436496.39999999997</v>
      </c>
      <c r="C26220" s="7">
        <f t="shared" si="409"/>
        <v>436.49639999999994</v>
      </c>
    </row>
    <row r="26221" spans="1:3" x14ac:dyDescent="0.25">
      <c r="A26221" s="2" t="s">
        <v>14634</v>
      </c>
      <c r="B26221" s="6">
        <v>436513.05</v>
      </c>
      <c r="C26221" s="7">
        <f t="shared" si="409"/>
        <v>436.51304999999996</v>
      </c>
    </row>
    <row r="26222" spans="1:3" x14ac:dyDescent="0.25">
      <c r="A26222" s="2" t="s">
        <v>14635</v>
      </c>
      <c r="B26222" s="6">
        <v>436529.69999999995</v>
      </c>
      <c r="C26222" s="7">
        <f t="shared" si="409"/>
        <v>436.52969999999993</v>
      </c>
    </row>
    <row r="26223" spans="1:3" x14ac:dyDescent="0.25">
      <c r="A26223" s="2" t="s">
        <v>14636</v>
      </c>
      <c r="B26223" s="6">
        <v>436546.35</v>
      </c>
      <c r="C26223" s="7">
        <f t="shared" si="409"/>
        <v>436.54634999999996</v>
      </c>
    </row>
    <row r="26224" spans="1:3" x14ac:dyDescent="0.25">
      <c r="A26224" s="2" t="s">
        <v>14637</v>
      </c>
      <c r="B26224" s="6">
        <v>436562.99999999994</v>
      </c>
      <c r="C26224" s="7">
        <f t="shared" si="409"/>
        <v>436.56299999999993</v>
      </c>
    </row>
    <row r="26225" spans="1:3" x14ac:dyDescent="0.25">
      <c r="A26225" s="2" t="s">
        <v>14638</v>
      </c>
      <c r="B26225" s="6">
        <v>436579.64999999997</v>
      </c>
      <c r="C26225" s="7">
        <f t="shared" si="409"/>
        <v>436.57964999999996</v>
      </c>
    </row>
    <row r="26226" spans="1:3" x14ac:dyDescent="0.25">
      <c r="A26226" s="2" t="s">
        <v>14639</v>
      </c>
      <c r="B26226" s="6">
        <v>436596.3</v>
      </c>
      <c r="C26226" s="7">
        <f t="shared" si="409"/>
        <v>436.59629999999999</v>
      </c>
    </row>
    <row r="26227" spans="1:3" x14ac:dyDescent="0.25">
      <c r="A26227" s="2" t="s">
        <v>14640</v>
      </c>
      <c r="B26227" s="6">
        <v>436612.94999999995</v>
      </c>
      <c r="C26227" s="7">
        <f t="shared" si="409"/>
        <v>436.61294999999996</v>
      </c>
    </row>
    <row r="26228" spans="1:3" x14ac:dyDescent="0.25">
      <c r="A26228" s="2" t="s">
        <v>14641</v>
      </c>
      <c r="B26228" s="6">
        <v>436629.6</v>
      </c>
      <c r="C26228" s="7">
        <f t="shared" si="409"/>
        <v>436.62959999999998</v>
      </c>
    </row>
    <row r="26229" spans="1:3" x14ac:dyDescent="0.25">
      <c r="A26229" s="2" t="s">
        <v>14642</v>
      </c>
      <c r="B26229" s="6">
        <v>436646.24999999994</v>
      </c>
      <c r="C26229" s="7">
        <f t="shared" si="409"/>
        <v>436.64624999999995</v>
      </c>
    </row>
    <row r="26230" spans="1:3" x14ac:dyDescent="0.25">
      <c r="A26230" s="2" t="s">
        <v>14643</v>
      </c>
      <c r="B26230" s="6">
        <v>436662.89999999997</v>
      </c>
      <c r="C26230" s="7">
        <f t="shared" si="409"/>
        <v>436.66289999999998</v>
      </c>
    </row>
    <row r="26231" spans="1:3" x14ac:dyDescent="0.25">
      <c r="A26231" s="2" t="s">
        <v>14644</v>
      </c>
      <c r="B26231" s="6">
        <v>436679.55</v>
      </c>
      <c r="C26231" s="7">
        <f t="shared" si="409"/>
        <v>436.67955000000001</v>
      </c>
    </row>
    <row r="26232" spans="1:3" x14ac:dyDescent="0.25">
      <c r="A26232" s="2" t="s">
        <v>14645</v>
      </c>
      <c r="B26232" s="6">
        <v>436696.19999999995</v>
      </c>
      <c r="C26232" s="7">
        <f t="shared" si="409"/>
        <v>436.69619999999998</v>
      </c>
    </row>
    <row r="26233" spans="1:3" x14ac:dyDescent="0.25">
      <c r="A26233" s="2" t="s">
        <v>14646</v>
      </c>
      <c r="B26233" s="6">
        <v>436712.85</v>
      </c>
      <c r="C26233" s="7">
        <f t="shared" si="409"/>
        <v>436.71285</v>
      </c>
    </row>
    <row r="26234" spans="1:3" x14ac:dyDescent="0.25">
      <c r="A26234" s="2" t="s">
        <v>14647</v>
      </c>
      <c r="B26234" s="6">
        <v>436729.49999999994</v>
      </c>
      <c r="C26234" s="7">
        <f t="shared" si="409"/>
        <v>436.72949999999992</v>
      </c>
    </row>
    <row r="26235" spans="1:3" x14ac:dyDescent="0.25">
      <c r="A26235" s="2" t="s">
        <v>14648</v>
      </c>
      <c r="B26235" s="6">
        <v>436746.14999999997</v>
      </c>
      <c r="C26235" s="7">
        <f t="shared" si="409"/>
        <v>436.74614999999994</v>
      </c>
    </row>
    <row r="26236" spans="1:3" x14ac:dyDescent="0.25">
      <c r="A26236" s="2" t="s">
        <v>14649</v>
      </c>
      <c r="B26236" s="6">
        <v>436762.8</v>
      </c>
      <c r="C26236" s="7">
        <f t="shared" si="409"/>
        <v>436.76279999999997</v>
      </c>
    </row>
    <row r="26237" spans="1:3" x14ac:dyDescent="0.25">
      <c r="A26237" s="2" t="s">
        <v>14650</v>
      </c>
      <c r="B26237" s="6">
        <v>436779.44999999995</v>
      </c>
      <c r="C26237" s="7">
        <f t="shared" si="409"/>
        <v>436.77944999999994</v>
      </c>
    </row>
    <row r="26238" spans="1:3" x14ac:dyDescent="0.25">
      <c r="A26238" s="2" t="s">
        <v>14651</v>
      </c>
      <c r="B26238" s="6">
        <v>436796.1</v>
      </c>
      <c r="C26238" s="7">
        <f t="shared" si="409"/>
        <v>436.79609999999997</v>
      </c>
    </row>
    <row r="26239" spans="1:3" x14ac:dyDescent="0.25">
      <c r="A26239" s="2" t="s">
        <v>14652</v>
      </c>
      <c r="B26239" s="6">
        <v>436812.74999999994</v>
      </c>
      <c r="C26239" s="7">
        <f t="shared" si="409"/>
        <v>436.81274999999994</v>
      </c>
    </row>
    <row r="26240" spans="1:3" x14ac:dyDescent="0.25">
      <c r="A26240" s="2" t="s">
        <v>14653</v>
      </c>
      <c r="B26240" s="6">
        <v>436829.39999999997</v>
      </c>
      <c r="C26240" s="7">
        <f t="shared" si="409"/>
        <v>436.82939999999996</v>
      </c>
    </row>
    <row r="26241" spans="1:3" x14ac:dyDescent="0.25">
      <c r="A26241" s="2" t="s">
        <v>14654</v>
      </c>
      <c r="B26241" s="6">
        <v>436846.05</v>
      </c>
      <c r="C26241" s="7">
        <f t="shared" si="409"/>
        <v>436.84604999999999</v>
      </c>
    </row>
    <row r="26242" spans="1:3" x14ac:dyDescent="0.25">
      <c r="A26242" s="2" t="s">
        <v>14655</v>
      </c>
      <c r="B26242" s="6">
        <v>436862.69999999995</v>
      </c>
      <c r="C26242" s="7">
        <f t="shared" si="409"/>
        <v>436.86269999999996</v>
      </c>
    </row>
    <row r="26243" spans="1:3" x14ac:dyDescent="0.25">
      <c r="A26243" s="2" t="s">
        <v>14656</v>
      </c>
      <c r="B26243" s="6">
        <v>436879.35</v>
      </c>
      <c r="C26243" s="7">
        <f t="shared" ref="C26243:C26306" si="410">B26243/1000</f>
        <v>436.87934999999999</v>
      </c>
    </row>
    <row r="26244" spans="1:3" x14ac:dyDescent="0.25">
      <c r="A26244" s="2" t="s">
        <v>14657</v>
      </c>
      <c r="B26244" s="6">
        <v>436895.99999999994</v>
      </c>
      <c r="C26244" s="7">
        <f t="shared" si="410"/>
        <v>436.89599999999996</v>
      </c>
    </row>
    <row r="26245" spans="1:3" x14ac:dyDescent="0.25">
      <c r="A26245" s="2" t="s">
        <v>14658</v>
      </c>
      <c r="B26245" s="6">
        <v>436912.64999999997</v>
      </c>
      <c r="C26245" s="7">
        <f t="shared" si="410"/>
        <v>436.91264999999999</v>
      </c>
    </row>
    <row r="26246" spans="1:3" x14ac:dyDescent="0.25">
      <c r="A26246" s="2" t="s">
        <v>14659</v>
      </c>
      <c r="B26246" s="6">
        <v>436929.3</v>
      </c>
      <c r="C26246" s="7">
        <f t="shared" si="410"/>
        <v>436.92930000000001</v>
      </c>
    </row>
    <row r="26247" spans="1:3" x14ac:dyDescent="0.25">
      <c r="A26247" s="2" t="s">
        <v>14660</v>
      </c>
      <c r="B26247" s="6">
        <v>436945.94999999995</v>
      </c>
      <c r="C26247" s="7">
        <f t="shared" si="410"/>
        <v>436.94594999999993</v>
      </c>
    </row>
    <row r="26248" spans="1:3" x14ac:dyDescent="0.25">
      <c r="A26248" s="2" t="s">
        <v>14661</v>
      </c>
      <c r="B26248" s="6">
        <v>436962.6</v>
      </c>
      <c r="C26248" s="7">
        <f t="shared" si="410"/>
        <v>436.96259999999995</v>
      </c>
    </row>
    <row r="26249" spans="1:3" x14ac:dyDescent="0.25">
      <c r="A26249" s="2" t="s">
        <v>14662</v>
      </c>
      <c r="B26249" s="6">
        <v>436979.24999999994</v>
      </c>
      <c r="C26249" s="7">
        <f t="shared" si="410"/>
        <v>436.97924999999992</v>
      </c>
    </row>
    <row r="26250" spans="1:3" x14ac:dyDescent="0.25">
      <c r="A26250" s="2" t="s">
        <v>14663</v>
      </c>
      <c r="B26250" s="6">
        <v>436995.89999999997</v>
      </c>
      <c r="C26250" s="7">
        <f t="shared" si="410"/>
        <v>436.99589999999995</v>
      </c>
    </row>
    <row r="26251" spans="1:3" x14ac:dyDescent="0.25">
      <c r="A26251" s="2" t="s">
        <v>14664</v>
      </c>
      <c r="B26251" s="6">
        <v>437012.55</v>
      </c>
      <c r="C26251" s="7">
        <f t="shared" si="410"/>
        <v>437.01254999999998</v>
      </c>
    </row>
    <row r="26252" spans="1:3" x14ac:dyDescent="0.25">
      <c r="A26252" s="2" t="s">
        <v>14665</v>
      </c>
      <c r="B26252" s="6">
        <v>437029.19999999995</v>
      </c>
      <c r="C26252" s="7">
        <f t="shared" si="410"/>
        <v>437.02919999999995</v>
      </c>
    </row>
    <row r="26253" spans="1:3" x14ac:dyDescent="0.25">
      <c r="A26253" s="2" t="s">
        <v>14666</v>
      </c>
      <c r="B26253" s="6">
        <v>437045.85</v>
      </c>
      <c r="C26253" s="7">
        <f t="shared" si="410"/>
        <v>437.04584999999997</v>
      </c>
    </row>
    <row r="26254" spans="1:3" x14ac:dyDescent="0.25">
      <c r="A26254" s="2" t="s">
        <v>14667</v>
      </c>
      <c r="B26254" s="6">
        <v>437062.49999999994</v>
      </c>
      <c r="C26254" s="7">
        <f t="shared" si="410"/>
        <v>437.06249999999994</v>
      </c>
    </row>
    <row r="26255" spans="1:3" x14ac:dyDescent="0.25">
      <c r="A26255" s="2" t="s">
        <v>14668</v>
      </c>
      <c r="B26255" s="6">
        <v>437079.14999999997</v>
      </c>
      <c r="C26255" s="7">
        <f t="shared" si="410"/>
        <v>437.07914999999997</v>
      </c>
    </row>
    <row r="26256" spans="1:3" x14ac:dyDescent="0.25">
      <c r="A26256" s="2" t="s">
        <v>14669</v>
      </c>
      <c r="B26256" s="6">
        <v>437095.8</v>
      </c>
      <c r="C26256" s="7">
        <f t="shared" si="410"/>
        <v>437.0958</v>
      </c>
    </row>
    <row r="26257" spans="1:3" x14ac:dyDescent="0.25">
      <c r="A26257" s="2" t="s">
        <v>14670</v>
      </c>
      <c r="B26257" s="6">
        <v>437112.44999999995</v>
      </c>
      <c r="C26257" s="7">
        <f t="shared" si="410"/>
        <v>437.11244999999997</v>
      </c>
    </row>
    <row r="26258" spans="1:3" x14ac:dyDescent="0.25">
      <c r="A26258" s="2" t="s">
        <v>14671</v>
      </c>
      <c r="B26258" s="6">
        <v>437129.1</v>
      </c>
      <c r="C26258" s="7">
        <f t="shared" si="410"/>
        <v>437.12909999999999</v>
      </c>
    </row>
    <row r="26259" spans="1:3" x14ac:dyDescent="0.25">
      <c r="A26259" s="2" t="s">
        <v>14672</v>
      </c>
      <c r="B26259" s="6">
        <v>437145.74999999994</v>
      </c>
      <c r="C26259" s="7">
        <f t="shared" si="410"/>
        <v>437.14574999999996</v>
      </c>
    </row>
    <row r="26260" spans="1:3" x14ac:dyDescent="0.25">
      <c r="A26260" s="2" t="s">
        <v>14673</v>
      </c>
      <c r="B26260" s="6">
        <v>437162.39999999997</v>
      </c>
      <c r="C26260" s="7">
        <f t="shared" si="410"/>
        <v>437.16239999999999</v>
      </c>
    </row>
    <row r="26261" spans="1:3" x14ac:dyDescent="0.25">
      <c r="A26261" s="2" t="s">
        <v>14674</v>
      </c>
      <c r="B26261" s="6">
        <v>437179.05</v>
      </c>
      <c r="C26261" s="7">
        <f t="shared" si="410"/>
        <v>437.17904999999996</v>
      </c>
    </row>
    <row r="26262" spans="1:3" x14ac:dyDescent="0.25">
      <c r="A26262" s="2" t="s">
        <v>14675</v>
      </c>
      <c r="B26262" s="6">
        <v>437195.69999999995</v>
      </c>
      <c r="C26262" s="7">
        <f t="shared" si="410"/>
        <v>437.19569999999993</v>
      </c>
    </row>
    <row r="26263" spans="1:3" x14ac:dyDescent="0.25">
      <c r="A26263" s="2" t="s">
        <v>14676</v>
      </c>
      <c r="B26263" s="6">
        <v>437212.35</v>
      </c>
      <c r="C26263" s="7">
        <f t="shared" si="410"/>
        <v>437.21234999999996</v>
      </c>
    </row>
    <row r="26264" spans="1:3" x14ac:dyDescent="0.25">
      <c r="A26264" s="2" t="s">
        <v>14677</v>
      </c>
      <c r="B26264" s="6">
        <v>437228.99999999994</v>
      </c>
      <c r="C26264" s="7">
        <f t="shared" si="410"/>
        <v>437.22899999999993</v>
      </c>
    </row>
    <row r="26265" spans="1:3" x14ac:dyDescent="0.25">
      <c r="A26265" s="2" t="s">
        <v>14678</v>
      </c>
      <c r="B26265" s="6">
        <v>437245.64999999997</v>
      </c>
      <c r="C26265" s="7">
        <f t="shared" si="410"/>
        <v>437.24564999999996</v>
      </c>
    </row>
    <row r="26266" spans="1:3" x14ac:dyDescent="0.25">
      <c r="A26266" s="2" t="s">
        <v>14679</v>
      </c>
      <c r="B26266" s="6">
        <v>437262.3</v>
      </c>
      <c r="C26266" s="7">
        <f t="shared" si="410"/>
        <v>437.26229999999998</v>
      </c>
    </row>
    <row r="26267" spans="1:3" x14ac:dyDescent="0.25">
      <c r="A26267" s="2" t="s">
        <v>14680</v>
      </c>
      <c r="B26267" s="6">
        <v>437278.94999999995</v>
      </c>
      <c r="C26267" s="7">
        <f t="shared" si="410"/>
        <v>437.27894999999995</v>
      </c>
    </row>
    <row r="26268" spans="1:3" x14ac:dyDescent="0.25">
      <c r="A26268" s="2" t="s">
        <v>14681</v>
      </c>
      <c r="B26268" s="6">
        <v>437295.6</v>
      </c>
      <c r="C26268" s="7">
        <f t="shared" si="410"/>
        <v>437.29559999999998</v>
      </c>
    </row>
    <row r="26269" spans="1:3" x14ac:dyDescent="0.25">
      <c r="A26269" s="2" t="s">
        <v>14682</v>
      </c>
      <c r="B26269" s="6">
        <v>437312.24999999994</v>
      </c>
      <c r="C26269" s="7">
        <f t="shared" si="410"/>
        <v>437.31224999999995</v>
      </c>
    </row>
    <row r="26270" spans="1:3" x14ac:dyDescent="0.25">
      <c r="A26270" s="2" t="s">
        <v>14683</v>
      </c>
      <c r="B26270" s="6">
        <v>437328.89999999997</v>
      </c>
      <c r="C26270" s="7">
        <f t="shared" si="410"/>
        <v>437.32889999999998</v>
      </c>
    </row>
    <row r="26271" spans="1:3" x14ac:dyDescent="0.25">
      <c r="A26271" s="2" t="s">
        <v>14684</v>
      </c>
      <c r="B26271" s="6">
        <v>437345.55</v>
      </c>
      <c r="C26271" s="7">
        <f t="shared" si="410"/>
        <v>437.34555</v>
      </c>
    </row>
    <row r="26272" spans="1:3" x14ac:dyDescent="0.25">
      <c r="A26272" s="2" t="s">
        <v>14685</v>
      </c>
      <c r="B26272" s="6">
        <v>437362.19999999995</v>
      </c>
      <c r="C26272" s="7">
        <f t="shared" si="410"/>
        <v>437.36219999999997</v>
      </c>
    </row>
    <row r="26273" spans="1:3" x14ac:dyDescent="0.25">
      <c r="A26273" s="2" t="s">
        <v>14686</v>
      </c>
      <c r="B26273" s="6">
        <v>437378.85</v>
      </c>
      <c r="C26273" s="7">
        <f t="shared" si="410"/>
        <v>437.37885</v>
      </c>
    </row>
    <row r="26274" spans="1:3" x14ac:dyDescent="0.25">
      <c r="A26274" s="2" t="s">
        <v>14687</v>
      </c>
      <c r="B26274" s="6">
        <v>437395.49999999994</v>
      </c>
      <c r="C26274" s="7">
        <f t="shared" si="410"/>
        <v>437.39549999999997</v>
      </c>
    </row>
    <row r="26275" spans="1:3" x14ac:dyDescent="0.25">
      <c r="A26275" s="2" t="s">
        <v>14688</v>
      </c>
      <c r="B26275" s="6">
        <v>437412.14999999997</v>
      </c>
      <c r="C26275" s="7">
        <f t="shared" si="410"/>
        <v>437.41214999999994</v>
      </c>
    </row>
    <row r="26276" spans="1:3" x14ac:dyDescent="0.25">
      <c r="A26276" s="2" t="s">
        <v>14689</v>
      </c>
      <c r="B26276" s="6">
        <v>437428.8</v>
      </c>
      <c r="C26276" s="7">
        <f t="shared" si="410"/>
        <v>437.42879999999997</v>
      </c>
    </row>
    <row r="26277" spans="1:3" x14ac:dyDescent="0.25">
      <c r="A26277" s="2" t="s">
        <v>14690</v>
      </c>
      <c r="B26277" s="6">
        <v>437445.44999999995</v>
      </c>
      <c r="C26277" s="7">
        <f t="shared" si="410"/>
        <v>437.44544999999994</v>
      </c>
    </row>
    <row r="26278" spans="1:3" x14ac:dyDescent="0.25">
      <c r="A26278" s="2" t="s">
        <v>14691</v>
      </c>
      <c r="B26278" s="6">
        <v>437462.1</v>
      </c>
      <c r="C26278" s="7">
        <f t="shared" si="410"/>
        <v>437.46209999999996</v>
      </c>
    </row>
    <row r="26279" spans="1:3" x14ac:dyDescent="0.25">
      <c r="A26279" s="2" t="s">
        <v>14692</v>
      </c>
      <c r="B26279" s="6">
        <v>437478.74999999994</v>
      </c>
      <c r="C26279" s="7">
        <f t="shared" si="410"/>
        <v>437.47874999999993</v>
      </c>
    </row>
    <row r="26280" spans="1:3" x14ac:dyDescent="0.25">
      <c r="A26280" s="2" t="s">
        <v>14693</v>
      </c>
      <c r="B26280" s="6">
        <v>437495.39999999997</v>
      </c>
      <c r="C26280" s="7">
        <f t="shared" si="410"/>
        <v>437.49539999999996</v>
      </c>
    </row>
    <row r="26281" spans="1:3" x14ac:dyDescent="0.25">
      <c r="A26281" s="2" t="s">
        <v>14694</v>
      </c>
      <c r="B26281" s="6">
        <v>437512.05</v>
      </c>
      <c r="C26281" s="7">
        <f t="shared" si="410"/>
        <v>437.51204999999999</v>
      </c>
    </row>
    <row r="26282" spans="1:3" x14ac:dyDescent="0.25">
      <c r="A26282" s="2" t="s">
        <v>14695</v>
      </c>
      <c r="B26282" s="6">
        <v>437528.69999999995</v>
      </c>
      <c r="C26282" s="7">
        <f t="shared" si="410"/>
        <v>437.52869999999996</v>
      </c>
    </row>
    <row r="26283" spans="1:3" x14ac:dyDescent="0.25">
      <c r="A26283" s="2" t="s">
        <v>14696</v>
      </c>
      <c r="B26283" s="6">
        <v>437545.35</v>
      </c>
      <c r="C26283" s="7">
        <f t="shared" si="410"/>
        <v>437.54534999999998</v>
      </c>
    </row>
    <row r="26284" spans="1:3" x14ac:dyDescent="0.25">
      <c r="A26284" s="2" t="s">
        <v>14697</v>
      </c>
      <c r="B26284" s="6">
        <v>437561.99999999994</v>
      </c>
      <c r="C26284" s="7">
        <f t="shared" si="410"/>
        <v>437.56199999999995</v>
      </c>
    </row>
    <row r="26285" spans="1:3" x14ac:dyDescent="0.25">
      <c r="A26285" s="2" t="s">
        <v>14698</v>
      </c>
      <c r="B26285" s="6">
        <v>437578.64999999997</v>
      </c>
      <c r="C26285" s="7">
        <f t="shared" si="410"/>
        <v>437.57864999999998</v>
      </c>
    </row>
    <row r="26286" spans="1:3" x14ac:dyDescent="0.25">
      <c r="A26286" s="2" t="s">
        <v>14699</v>
      </c>
      <c r="B26286" s="6">
        <v>437595.3</v>
      </c>
      <c r="C26286" s="7">
        <f t="shared" si="410"/>
        <v>437.59530000000001</v>
      </c>
    </row>
    <row r="26287" spans="1:3" x14ac:dyDescent="0.25">
      <c r="A26287" s="2" t="s">
        <v>14700</v>
      </c>
      <c r="B26287" s="6">
        <v>437611.94999999995</v>
      </c>
      <c r="C26287" s="7">
        <f t="shared" si="410"/>
        <v>437.61194999999998</v>
      </c>
    </row>
    <row r="26288" spans="1:3" x14ac:dyDescent="0.25">
      <c r="A26288" s="2" t="s">
        <v>14701</v>
      </c>
      <c r="B26288" s="6">
        <v>437628.6</v>
      </c>
      <c r="C26288" s="7">
        <f t="shared" si="410"/>
        <v>437.62859999999995</v>
      </c>
    </row>
    <row r="26289" spans="1:3" x14ac:dyDescent="0.25">
      <c r="A26289" s="2" t="s">
        <v>14702</v>
      </c>
      <c r="B26289" s="6">
        <v>437645.24999999994</v>
      </c>
      <c r="C26289" s="7">
        <f t="shared" si="410"/>
        <v>437.64524999999992</v>
      </c>
    </row>
    <row r="26290" spans="1:3" x14ac:dyDescent="0.25">
      <c r="A26290" s="2" t="s">
        <v>14703</v>
      </c>
      <c r="B26290" s="6">
        <v>437661.89999999997</v>
      </c>
      <c r="C26290" s="7">
        <f t="shared" si="410"/>
        <v>437.66189999999995</v>
      </c>
    </row>
    <row r="26291" spans="1:3" x14ac:dyDescent="0.25">
      <c r="A26291" s="2" t="s">
        <v>14704</v>
      </c>
      <c r="B26291" s="6">
        <v>437678.55</v>
      </c>
      <c r="C26291" s="7">
        <f t="shared" si="410"/>
        <v>437.67854999999997</v>
      </c>
    </row>
    <row r="26292" spans="1:3" x14ac:dyDescent="0.25">
      <c r="A26292" s="2" t="s">
        <v>14705</v>
      </c>
      <c r="B26292" s="6">
        <v>437695.19999999995</v>
      </c>
      <c r="C26292" s="7">
        <f t="shared" si="410"/>
        <v>437.69519999999994</v>
      </c>
    </row>
    <row r="26293" spans="1:3" x14ac:dyDescent="0.25">
      <c r="A26293" s="2" t="s">
        <v>14706</v>
      </c>
      <c r="B26293" s="6">
        <v>437711.85</v>
      </c>
      <c r="C26293" s="7">
        <f t="shared" si="410"/>
        <v>437.71184999999997</v>
      </c>
    </row>
    <row r="26294" spans="1:3" x14ac:dyDescent="0.25">
      <c r="A26294" s="2" t="s">
        <v>14707</v>
      </c>
      <c r="B26294" s="6">
        <v>437728.49999999994</v>
      </c>
      <c r="C26294" s="7">
        <f t="shared" si="410"/>
        <v>437.72849999999994</v>
      </c>
    </row>
    <row r="26295" spans="1:3" x14ac:dyDescent="0.25">
      <c r="A26295" s="2" t="s">
        <v>14708</v>
      </c>
      <c r="B26295" s="6">
        <v>437745.14999999997</v>
      </c>
      <c r="C26295" s="7">
        <f t="shared" si="410"/>
        <v>437.74514999999997</v>
      </c>
    </row>
    <row r="26296" spans="1:3" x14ac:dyDescent="0.25">
      <c r="A26296" s="2" t="s">
        <v>14709</v>
      </c>
      <c r="B26296" s="6">
        <v>437761.8</v>
      </c>
      <c r="C26296" s="7">
        <f t="shared" si="410"/>
        <v>437.76179999999999</v>
      </c>
    </row>
    <row r="26297" spans="1:3" x14ac:dyDescent="0.25">
      <c r="A26297" s="2" t="s">
        <v>14710</v>
      </c>
      <c r="B26297" s="6">
        <v>437778.44999999995</v>
      </c>
      <c r="C26297" s="7">
        <f t="shared" si="410"/>
        <v>437.77844999999996</v>
      </c>
    </row>
    <row r="26298" spans="1:3" x14ac:dyDescent="0.25">
      <c r="A26298" s="2" t="s">
        <v>14711</v>
      </c>
      <c r="B26298" s="6">
        <v>437795.1</v>
      </c>
      <c r="C26298" s="7">
        <f t="shared" si="410"/>
        <v>437.79509999999999</v>
      </c>
    </row>
    <row r="26299" spans="1:3" x14ac:dyDescent="0.25">
      <c r="A26299" s="2" t="s">
        <v>14712</v>
      </c>
      <c r="B26299" s="6">
        <v>437811.74999999994</v>
      </c>
      <c r="C26299" s="7">
        <f t="shared" si="410"/>
        <v>437.81174999999996</v>
      </c>
    </row>
    <row r="26300" spans="1:3" x14ac:dyDescent="0.25">
      <c r="A26300" s="2" t="s">
        <v>14713</v>
      </c>
      <c r="B26300" s="6">
        <v>437828.39999999997</v>
      </c>
      <c r="C26300" s="7">
        <f t="shared" si="410"/>
        <v>437.82839999999999</v>
      </c>
    </row>
    <row r="26301" spans="1:3" x14ac:dyDescent="0.25">
      <c r="A26301" s="2" t="s">
        <v>14714</v>
      </c>
      <c r="B26301" s="6">
        <v>437845.05</v>
      </c>
      <c r="C26301" s="7">
        <f t="shared" si="410"/>
        <v>437.84505000000001</v>
      </c>
    </row>
    <row r="26302" spans="1:3" x14ac:dyDescent="0.25">
      <c r="A26302" s="2" t="s">
        <v>14715</v>
      </c>
      <c r="B26302" s="6">
        <v>437861.69999999995</v>
      </c>
      <c r="C26302" s="7">
        <f t="shared" si="410"/>
        <v>437.86169999999993</v>
      </c>
    </row>
    <row r="26303" spans="1:3" x14ac:dyDescent="0.25">
      <c r="A26303" s="2" t="s">
        <v>14716</v>
      </c>
      <c r="B26303" s="6">
        <v>437878.35</v>
      </c>
      <c r="C26303" s="7">
        <f t="shared" si="410"/>
        <v>437.87834999999995</v>
      </c>
    </row>
    <row r="26304" spans="1:3" x14ac:dyDescent="0.25">
      <c r="A26304" s="2" t="s">
        <v>14717</v>
      </c>
      <c r="B26304" s="6">
        <v>437894.99999999994</v>
      </c>
      <c r="C26304" s="7">
        <f t="shared" si="410"/>
        <v>437.89499999999992</v>
      </c>
    </row>
    <row r="26305" spans="1:3" x14ac:dyDescent="0.25">
      <c r="A26305" s="2" t="s">
        <v>14718</v>
      </c>
      <c r="B26305" s="6">
        <v>437911.64999999997</v>
      </c>
      <c r="C26305" s="7">
        <f t="shared" si="410"/>
        <v>437.91164999999995</v>
      </c>
    </row>
    <row r="26306" spans="1:3" x14ac:dyDescent="0.25">
      <c r="A26306" s="2" t="s">
        <v>14719</v>
      </c>
      <c r="B26306" s="6">
        <v>437928.3</v>
      </c>
      <c r="C26306" s="7">
        <f t="shared" si="410"/>
        <v>437.92829999999998</v>
      </c>
    </row>
    <row r="26307" spans="1:3" x14ac:dyDescent="0.25">
      <c r="A26307" s="2" t="s">
        <v>14720</v>
      </c>
      <c r="B26307" s="6">
        <v>437944.94999999995</v>
      </c>
      <c r="C26307" s="7">
        <f t="shared" ref="C26307:C26370" si="411">B26307/1000</f>
        <v>437.94494999999995</v>
      </c>
    </row>
    <row r="26308" spans="1:3" x14ac:dyDescent="0.25">
      <c r="A26308" s="2" t="s">
        <v>14721</v>
      </c>
      <c r="B26308" s="6">
        <v>437961.6</v>
      </c>
      <c r="C26308" s="7">
        <f t="shared" si="411"/>
        <v>437.96159999999998</v>
      </c>
    </row>
    <row r="26309" spans="1:3" x14ac:dyDescent="0.25">
      <c r="A26309" s="2" t="s">
        <v>14722</v>
      </c>
      <c r="B26309" s="6">
        <v>437978.24999999994</v>
      </c>
      <c r="C26309" s="7">
        <f t="shared" si="411"/>
        <v>437.97824999999995</v>
      </c>
    </row>
    <row r="26310" spans="1:3" x14ac:dyDescent="0.25">
      <c r="A26310" s="2" t="s">
        <v>14723</v>
      </c>
      <c r="B26310" s="6">
        <v>437994.89999999997</v>
      </c>
      <c r="C26310" s="7">
        <f t="shared" si="411"/>
        <v>437.99489999999997</v>
      </c>
    </row>
    <row r="26311" spans="1:3" x14ac:dyDescent="0.25">
      <c r="A26311" s="2" t="s">
        <v>14724</v>
      </c>
      <c r="B26311" s="6">
        <v>438011.55</v>
      </c>
      <c r="C26311" s="7">
        <f t="shared" si="411"/>
        <v>438.01155</v>
      </c>
    </row>
    <row r="26312" spans="1:3" x14ac:dyDescent="0.25">
      <c r="A26312" s="2" t="s">
        <v>14725</v>
      </c>
      <c r="B26312" s="6">
        <v>438028.19999999995</v>
      </c>
      <c r="C26312" s="7">
        <f t="shared" si="411"/>
        <v>438.02819999999997</v>
      </c>
    </row>
    <row r="26313" spans="1:3" x14ac:dyDescent="0.25">
      <c r="A26313" s="2" t="s">
        <v>14726</v>
      </c>
      <c r="B26313" s="6">
        <v>438044.85</v>
      </c>
      <c r="C26313" s="7">
        <f t="shared" si="411"/>
        <v>438.04485</v>
      </c>
    </row>
    <row r="26314" spans="1:3" x14ac:dyDescent="0.25">
      <c r="A26314" s="2" t="s">
        <v>14727</v>
      </c>
      <c r="B26314" s="6">
        <v>438061.49999999994</v>
      </c>
      <c r="C26314" s="7">
        <f t="shared" si="411"/>
        <v>438.06149999999997</v>
      </c>
    </row>
    <row r="26315" spans="1:3" x14ac:dyDescent="0.25">
      <c r="A26315" s="2" t="s">
        <v>14728</v>
      </c>
      <c r="B26315" s="6">
        <v>438078.14999999997</v>
      </c>
      <c r="C26315" s="7">
        <f t="shared" si="411"/>
        <v>438.07814999999994</v>
      </c>
    </row>
    <row r="26316" spans="1:3" x14ac:dyDescent="0.25">
      <c r="A26316" s="2" t="s">
        <v>14729</v>
      </c>
      <c r="B26316" s="6">
        <v>438094.8</v>
      </c>
      <c r="C26316" s="7">
        <f t="shared" si="411"/>
        <v>438.09479999999996</v>
      </c>
    </row>
    <row r="26317" spans="1:3" x14ac:dyDescent="0.25">
      <c r="A26317" s="2" t="s">
        <v>14730</v>
      </c>
      <c r="B26317" s="6">
        <v>438111.44999999995</v>
      </c>
      <c r="C26317" s="7">
        <f t="shared" si="411"/>
        <v>438.11144999999993</v>
      </c>
    </row>
    <row r="26318" spans="1:3" x14ac:dyDescent="0.25">
      <c r="A26318" s="2" t="s">
        <v>14731</v>
      </c>
      <c r="B26318" s="6">
        <v>438128.1</v>
      </c>
      <c r="C26318" s="7">
        <f t="shared" si="411"/>
        <v>438.12809999999996</v>
      </c>
    </row>
    <row r="26319" spans="1:3" x14ac:dyDescent="0.25">
      <c r="A26319" s="2" t="s">
        <v>14732</v>
      </c>
      <c r="B26319" s="6">
        <v>438144.74999999994</v>
      </c>
      <c r="C26319" s="7">
        <f t="shared" si="411"/>
        <v>438.14474999999993</v>
      </c>
    </row>
    <row r="26320" spans="1:3" x14ac:dyDescent="0.25">
      <c r="A26320" s="2" t="s">
        <v>14733</v>
      </c>
      <c r="B26320" s="6">
        <v>438161.39999999997</v>
      </c>
      <c r="C26320" s="7">
        <f t="shared" si="411"/>
        <v>438.16139999999996</v>
      </c>
    </row>
    <row r="26321" spans="1:3" x14ac:dyDescent="0.25">
      <c r="A26321" s="2" t="s">
        <v>14734</v>
      </c>
      <c r="B26321" s="6">
        <v>438178.05</v>
      </c>
      <c r="C26321" s="7">
        <f t="shared" si="411"/>
        <v>438.17804999999998</v>
      </c>
    </row>
    <row r="26322" spans="1:3" x14ac:dyDescent="0.25">
      <c r="A26322" s="2" t="s">
        <v>14735</v>
      </c>
      <c r="B26322" s="6">
        <v>438194.69999999995</v>
      </c>
      <c r="C26322" s="7">
        <f t="shared" si="411"/>
        <v>438.19469999999995</v>
      </c>
    </row>
    <row r="26323" spans="1:3" x14ac:dyDescent="0.25">
      <c r="A26323" s="2" t="s">
        <v>14736</v>
      </c>
      <c r="B26323" s="6">
        <v>438211.35</v>
      </c>
      <c r="C26323" s="7">
        <f t="shared" si="411"/>
        <v>438.21134999999998</v>
      </c>
    </row>
    <row r="26324" spans="1:3" x14ac:dyDescent="0.25">
      <c r="A26324" s="2" t="s">
        <v>14737</v>
      </c>
      <c r="B26324" s="6">
        <v>438227.99999999994</v>
      </c>
      <c r="C26324" s="7">
        <f t="shared" si="411"/>
        <v>438.22799999999995</v>
      </c>
    </row>
    <row r="26325" spans="1:3" x14ac:dyDescent="0.25">
      <c r="A26325" s="2" t="s">
        <v>14738</v>
      </c>
      <c r="B26325" s="6">
        <v>438244.64999999997</v>
      </c>
      <c r="C26325" s="7">
        <f t="shared" si="411"/>
        <v>438.24464999999998</v>
      </c>
    </row>
    <row r="26326" spans="1:3" x14ac:dyDescent="0.25">
      <c r="A26326" s="2" t="s">
        <v>14739</v>
      </c>
      <c r="B26326" s="6">
        <v>438261.3</v>
      </c>
      <c r="C26326" s="7">
        <f t="shared" si="411"/>
        <v>438.26130000000001</v>
      </c>
    </row>
    <row r="26327" spans="1:3" x14ac:dyDescent="0.25">
      <c r="A26327" s="2" t="s">
        <v>14740</v>
      </c>
      <c r="B26327" s="6">
        <v>438277.94999999995</v>
      </c>
      <c r="C26327" s="7">
        <f t="shared" si="411"/>
        <v>438.27794999999998</v>
      </c>
    </row>
    <row r="26328" spans="1:3" x14ac:dyDescent="0.25">
      <c r="A26328" s="2" t="s">
        <v>14741</v>
      </c>
      <c r="B26328" s="6">
        <v>438294.6</v>
      </c>
      <c r="C26328" s="7">
        <f t="shared" si="411"/>
        <v>438.2946</v>
      </c>
    </row>
    <row r="26329" spans="1:3" x14ac:dyDescent="0.25">
      <c r="A26329" s="2" t="s">
        <v>14742</v>
      </c>
      <c r="B26329" s="6">
        <v>438311.24999999994</v>
      </c>
      <c r="C26329" s="7">
        <f t="shared" si="411"/>
        <v>438.31124999999992</v>
      </c>
    </row>
    <row r="26330" spans="1:3" x14ac:dyDescent="0.25">
      <c r="A26330" s="2" t="s">
        <v>14743</v>
      </c>
      <c r="B26330" s="6">
        <v>438327.89999999997</v>
      </c>
      <c r="C26330" s="7">
        <f t="shared" si="411"/>
        <v>438.32789999999994</v>
      </c>
    </row>
    <row r="26331" spans="1:3" x14ac:dyDescent="0.25">
      <c r="A26331" s="2" t="s">
        <v>14744</v>
      </c>
      <c r="B26331" s="6">
        <v>438344.55</v>
      </c>
      <c r="C26331" s="7">
        <f t="shared" si="411"/>
        <v>438.34454999999997</v>
      </c>
    </row>
    <row r="26332" spans="1:3" x14ac:dyDescent="0.25">
      <c r="A26332" s="2" t="s">
        <v>14745</v>
      </c>
      <c r="B26332" s="6">
        <v>438361.19999999995</v>
      </c>
      <c r="C26332" s="7">
        <f t="shared" si="411"/>
        <v>438.36119999999994</v>
      </c>
    </row>
    <row r="26333" spans="1:3" x14ac:dyDescent="0.25">
      <c r="A26333" s="2" t="s">
        <v>14746</v>
      </c>
      <c r="B26333" s="6">
        <v>438377.85</v>
      </c>
      <c r="C26333" s="7">
        <f t="shared" si="411"/>
        <v>438.37784999999997</v>
      </c>
    </row>
    <row r="26334" spans="1:3" x14ac:dyDescent="0.25">
      <c r="A26334" s="2" t="s">
        <v>14747</v>
      </c>
      <c r="B26334" s="6">
        <v>438394.49999999994</v>
      </c>
      <c r="C26334" s="7">
        <f t="shared" si="411"/>
        <v>438.39449999999994</v>
      </c>
    </row>
    <row r="26335" spans="1:3" x14ac:dyDescent="0.25">
      <c r="A26335" s="2" t="s">
        <v>14748</v>
      </c>
      <c r="B26335" s="6">
        <v>438411.14999999997</v>
      </c>
      <c r="C26335" s="7">
        <f t="shared" si="411"/>
        <v>438.41114999999996</v>
      </c>
    </row>
    <row r="26336" spans="1:3" x14ac:dyDescent="0.25">
      <c r="A26336" s="2" t="s">
        <v>14749</v>
      </c>
      <c r="B26336" s="6">
        <v>438427.8</v>
      </c>
      <c r="C26336" s="7">
        <f t="shared" si="411"/>
        <v>438.42779999999999</v>
      </c>
    </row>
    <row r="26337" spans="1:3" x14ac:dyDescent="0.25">
      <c r="A26337" s="2" t="s">
        <v>14750</v>
      </c>
      <c r="B26337" s="6">
        <v>438444.44999999995</v>
      </c>
      <c r="C26337" s="7">
        <f t="shared" si="411"/>
        <v>438.44444999999996</v>
      </c>
    </row>
    <row r="26338" spans="1:3" x14ac:dyDescent="0.25">
      <c r="A26338" s="2" t="s">
        <v>14751</v>
      </c>
      <c r="B26338" s="6">
        <v>438461.1</v>
      </c>
      <c r="C26338" s="7">
        <f t="shared" si="411"/>
        <v>438.46109999999999</v>
      </c>
    </row>
    <row r="26339" spans="1:3" x14ac:dyDescent="0.25">
      <c r="A26339" s="2" t="s">
        <v>14752</v>
      </c>
      <c r="B26339" s="6">
        <v>438477.74999999994</v>
      </c>
      <c r="C26339" s="7">
        <f t="shared" si="411"/>
        <v>438.47774999999996</v>
      </c>
    </row>
    <row r="26340" spans="1:3" x14ac:dyDescent="0.25">
      <c r="A26340" s="2" t="s">
        <v>14753</v>
      </c>
      <c r="B26340" s="6">
        <v>438494.39999999997</v>
      </c>
      <c r="C26340" s="7">
        <f t="shared" si="411"/>
        <v>438.49439999999998</v>
      </c>
    </row>
    <row r="26341" spans="1:3" x14ac:dyDescent="0.25">
      <c r="A26341" s="2" t="s">
        <v>14754</v>
      </c>
      <c r="B26341" s="6">
        <v>438511.05</v>
      </c>
      <c r="C26341" s="7">
        <f t="shared" si="411"/>
        <v>438.51105000000001</v>
      </c>
    </row>
    <row r="26342" spans="1:3" x14ac:dyDescent="0.25">
      <c r="A26342" s="2" t="s">
        <v>14755</v>
      </c>
      <c r="B26342" s="6">
        <v>438527.69999999995</v>
      </c>
      <c r="C26342" s="7">
        <f t="shared" si="411"/>
        <v>438.52769999999998</v>
      </c>
    </row>
    <row r="26343" spans="1:3" x14ac:dyDescent="0.25">
      <c r="A26343" s="2" t="s">
        <v>14756</v>
      </c>
      <c r="B26343" s="6">
        <v>438544.35</v>
      </c>
      <c r="C26343" s="7">
        <f t="shared" si="411"/>
        <v>438.54434999999995</v>
      </c>
    </row>
    <row r="26344" spans="1:3" x14ac:dyDescent="0.25">
      <c r="A26344" s="2" t="s">
        <v>14757</v>
      </c>
      <c r="B26344" s="6">
        <v>438560.99999999994</v>
      </c>
      <c r="C26344" s="7">
        <f t="shared" si="411"/>
        <v>438.56099999999992</v>
      </c>
    </row>
    <row r="26345" spans="1:3" x14ac:dyDescent="0.25">
      <c r="A26345" s="2" t="s">
        <v>14758</v>
      </c>
      <c r="B26345" s="6">
        <v>438577.64999999997</v>
      </c>
      <c r="C26345" s="7">
        <f t="shared" si="411"/>
        <v>438.57764999999995</v>
      </c>
    </row>
    <row r="26346" spans="1:3" x14ac:dyDescent="0.25">
      <c r="A26346" s="2" t="s">
        <v>14759</v>
      </c>
      <c r="B26346" s="6">
        <v>438594.3</v>
      </c>
      <c r="C26346" s="7">
        <f t="shared" si="411"/>
        <v>438.59429999999998</v>
      </c>
    </row>
    <row r="26347" spans="1:3" x14ac:dyDescent="0.25">
      <c r="A26347" s="2" t="s">
        <v>14760</v>
      </c>
      <c r="B26347" s="6">
        <v>438610.94999999995</v>
      </c>
      <c r="C26347" s="7">
        <f t="shared" si="411"/>
        <v>438.61094999999995</v>
      </c>
    </row>
    <row r="26348" spans="1:3" x14ac:dyDescent="0.25">
      <c r="A26348" s="2" t="s">
        <v>14761</v>
      </c>
      <c r="B26348" s="6">
        <v>438627.6</v>
      </c>
      <c r="C26348" s="7">
        <f t="shared" si="411"/>
        <v>438.62759999999997</v>
      </c>
    </row>
    <row r="26349" spans="1:3" x14ac:dyDescent="0.25">
      <c r="A26349" s="2" t="s">
        <v>14762</v>
      </c>
      <c r="B26349" s="6">
        <v>438644.24999999994</v>
      </c>
      <c r="C26349" s="7">
        <f t="shared" si="411"/>
        <v>438.64424999999994</v>
      </c>
    </row>
    <row r="26350" spans="1:3" x14ac:dyDescent="0.25">
      <c r="A26350" s="2" t="s">
        <v>14763</v>
      </c>
      <c r="B26350" s="6">
        <v>438660.89999999997</v>
      </c>
      <c r="C26350" s="7">
        <f t="shared" si="411"/>
        <v>438.66089999999997</v>
      </c>
    </row>
    <row r="26351" spans="1:3" x14ac:dyDescent="0.25">
      <c r="A26351" s="2" t="s">
        <v>14764</v>
      </c>
      <c r="B26351" s="6">
        <v>438677.55</v>
      </c>
      <c r="C26351" s="7">
        <f t="shared" si="411"/>
        <v>438.67755</v>
      </c>
    </row>
    <row r="26352" spans="1:3" x14ac:dyDescent="0.25">
      <c r="A26352" s="2" t="s">
        <v>14765</v>
      </c>
      <c r="B26352" s="6">
        <v>438694.19999999995</v>
      </c>
      <c r="C26352" s="7">
        <f t="shared" si="411"/>
        <v>438.69419999999997</v>
      </c>
    </row>
    <row r="26353" spans="1:3" x14ac:dyDescent="0.25">
      <c r="A26353" s="2" t="s">
        <v>14766</v>
      </c>
      <c r="B26353" s="6">
        <v>438710.85</v>
      </c>
      <c r="C26353" s="7">
        <f t="shared" si="411"/>
        <v>438.71084999999999</v>
      </c>
    </row>
    <row r="26354" spans="1:3" x14ac:dyDescent="0.25">
      <c r="A26354" s="2" t="s">
        <v>14767</v>
      </c>
      <c r="B26354" s="6">
        <v>438727.49999999994</v>
      </c>
      <c r="C26354" s="7">
        <f t="shared" si="411"/>
        <v>438.72749999999996</v>
      </c>
    </row>
    <row r="26355" spans="1:3" x14ac:dyDescent="0.25">
      <c r="A26355" s="2" t="s">
        <v>14768</v>
      </c>
      <c r="B26355" s="6">
        <v>438744.14999999997</v>
      </c>
      <c r="C26355" s="7">
        <f t="shared" si="411"/>
        <v>438.74414999999999</v>
      </c>
    </row>
    <row r="26356" spans="1:3" x14ac:dyDescent="0.25">
      <c r="A26356" s="2" t="s">
        <v>14769</v>
      </c>
      <c r="B26356" s="6">
        <v>438760.8</v>
      </c>
      <c r="C26356" s="7">
        <f t="shared" si="411"/>
        <v>438.76079999999996</v>
      </c>
    </row>
    <row r="26357" spans="1:3" x14ac:dyDescent="0.25">
      <c r="A26357" s="2" t="s">
        <v>14770</v>
      </c>
      <c r="B26357" s="6">
        <v>438777.44999999995</v>
      </c>
      <c r="C26357" s="7">
        <f t="shared" si="411"/>
        <v>438.77744999999993</v>
      </c>
    </row>
    <row r="26358" spans="1:3" x14ac:dyDescent="0.25">
      <c r="A26358" s="2" t="s">
        <v>14771</v>
      </c>
      <c r="B26358" s="6">
        <v>438794.1</v>
      </c>
      <c r="C26358" s="7">
        <f t="shared" si="411"/>
        <v>438.79409999999996</v>
      </c>
    </row>
    <row r="26359" spans="1:3" x14ac:dyDescent="0.25">
      <c r="A26359" s="2" t="s">
        <v>14772</v>
      </c>
      <c r="B26359" s="6">
        <v>438810.74999999994</v>
      </c>
      <c r="C26359" s="7">
        <f t="shared" si="411"/>
        <v>438.81074999999993</v>
      </c>
    </row>
    <row r="26360" spans="1:3" x14ac:dyDescent="0.25">
      <c r="A26360" s="2" t="s">
        <v>14773</v>
      </c>
      <c r="B26360" s="6">
        <v>438827.39999999997</v>
      </c>
      <c r="C26360" s="7">
        <f t="shared" si="411"/>
        <v>438.82739999999995</v>
      </c>
    </row>
    <row r="26361" spans="1:3" x14ac:dyDescent="0.25">
      <c r="A26361" s="2" t="s">
        <v>14774</v>
      </c>
      <c r="B26361" s="6">
        <v>438844.05</v>
      </c>
      <c r="C26361" s="7">
        <f t="shared" si="411"/>
        <v>438.84404999999998</v>
      </c>
    </row>
    <row r="26362" spans="1:3" x14ac:dyDescent="0.25">
      <c r="A26362" s="2" t="s">
        <v>14775</v>
      </c>
      <c r="B26362" s="6">
        <v>438860.69999999995</v>
      </c>
      <c r="C26362" s="7">
        <f t="shared" si="411"/>
        <v>438.86069999999995</v>
      </c>
    </row>
    <row r="26363" spans="1:3" x14ac:dyDescent="0.25">
      <c r="A26363" s="2" t="s">
        <v>14776</v>
      </c>
      <c r="B26363" s="6">
        <v>438877.35</v>
      </c>
      <c r="C26363" s="7">
        <f t="shared" si="411"/>
        <v>438.87734999999998</v>
      </c>
    </row>
    <row r="26364" spans="1:3" x14ac:dyDescent="0.25">
      <c r="A26364" s="2" t="s">
        <v>14777</v>
      </c>
      <c r="B26364" s="6">
        <v>438893.99999999994</v>
      </c>
      <c r="C26364" s="7">
        <f t="shared" si="411"/>
        <v>438.89399999999995</v>
      </c>
    </row>
    <row r="26365" spans="1:3" x14ac:dyDescent="0.25">
      <c r="A26365" s="2" t="s">
        <v>14778</v>
      </c>
      <c r="B26365" s="6">
        <v>438910.64999999997</v>
      </c>
      <c r="C26365" s="7">
        <f t="shared" si="411"/>
        <v>438.91064999999998</v>
      </c>
    </row>
    <row r="26366" spans="1:3" x14ac:dyDescent="0.25">
      <c r="A26366" s="2" t="s">
        <v>14779</v>
      </c>
      <c r="B26366" s="6">
        <v>438927.3</v>
      </c>
      <c r="C26366" s="7">
        <f t="shared" si="411"/>
        <v>438.9273</v>
      </c>
    </row>
    <row r="26367" spans="1:3" x14ac:dyDescent="0.25">
      <c r="A26367" s="2" t="s">
        <v>14780</v>
      </c>
      <c r="B26367" s="6">
        <v>438943.94999999995</v>
      </c>
      <c r="C26367" s="7">
        <f t="shared" si="411"/>
        <v>438.94394999999997</v>
      </c>
    </row>
    <row r="26368" spans="1:3" x14ac:dyDescent="0.25">
      <c r="A26368" s="2" t="s">
        <v>14781</v>
      </c>
      <c r="B26368" s="6">
        <v>438960.6</v>
      </c>
      <c r="C26368" s="7">
        <f t="shared" si="411"/>
        <v>438.9606</v>
      </c>
    </row>
    <row r="26369" spans="1:3" x14ac:dyDescent="0.25">
      <c r="A26369" s="2" t="s">
        <v>14782</v>
      </c>
      <c r="B26369" s="6">
        <v>438977.24999999994</v>
      </c>
      <c r="C26369" s="7">
        <f t="shared" si="411"/>
        <v>438.97724999999997</v>
      </c>
    </row>
    <row r="26370" spans="1:3" x14ac:dyDescent="0.25">
      <c r="A26370" s="2" t="s">
        <v>14783</v>
      </c>
      <c r="B26370" s="6">
        <v>438993.89999999997</v>
      </c>
      <c r="C26370" s="7">
        <f t="shared" si="411"/>
        <v>438.99389999999994</v>
      </c>
    </row>
    <row r="26371" spans="1:3" x14ac:dyDescent="0.25">
      <c r="A26371" s="2" t="s">
        <v>14784</v>
      </c>
      <c r="B26371" s="6">
        <v>439010.55</v>
      </c>
      <c r="C26371" s="7">
        <f t="shared" ref="C26371:C26434" si="412">B26371/1000</f>
        <v>439.01054999999997</v>
      </c>
    </row>
    <row r="26372" spans="1:3" x14ac:dyDescent="0.25">
      <c r="A26372" s="2" t="s">
        <v>14785</v>
      </c>
      <c r="B26372" s="6">
        <v>439027.19999999995</v>
      </c>
      <c r="C26372" s="7">
        <f t="shared" si="412"/>
        <v>439.02719999999994</v>
      </c>
    </row>
    <row r="26373" spans="1:3" x14ac:dyDescent="0.25">
      <c r="A26373" s="2" t="s">
        <v>14786</v>
      </c>
      <c r="B26373" s="6">
        <v>439043.85</v>
      </c>
      <c r="C26373" s="7">
        <f t="shared" si="412"/>
        <v>439.04384999999996</v>
      </c>
    </row>
    <row r="26374" spans="1:3" x14ac:dyDescent="0.25">
      <c r="A26374" s="2" t="s">
        <v>14787</v>
      </c>
      <c r="B26374" s="6">
        <v>439060.49999999994</v>
      </c>
      <c r="C26374" s="7">
        <f t="shared" si="412"/>
        <v>439.06049999999993</v>
      </c>
    </row>
    <row r="26375" spans="1:3" x14ac:dyDescent="0.25">
      <c r="A26375" s="2" t="s">
        <v>14788</v>
      </c>
      <c r="B26375" s="6">
        <v>439077.14999999997</v>
      </c>
      <c r="C26375" s="7">
        <f t="shared" si="412"/>
        <v>439.07714999999996</v>
      </c>
    </row>
    <row r="26376" spans="1:3" x14ac:dyDescent="0.25">
      <c r="A26376" s="2" t="s">
        <v>14789</v>
      </c>
      <c r="B26376" s="6">
        <v>439093.8</v>
      </c>
      <c r="C26376" s="7">
        <f t="shared" si="412"/>
        <v>439.09379999999999</v>
      </c>
    </row>
    <row r="26377" spans="1:3" x14ac:dyDescent="0.25">
      <c r="A26377" s="2" t="s">
        <v>14790</v>
      </c>
      <c r="B26377" s="6">
        <v>439110.44999999995</v>
      </c>
      <c r="C26377" s="7">
        <f t="shared" si="412"/>
        <v>439.11044999999996</v>
      </c>
    </row>
    <row r="26378" spans="1:3" x14ac:dyDescent="0.25">
      <c r="A26378" s="2" t="s">
        <v>14791</v>
      </c>
      <c r="B26378" s="6">
        <v>439127.1</v>
      </c>
      <c r="C26378" s="7">
        <f t="shared" si="412"/>
        <v>439.12709999999998</v>
      </c>
    </row>
    <row r="26379" spans="1:3" x14ac:dyDescent="0.25">
      <c r="A26379" s="2" t="s">
        <v>14792</v>
      </c>
      <c r="B26379" s="6">
        <v>439143.74999999994</v>
      </c>
      <c r="C26379" s="7">
        <f t="shared" si="412"/>
        <v>439.14374999999995</v>
      </c>
    </row>
    <row r="26380" spans="1:3" x14ac:dyDescent="0.25">
      <c r="A26380" s="2" t="s">
        <v>14793</v>
      </c>
      <c r="B26380" s="6">
        <v>439160.39999999997</v>
      </c>
      <c r="C26380" s="7">
        <f t="shared" si="412"/>
        <v>439.16039999999998</v>
      </c>
    </row>
    <row r="26381" spans="1:3" x14ac:dyDescent="0.25">
      <c r="A26381" s="2" t="s">
        <v>14794</v>
      </c>
      <c r="B26381" s="6">
        <v>439177.05</v>
      </c>
      <c r="C26381" s="7">
        <f t="shared" si="412"/>
        <v>439.17705000000001</v>
      </c>
    </row>
    <row r="26382" spans="1:3" x14ac:dyDescent="0.25">
      <c r="A26382" s="2" t="s">
        <v>14795</v>
      </c>
      <c r="B26382" s="6">
        <v>439193.69999999995</v>
      </c>
      <c r="C26382" s="7">
        <f t="shared" si="412"/>
        <v>439.19369999999998</v>
      </c>
    </row>
    <row r="26383" spans="1:3" x14ac:dyDescent="0.25">
      <c r="A26383" s="2" t="s">
        <v>14796</v>
      </c>
      <c r="B26383" s="6">
        <v>439210.35</v>
      </c>
      <c r="C26383" s="7">
        <f t="shared" si="412"/>
        <v>439.21034999999995</v>
      </c>
    </row>
    <row r="26384" spans="1:3" x14ac:dyDescent="0.25">
      <c r="A26384" s="2" t="s">
        <v>14797</v>
      </c>
      <c r="B26384" s="6">
        <v>439226.99999999994</v>
      </c>
      <c r="C26384" s="7">
        <f t="shared" si="412"/>
        <v>439.22699999999992</v>
      </c>
    </row>
    <row r="26385" spans="1:3" x14ac:dyDescent="0.25">
      <c r="A26385" s="2" t="s">
        <v>14798</v>
      </c>
      <c r="B26385" s="6">
        <v>439243.64999999997</v>
      </c>
      <c r="C26385" s="7">
        <f t="shared" si="412"/>
        <v>439.24364999999995</v>
      </c>
    </row>
    <row r="26386" spans="1:3" x14ac:dyDescent="0.25">
      <c r="A26386" s="2" t="s">
        <v>14799</v>
      </c>
      <c r="B26386" s="6">
        <v>439260.3</v>
      </c>
      <c r="C26386" s="7">
        <f t="shared" si="412"/>
        <v>439.26029999999997</v>
      </c>
    </row>
    <row r="26387" spans="1:3" x14ac:dyDescent="0.25">
      <c r="A26387" s="2" t="s">
        <v>14800</v>
      </c>
      <c r="B26387" s="6">
        <v>439276.94999999995</v>
      </c>
      <c r="C26387" s="7">
        <f t="shared" si="412"/>
        <v>439.27694999999994</v>
      </c>
    </row>
    <row r="26388" spans="1:3" x14ac:dyDescent="0.25">
      <c r="A26388" s="2" t="s">
        <v>14801</v>
      </c>
      <c r="B26388" s="6">
        <v>439293.6</v>
      </c>
      <c r="C26388" s="7">
        <f t="shared" si="412"/>
        <v>439.29359999999997</v>
      </c>
    </row>
    <row r="26389" spans="1:3" x14ac:dyDescent="0.25">
      <c r="A26389" s="2" t="s">
        <v>14802</v>
      </c>
      <c r="B26389" s="6">
        <v>439310.24999999994</v>
      </c>
      <c r="C26389" s="7">
        <f t="shared" si="412"/>
        <v>439.31024999999994</v>
      </c>
    </row>
    <row r="26390" spans="1:3" x14ac:dyDescent="0.25">
      <c r="A26390" s="2" t="s">
        <v>14803</v>
      </c>
      <c r="B26390" s="6">
        <v>439326.89999999997</v>
      </c>
      <c r="C26390" s="7">
        <f t="shared" si="412"/>
        <v>439.32689999999997</v>
      </c>
    </row>
    <row r="26391" spans="1:3" x14ac:dyDescent="0.25">
      <c r="A26391" s="2" t="s">
        <v>14804</v>
      </c>
      <c r="B26391" s="6">
        <v>439343.55</v>
      </c>
      <c r="C26391" s="7">
        <f t="shared" si="412"/>
        <v>439.34354999999999</v>
      </c>
    </row>
    <row r="26392" spans="1:3" x14ac:dyDescent="0.25">
      <c r="A26392" s="2" t="s">
        <v>14805</v>
      </c>
      <c r="B26392" s="6">
        <v>439360.19999999995</v>
      </c>
      <c r="C26392" s="7">
        <f t="shared" si="412"/>
        <v>439.36019999999996</v>
      </c>
    </row>
    <row r="26393" spans="1:3" x14ac:dyDescent="0.25">
      <c r="A26393" s="2" t="s">
        <v>14806</v>
      </c>
      <c r="B26393" s="6">
        <v>439376.85</v>
      </c>
      <c r="C26393" s="7">
        <f t="shared" si="412"/>
        <v>439.37684999999999</v>
      </c>
    </row>
    <row r="26394" spans="1:3" x14ac:dyDescent="0.25">
      <c r="A26394" s="2" t="s">
        <v>14807</v>
      </c>
      <c r="B26394" s="6">
        <v>439393.49999999994</v>
      </c>
      <c r="C26394" s="7">
        <f t="shared" si="412"/>
        <v>439.39349999999996</v>
      </c>
    </row>
    <row r="26395" spans="1:3" x14ac:dyDescent="0.25">
      <c r="A26395" s="2" t="s">
        <v>14808</v>
      </c>
      <c r="B26395" s="6">
        <v>439410.14999999997</v>
      </c>
      <c r="C26395" s="7">
        <f t="shared" si="412"/>
        <v>439.41014999999999</v>
      </c>
    </row>
    <row r="26396" spans="1:3" x14ac:dyDescent="0.25">
      <c r="A26396" s="2" t="s">
        <v>14809</v>
      </c>
      <c r="B26396" s="6">
        <v>439426.8</v>
      </c>
      <c r="C26396" s="7">
        <f t="shared" si="412"/>
        <v>439.42680000000001</v>
      </c>
    </row>
    <row r="26397" spans="1:3" x14ac:dyDescent="0.25">
      <c r="A26397" s="2" t="s">
        <v>14810</v>
      </c>
      <c r="B26397" s="6">
        <v>439443.44999999995</v>
      </c>
      <c r="C26397" s="7">
        <f t="shared" si="412"/>
        <v>439.44344999999993</v>
      </c>
    </row>
    <row r="26398" spans="1:3" x14ac:dyDescent="0.25">
      <c r="A26398" s="2" t="s">
        <v>14811</v>
      </c>
      <c r="B26398" s="6">
        <v>439460.1</v>
      </c>
      <c r="C26398" s="7">
        <f t="shared" si="412"/>
        <v>439.46009999999995</v>
      </c>
    </row>
    <row r="26399" spans="1:3" x14ac:dyDescent="0.25">
      <c r="A26399" s="2" t="s">
        <v>14812</v>
      </c>
      <c r="B26399" s="6">
        <v>439476.74999999994</v>
      </c>
      <c r="C26399" s="7">
        <f t="shared" si="412"/>
        <v>439.47674999999992</v>
      </c>
    </row>
    <row r="26400" spans="1:3" x14ac:dyDescent="0.25">
      <c r="A26400" s="2" t="s">
        <v>14813</v>
      </c>
      <c r="B26400" s="6">
        <v>439493.39999999997</v>
      </c>
      <c r="C26400" s="7">
        <f t="shared" si="412"/>
        <v>439.49339999999995</v>
      </c>
    </row>
    <row r="26401" spans="1:3" x14ac:dyDescent="0.25">
      <c r="A26401" s="2" t="s">
        <v>14814</v>
      </c>
      <c r="B26401" s="6">
        <v>439510.05</v>
      </c>
      <c r="C26401" s="7">
        <f t="shared" si="412"/>
        <v>439.51004999999998</v>
      </c>
    </row>
    <row r="26402" spans="1:3" x14ac:dyDescent="0.25">
      <c r="A26402" s="2" t="s">
        <v>14815</v>
      </c>
      <c r="B26402" s="6">
        <v>439526.69999999995</v>
      </c>
      <c r="C26402" s="7">
        <f t="shared" si="412"/>
        <v>439.52669999999995</v>
      </c>
    </row>
    <row r="26403" spans="1:3" x14ac:dyDescent="0.25">
      <c r="A26403" s="2" t="s">
        <v>14816</v>
      </c>
      <c r="B26403" s="6">
        <v>439543.35</v>
      </c>
      <c r="C26403" s="7">
        <f t="shared" si="412"/>
        <v>439.54334999999998</v>
      </c>
    </row>
    <row r="26404" spans="1:3" x14ac:dyDescent="0.25">
      <c r="A26404" s="2" t="s">
        <v>14817</v>
      </c>
      <c r="B26404" s="6">
        <v>439559.99999999994</v>
      </c>
      <c r="C26404" s="7">
        <f t="shared" si="412"/>
        <v>439.55999999999995</v>
      </c>
    </row>
    <row r="26405" spans="1:3" x14ac:dyDescent="0.25">
      <c r="A26405" s="2" t="s">
        <v>14818</v>
      </c>
      <c r="B26405" s="6">
        <v>439576.64999999997</v>
      </c>
      <c r="C26405" s="7">
        <f t="shared" si="412"/>
        <v>439.57664999999997</v>
      </c>
    </row>
    <row r="26406" spans="1:3" x14ac:dyDescent="0.25">
      <c r="A26406" s="2" t="s">
        <v>14819</v>
      </c>
      <c r="B26406" s="6">
        <v>439593.3</v>
      </c>
      <c r="C26406" s="7">
        <f t="shared" si="412"/>
        <v>439.5933</v>
      </c>
    </row>
    <row r="26407" spans="1:3" x14ac:dyDescent="0.25">
      <c r="A26407" s="2" t="s">
        <v>14820</v>
      </c>
      <c r="B26407" s="6">
        <v>439609.94999999995</v>
      </c>
      <c r="C26407" s="7">
        <f t="shared" si="412"/>
        <v>439.60994999999997</v>
      </c>
    </row>
    <row r="26408" spans="1:3" x14ac:dyDescent="0.25">
      <c r="A26408" s="2" t="s">
        <v>14821</v>
      </c>
      <c r="B26408" s="6">
        <v>439626.6</v>
      </c>
      <c r="C26408" s="7">
        <f t="shared" si="412"/>
        <v>439.6266</v>
      </c>
    </row>
    <row r="26409" spans="1:3" x14ac:dyDescent="0.25">
      <c r="A26409" s="2" t="s">
        <v>14822</v>
      </c>
      <c r="B26409" s="6">
        <v>439643.24999999994</v>
      </c>
      <c r="C26409" s="7">
        <f t="shared" si="412"/>
        <v>439.64324999999997</v>
      </c>
    </row>
    <row r="26410" spans="1:3" x14ac:dyDescent="0.25">
      <c r="A26410" s="2" t="s">
        <v>14823</v>
      </c>
      <c r="B26410" s="6">
        <v>439659.89999999997</v>
      </c>
      <c r="C26410" s="7">
        <f t="shared" si="412"/>
        <v>439.65989999999999</v>
      </c>
    </row>
    <row r="26411" spans="1:3" x14ac:dyDescent="0.25">
      <c r="A26411" s="2" t="s">
        <v>14824</v>
      </c>
      <c r="B26411" s="6">
        <v>439676.55</v>
      </c>
      <c r="C26411" s="7">
        <f t="shared" si="412"/>
        <v>439.67654999999996</v>
      </c>
    </row>
    <row r="26412" spans="1:3" x14ac:dyDescent="0.25">
      <c r="A26412" s="2" t="s">
        <v>14825</v>
      </c>
      <c r="B26412" s="6">
        <v>439693.19999999995</v>
      </c>
      <c r="C26412" s="7">
        <f t="shared" si="412"/>
        <v>439.69319999999993</v>
      </c>
    </row>
    <row r="26413" spans="1:3" x14ac:dyDescent="0.25">
      <c r="A26413" s="2" t="s">
        <v>14826</v>
      </c>
      <c r="B26413" s="6">
        <v>439709.85</v>
      </c>
      <c r="C26413" s="7">
        <f t="shared" si="412"/>
        <v>439.70984999999996</v>
      </c>
    </row>
    <row r="26414" spans="1:3" x14ac:dyDescent="0.25">
      <c r="A26414" s="2" t="s">
        <v>14827</v>
      </c>
      <c r="B26414" s="6">
        <v>439726.49999999994</v>
      </c>
      <c r="C26414" s="7">
        <f t="shared" si="412"/>
        <v>439.72649999999993</v>
      </c>
    </row>
    <row r="26415" spans="1:3" x14ac:dyDescent="0.25">
      <c r="A26415" s="2" t="s">
        <v>14828</v>
      </c>
      <c r="B26415" s="6">
        <v>439743.14999999997</v>
      </c>
      <c r="C26415" s="7">
        <f t="shared" si="412"/>
        <v>439.74314999999996</v>
      </c>
    </row>
    <row r="26416" spans="1:3" x14ac:dyDescent="0.25">
      <c r="A26416" s="2" t="s">
        <v>14829</v>
      </c>
      <c r="B26416" s="6">
        <v>439759.8</v>
      </c>
      <c r="C26416" s="7">
        <f t="shared" si="412"/>
        <v>439.75979999999998</v>
      </c>
    </row>
    <row r="26417" spans="1:3" x14ac:dyDescent="0.25">
      <c r="A26417" s="2" t="s">
        <v>14830</v>
      </c>
      <c r="B26417" s="6">
        <v>439776.44999999995</v>
      </c>
      <c r="C26417" s="7">
        <f t="shared" si="412"/>
        <v>439.77644999999995</v>
      </c>
    </row>
    <row r="26418" spans="1:3" x14ac:dyDescent="0.25">
      <c r="A26418" s="2" t="s">
        <v>14831</v>
      </c>
      <c r="B26418" s="6">
        <v>439793.1</v>
      </c>
      <c r="C26418" s="7">
        <f t="shared" si="412"/>
        <v>439.79309999999998</v>
      </c>
    </row>
    <row r="26419" spans="1:3" x14ac:dyDescent="0.25">
      <c r="A26419" s="2" t="s">
        <v>14832</v>
      </c>
      <c r="B26419" s="6">
        <v>439809.74999999994</v>
      </c>
      <c r="C26419" s="7">
        <f t="shared" si="412"/>
        <v>439.80974999999995</v>
      </c>
    </row>
    <row r="26420" spans="1:3" x14ac:dyDescent="0.25">
      <c r="A26420" s="2" t="s">
        <v>14833</v>
      </c>
      <c r="B26420" s="6">
        <v>439826.39999999997</v>
      </c>
      <c r="C26420" s="7">
        <f t="shared" si="412"/>
        <v>439.82639999999998</v>
      </c>
    </row>
    <row r="26421" spans="1:3" x14ac:dyDescent="0.25">
      <c r="A26421" s="2" t="s">
        <v>14834</v>
      </c>
      <c r="B26421" s="6">
        <v>439843.05</v>
      </c>
      <c r="C26421" s="7">
        <f t="shared" si="412"/>
        <v>439.84305000000001</v>
      </c>
    </row>
    <row r="26422" spans="1:3" x14ac:dyDescent="0.25">
      <c r="A26422" s="2" t="s">
        <v>14835</v>
      </c>
      <c r="B26422" s="6">
        <v>439859.69999999995</v>
      </c>
      <c r="C26422" s="7">
        <f t="shared" si="412"/>
        <v>439.85969999999998</v>
      </c>
    </row>
    <row r="26423" spans="1:3" x14ac:dyDescent="0.25">
      <c r="A26423" s="2" t="s">
        <v>14836</v>
      </c>
      <c r="B26423" s="6">
        <v>439876.35</v>
      </c>
      <c r="C26423" s="7">
        <f t="shared" si="412"/>
        <v>439.87635</v>
      </c>
    </row>
    <row r="26424" spans="1:3" x14ac:dyDescent="0.25">
      <c r="A26424" s="2" t="s">
        <v>14837</v>
      </c>
      <c r="B26424" s="6">
        <v>439892.99999999994</v>
      </c>
      <c r="C26424" s="7">
        <f t="shared" si="412"/>
        <v>439.89299999999992</v>
      </c>
    </row>
    <row r="26425" spans="1:3" x14ac:dyDescent="0.25">
      <c r="A26425" s="2" t="s">
        <v>14838</v>
      </c>
      <c r="B26425" s="6">
        <v>439909.64999999997</v>
      </c>
      <c r="C26425" s="7">
        <f t="shared" si="412"/>
        <v>439.90964999999994</v>
      </c>
    </row>
    <row r="26426" spans="1:3" x14ac:dyDescent="0.25">
      <c r="A26426" s="2" t="s">
        <v>14839</v>
      </c>
      <c r="B26426" s="6">
        <v>439926.3</v>
      </c>
      <c r="C26426" s="7">
        <f t="shared" si="412"/>
        <v>439.92629999999997</v>
      </c>
    </row>
    <row r="26427" spans="1:3" x14ac:dyDescent="0.25">
      <c r="A26427" s="2" t="s">
        <v>14840</v>
      </c>
      <c r="B26427" s="6">
        <v>439942.94999999995</v>
      </c>
      <c r="C26427" s="7">
        <f t="shared" si="412"/>
        <v>439.94294999999994</v>
      </c>
    </row>
    <row r="26428" spans="1:3" x14ac:dyDescent="0.25">
      <c r="A26428" s="2" t="s">
        <v>14841</v>
      </c>
      <c r="B26428" s="6">
        <v>439959.6</v>
      </c>
      <c r="C26428" s="7">
        <f t="shared" si="412"/>
        <v>439.95959999999997</v>
      </c>
    </row>
    <row r="26429" spans="1:3" x14ac:dyDescent="0.25">
      <c r="A26429" s="2" t="s">
        <v>14842</v>
      </c>
      <c r="B26429" s="6">
        <v>439976.24999999994</v>
      </c>
      <c r="C26429" s="7">
        <f t="shared" si="412"/>
        <v>439.97624999999994</v>
      </c>
    </row>
    <row r="26430" spans="1:3" x14ac:dyDescent="0.25">
      <c r="A26430" s="2" t="s">
        <v>14843</v>
      </c>
      <c r="B26430" s="6">
        <v>439992.89999999997</v>
      </c>
      <c r="C26430" s="7">
        <f t="shared" si="412"/>
        <v>439.99289999999996</v>
      </c>
    </row>
    <row r="26431" spans="1:3" x14ac:dyDescent="0.25">
      <c r="A26431" s="2" t="s">
        <v>14844</v>
      </c>
      <c r="B26431" s="6">
        <v>440009.55</v>
      </c>
      <c r="C26431" s="7">
        <f t="shared" si="412"/>
        <v>440.00954999999999</v>
      </c>
    </row>
    <row r="26432" spans="1:3" x14ac:dyDescent="0.25">
      <c r="A26432" s="2" t="s">
        <v>14845</v>
      </c>
      <c r="B26432" s="6">
        <v>440026.19999999995</v>
      </c>
      <c r="C26432" s="7">
        <f t="shared" si="412"/>
        <v>440.02619999999996</v>
      </c>
    </row>
    <row r="26433" spans="1:3" x14ac:dyDescent="0.25">
      <c r="A26433" s="2" t="s">
        <v>14846</v>
      </c>
      <c r="B26433" s="6">
        <v>440042.85</v>
      </c>
      <c r="C26433" s="7">
        <f t="shared" si="412"/>
        <v>440.04284999999999</v>
      </c>
    </row>
    <row r="26434" spans="1:3" x14ac:dyDescent="0.25">
      <c r="A26434" s="2" t="s">
        <v>14847</v>
      </c>
      <c r="B26434" s="6">
        <v>440059.49999999994</v>
      </c>
      <c r="C26434" s="7">
        <f t="shared" si="412"/>
        <v>440.05949999999996</v>
      </c>
    </row>
    <row r="26435" spans="1:3" x14ac:dyDescent="0.25">
      <c r="A26435" s="2" t="s">
        <v>14848</v>
      </c>
      <c r="B26435" s="6">
        <v>440076.14999999997</v>
      </c>
      <c r="C26435" s="7">
        <f t="shared" ref="C26435:C26498" si="413">B26435/1000</f>
        <v>440.07614999999998</v>
      </c>
    </row>
    <row r="26436" spans="1:3" x14ac:dyDescent="0.25">
      <c r="A26436" s="2" t="s">
        <v>14849</v>
      </c>
      <c r="B26436" s="6">
        <v>440092.8</v>
      </c>
      <c r="C26436" s="7">
        <f t="shared" si="413"/>
        <v>440.09280000000001</v>
      </c>
    </row>
    <row r="26437" spans="1:3" x14ac:dyDescent="0.25">
      <c r="A26437" s="2" t="s">
        <v>14850</v>
      </c>
      <c r="B26437" s="6">
        <v>440109.44999999995</v>
      </c>
      <c r="C26437" s="7">
        <f t="shared" si="413"/>
        <v>440.10944999999998</v>
      </c>
    </row>
    <row r="26438" spans="1:3" x14ac:dyDescent="0.25">
      <c r="A26438" s="2" t="s">
        <v>14851</v>
      </c>
      <c r="B26438" s="6">
        <v>440126.1</v>
      </c>
      <c r="C26438" s="7">
        <f t="shared" si="413"/>
        <v>440.12609999999995</v>
      </c>
    </row>
    <row r="26439" spans="1:3" x14ac:dyDescent="0.25">
      <c r="A26439" s="2" t="s">
        <v>14852</v>
      </c>
      <c r="B26439" s="6">
        <v>440142.74999999994</v>
      </c>
      <c r="C26439" s="7">
        <f t="shared" si="413"/>
        <v>440.14274999999992</v>
      </c>
    </row>
    <row r="26440" spans="1:3" x14ac:dyDescent="0.25">
      <c r="A26440" s="2" t="s">
        <v>14853</v>
      </c>
      <c r="B26440" s="6">
        <v>440159.39999999997</v>
      </c>
      <c r="C26440" s="7">
        <f t="shared" si="413"/>
        <v>440.15939999999995</v>
      </c>
    </row>
    <row r="26441" spans="1:3" x14ac:dyDescent="0.25">
      <c r="A26441" s="2" t="s">
        <v>14854</v>
      </c>
      <c r="B26441" s="6">
        <v>440176.05</v>
      </c>
      <c r="C26441" s="7">
        <f t="shared" si="413"/>
        <v>440.17604999999998</v>
      </c>
    </row>
    <row r="26442" spans="1:3" x14ac:dyDescent="0.25">
      <c r="A26442" s="2" t="s">
        <v>14855</v>
      </c>
      <c r="B26442" s="6">
        <v>440192.69999999995</v>
      </c>
      <c r="C26442" s="7">
        <f t="shared" si="413"/>
        <v>440.19269999999995</v>
      </c>
    </row>
    <row r="26443" spans="1:3" x14ac:dyDescent="0.25">
      <c r="A26443" s="2" t="s">
        <v>14856</v>
      </c>
      <c r="B26443" s="6">
        <v>440209.35</v>
      </c>
      <c r="C26443" s="7">
        <f t="shared" si="413"/>
        <v>440.20934999999997</v>
      </c>
    </row>
    <row r="26444" spans="1:3" x14ac:dyDescent="0.25">
      <c r="A26444" s="2" t="s">
        <v>14857</v>
      </c>
      <c r="B26444" s="6">
        <v>440225.99999999994</v>
      </c>
      <c r="C26444" s="7">
        <f t="shared" si="413"/>
        <v>440.22599999999994</v>
      </c>
    </row>
    <row r="26445" spans="1:3" x14ac:dyDescent="0.25">
      <c r="A26445" s="2" t="s">
        <v>14858</v>
      </c>
      <c r="B26445" s="6">
        <v>440242.64999999997</v>
      </c>
      <c r="C26445" s="7">
        <f t="shared" si="413"/>
        <v>440.24264999999997</v>
      </c>
    </row>
    <row r="26446" spans="1:3" x14ac:dyDescent="0.25">
      <c r="A26446" s="2" t="s">
        <v>14859</v>
      </c>
      <c r="B26446" s="6">
        <v>440259.3</v>
      </c>
      <c r="C26446" s="7">
        <f t="shared" si="413"/>
        <v>440.2593</v>
      </c>
    </row>
    <row r="26447" spans="1:3" x14ac:dyDescent="0.25">
      <c r="A26447" s="2" t="s">
        <v>14860</v>
      </c>
      <c r="B26447" s="6">
        <v>440275.94999999995</v>
      </c>
      <c r="C26447" s="7">
        <f t="shared" si="413"/>
        <v>440.27594999999997</v>
      </c>
    </row>
    <row r="26448" spans="1:3" x14ac:dyDescent="0.25">
      <c r="A26448" s="2" t="s">
        <v>14861</v>
      </c>
      <c r="B26448" s="6">
        <v>440292.6</v>
      </c>
      <c r="C26448" s="7">
        <f t="shared" si="413"/>
        <v>440.29259999999999</v>
      </c>
    </row>
    <row r="26449" spans="1:3" x14ac:dyDescent="0.25">
      <c r="A26449" s="2" t="s">
        <v>14862</v>
      </c>
      <c r="B26449" s="6">
        <v>440309.24999999994</v>
      </c>
      <c r="C26449" s="7">
        <f t="shared" si="413"/>
        <v>440.30924999999996</v>
      </c>
    </row>
    <row r="26450" spans="1:3" x14ac:dyDescent="0.25">
      <c r="A26450" s="2" t="s">
        <v>14863</v>
      </c>
      <c r="B26450" s="6">
        <v>440325.89999999997</v>
      </c>
      <c r="C26450" s="7">
        <f t="shared" si="413"/>
        <v>440.32589999999999</v>
      </c>
    </row>
    <row r="26451" spans="1:3" x14ac:dyDescent="0.25">
      <c r="A26451" s="2" t="s">
        <v>14864</v>
      </c>
      <c r="B26451" s="6">
        <v>440342.55</v>
      </c>
      <c r="C26451" s="7">
        <f t="shared" si="413"/>
        <v>440.34254999999996</v>
      </c>
    </row>
    <row r="26452" spans="1:3" x14ac:dyDescent="0.25">
      <c r="A26452" s="2" t="s">
        <v>14865</v>
      </c>
      <c r="B26452" s="6">
        <v>440359.19999999995</v>
      </c>
      <c r="C26452" s="7">
        <f t="shared" si="413"/>
        <v>440.35919999999993</v>
      </c>
    </row>
    <row r="26453" spans="1:3" x14ac:dyDescent="0.25">
      <c r="A26453" s="2" t="s">
        <v>14866</v>
      </c>
      <c r="B26453" s="6">
        <v>440375.85</v>
      </c>
      <c r="C26453" s="7">
        <f t="shared" si="413"/>
        <v>440.37584999999996</v>
      </c>
    </row>
    <row r="26454" spans="1:3" x14ac:dyDescent="0.25">
      <c r="A26454" s="2" t="s">
        <v>14867</v>
      </c>
      <c r="B26454" s="6">
        <v>440392.49999999994</v>
      </c>
      <c r="C26454" s="7">
        <f t="shared" si="413"/>
        <v>440.39249999999993</v>
      </c>
    </row>
    <row r="26455" spans="1:3" x14ac:dyDescent="0.25">
      <c r="A26455" s="2" t="s">
        <v>14868</v>
      </c>
      <c r="B26455" s="6">
        <v>440409.14999999997</v>
      </c>
      <c r="C26455" s="7">
        <f t="shared" si="413"/>
        <v>440.40914999999995</v>
      </c>
    </row>
    <row r="26456" spans="1:3" x14ac:dyDescent="0.25">
      <c r="A26456" s="2" t="s">
        <v>14869</v>
      </c>
      <c r="B26456" s="6">
        <v>440425.8</v>
      </c>
      <c r="C26456" s="7">
        <f t="shared" si="413"/>
        <v>440.42579999999998</v>
      </c>
    </row>
    <row r="26457" spans="1:3" x14ac:dyDescent="0.25">
      <c r="A26457" s="2" t="s">
        <v>14870</v>
      </c>
      <c r="B26457" s="6">
        <v>440442.44999999995</v>
      </c>
      <c r="C26457" s="7">
        <f t="shared" si="413"/>
        <v>440.44244999999995</v>
      </c>
    </row>
    <row r="26458" spans="1:3" x14ac:dyDescent="0.25">
      <c r="A26458" s="2" t="s">
        <v>14871</v>
      </c>
      <c r="B26458" s="6">
        <v>440459.1</v>
      </c>
      <c r="C26458" s="7">
        <f t="shared" si="413"/>
        <v>440.45909999999998</v>
      </c>
    </row>
    <row r="26459" spans="1:3" x14ac:dyDescent="0.25">
      <c r="A26459" s="2" t="s">
        <v>14872</v>
      </c>
      <c r="B26459" s="6">
        <v>440475.74999999994</v>
      </c>
      <c r="C26459" s="7">
        <f t="shared" si="413"/>
        <v>440.47574999999995</v>
      </c>
    </row>
    <row r="26460" spans="1:3" x14ac:dyDescent="0.25">
      <c r="A26460" s="2" t="s">
        <v>14873</v>
      </c>
      <c r="B26460" s="6">
        <v>440492.39999999997</v>
      </c>
      <c r="C26460" s="7">
        <f t="shared" si="413"/>
        <v>440.49239999999998</v>
      </c>
    </row>
    <row r="26461" spans="1:3" x14ac:dyDescent="0.25">
      <c r="A26461" s="2" t="s">
        <v>14874</v>
      </c>
      <c r="B26461" s="6">
        <v>440509.05</v>
      </c>
      <c r="C26461" s="7">
        <f t="shared" si="413"/>
        <v>440.50905</v>
      </c>
    </row>
    <row r="26462" spans="1:3" x14ac:dyDescent="0.25">
      <c r="A26462" s="2" t="s">
        <v>14875</v>
      </c>
      <c r="B26462" s="6">
        <v>440525.69999999995</v>
      </c>
      <c r="C26462" s="7">
        <f t="shared" si="413"/>
        <v>440.52569999999997</v>
      </c>
    </row>
    <row r="26463" spans="1:3" x14ac:dyDescent="0.25">
      <c r="A26463" s="2" t="s">
        <v>14876</v>
      </c>
      <c r="B26463" s="6">
        <v>440542.35</v>
      </c>
      <c r="C26463" s="7">
        <f t="shared" si="413"/>
        <v>440.54235</v>
      </c>
    </row>
    <row r="26464" spans="1:3" x14ac:dyDescent="0.25">
      <c r="A26464" s="2" t="s">
        <v>14877</v>
      </c>
      <c r="B26464" s="6">
        <v>440558.99999999994</v>
      </c>
      <c r="C26464" s="7">
        <f t="shared" si="413"/>
        <v>440.55899999999997</v>
      </c>
    </row>
    <row r="26465" spans="1:3" x14ac:dyDescent="0.25">
      <c r="A26465" s="2" t="s">
        <v>14878</v>
      </c>
      <c r="B26465" s="6">
        <v>440575.64999999997</v>
      </c>
      <c r="C26465" s="7">
        <f t="shared" si="413"/>
        <v>440.57564999999994</v>
      </c>
    </row>
    <row r="26466" spans="1:3" x14ac:dyDescent="0.25">
      <c r="A26466" s="2" t="s">
        <v>14879</v>
      </c>
      <c r="B26466" s="6">
        <v>440592.3</v>
      </c>
      <c r="C26466" s="7">
        <f t="shared" si="413"/>
        <v>440.59229999999997</v>
      </c>
    </row>
    <row r="26467" spans="1:3" x14ac:dyDescent="0.25">
      <c r="A26467" s="2" t="s">
        <v>14880</v>
      </c>
      <c r="B26467" s="6">
        <v>440608.94999999995</v>
      </c>
      <c r="C26467" s="7">
        <f t="shared" si="413"/>
        <v>440.60894999999994</v>
      </c>
    </row>
    <row r="26468" spans="1:3" x14ac:dyDescent="0.25">
      <c r="A26468" s="2" t="s">
        <v>14881</v>
      </c>
      <c r="B26468" s="6">
        <v>440625.6</v>
      </c>
      <c r="C26468" s="7">
        <f t="shared" si="413"/>
        <v>440.62559999999996</v>
      </c>
    </row>
    <row r="26469" spans="1:3" x14ac:dyDescent="0.25">
      <c r="A26469" s="2" t="s">
        <v>14882</v>
      </c>
      <c r="B26469" s="6">
        <v>440642.24999999994</v>
      </c>
      <c r="C26469" s="7">
        <f t="shared" si="413"/>
        <v>440.64224999999993</v>
      </c>
    </row>
    <row r="26470" spans="1:3" x14ac:dyDescent="0.25">
      <c r="A26470" s="2" t="s">
        <v>14883</v>
      </c>
      <c r="B26470" s="6">
        <v>440658.89999999997</v>
      </c>
      <c r="C26470" s="7">
        <f t="shared" si="413"/>
        <v>440.65889999999996</v>
      </c>
    </row>
    <row r="26471" spans="1:3" x14ac:dyDescent="0.25">
      <c r="A26471" s="2" t="s">
        <v>14884</v>
      </c>
      <c r="B26471" s="6">
        <v>440675.55</v>
      </c>
      <c r="C26471" s="7">
        <f t="shared" si="413"/>
        <v>440.67554999999999</v>
      </c>
    </row>
    <row r="26472" spans="1:3" x14ac:dyDescent="0.25">
      <c r="A26472" s="2" t="s">
        <v>14885</v>
      </c>
      <c r="B26472" s="6">
        <v>440692.19999999995</v>
      </c>
      <c r="C26472" s="7">
        <f t="shared" si="413"/>
        <v>440.69219999999996</v>
      </c>
    </row>
    <row r="26473" spans="1:3" x14ac:dyDescent="0.25">
      <c r="A26473" s="2" t="s">
        <v>14886</v>
      </c>
      <c r="B26473" s="6">
        <v>440708.85</v>
      </c>
      <c r="C26473" s="7">
        <f t="shared" si="413"/>
        <v>440.70884999999998</v>
      </c>
    </row>
    <row r="26474" spans="1:3" x14ac:dyDescent="0.25">
      <c r="A26474" s="2" t="s">
        <v>14887</v>
      </c>
      <c r="B26474" s="6">
        <v>440725.49999999994</v>
      </c>
      <c r="C26474" s="7">
        <f t="shared" si="413"/>
        <v>440.72549999999995</v>
      </c>
    </row>
    <row r="26475" spans="1:3" x14ac:dyDescent="0.25">
      <c r="A26475" s="2" t="s">
        <v>14888</v>
      </c>
      <c r="B26475" s="6">
        <v>440742.14999999997</v>
      </c>
      <c r="C26475" s="7">
        <f t="shared" si="413"/>
        <v>440.74214999999998</v>
      </c>
    </row>
    <row r="26476" spans="1:3" x14ac:dyDescent="0.25">
      <c r="A26476" s="2" t="s">
        <v>14889</v>
      </c>
      <c r="B26476" s="6">
        <v>440758.8</v>
      </c>
      <c r="C26476" s="7">
        <f t="shared" si="413"/>
        <v>440.75880000000001</v>
      </c>
    </row>
    <row r="26477" spans="1:3" x14ac:dyDescent="0.25">
      <c r="A26477" s="2" t="s">
        <v>14890</v>
      </c>
      <c r="B26477" s="6">
        <v>440775.44999999995</v>
      </c>
      <c r="C26477" s="7">
        <f t="shared" si="413"/>
        <v>440.77544999999998</v>
      </c>
    </row>
    <row r="26478" spans="1:3" x14ac:dyDescent="0.25">
      <c r="A26478" s="2" t="s">
        <v>14891</v>
      </c>
      <c r="B26478" s="6">
        <v>440792.1</v>
      </c>
      <c r="C26478" s="7">
        <f t="shared" si="413"/>
        <v>440.7921</v>
      </c>
    </row>
    <row r="26479" spans="1:3" x14ac:dyDescent="0.25">
      <c r="A26479" s="2" t="s">
        <v>14892</v>
      </c>
      <c r="B26479" s="6">
        <v>440808.74999999994</v>
      </c>
      <c r="C26479" s="7">
        <f t="shared" si="413"/>
        <v>440.80874999999992</v>
      </c>
    </row>
    <row r="26480" spans="1:3" x14ac:dyDescent="0.25">
      <c r="A26480" s="2" t="s">
        <v>14893</v>
      </c>
      <c r="B26480" s="6">
        <v>440825.39999999997</v>
      </c>
      <c r="C26480" s="7">
        <f t="shared" si="413"/>
        <v>440.82539999999995</v>
      </c>
    </row>
    <row r="26481" spans="1:3" x14ac:dyDescent="0.25">
      <c r="A26481" s="2" t="s">
        <v>14894</v>
      </c>
      <c r="B26481" s="6">
        <v>440842.05</v>
      </c>
      <c r="C26481" s="7">
        <f t="shared" si="413"/>
        <v>440.84204999999997</v>
      </c>
    </row>
    <row r="26482" spans="1:3" x14ac:dyDescent="0.25">
      <c r="A26482" s="2" t="s">
        <v>14895</v>
      </c>
      <c r="B26482" s="6">
        <v>440858.69999999995</v>
      </c>
      <c r="C26482" s="7">
        <f t="shared" si="413"/>
        <v>440.85869999999994</v>
      </c>
    </row>
    <row r="26483" spans="1:3" x14ac:dyDescent="0.25">
      <c r="A26483" s="2" t="s">
        <v>14896</v>
      </c>
      <c r="B26483" s="6">
        <v>440875.35</v>
      </c>
      <c r="C26483" s="7">
        <f t="shared" si="413"/>
        <v>440.87534999999997</v>
      </c>
    </row>
    <row r="26484" spans="1:3" x14ac:dyDescent="0.25">
      <c r="A26484" s="2" t="s">
        <v>14897</v>
      </c>
      <c r="B26484" s="6">
        <v>440891.99999999994</v>
      </c>
      <c r="C26484" s="7">
        <f t="shared" si="413"/>
        <v>440.89199999999994</v>
      </c>
    </row>
    <row r="26485" spans="1:3" x14ac:dyDescent="0.25">
      <c r="A26485" s="2" t="s">
        <v>14898</v>
      </c>
      <c r="B26485" s="6">
        <v>440908.64999999997</v>
      </c>
      <c r="C26485" s="7">
        <f t="shared" si="413"/>
        <v>440.90864999999997</v>
      </c>
    </row>
    <row r="26486" spans="1:3" x14ac:dyDescent="0.25">
      <c r="A26486" s="2" t="s">
        <v>14899</v>
      </c>
      <c r="B26486" s="6">
        <v>440925.3</v>
      </c>
      <c r="C26486" s="7">
        <f t="shared" si="413"/>
        <v>440.92529999999999</v>
      </c>
    </row>
    <row r="26487" spans="1:3" x14ac:dyDescent="0.25">
      <c r="A26487" s="2" t="s">
        <v>14900</v>
      </c>
      <c r="B26487" s="6">
        <v>440941.94999999995</v>
      </c>
      <c r="C26487" s="7">
        <f t="shared" si="413"/>
        <v>440.94194999999996</v>
      </c>
    </row>
    <row r="26488" spans="1:3" x14ac:dyDescent="0.25">
      <c r="A26488" s="2" t="s">
        <v>14901</v>
      </c>
      <c r="B26488" s="6">
        <v>440958.6</v>
      </c>
      <c r="C26488" s="7">
        <f t="shared" si="413"/>
        <v>440.95859999999999</v>
      </c>
    </row>
    <row r="26489" spans="1:3" x14ac:dyDescent="0.25">
      <c r="A26489" s="2" t="s">
        <v>14902</v>
      </c>
      <c r="B26489" s="6">
        <v>440975.24999999994</v>
      </c>
      <c r="C26489" s="7">
        <f t="shared" si="413"/>
        <v>440.97524999999996</v>
      </c>
    </row>
    <row r="26490" spans="1:3" x14ac:dyDescent="0.25">
      <c r="A26490" s="2" t="s">
        <v>14903</v>
      </c>
      <c r="B26490" s="6">
        <v>440991.89999999997</v>
      </c>
      <c r="C26490" s="7">
        <f t="shared" si="413"/>
        <v>440.99189999999999</v>
      </c>
    </row>
    <row r="26491" spans="1:3" x14ac:dyDescent="0.25">
      <c r="A26491" s="2" t="s">
        <v>14904</v>
      </c>
      <c r="B26491" s="6">
        <v>441008.55</v>
      </c>
      <c r="C26491" s="7">
        <f t="shared" si="413"/>
        <v>441.00855000000001</v>
      </c>
    </row>
    <row r="26492" spans="1:3" x14ac:dyDescent="0.25">
      <c r="A26492" s="2" t="s">
        <v>14905</v>
      </c>
      <c r="B26492" s="6">
        <v>441025.19999999995</v>
      </c>
      <c r="C26492" s="7">
        <f t="shared" si="413"/>
        <v>441.02519999999993</v>
      </c>
    </row>
    <row r="26493" spans="1:3" x14ac:dyDescent="0.25">
      <c r="A26493" s="2" t="s">
        <v>14906</v>
      </c>
      <c r="B26493" s="6">
        <v>441041.85</v>
      </c>
      <c r="C26493" s="7">
        <f t="shared" si="413"/>
        <v>441.04184999999995</v>
      </c>
    </row>
    <row r="26494" spans="1:3" x14ac:dyDescent="0.25">
      <c r="A26494" s="2" t="s">
        <v>14907</v>
      </c>
      <c r="B26494" s="6">
        <v>441058.49999999994</v>
      </c>
      <c r="C26494" s="7">
        <f t="shared" si="413"/>
        <v>441.05849999999992</v>
      </c>
    </row>
    <row r="26495" spans="1:3" x14ac:dyDescent="0.25">
      <c r="A26495" s="2" t="s">
        <v>14908</v>
      </c>
      <c r="B26495" s="6">
        <v>441075.14999999997</v>
      </c>
      <c r="C26495" s="7">
        <f t="shared" si="413"/>
        <v>441.07514999999995</v>
      </c>
    </row>
    <row r="26496" spans="1:3" x14ac:dyDescent="0.25">
      <c r="A26496" s="2" t="s">
        <v>14909</v>
      </c>
      <c r="B26496" s="6">
        <v>441091.8</v>
      </c>
      <c r="C26496" s="7">
        <f t="shared" si="413"/>
        <v>441.09179999999998</v>
      </c>
    </row>
    <row r="26497" spans="1:3" x14ac:dyDescent="0.25">
      <c r="A26497" s="2" t="s">
        <v>14910</v>
      </c>
      <c r="B26497" s="6">
        <v>441108.44999999995</v>
      </c>
      <c r="C26497" s="7">
        <f t="shared" si="413"/>
        <v>441.10844999999995</v>
      </c>
    </row>
    <row r="26498" spans="1:3" x14ac:dyDescent="0.25">
      <c r="A26498" s="2" t="s">
        <v>14911</v>
      </c>
      <c r="B26498" s="6">
        <v>441125.1</v>
      </c>
      <c r="C26498" s="7">
        <f t="shared" si="413"/>
        <v>441.12509999999997</v>
      </c>
    </row>
    <row r="26499" spans="1:3" x14ac:dyDescent="0.25">
      <c r="A26499" s="2" t="s">
        <v>14912</v>
      </c>
      <c r="B26499" s="6">
        <v>441141.74999999994</v>
      </c>
      <c r="C26499" s="7">
        <f t="shared" ref="C26499:C26562" si="414">B26499/1000</f>
        <v>441.14174999999994</v>
      </c>
    </row>
    <row r="26500" spans="1:3" x14ac:dyDescent="0.25">
      <c r="A26500" s="2" t="s">
        <v>14913</v>
      </c>
      <c r="B26500" s="6">
        <v>441158.39999999997</v>
      </c>
      <c r="C26500" s="7">
        <f t="shared" si="414"/>
        <v>441.15839999999997</v>
      </c>
    </row>
    <row r="26501" spans="1:3" x14ac:dyDescent="0.25">
      <c r="A26501" s="2" t="s">
        <v>14914</v>
      </c>
      <c r="B26501" s="6">
        <v>441175.05</v>
      </c>
      <c r="C26501" s="7">
        <f t="shared" si="414"/>
        <v>441.17505</v>
      </c>
    </row>
    <row r="26502" spans="1:3" x14ac:dyDescent="0.25">
      <c r="A26502" s="2" t="s">
        <v>14915</v>
      </c>
      <c r="B26502" s="6">
        <v>441191.69999999995</v>
      </c>
      <c r="C26502" s="7">
        <f t="shared" si="414"/>
        <v>441.19169999999997</v>
      </c>
    </row>
    <row r="26503" spans="1:3" x14ac:dyDescent="0.25">
      <c r="A26503" s="2" t="s">
        <v>14916</v>
      </c>
      <c r="B26503" s="6">
        <v>441208.35</v>
      </c>
      <c r="C26503" s="7">
        <f t="shared" si="414"/>
        <v>441.20835</v>
      </c>
    </row>
    <row r="26504" spans="1:3" x14ac:dyDescent="0.25">
      <c r="A26504" s="2" t="s">
        <v>14917</v>
      </c>
      <c r="B26504" s="6">
        <v>441224.99999999994</v>
      </c>
      <c r="C26504" s="7">
        <f t="shared" si="414"/>
        <v>441.22499999999997</v>
      </c>
    </row>
    <row r="26505" spans="1:3" x14ac:dyDescent="0.25">
      <c r="A26505" s="2" t="s">
        <v>14918</v>
      </c>
      <c r="B26505" s="6">
        <v>441241.64999999997</v>
      </c>
      <c r="C26505" s="7">
        <f t="shared" si="414"/>
        <v>441.24164999999999</v>
      </c>
    </row>
    <row r="26506" spans="1:3" x14ac:dyDescent="0.25">
      <c r="A26506" s="2" t="s">
        <v>14919</v>
      </c>
      <c r="B26506" s="6">
        <v>441258.3</v>
      </c>
      <c r="C26506" s="7">
        <f t="shared" si="414"/>
        <v>441.25829999999996</v>
      </c>
    </row>
    <row r="26507" spans="1:3" x14ac:dyDescent="0.25">
      <c r="A26507" s="2" t="s">
        <v>14920</v>
      </c>
      <c r="B26507" s="6">
        <v>441274.94999999995</v>
      </c>
      <c r="C26507" s="7">
        <f t="shared" si="414"/>
        <v>441.27494999999993</v>
      </c>
    </row>
    <row r="26508" spans="1:3" x14ac:dyDescent="0.25">
      <c r="A26508" s="2" t="s">
        <v>14921</v>
      </c>
      <c r="B26508" s="6">
        <v>441291.6</v>
      </c>
      <c r="C26508" s="7">
        <f t="shared" si="414"/>
        <v>441.29159999999996</v>
      </c>
    </row>
    <row r="26509" spans="1:3" x14ac:dyDescent="0.25">
      <c r="A26509" s="2" t="s">
        <v>14922</v>
      </c>
      <c r="B26509" s="6">
        <v>441308.24999999994</v>
      </c>
      <c r="C26509" s="7">
        <f t="shared" si="414"/>
        <v>441.30824999999993</v>
      </c>
    </row>
    <row r="26510" spans="1:3" x14ac:dyDescent="0.25">
      <c r="A26510" s="2" t="s">
        <v>14923</v>
      </c>
      <c r="B26510" s="6">
        <v>441324.89999999997</v>
      </c>
      <c r="C26510" s="7">
        <f t="shared" si="414"/>
        <v>441.32489999999996</v>
      </c>
    </row>
    <row r="26511" spans="1:3" x14ac:dyDescent="0.25">
      <c r="A26511" s="2" t="s">
        <v>14924</v>
      </c>
      <c r="B26511" s="6">
        <v>441341.55</v>
      </c>
      <c r="C26511" s="7">
        <f t="shared" si="414"/>
        <v>441.34154999999998</v>
      </c>
    </row>
    <row r="26512" spans="1:3" x14ac:dyDescent="0.25">
      <c r="A26512" s="2" t="s">
        <v>14925</v>
      </c>
      <c r="B26512" s="6">
        <v>441358.19999999995</v>
      </c>
      <c r="C26512" s="7">
        <f t="shared" si="414"/>
        <v>441.35819999999995</v>
      </c>
    </row>
    <row r="26513" spans="1:3" x14ac:dyDescent="0.25">
      <c r="A26513" s="2" t="s">
        <v>14926</v>
      </c>
      <c r="B26513" s="6">
        <v>441374.85</v>
      </c>
      <c r="C26513" s="7">
        <f t="shared" si="414"/>
        <v>441.37484999999998</v>
      </c>
    </row>
    <row r="26514" spans="1:3" x14ac:dyDescent="0.25">
      <c r="A26514" s="2" t="s">
        <v>14927</v>
      </c>
      <c r="B26514" s="6">
        <v>441391.49999999994</v>
      </c>
      <c r="C26514" s="7">
        <f t="shared" si="414"/>
        <v>441.39149999999995</v>
      </c>
    </row>
    <row r="26515" spans="1:3" x14ac:dyDescent="0.25">
      <c r="A26515" s="2" t="s">
        <v>14928</v>
      </c>
      <c r="B26515" s="6">
        <v>441408.14999999997</v>
      </c>
      <c r="C26515" s="7">
        <f t="shared" si="414"/>
        <v>441.40814999999998</v>
      </c>
    </row>
    <row r="26516" spans="1:3" x14ac:dyDescent="0.25">
      <c r="A26516" s="2" t="s">
        <v>14929</v>
      </c>
      <c r="B26516" s="6">
        <v>441424.8</v>
      </c>
      <c r="C26516" s="7">
        <f t="shared" si="414"/>
        <v>441.4248</v>
      </c>
    </row>
    <row r="26517" spans="1:3" x14ac:dyDescent="0.25">
      <c r="A26517" s="2" t="s">
        <v>14930</v>
      </c>
      <c r="B26517" s="6">
        <v>441441.44999999995</v>
      </c>
      <c r="C26517" s="7">
        <f t="shared" si="414"/>
        <v>441.44144999999997</v>
      </c>
    </row>
    <row r="26518" spans="1:3" x14ac:dyDescent="0.25">
      <c r="A26518" s="2" t="s">
        <v>14931</v>
      </c>
      <c r="B26518" s="6">
        <v>441458.1</v>
      </c>
      <c r="C26518" s="7">
        <f t="shared" si="414"/>
        <v>441.4581</v>
      </c>
    </row>
    <row r="26519" spans="1:3" x14ac:dyDescent="0.25">
      <c r="A26519" s="2" t="s">
        <v>14932</v>
      </c>
      <c r="B26519" s="6">
        <v>441474.74999999994</v>
      </c>
      <c r="C26519" s="7">
        <f t="shared" si="414"/>
        <v>441.47474999999991</v>
      </c>
    </row>
    <row r="26520" spans="1:3" x14ac:dyDescent="0.25">
      <c r="A26520" s="2" t="s">
        <v>14933</v>
      </c>
      <c r="B26520" s="6">
        <v>441491.39999999997</v>
      </c>
      <c r="C26520" s="7">
        <f t="shared" si="414"/>
        <v>441.49139999999994</v>
      </c>
    </row>
    <row r="26521" spans="1:3" x14ac:dyDescent="0.25">
      <c r="A26521" s="2" t="s">
        <v>14934</v>
      </c>
      <c r="B26521" s="6">
        <v>441508.05</v>
      </c>
      <c r="C26521" s="7">
        <f t="shared" si="414"/>
        <v>441.50804999999997</v>
      </c>
    </row>
    <row r="26522" spans="1:3" x14ac:dyDescent="0.25">
      <c r="A26522" s="2" t="s">
        <v>14935</v>
      </c>
      <c r="B26522" s="6">
        <v>441524.69999999995</v>
      </c>
      <c r="C26522" s="7">
        <f t="shared" si="414"/>
        <v>441.52469999999994</v>
      </c>
    </row>
    <row r="26523" spans="1:3" x14ac:dyDescent="0.25">
      <c r="A26523" s="2" t="s">
        <v>14936</v>
      </c>
      <c r="B26523" s="6">
        <v>441541.35</v>
      </c>
      <c r="C26523" s="7">
        <f t="shared" si="414"/>
        <v>441.54134999999997</v>
      </c>
    </row>
    <row r="26524" spans="1:3" x14ac:dyDescent="0.25">
      <c r="A26524" s="2" t="s">
        <v>14937</v>
      </c>
      <c r="B26524" s="6">
        <v>441557.99999999994</v>
      </c>
      <c r="C26524" s="7">
        <f t="shared" si="414"/>
        <v>441.55799999999994</v>
      </c>
    </row>
    <row r="26525" spans="1:3" x14ac:dyDescent="0.25">
      <c r="A26525" s="2" t="s">
        <v>14938</v>
      </c>
      <c r="B26525" s="6">
        <v>441574.64999999997</v>
      </c>
      <c r="C26525" s="7">
        <f t="shared" si="414"/>
        <v>441.57464999999996</v>
      </c>
    </row>
    <row r="26526" spans="1:3" x14ac:dyDescent="0.25">
      <c r="A26526" s="2" t="s">
        <v>14939</v>
      </c>
      <c r="B26526" s="6">
        <v>441591.3</v>
      </c>
      <c r="C26526" s="7">
        <f t="shared" si="414"/>
        <v>441.59129999999999</v>
      </c>
    </row>
    <row r="26527" spans="1:3" x14ac:dyDescent="0.25">
      <c r="A26527" s="2" t="s">
        <v>14940</v>
      </c>
      <c r="B26527" s="6">
        <v>441607.94999999995</v>
      </c>
      <c r="C26527" s="7">
        <f t="shared" si="414"/>
        <v>441.60794999999996</v>
      </c>
    </row>
    <row r="26528" spans="1:3" x14ac:dyDescent="0.25">
      <c r="A26528" s="2" t="s">
        <v>14941</v>
      </c>
      <c r="B26528" s="6">
        <v>441624.6</v>
      </c>
      <c r="C26528" s="7">
        <f t="shared" si="414"/>
        <v>441.62459999999999</v>
      </c>
    </row>
    <row r="26529" spans="1:3" x14ac:dyDescent="0.25">
      <c r="A26529" s="2" t="s">
        <v>14942</v>
      </c>
      <c r="B26529" s="6">
        <v>441641.24999999994</v>
      </c>
      <c r="C26529" s="7">
        <f t="shared" si="414"/>
        <v>441.64124999999996</v>
      </c>
    </row>
    <row r="26530" spans="1:3" x14ac:dyDescent="0.25">
      <c r="A26530" s="2" t="s">
        <v>14943</v>
      </c>
      <c r="B26530" s="6">
        <v>441657.89999999997</v>
      </c>
      <c r="C26530" s="7">
        <f t="shared" si="414"/>
        <v>441.65789999999998</v>
      </c>
    </row>
    <row r="26531" spans="1:3" x14ac:dyDescent="0.25">
      <c r="A26531" s="2" t="s">
        <v>14944</v>
      </c>
      <c r="B26531" s="6">
        <v>441674.55</v>
      </c>
      <c r="C26531" s="7">
        <f t="shared" si="414"/>
        <v>441.67455000000001</v>
      </c>
    </row>
    <row r="26532" spans="1:3" x14ac:dyDescent="0.25">
      <c r="A26532" s="2" t="s">
        <v>14945</v>
      </c>
      <c r="B26532" s="6">
        <v>441691.19999999995</v>
      </c>
      <c r="C26532" s="7">
        <f t="shared" si="414"/>
        <v>441.69119999999998</v>
      </c>
    </row>
    <row r="26533" spans="1:3" x14ac:dyDescent="0.25">
      <c r="A26533" s="2" t="s">
        <v>14946</v>
      </c>
      <c r="B26533" s="6">
        <v>441707.85</v>
      </c>
      <c r="C26533" s="7">
        <f t="shared" si="414"/>
        <v>441.70784999999995</v>
      </c>
    </row>
    <row r="26534" spans="1:3" x14ac:dyDescent="0.25">
      <c r="A26534" s="2" t="s">
        <v>14947</v>
      </c>
      <c r="B26534" s="6">
        <v>441724.49999999994</v>
      </c>
      <c r="C26534" s="7">
        <f t="shared" si="414"/>
        <v>441.72449999999992</v>
      </c>
    </row>
    <row r="26535" spans="1:3" x14ac:dyDescent="0.25">
      <c r="A26535" s="2" t="s">
        <v>14948</v>
      </c>
      <c r="B26535" s="6">
        <v>441741.14999999997</v>
      </c>
      <c r="C26535" s="7">
        <f t="shared" si="414"/>
        <v>441.74114999999995</v>
      </c>
    </row>
    <row r="26536" spans="1:3" x14ac:dyDescent="0.25">
      <c r="A26536" s="2" t="s">
        <v>14949</v>
      </c>
      <c r="B26536" s="6">
        <v>441757.8</v>
      </c>
      <c r="C26536" s="7">
        <f t="shared" si="414"/>
        <v>441.75779999999997</v>
      </c>
    </row>
    <row r="26537" spans="1:3" x14ac:dyDescent="0.25">
      <c r="A26537" s="2" t="s">
        <v>14950</v>
      </c>
      <c r="B26537" s="6">
        <v>441774.44999999995</v>
      </c>
      <c r="C26537" s="7">
        <f t="shared" si="414"/>
        <v>441.77444999999994</v>
      </c>
    </row>
    <row r="26538" spans="1:3" x14ac:dyDescent="0.25">
      <c r="A26538" s="2" t="s">
        <v>14951</v>
      </c>
      <c r="B26538" s="6">
        <v>441791.1</v>
      </c>
      <c r="C26538" s="7">
        <f t="shared" si="414"/>
        <v>441.79109999999997</v>
      </c>
    </row>
    <row r="26539" spans="1:3" x14ac:dyDescent="0.25">
      <c r="A26539" s="2" t="s">
        <v>14952</v>
      </c>
      <c r="B26539" s="6">
        <v>441807.74999999994</v>
      </c>
      <c r="C26539" s="7">
        <f t="shared" si="414"/>
        <v>441.80774999999994</v>
      </c>
    </row>
    <row r="26540" spans="1:3" x14ac:dyDescent="0.25">
      <c r="A26540" s="2" t="s">
        <v>14953</v>
      </c>
      <c r="B26540" s="6">
        <v>441824.39999999997</v>
      </c>
      <c r="C26540" s="7">
        <f t="shared" si="414"/>
        <v>441.82439999999997</v>
      </c>
    </row>
    <row r="26541" spans="1:3" x14ac:dyDescent="0.25">
      <c r="A26541" s="2" t="s">
        <v>14954</v>
      </c>
      <c r="B26541" s="6">
        <v>441841.05</v>
      </c>
      <c r="C26541" s="7">
        <f t="shared" si="414"/>
        <v>441.84105</v>
      </c>
    </row>
    <row r="26542" spans="1:3" x14ac:dyDescent="0.25">
      <c r="A26542" s="2" t="s">
        <v>14955</v>
      </c>
      <c r="B26542" s="6">
        <v>441857.69999999995</v>
      </c>
      <c r="C26542" s="7">
        <f t="shared" si="414"/>
        <v>441.85769999999997</v>
      </c>
    </row>
    <row r="26543" spans="1:3" x14ac:dyDescent="0.25">
      <c r="A26543" s="2" t="s">
        <v>14956</v>
      </c>
      <c r="B26543" s="6">
        <v>441874.35</v>
      </c>
      <c r="C26543" s="7">
        <f t="shared" si="414"/>
        <v>441.87434999999999</v>
      </c>
    </row>
    <row r="26544" spans="1:3" x14ac:dyDescent="0.25">
      <c r="A26544" s="2" t="s">
        <v>14957</v>
      </c>
      <c r="B26544" s="6">
        <v>441890.99999999994</v>
      </c>
      <c r="C26544" s="7">
        <f t="shared" si="414"/>
        <v>441.89099999999996</v>
      </c>
    </row>
    <row r="26545" spans="1:3" x14ac:dyDescent="0.25">
      <c r="A26545" s="2" t="s">
        <v>14958</v>
      </c>
      <c r="B26545" s="6">
        <v>441907.64999999997</v>
      </c>
      <c r="C26545" s="7">
        <f t="shared" si="414"/>
        <v>441.90764999999999</v>
      </c>
    </row>
    <row r="26546" spans="1:3" x14ac:dyDescent="0.25">
      <c r="A26546" s="2" t="s">
        <v>14959</v>
      </c>
      <c r="B26546" s="6">
        <v>441924.3</v>
      </c>
      <c r="C26546" s="7">
        <f t="shared" si="414"/>
        <v>441.92430000000002</v>
      </c>
    </row>
    <row r="26547" spans="1:3" x14ac:dyDescent="0.25">
      <c r="A26547" s="2" t="s">
        <v>14960</v>
      </c>
      <c r="B26547" s="6">
        <v>441940.94999999995</v>
      </c>
      <c r="C26547" s="7">
        <f t="shared" si="414"/>
        <v>441.94094999999993</v>
      </c>
    </row>
    <row r="26548" spans="1:3" x14ac:dyDescent="0.25">
      <c r="A26548" s="2" t="s">
        <v>14961</v>
      </c>
      <c r="B26548" s="6">
        <v>441957.6</v>
      </c>
      <c r="C26548" s="7">
        <f t="shared" si="414"/>
        <v>441.95759999999996</v>
      </c>
    </row>
    <row r="26549" spans="1:3" x14ac:dyDescent="0.25">
      <c r="A26549" s="2" t="s">
        <v>14962</v>
      </c>
      <c r="B26549" s="6">
        <v>441974.24999999994</v>
      </c>
      <c r="C26549" s="7">
        <f t="shared" si="414"/>
        <v>441.97424999999993</v>
      </c>
    </row>
    <row r="26550" spans="1:3" x14ac:dyDescent="0.25">
      <c r="A26550" s="2" t="s">
        <v>14963</v>
      </c>
      <c r="B26550" s="6">
        <v>441990.89999999997</v>
      </c>
      <c r="C26550" s="7">
        <f t="shared" si="414"/>
        <v>441.99089999999995</v>
      </c>
    </row>
    <row r="26551" spans="1:3" x14ac:dyDescent="0.25">
      <c r="A26551" s="2" t="s">
        <v>14964</v>
      </c>
      <c r="B26551" s="6">
        <v>442007.55</v>
      </c>
      <c r="C26551" s="7">
        <f t="shared" si="414"/>
        <v>442.00754999999998</v>
      </c>
    </row>
    <row r="26552" spans="1:3" x14ac:dyDescent="0.25">
      <c r="A26552" s="2" t="s">
        <v>14965</v>
      </c>
      <c r="B26552" s="6">
        <v>442024.19999999995</v>
      </c>
      <c r="C26552" s="7">
        <f t="shared" si="414"/>
        <v>442.02419999999995</v>
      </c>
    </row>
    <row r="26553" spans="1:3" x14ac:dyDescent="0.25">
      <c r="A26553" s="2" t="s">
        <v>14966</v>
      </c>
      <c r="B26553" s="6">
        <v>442040.85</v>
      </c>
      <c r="C26553" s="7">
        <f t="shared" si="414"/>
        <v>442.04084999999998</v>
      </c>
    </row>
    <row r="26554" spans="1:3" x14ac:dyDescent="0.25">
      <c r="A26554" s="2" t="s">
        <v>14967</v>
      </c>
      <c r="B26554" s="6">
        <v>442057.49999999994</v>
      </c>
      <c r="C26554" s="7">
        <f t="shared" si="414"/>
        <v>442.05749999999995</v>
      </c>
    </row>
    <row r="26555" spans="1:3" x14ac:dyDescent="0.25">
      <c r="A26555" s="2" t="s">
        <v>14968</v>
      </c>
      <c r="B26555" s="6">
        <v>442074.14999999997</v>
      </c>
      <c r="C26555" s="7">
        <f t="shared" si="414"/>
        <v>442.07414999999997</v>
      </c>
    </row>
    <row r="26556" spans="1:3" x14ac:dyDescent="0.25">
      <c r="A26556" s="2" t="s">
        <v>14969</v>
      </c>
      <c r="B26556" s="6">
        <v>442090.8</v>
      </c>
      <c r="C26556" s="7">
        <f t="shared" si="414"/>
        <v>442.0908</v>
      </c>
    </row>
    <row r="26557" spans="1:3" x14ac:dyDescent="0.25">
      <c r="A26557" s="2" t="s">
        <v>14970</v>
      </c>
      <c r="B26557" s="6">
        <v>442107.44999999995</v>
      </c>
      <c r="C26557" s="7">
        <f t="shared" si="414"/>
        <v>442.10744999999997</v>
      </c>
    </row>
    <row r="26558" spans="1:3" x14ac:dyDescent="0.25">
      <c r="A26558" s="2" t="s">
        <v>14971</v>
      </c>
      <c r="B26558" s="6">
        <v>442124.1</v>
      </c>
      <c r="C26558" s="7">
        <f t="shared" si="414"/>
        <v>442.1241</v>
      </c>
    </row>
    <row r="26559" spans="1:3" x14ac:dyDescent="0.25">
      <c r="A26559" s="2" t="s">
        <v>14972</v>
      </c>
      <c r="B26559" s="6">
        <v>442140.74999999994</v>
      </c>
      <c r="C26559" s="7">
        <f t="shared" si="414"/>
        <v>442.14074999999997</v>
      </c>
    </row>
    <row r="26560" spans="1:3" x14ac:dyDescent="0.25">
      <c r="A26560" s="2" t="s">
        <v>14973</v>
      </c>
      <c r="B26560" s="6">
        <v>442157.39999999997</v>
      </c>
      <c r="C26560" s="7">
        <f t="shared" si="414"/>
        <v>442.15739999999994</v>
      </c>
    </row>
    <row r="26561" spans="1:3" x14ac:dyDescent="0.25">
      <c r="A26561" s="2" t="s">
        <v>14974</v>
      </c>
      <c r="B26561" s="6">
        <v>442174.05</v>
      </c>
      <c r="C26561" s="7">
        <f t="shared" si="414"/>
        <v>442.17404999999997</v>
      </c>
    </row>
    <row r="26562" spans="1:3" x14ac:dyDescent="0.25">
      <c r="A26562" s="2" t="s">
        <v>14975</v>
      </c>
      <c r="B26562" s="6">
        <v>442190.69999999995</v>
      </c>
      <c r="C26562" s="7">
        <f t="shared" si="414"/>
        <v>442.19069999999994</v>
      </c>
    </row>
    <row r="26563" spans="1:3" x14ac:dyDescent="0.25">
      <c r="A26563" s="2" t="s">
        <v>14976</v>
      </c>
      <c r="B26563" s="6">
        <v>442207.35</v>
      </c>
      <c r="C26563" s="7">
        <f t="shared" ref="C26563:C26626" si="415">B26563/1000</f>
        <v>442.20734999999996</v>
      </c>
    </row>
    <row r="26564" spans="1:3" x14ac:dyDescent="0.25">
      <c r="A26564" s="2" t="s">
        <v>14977</v>
      </c>
      <c r="B26564" s="6">
        <v>442223.99999999994</v>
      </c>
      <c r="C26564" s="7">
        <f t="shared" si="415"/>
        <v>442.22399999999993</v>
      </c>
    </row>
    <row r="26565" spans="1:3" x14ac:dyDescent="0.25">
      <c r="A26565" s="2" t="s">
        <v>14978</v>
      </c>
      <c r="B26565" s="6">
        <v>442240.64999999997</v>
      </c>
      <c r="C26565" s="7">
        <f t="shared" si="415"/>
        <v>442.24064999999996</v>
      </c>
    </row>
    <row r="26566" spans="1:3" x14ac:dyDescent="0.25">
      <c r="A26566" s="2" t="s">
        <v>14979</v>
      </c>
      <c r="B26566" s="6">
        <v>442257.3</v>
      </c>
      <c r="C26566" s="7">
        <f t="shared" si="415"/>
        <v>442.25729999999999</v>
      </c>
    </row>
    <row r="26567" spans="1:3" x14ac:dyDescent="0.25">
      <c r="A26567" s="2" t="s">
        <v>14980</v>
      </c>
      <c r="B26567" s="6">
        <v>442273.94999999995</v>
      </c>
      <c r="C26567" s="7">
        <f t="shared" si="415"/>
        <v>442.27394999999996</v>
      </c>
    </row>
    <row r="26568" spans="1:3" x14ac:dyDescent="0.25">
      <c r="A26568" s="2" t="s">
        <v>14981</v>
      </c>
      <c r="B26568" s="6">
        <v>442290.6</v>
      </c>
      <c r="C26568" s="7">
        <f t="shared" si="415"/>
        <v>442.29059999999998</v>
      </c>
    </row>
    <row r="26569" spans="1:3" x14ac:dyDescent="0.25">
      <c r="A26569" s="2" t="s">
        <v>14982</v>
      </c>
      <c r="B26569" s="6">
        <v>442307.24999999994</v>
      </c>
      <c r="C26569" s="7">
        <f t="shared" si="415"/>
        <v>442.30724999999995</v>
      </c>
    </row>
    <row r="26570" spans="1:3" x14ac:dyDescent="0.25">
      <c r="A26570" s="2" t="s">
        <v>14983</v>
      </c>
      <c r="B26570" s="6">
        <v>442323.89999999997</v>
      </c>
      <c r="C26570" s="7">
        <f t="shared" si="415"/>
        <v>442.32389999999998</v>
      </c>
    </row>
    <row r="26571" spans="1:3" x14ac:dyDescent="0.25">
      <c r="A26571" s="2" t="s">
        <v>14984</v>
      </c>
      <c r="B26571" s="6">
        <v>442340.55</v>
      </c>
      <c r="C26571" s="7">
        <f t="shared" si="415"/>
        <v>442.34055000000001</v>
      </c>
    </row>
    <row r="26572" spans="1:3" x14ac:dyDescent="0.25">
      <c r="A26572" s="2" t="s">
        <v>14985</v>
      </c>
      <c r="B26572" s="6">
        <v>442357.19999999995</v>
      </c>
      <c r="C26572" s="7">
        <f t="shared" si="415"/>
        <v>442.35719999999998</v>
      </c>
    </row>
    <row r="26573" spans="1:3" x14ac:dyDescent="0.25">
      <c r="A26573" s="2" t="s">
        <v>14986</v>
      </c>
      <c r="B26573" s="6">
        <v>442373.85</v>
      </c>
      <c r="C26573" s="7">
        <f t="shared" si="415"/>
        <v>442.37385</v>
      </c>
    </row>
    <row r="26574" spans="1:3" x14ac:dyDescent="0.25">
      <c r="A26574" s="2" t="s">
        <v>14987</v>
      </c>
      <c r="B26574" s="6">
        <v>442390.49999999994</v>
      </c>
      <c r="C26574" s="7">
        <f t="shared" si="415"/>
        <v>442.39049999999992</v>
      </c>
    </row>
    <row r="26575" spans="1:3" x14ac:dyDescent="0.25">
      <c r="A26575" s="2" t="s">
        <v>14988</v>
      </c>
      <c r="B26575" s="6">
        <v>442407.14999999997</v>
      </c>
      <c r="C26575" s="7">
        <f t="shared" si="415"/>
        <v>442.40714999999994</v>
      </c>
    </row>
    <row r="26576" spans="1:3" x14ac:dyDescent="0.25">
      <c r="A26576" s="2" t="s">
        <v>14989</v>
      </c>
      <c r="B26576" s="6">
        <v>442423.8</v>
      </c>
      <c r="C26576" s="7">
        <f t="shared" si="415"/>
        <v>442.42379999999997</v>
      </c>
    </row>
    <row r="26577" spans="1:3" x14ac:dyDescent="0.25">
      <c r="A26577" s="2" t="s">
        <v>14990</v>
      </c>
      <c r="B26577" s="6">
        <v>442440.44999999995</v>
      </c>
      <c r="C26577" s="7">
        <f t="shared" si="415"/>
        <v>442.44044999999994</v>
      </c>
    </row>
    <row r="26578" spans="1:3" x14ac:dyDescent="0.25">
      <c r="A26578" s="2" t="s">
        <v>14991</v>
      </c>
      <c r="B26578" s="6">
        <v>442457.1</v>
      </c>
      <c r="C26578" s="7">
        <f t="shared" si="415"/>
        <v>442.45709999999997</v>
      </c>
    </row>
    <row r="26579" spans="1:3" x14ac:dyDescent="0.25">
      <c r="A26579" s="2" t="s">
        <v>14992</v>
      </c>
      <c r="B26579" s="6">
        <v>442473.74999999994</v>
      </c>
      <c r="C26579" s="7">
        <f t="shared" si="415"/>
        <v>442.47374999999994</v>
      </c>
    </row>
    <row r="26580" spans="1:3" x14ac:dyDescent="0.25">
      <c r="A26580" s="2" t="s">
        <v>14993</v>
      </c>
      <c r="B26580" s="6">
        <v>442490.39999999997</v>
      </c>
      <c r="C26580" s="7">
        <f t="shared" si="415"/>
        <v>442.49039999999997</v>
      </c>
    </row>
    <row r="26581" spans="1:3" x14ac:dyDescent="0.25">
      <c r="A26581" s="2" t="s">
        <v>14994</v>
      </c>
      <c r="B26581" s="6">
        <v>442507.05</v>
      </c>
      <c r="C26581" s="7">
        <f t="shared" si="415"/>
        <v>442.50704999999999</v>
      </c>
    </row>
    <row r="26582" spans="1:3" x14ac:dyDescent="0.25">
      <c r="A26582" s="2" t="s">
        <v>14995</v>
      </c>
      <c r="B26582" s="6">
        <v>442523.69999999995</v>
      </c>
      <c r="C26582" s="7">
        <f t="shared" si="415"/>
        <v>442.52369999999996</v>
      </c>
    </row>
    <row r="26583" spans="1:3" x14ac:dyDescent="0.25">
      <c r="A26583" s="2" t="s">
        <v>14996</v>
      </c>
      <c r="B26583" s="6">
        <v>442540.35</v>
      </c>
      <c r="C26583" s="7">
        <f t="shared" si="415"/>
        <v>442.54034999999999</v>
      </c>
    </row>
    <row r="26584" spans="1:3" x14ac:dyDescent="0.25">
      <c r="A26584" s="2" t="s">
        <v>14997</v>
      </c>
      <c r="B26584" s="6">
        <v>442556.99999999994</v>
      </c>
      <c r="C26584" s="7">
        <f t="shared" si="415"/>
        <v>442.55699999999996</v>
      </c>
    </row>
    <row r="26585" spans="1:3" x14ac:dyDescent="0.25">
      <c r="A26585" s="2" t="s">
        <v>14998</v>
      </c>
      <c r="B26585" s="6">
        <v>442573.64999999997</v>
      </c>
      <c r="C26585" s="7">
        <f t="shared" si="415"/>
        <v>442.57364999999999</v>
      </c>
    </row>
    <row r="26586" spans="1:3" x14ac:dyDescent="0.25">
      <c r="A26586" s="2" t="s">
        <v>14999</v>
      </c>
      <c r="B26586" s="6">
        <v>442590.3</v>
      </c>
      <c r="C26586" s="7">
        <f t="shared" si="415"/>
        <v>442.59030000000001</v>
      </c>
    </row>
    <row r="26587" spans="1:3" x14ac:dyDescent="0.25">
      <c r="A26587" s="2" t="s">
        <v>15000</v>
      </c>
      <c r="B26587" s="6">
        <v>442606.94999999995</v>
      </c>
      <c r="C26587" s="7">
        <f t="shared" si="415"/>
        <v>442.60694999999993</v>
      </c>
    </row>
    <row r="26588" spans="1:3" x14ac:dyDescent="0.25">
      <c r="A26588" s="2" t="s">
        <v>15001</v>
      </c>
      <c r="B26588" s="6">
        <v>442623.6</v>
      </c>
      <c r="C26588" s="7">
        <f t="shared" si="415"/>
        <v>442.62359999999995</v>
      </c>
    </row>
    <row r="26589" spans="1:3" x14ac:dyDescent="0.25">
      <c r="A26589" s="2" t="s">
        <v>15002</v>
      </c>
      <c r="B26589" s="6">
        <v>442640.24999999994</v>
      </c>
      <c r="C26589" s="7">
        <f t="shared" si="415"/>
        <v>442.64024999999992</v>
      </c>
    </row>
    <row r="26590" spans="1:3" x14ac:dyDescent="0.25">
      <c r="A26590" s="2" t="s">
        <v>15003</v>
      </c>
      <c r="B26590" s="6">
        <v>442656.89999999997</v>
      </c>
      <c r="C26590" s="7">
        <f t="shared" si="415"/>
        <v>442.65689999999995</v>
      </c>
    </row>
    <row r="26591" spans="1:3" x14ac:dyDescent="0.25">
      <c r="A26591" s="2" t="s">
        <v>15004</v>
      </c>
      <c r="B26591" s="6">
        <v>442673.55</v>
      </c>
      <c r="C26591" s="7">
        <f t="shared" si="415"/>
        <v>442.67354999999998</v>
      </c>
    </row>
    <row r="26592" spans="1:3" x14ac:dyDescent="0.25">
      <c r="A26592" s="2" t="s">
        <v>15005</v>
      </c>
      <c r="B26592" s="6">
        <v>442690.19999999995</v>
      </c>
      <c r="C26592" s="7">
        <f t="shared" si="415"/>
        <v>442.69019999999995</v>
      </c>
    </row>
    <row r="26593" spans="1:3" x14ac:dyDescent="0.25">
      <c r="A26593" s="2" t="s">
        <v>15006</v>
      </c>
      <c r="B26593" s="6">
        <v>442706.85</v>
      </c>
      <c r="C26593" s="7">
        <f t="shared" si="415"/>
        <v>442.70684999999997</v>
      </c>
    </row>
    <row r="26594" spans="1:3" x14ac:dyDescent="0.25">
      <c r="A26594" s="2" t="s">
        <v>15007</v>
      </c>
      <c r="B26594" s="6">
        <v>442723.49999999994</v>
      </c>
      <c r="C26594" s="7">
        <f t="shared" si="415"/>
        <v>442.72349999999994</v>
      </c>
    </row>
    <row r="26595" spans="1:3" x14ac:dyDescent="0.25">
      <c r="A26595" s="2" t="s">
        <v>15008</v>
      </c>
      <c r="B26595" s="6">
        <v>442740.14999999997</v>
      </c>
      <c r="C26595" s="7">
        <f t="shared" si="415"/>
        <v>442.74014999999997</v>
      </c>
    </row>
    <row r="26596" spans="1:3" x14ac:dyDescent="0.25">
      <c r="A26596" s="2" t="s">
        <v>15009</v>
      </c>
      <c r="B26596" s="6">
        <v>442756.8</v>
      </c>
      <c r="C26596" s="7">
        <f t="shared" si="415"/>
        <v>442.7568</v>
      </c>
    </row>
    <row r="26597" spans="1:3" x14ac:dyDescent="0.25">
      <c r="A26597" s="2" t="s">
        <v>15010</v>
      </c>
      <c r="B26597" s="6">
        <v>442773.44999999995</v>
      </c>
      <c r="C26597" s="7">
        <f t="shared" si="415"/>
        <v>442.77344999999997</v>
      </c>
    </row>
    <row r="26598" spans="1:3" x14ac:dyDescent="0.25">
      <c r="A26598" s="2" t="s">
        <v>15011</v>
      </c>
      <c r="B26598" s="6">
        <v>442790.1</v>
      </c>
      <c r="C26598" s="7">
        <f t="shared" si="415"/>
        <v>442.7901</v>
      </c>
    </row>
    <row r="26599" spans="1:3" x14ac:dyDescent="0.25">
      <c r="A26599" s="2" t="s">
        <v>15012</v>
      </c>
      <c r="B26599" s="6">
        <v>442806.74999999994</v>
      </c>
      <c r="C26599" s="7">
        <f t="shared" si="415"/>
        <v>442.80674999999997</v>
      </c>
    </row>
    <row r="26600" spans="1:3" x14ac:dyDescent="0.25">
      <c r="A26600" s="2" t="s">
        <v>15013</v>
      </c>
      <c r="B26600" s="6">
        <v>442823.39999999997</v>
      </c>
      <c r="C26600" s="7">
        <f t="shared" si="415"/>
        <v>442.82339999999999</v>
      </c>
    </row>
    <row r="26601" spans="1:3" x14ac:dyDescent="0.25">
      <c r="A26601" s="2" t="s">
        <v>15014</v>
      </c>
      <c r="B26601" s="6">
        <v>442840.05</v>
      </c>
      <c r="C26601" s="7">
        <f t="shared" si="415"/>
        <v>442.84004999999996</v>
      </c>
    </row>
    <row r="26602" spans="1:3" x14ac:dyDescent="0.25">
      <c r="A26602" s="2" t="s">
        <v>15015</v>
      </c>
      <c r="B26602" s="6">
        <v>442856.69999999995</v>
      </c>
      <c r="C26602" s="7">
        <f t="shared" si="415"/>
        <v>442.85669999999993</v>
      </c>
    </row>
    <row r="26603" spans="1:3" x14ac:dyDescent="0.25">
      <c r="A26603" s="2" t="s">
        <v>15016</v>
      </c>
      <c r="B26603" s="6">
        <v>442873.35</v>
      </c>
      <c r="C26603" s="7">
        <f t="shared" si="415"/>
        <v>442.87334999999996</v>
      </c>
    </row>
    <row r="26604" spans="1:3" x14ac:dyDescent="0.25">
      <c r="A26604" s="2" t="s">
        <v>15017</v>
      </c>
      <c r="B26604" s="6">
        <v>442889.99999999994</v>
      </c>
      <c r="C26604" s="7">
        <f t="shared" si="415"/>
        <v>442.88999999999993</v>
      </c>
    </row>
    <row r="26605" spans="1:3" x14ac:dyDescent="0.25">
      <c r="A26605" s="2" t="s">
        <v>15018</v>
      </c>
      <c r="B26605" s="6">
        <v>442906.64999999997</v>
      </c>
      <c r="C26605" s="7">
        <f t="shared" si="415"/>
        <v>442.90664999999996</v>
      </c>
    </row>
    <row r="26606" spans="1:3" x14ac:dyDescent="0.25">
      <c r="A26606" s="2" t="s">
        <v>15019</v>
      </c>
      <c r="B26606" s="6">
        <v>442923.3</v>
      </c>
      <c r="C26606" s="7">
        <f t="shared" si="415"/>
        <v>442.92329999999998</v>
      </c>
    </row>
    <row r="26607" spans="1:3" x14ac:dyDescent="0.25">
      <c r="A26607" s="2" t="s">
        <v>15020</v>
      </c>
      <c r="B26607" s="6">
        <v>442939.94999999995</v>
      </c>
      <c r="C26607" s="7">
        <f t="shared" si="415"/>
        <v>442.93994999999995</v>
      </c>
    </row>
    <row r="26608" spans="1:3" x14ac:dyDescent="0.25">
      <c r="A26608" s="2" t="s">
        <v>15021</v>
      </c>
      <c r="B26608" s="6">
        <v>442956.6</v>
      </c>
      <c r="C26608" s="7">
        <f t="shared" si="415"/>
        <v>442.95659999999998</v>
      </c>
    </row>
    <row r="26609" spans="1:3" x14ac:dyDescent="0.25">
      <c r="A26609" s="2" t="s">
        <v>15022</v>
      </c>
      <c r="B26609" s="6">
        <v>442973.24999999994</v>
      </c>
      <c r="C26609" s="7">
        <f t="shared" si="415"/>
        <v>442.97324999999995</v>
      </c>
    </row>
    <row r="26610" spans="1:3" x14ac:dyDescent="0.25">
      <c r="A26610" s="2" t="s">
        <v>15023</v>
      </c>
      <c r="B26610" s="6">
        <v>442989.89999999997</v>
      </c>
      <c r="C26610" s="7">
        <f t="shared" si="415"/>
        <v>442.98989999999998</v>
      </c>
    </row>
    <row r="26611" spans="1:3" x14ac:dyDescent="0.25">
      <c r="A26611" s="2" t="s">
        <v>15024</v>
      </c>
      <c r="B26611" s="6">
        <v>443006.55</v>
      </c>
      <c r="C26611" s="7">
        <f t="shared" si="415"/>
        <v>443.00655</v>
      </c>
    </row>
    <row r="26612" spans="1:3" x14ac:dyDescent="0.25">
      <c r="A26612" s="2" t="s">
        <v>15025</v>
      </c>
      <c r="B26612" s="6">
        <v>443023.19999999995</v>
      </c>
      <c r="C26612" s="7">
        <f t="shared" si="415"/>
        <v>443.02319999999997</v>
      </c>
    </row>
    <row r="26613" spans="1:3" x14ac:dyDescent="0.25">
      <c r="A26613" s="2" t="s">
        <v>15026</v>
      </c>
      <c r="B26613" s="6">
        <v>443039.85</v>
      </c>
      <c r="C26613" s="7">
        <f t="shared" si="415"/>
        <v>443.03985</v>
      </c>
    </row>
    <row r="26614" spans="1:3" x14ac:dyDescent="0.25">
      <c r="A26614" s="2" t="s">
        <v>15027</v>
      </c>
      <c r="B26614" s="6">
        <v>443056.49999999994</v>
      </c>
      <c r="C26614" s="7">
        <f t="shared" si="415"/>
        <v>443.05649999999991</v>
      </c>
    </row>
    <row r="26615" spans="1:3" x14ac:dyDescent="0.25">
      <c r="A26615" s="2" t="s">
        <v>15028</v>
      </c>
      <c r="B26615" s="6">
        <v>443073.14999999997</v>
      </c>
      <c r="C26615" s="7">
        <f t="shared" si="415"/>
        <v>443.07314999999994</v>
      </c>
    </row>
    <row r="26616" spans="1:3" x14ac:dyDescent="0.25">
      <c r="A26616" s="2" t="s">
        <v>15029</v>
      </c>
      <c r="B26616" s="6">
        <v>443089.8</v>
      </c>
      <c r="C26616" s="7">
        <f t="shared" si="415"/>
        <v>443.08979999999997</v>
      </c>
    </row>
    <row r="26617" spans="1:3" x14ac:dyDescent="0.25">
      <c r="A26617" s="2" t="s">
        <v>15030</v>
      </c>
      <c r="B26617" s="6">
        <v>443106.44999999995</v>
      </c>
      <c r="C26617" s="7">
        <f t="shared" si="415"/>
        <v>443.10644999999994</v>
      </c>
    </row>
    <row r="26618" spans="1:3" x14ac:dyDescent="0.25">
      <c r="A26618" s="2" t="s">
        <v>15031</v>
      </c>
      <c r="B26618" s="6">
        <v>443123.1</v>
      </c>
      <c r="C26618" s="7">
        <f t="shared" si="415"/>
        <v>443.12309999999997</v>
      </c>
    </row>
    <row r="26619" spans="1:3" x14ac:dyDescent="0.25">
      <c r="A26619" s="2" t="s">
        <v>15032</v>
      </c>
      <c r="B26619" s="6">
        <v>443139.74999999994</v>
      </c>
      <c r="C26619" s="7">
        <f t="shared" si="415"/>
        <v>443.13974999999994</v>
      </c>
    </row>
    <row r="26620" spans="1:3" x14ac:dyDescent="0.25">
      <c r="A26620" s="2" t="s">
        <v>15033</v>
      </c>
      <c r="B26620" s="6">
        <v>443156.39999999997</v>
      </c>
      <c r="C26620" s="7">
        <f t="shared" si="415"/>
        <v>443.15639999999996</v>
      </c>
    </row>
    <row r="26621" spans="1:3" x14ac:dyDescent="0.25">
      <c r="A26621" s="2" t="s">
        <v>15034</v>
      </c>
      <c r="B26621" s="6">
        <v>443173.05</v>
      </c>
      <c r="C26621" s="7">
        <f t="shared" si="415"/>
        <v>443.17304999999999</v>
      </c>
    </row>
    <row r="26622" spans="1:3" x14ac:dyDescent="0.25">
      <c r="A26622" s="2" t="s">
        <v>15035</v>
      </c>
      <c r="B26622" s="6">
        <v>443189.69999999995</v>
      </c>
      <c r="C26622" s="7">
        <f t="shared" si="415"/>
        <v>443.18969999999996</v>
      </c>
    </row>
    <row r="26623" spans="1:3" x14ac:dyDescent="0.25">
      <c r="A26623" s="2" t="s">
        <v>15036</v>
      </c>
      <c r="B26623" s="6">
        <v>443206.35</v>
      </c>
      <c r="C26623" s="7">
        <f t="shared" si="415"/>
        <v>443.20634999999999</v>
      </c>
    </row>
    <row r="26624" spans="1:3" x14ac:dyDescent="0.25">
      <c r="A26624" s="2" t="s">
        <v>15037</v>
      </c>
      <c r="B26624" s="6">
        <v>443222.99999999994</v>
      </c>
      <c r="C26624" s="7">
        <f t="shared" si="415"/>
        <v>443.22299999999996</v>
      </c>
    </row>
    <row r="26625" spans="1:3" x14ac:dyDescent="0.25">
      <c r="A26625" s="2" t="s">
        <v>15038</v>
      </c>
      <c r="B26625" s="6">
        <v>443239.64999999997</v>
      </c>
      <c r="C26625" s="7">
        <f t="shared" si="415"/>
        <v>443.23964999999998</v>
      </c>
    </row>
    <row r="26626" spans="1:3" x14ac:dyDescent="0.25">
      <c r="A26626" s="2" t="s">
        <v>15039</v>
      </c>
      <c r="B26626" s="6">
        <v>443256.3</v>
      </c>
      <c r="C26626" s="7">
        <f t="shared" si="415"/>
        <v>443.25630000000001</v>
      </c>
    </row>
    <row r="26627" spans="1:3" x14ac:dyDescent="0.25">
      <c r="A26627" s="2" t="s">
        <v>15040</v>
      </c>
      <c r="B26627" s="6">
        <v>443272.94999999995</v>
      </c>
      <c r="C26627" s="7">
        <f t="shared" ref="C26627:C26690" si="416">B26627/1000</f>
        <v>443.27294999999998</v>
      </c>
    </row>
    <row r="26628" spans="1:3" x14ac:dyDescent="0.25">
      <c r="A26628" s="2" t="s">
        <v>15041</v>
      </c>
      <c r="B26628" s="6">
        <v>443289.59999999998</v>
      </c>
      <c r="C26628" s="7">
        <f t="shared" si="416"/>
        <v>443.28959999999995</v>
      </c>
    </row>
    <row r="26629" spans="1:3" x14ac:dyDescent="0.25">
      <c r="A26629" s="2" t="s">
        <v>15042</v>
      </c>
      <c r="B26629" s="6">
        <v>443306.24999999994</v>
      </c>
      <c r="C26629" s="7">
        <f t="shared" si="416"/>
        <v>443.30624999999992</v>
      </c>
    </row>
    <row r="26630" spans="1:3" x14ac:dyDescent="0.25">
      <c r="A26630" s="2" t="s">
        <v>15043</v>
      </c>
      <c r="B26630" s="6">
        <v>443322.89999999997</v>
      </c>
      <c r="C26630" s="7">
        <f t="shared" si="416"/>
        <v>443.32289999999995</v>
      </c>
    </row>
    <row r="26631" spans="1:3" x14ac:dyDescent="0.25">
      <c r="A26631" s="2" t="s">
        <v>15044</v>
      </c>
      <c r="B26631" s="6">
        <v>443339.55</v>
      </c>
      <c r="C26631" s="7">
        <f t="shared" si="416"/>
        <v>443.33954999999997</v>
      </c>
    </row>
    <row r="26632" spans="1:3" x14ac:dyDescent="0.25">
      <c r="A26632" s="2" t="s">
        <v>15045</v>
      </c>
      <c r="B26632" s="6">
        <v>443356.19999999995</v>
      </c>
      <c r="C26632" s="7">
        <f t="shared" si="416"/>
        <v>443.35619999999994</v>
      </c>
    </row>
    <row r="26633" spans="1:3" x14ac:dyDescent="0.25">
      <c r="A26633" s="2" t="s">
        <v>15046</v>
      </c>
      <c r="B26633" s="6">
        <v>443372.85</v>
      </c>
      <c r="C26633" s="7">
        <f t="shared" si="416"/>
        <v>443.37284999999997</v>
      </c>
    </row>
    <row r="26634" spans="1:3" x14ac:dyDescent="0.25">
      <c r="A26634" s="2" t="s">
        <v>15047</v>
      </c>
      <c r="B26634" s="6">
        <v>443389.49999999994</v>
      </c>
      <c r="C26634" s="7">
        <f t="shared" si="416"/>
        <v>443.38949999999994</v>
      </c>
    </row>
    <row r="26635" spans="1:3" x14ac:dyDescent="0.25">
      <c r="A26635" s="2" t="s">
        <v>15048</v>
      </c>
      <c r="B26635" s="6">
        <v>443406.14999999997</v>
      </c>
      <c r="C26635" s="7">
        <f t="shared" si="416"/>
        <v>443.40614999999997</v>
      </c>
    </row>
    <row r="26636" spans="1:3" x14ac:dyDescent="0.25">
      <c r="A26636" s="2" t="s">
        <v>15049</v>
      </c>
      <c r="B26636" s="6">
        <v>443422.8</v>
      </c>
      <c r="C26636" s="7">
        <f t="shared" si="416"/>
        <v>443.4228</v>
      </c>
    </row>
    <row r="26637" spans="1:3" x14ac:dyDescent="0.25">
      <c r="A26637" s="2" t="s">
        <v>15050</v>
      </c>
      <c r="B26637" s="6">
        <v>443439.44999999995</v>
      </c>
      <c r="C26637" s="7">
        <f t="shared" si="416"/>
        <v>443.43944999999997</v>
      </c>
    </row>
    <row r="26638" spans="1:3" x14ac:dyDescent="0.25">
      <c r="A26638" s="2" t="s">
        <v>15051</v>
      </c>
      <c r="B26638" s="6">
        <v>443456.1</v>
      </c>
      <c r="C26638" s="7">
        <f t="shared" si="416"/>
        <v>443.45609999999999</v>
      </c>
    </row>
    <row r="26639" spans="1:3" x14ac:dyDescent="0.25">
      <c r="A26639" s="2" t="s">
        <v>15052</v>
      </c>
      <c r="B26639" s="6">
        <v>443472.74999999994</v>
      </c>
      <c r="C26639" s="7">
        <f t="shared" si="416"/>
        <v>443.47274999999996</v>
      </c>
    </row>
    <row r="26640" spans="1:3" x14ac:dyDescent="0.25">
      <c r="A26640" s="2" t="s">
        <v>15053</v>
      </c>
      <c r="B26640" s="6">
        <v>443489.39999999997</v>
      </c>
      <c r="C26640" s="7">
        <f t="shared" si="416"/>
        <v>443.48939999999999</v>
      </c>
    </row>
    <row r="26641" spans="1:3" x14ac:dyDescent="0.25">
      <c r="A26641" s="2" t="s">
        <v>15054</v>
      </c>
      <c r="B26641" s="6">
        <v>443506.05</v>
      </c>
      <c r="C26641" s="7">
        <f t="shared" si="416"/>
        <v>443.50605000000002</v>
      </c>
    </row>
    <row r="26642" spans="1:3" x14ac:dyDescent="0.25">
      <c r="A26642" s="2" t="s">
        <v>15055</v>
      </c>
      <c r="B26642" s="6">
        <v>443522.69999999995</v>
      </c>
      <c r="C26642" s="7">
        <f t="shared" si="416"/>
        <v>443.52269999999993</v>
      </c>
    </row>
    <row r="26643" spans="1:3" x14ac:dyDescent="0.25">
      <c r="A26643" s="2" t="s">
        <v>15056</v>
      </c>
      <c r="B26643" s="6">
        <v>443539.35</v>
      </c>
      <c r="C26643" s="7">
        <f t="shared" si="416"/>
        <v>443.53934999999996</v>
      </c>
    </row>
    <row r="26644" spans="1:3" x14ac:dyDescent="0.25">
      <c r="A26644" s="2" t="s">
        <v>15057</v>
      </c>
      <c r="B26644" s="6">
        <v>443555.99999999994</v>
      </c>
      <c r="C26644" s="7">
        <f t="shared" si="416"/>
        <v>443.55599999999993</v>
      </c>
    </row>
    <row r="26645" spans="1:3" x14ac:dyDescent="0.25">
      <c r="A26645" s="2" t="s">
        <v>15058</v>
      </c>
      <c r="B26645" s="6">
        <v>443572.64999999997</v>
      </c>
      <c r="C26645" s="7">
        <f t="shared" si="416"/>
        <v>443.57264999999995</v>
      </c>
    </row>
    <row r="26646" spans="1:3" x14ac:dyDescent="0.25">
      <c r="A26646" s="2" t="s">
        <v>15059</v>
      </c>
      <c r="B26646" s="6">
        <v>443589.3</v>
      </c>
      <c r="C26646" s="7">
        <f t="shared" si="416"/>
        <v>443.58929999999998</v>
      </c>
    </row>
    <row r="26647" spans="1:3" x14ac:dyDescent="0.25">
      <c r="A26647" s="2" t="s">
        <v>15060</v>
      </c>
      <c r="B26647" s="6">
        <v>443605.94999999995</v>
      </c>
      <c r="C26647" s="7">
        <f t="shared" si="416"/>
        <v>443.60594999999995</v>
      </c>
    </row>
    <row r="26648" spans="1:3" x14ac:dyDescent="0.25">
      <c r="A26648" s="2" t="s">
        <v>15061</v>
      </c>
      <c r="B26648" s="6">
        <v>443622.6</v>
      </c>
      <c r="C26648" s="7">
        <f t="shared" si="416"/>
        <v>443.62259999999998</v>
      </c>
    </row>
    <row r="26649" spans="1:3" x14ac:dyDescent="0.25">
      <c r="A26649" s="2" t="s">
        <v>15062</v>
      </c>
      <c r="B26649" s="6">
        <v>443639.24999999994</v>
      </c>
      <c r="C26649" s="7">
        <f t="shared" si="416"/>
        <v>443.63924999999995</v>
      </c>
    </row>
    <row r="26650" spans="1:3" x14ac:dyDescent="0.25">
      <c r="A26650" s="2" t="s">
        <v>15063</v>
      </c>
      <c r="B26650" s="6">
        <v>443655.89999999997</v>
      </c>
      <c r="C26650" s="7">
        <f t="shared" si="416"/>
        <v>443.65589999999997</v>
      </c>
    </row>
    <row r="26651" spans="1:3" x14ac:dyDescent="0.25">
      <c r="A26651" s="2" t="s">
        <v>15064</v>
      </c>
      <c r="B26651" s="6">
        <v>443672.55</v>
      </c>
      <c r="C26651" s="7">
        <f t="shared" si="416"/>
        <v>443.67255</v>
      </c>
    </row>
    <row r="26652" spans="1:3" x14ac:dyDescent="0.25">
      <c r="A26652" s="2" t="s">
        <v>15065</v>
      </c>
      <c r="B26652" s="6">
        <v>443689.19999999995</v>
      </c>
      <c r="C26652" s="7">
        <f t="shared" si="416"/>
        <v>443.68919999999997</v>
      </c>
    </row>
    <row r="26653" spans="1:3" x14ac:dyDescent="0.25">
      <c r="A26653" s="2" t="s">
        <v>15066</v>
      </c>
      <c r="B26653" s="6">
        <v>443705.85</v>
      </c>
      <c r="C26653" s="7">
        <f t="shared" si="416"/>
        <v>443.70585</v>
      </c>
    </row>
    <row r="26654" spans="1:3" x14ac:dyDescent="0.25">
      <c r="A26654" s="2" t="s">
        <v>15067</v>
      </c>
      <c r="B26654" s="6">
        <v>443722.49999999994</v>
      </c>
      <c r="C26654" s="7">
        <f t="shared" si="416"/>
        <v>443.72249999999997</v>
      </c>
    </row>
    <row r="26655" spans="1:3" x14ac:dyDescent="0.25">
      <c r="A26655" s="2" t="s">
        <v>15068</v>
      </c>
      <c r="B26655" s="6">
        <v>443739.14999999997</v>
      </c>
      <c r="C26655" s="7">
        <f t="shared" si="416"/>
        <v>443.73914999999994</v>
      </c>
    </row>
    <row r="26656" spans="1:3" x14ac:dyDescent="0.25">
      <c r="A26656" s="2" t="s">
        <v>15069</v>
      </c>
      <c r="B26656" s="6">
        <v>443755.8</v>
      </c>
      <c r="C26656" s="7">
        <f t="shared" si="416"/>
        <v>443.75579999999997</v>
      </c>
    </row>
    <row r="26657" spans="1:3" x14ac:dyDescent="0.25">
      <c r="A26657" s="2" t="s">
        <v>15070</v>
      </c>
      <c r="B26657" s="6">
        <v>443772.44999999995</v>
      </c>
      <c r="C26657" s="7">
        <f t="shared" si="416"/>
        <v>443.77244999999994</v>
      </c>
    </row>
    <row r="26658" spans="1:3" x14ac:dyDescent="0.25">
      <c r="A26658" s="2" t="s">
        <v>15071</v>
      </c>
      <c r="B26658" s="6">
        <v>443789.1</v>
      </c>
      <c r="C26658" s="7">
        <f t="shared" si="416"/>
        <v>443.78909999999996</v>
      </c>
    </row>
    <row r="26659" spans="1:3" x14ac:dyDescent="0.25">
      <c r="A26659" s="2" t="s">
        <v>15072</v>
      </c>
      <c r="B26659" s="6">
        <v>443805.74999999994</v>
      </c>
      <c r="C26659" s="7">
        <f t="shared" si="416"/>
        <v>443.80574999999993</v>
      </c>
    </row>
    <row r="26660" spans="1:3" x14ac:dyDescent="0.25">
      <c r="A26660" s="2" t="s">
        <v>15073</v>
      </c>
      <c r="B26660" s="6">
        <v>443822.39999999997</v>
      </c>
      <c r="C26660" s="7">
        <f t="shared" si="416"/>
        <v>443.82239999999996</v>
      </c>
    </row>
    <row r="26661" spans="1:3" x14ac:dyDescent="0.25">
      <c r="A26661" s="2" t="s">
        <v>15074</v>
      </c>
      <c r="B26661" s="6">
        <v>443839.05</v>
      </c>
      <c r="C26661" s="7">
        <f t="shared" si="416"/>
        <v>443.83904999999999</v>
      </c>
    </row>
    <row r="26662" spans="1:3" x14ac:dyDescent="0.25">
      <c r="A26662" s="2" t="s">
        <v>15075</v>
      </c>
      <c r="B26662" s="6">
        <v>443855.69999999995</v>
      </c>
      <c r="C26662" s="7">
        <f t="shared" si="416"/>
        <v>443.85569999999996</v>
      </c>
    </row>
    <row r="26663" spans="1:3" x14ac:dyDescent="0.25">
      <c r="A26663" s="2" t="s">
        <v>15076</v>
      </c>
      <c r="B26663" s="6">
        <v>443872.35</v>
      </c>
      <c r="C26663" s="7">
        <f t="shared" si="416"/>
        <v>443.87234999999998</v>
      </c>
    </row>
    <row r="26664" spans="1:3" x14ac:dyDescent="0.25">
      <c r="A26664" s="2" t="s">
        <v>15077</v>
      </c>
      <c r="B26664" s="6">
        <v>443888.99999999994</v>
      </c>
      <c r="C26664" s="7">
        <f t="shared" si="416"/>
        <v>443.88899999999995</v>
      </c>
    </row>
    <row r="26665" spans="1:3" x14ac:dyDescent="0.25">
      <c r="A26665" s="2" t="s">
        <v>15078</v>
      </c>
      <c r="B26665" s="6">
        <v>443905.64999999997</v>
      </c>
      <c r="C26665" s="7">
        <f t="shared" si="416"/>
        <v>443.90564999999998</v>
      </c>
    </row>
    <row r="26666" spans="1:3" x14ac:dyDescent="0.25">
      <c r="A26666" s="2" t="s">
        <v>15079</v>
      </c>
      <c r="B26666" s="6">
        <v>443922.3</v>
      </c>
      <c r="C26666" s="7">
        <f t="shared" si="416"/>
        <v>443.92230000000001</v>
      </c>
    </row>
    <row r="26667" spans="1:3" x14ac:dyDescent="0.25">
      <c r="A26667" s="2" t="s">
        <v>15080</v>
      </c>
      <c r="B26667" s="6">
        <v>443938.94999999995</v>
      </c>
      <c r="C26667" s="7">
        <f t="shared" si="416"/>
        <v>443.93894999999998</v>
      </c>
    </row>
    <row r="26668" spans="1:3" x14ac:dyDescent="0.25">
      <c r="A26668" s="2" t="s">
        <v>15081</v>
      </c>
      <c r="B26668" s="6">
        <v>443955.6</v>
      </c>
      <c r="C26668" s="7">
        <f t="shared" si="416"/>
        <v>443.9556</v>
      </c>
    </row>
    <row r="26669" spans="1:3" x14ac:dyDescent="0.25">
      <c r="A26669" s="2" t="s">
        <v>15082</v>
      </c>
      <c r="B26669" s="6">
        <v>443972.24999999994</v>
      </c>
      <c r="C26669" s="7">
        <f t="shared" si="416"/>
        <v>443.97224999999992</v>
      </c>
    </row>
    <row r="26670" spans="1:3" x14ac:dyDescent="0.25">
      <c r="A26670" s="2" t="s">
        <v>15083</v>
      </c>
      <c r="B26670" s="6">
        <v>443988.89999999997</v>
      </c>
      <c r="C26670" s="7">
        <f t="shared" si="416"/>
        <v>443.98889999999994</v>
      </c>
    </row>
    <row r="26671" spans="1:3" x14ac:dyDescent="0.25">
      <c r="A26671" s="2" t="s">
        <v>15084</v>
      </c>
      <c r="B26671" s="6">
        <v>444005.55</v>
      </c>
      <c r="C26671" s="7">
        <f t="shared" si="416"/>
        <v>444.00554999999997</v>
      </c>
    </row>
    <row r="26672" spans="1:3" x14ac:dyDescent="0.25">
      <c r="A26672" s="2" t="s">
        <v>15085</v>
      </c>
      <c r="B26672" s="6">
        <v>444022.19999999995</v>
      </c>
      <c r="C26672" s="7">
        <f t="shared" si="416"/>
        <v>444.02219999999994</v>
      </c>
    </row>
    <row r="26673" spans="1:3" x14ac:dyDescent="0.25">
      <c r="A26673" s="2" t="s">
        <v>15086</v>
      </c>
      <c r="B26673" s="6">
        <v>444038.85</v>
      </c>
      <c r="C26673" s="7">
        <f t="shared" si="416"/>
        <v>444.03884999999997</v>
      </c>
    </row>
    <row r="26674" spans="1:3" x14ac:dyDescent="0.25">
      <c r="A26674" s="2" t="s">
        <v>15087</v>
      </c>
      <c r="B26674" s="6">
        <v>444055.49999999994</v>
      </c>
      <c r="C26674" s="7">
        <f t="shared" si="416"/>
        <v>444.05549999999994</v>
      </c>
    </row>
    <row r="26675" spans="1:3" x14ac:dyDescent="0.25">
      <c r="A26675" s="2" t="s">
        <v>15088</v>
      </c>
      <c r="B26675" s="6">
        <v>444072.14999999997</v>
      </c>
      <c r="C26675" s="7">
        <f t="shared" si="416"/>
        <v>444.07214999999997</v>
      </c>
    </row>
    <row r="26676" spans="1:3" x14ac:dyDescent="0.25">
      <c r="A26676" s="2" t="s">
        <v>15089</v>
      </c>
      <c r="B26676" s="6">
        <v>444088.8</v>
      </c>
      <c r="C26676" s="7">
        <f t="shared" si="416"/>
        <v>444.08879999999999</v>
      </c>
    </row>
    <row r="26677" spans="1:3" x14ac:dyDescent="0.25">
      <c r="A26677" s="2" t="s">
        <v>15090</v>
      </c>
      <c r="B26677" s="6">
        <v>444105.44999999995</v>
      </c>
      <c r="C26677" s="7">
        <f t="shared" si="416"/>
        <v>444.10544999999996</v>
      </c>
    </row>
    <row r="26678" spans="1:3" x14ac:dyDescent="0.25">
      <c r="A26678" s="2" t="s">
        <v>15091</v>
      </c>
      <c r="B26678" s="6">
        <v>444122.1</v>
      </c>
      <c r="C26678" s="7">
        <f t="shared" si="416"/>
        <v>444.12209999999999</v>
      </c>
    </row>
    <row r="26679" spans="1:3" x14ac:dyDescent="0.25">
      <c r="A26679" s="2" t="s">
        <v>15092</v>
      </c>
      <c r="B26679" s="6">
        <v>444138.74999999994</v>
      </c>
      <c r="C26679" s="7">
        <f t="shared" si="416"/>
        <v>444.13874999999996</v>
      </c>
    </row>
    <row r="26680" spans="1:3" x14ac:dyDescent="0.25">
      <c r="A26680" s="2" t="s">
        <v>15093</v>
      </c>
      <c r="B26680" s="6">
        <v>444155.39999999997</v>
      </c>
      <c r="C26680" s="7">
        <f t="shared" si="416"/>
        <v>444.15539999999999</v>
      </c>
    </row>
    <row r="26681" spans="1:3" x14ac:dyDescent="0.25">
      <c r="A26681" s="2" t="s">
        <v>15094</v>
      </c>
      <c r="B26681" s="6">
        <v>444172.05</v>
      </c>
      <c r="C26681" s="7">
        <f t="shared" si="416"/>
        <v>444.17205000000001</v>
      </c>
    </row>
    <row r="26682" spans="1:3" x14ac:dyDescent="0.25">
      <c r="A26682" s="2" t="s">
        <v>15095</v>
      </c>
      <c r="B26682" s="6">
        <v>444188.69999999995</v>
      </c>
      <c r="C26682" s="7">
        <f t="shared" si="416"/>
        <v>444.18869999999993</v>
      </c>
    </row>
    <row r="26683" spans="1:3" x14ac:dyDescent="0.25">
      <c r="A26683" s="2" t="s">
        <v>15096</v>
      </c>
      <c r="B26683" s="6">
        <v>444205.35</v>
      </c>
      <c r="C26683" s="7">
        <f t="shared" si="416"/>
        <v>444.20534999999995</v>
      </c>
    </row>
    <row r="26684" spans="1:3" x14ac:dyDescent="0.25">
      <c r="A26684" s="2" t="s">
        <v>15097</v>
      </c>
      <c r="B26684" s="6">
        <v>444221.99999999994</v>
      </c>
      <c r="C26684" s="7">
        <f t="shared" si="416"/>
        <v>444.22199999999992</v>
      </c>
    </row>
    <row r="26685" spans="1:3" x14ac:dyDescent="0.25">
      <c r="A26685" s="2" t="s">
        <v>15098</v>
      </c>
      <c r="B26685" s="6">
        <v>444238.64999999997</v>
      </c>
      <c r="C26685" s="7">
        <f t="shared" si="416"/>
        <v>444.23864999999995</v>
      </c>
    </row>
    <row r="26686" spans="1:3" x14ac:dyDescent="0.25">
      <c r="A26686" s="2" t="s">
        <v>15099</v>
      </c>
      <c r="B26686" s="6">
        <v>444255.3</v>
      </c>
      <c r="C26686" s="7">
        <f t="shared" si="416"/>
        <v>444.25529999999998</v>
      </c>
    </row>
    <row r="26687" spans="1:3" x14ac:dyDescent="0.25">
      <c r="A26687" s="2" t="s">
        <v>15100</v>
      </c>
      <c r="B26687" s="6">
        <v>444271.94999999995</v>
      </c>
      <c r="C26687" s="7">
        <f t="shared" si="416"/>
        <v>444.27194999999995</v>
      </c>
    </row>
    <row r="26688" spans="1:3" x14ac:dyDescent="0.25">
      <c r="A26688" s="2" t="s">
        <v>15101</v>
      </c>
      <c r="B26688" s="6">
        <v>444288.6</v>
      </c>
      <c r="C26688" s="7">
        <f t="shared" si="416"/>
        <v>444.28859999999997</v>
      </c>
    </row>
    <row r="26689" spans="1:3" x14ac:dyDescent="0.25">
      <c r="A26689" s="2" t="s">
        <v>15102</v>
      </c>
      <c r="B26689" s="6">
        <v>444305.24999999994</v>
      </c>
      <c r="C26689" s="7">
        <f t="shared" si="416"/>
        <v>444.30524999999994</v>
      </c>
    </row>
    <row r="26690" spans="1:3" x14ac:dyDescent="0.25">
      <c r="A26690" s="2" t="s">
        <v>15103</v>
      </c>
      <c r="B26690" s="6">
        <v>444321.89999999997</v>
      </c>
      <c r="C26690" s="7">
        <f t="shared" si="416"/>
        <v>444.32189999999997</v>
      </c>
    </row>
    <row r="26691" spans="1:3" x14ac:dyDescent="0.25">
      <c r="A26691" s="2" t="s">
        <v>15104</v>
      </c>
      <c r="B26691" s="6">
        <v>444338.55</v>
      </c>
      <c r="C26691" s="7">
        <f t="shared" ref="C26691:C26754" si="417">B26691/1000</f>
        <v>444.33855</v>
      </c>
    </row>
    <row r="26692" spans="1:3" x14ac:dyDescent="0.25">
      <c r="A26692" s="2" t="s">
        <v>15105</v>
      </c>
      <c r="B26692" s="6">
        <v>444355.19999999995</v>
      </c>
      <c r="C26692" s="7">
        <f t="shared" si="417"/>
        <v>444.35519999999997</v>
      </c>
    </row>
    <row r="26693" spans="1:3" x14ac:dyDescent="0.25">
      <c r="A26693" s="2" t="s">
        <v>15106</v>
      </c>
      <c r="B26693" s="6">
        <v>444371.85</v>
      </c>
      <c r="C26693" s="7">
        <f t="shared" si="417"/>
        <v>444.37184999999999</v>
      </c>
    </row>
    <row r="26694" spans="1:3" x14ac:dyDescent="0.25">
      <c r="A26694" s="2" t="s">
        <v>15107</v>
      </c>
      <c r="B26694" s="6">
        <v>444388.49999999994</v>
      </c>
      <c r="C26694" s="7">
        <f t="shared" si="417"/>
        <v>444.38849999999996</v>
      </c>
    </row>
    <row r="26695" spans="1:3" x14ac:dyDescent="0.25">
      <c r="A26695" s="2" t="s">
        <v>15108</v>
      </c>
      <c r="B26695" s="6">
        <v>444405.14999999997</v>
      </c>
      <c r="C26695" s="7">
        <f t="shared" si="417"/>
        <v>444.40514999999999</v>
      </c>
    </row>
    <row r="26696" spans="1:3" x14ac:dyDescent="0.25">
      <c r="A26696" s="2" t="s">
        <v>15109</v>
      </c>
      <c r="B26696" s="6">
        <v>444421.8</v>
      </c>
      <c r="C26696" s="7">
        <f t="shared" si="417"/>
        <v>444.42179999999996</v>
      </c>
    </row>
    <row r="26697" spans="1:3" x14ac:dyDescent="0.25">
      <c r="A26697" s="2" t="s">
        <v>15110</v>
      </c>
      <c r="B26697" s="6">
        <v>444438.44999999995</v>
      </c>
      <c r="C26697" s="7">
        <f t="shared" si="417"/>
        <v>444.43844999999993</v>
      </c>
    </row>
    <row r="26698" spans="1:3" x14ac:dyDescent="0.25">
      <c r="A26698" s="2" t="s">
        <v>15111</v>
      </c>
      <c r="B26698" s="6">
        <v>444455.1</v>
      </c>
      <c r="C26698" s="7">
        <f t="shared" si="417"/>
        <v>444.45509999999996</v>
      </c>
    </row>
    <row r="26699" spans="1:3" x14ac:dyDescent="0.25">
      <c r="A26699" s="2" t="s">
        <v>15112</v>
      </c>
      <c r="B26699" s="6">
        <v>444471.74999999994</v>
      </c>
      <c r="C26699" s="7">
        <f t="shared" si="417"/>
        <v>444.47174999999993</v>
      </c>
    </row>
    <row r="26700" spans="1:3" x14ac:dyDescent="0.25">
      <c r="A26700" s="2" t="s">
        <v>15113</v>
      </c>
      <c r="B26700" s="6">
        <v>444488.39999999997</v>
      </c>
      <c r="C26700" s="7">
        <f t="shared" si="417"/>
        <v>444.48839999999996</v>
      </c>
    </row>
    <row r="26701" spans="1:3" x14ac:dyDescent="0.25">
      <c r="A26701" s="2" t="s">
        <v>15114</v>
      </c>
      <c r="B26701" s="6">
        <v>444505.05</v>
      </c>
      <c r="C26701" s="7">
        <f t="shared" si="417"/>
        <v>444.50504999999998</v>
      </c>
    </row>
    <row r="26702" spans="1:3" x14ac:dyDescent="0.25">
      <c r="A26702" s="2" t="s">
        <v>15115</v>
      </c>
      <c r="B26702" s="6">
        <v>444521.69999999995</v>
      </c>
      <c r="C26702" s="7">
        <f t="shared" si="417"/>
        <v>444.52169999999995</v>
      </c>
    </row>
    <row r="26703" spans="1:3" x14ac:dyDescent="0.25">
      <c r="A26703" s="2" t="s">
        <v>15116</v>
      </c>
      <c r="B26703" s="6">
        <v>444538.35</v>
      </c>
      <c r="C26703" s="7">
        <f t="shared" si="417"/>
        <v>444.53834999999998</v>
      </c>
    </row>
    <row r="26704" spans="1:3" x14ac:dyDescent="0.25">
      <c r="A26704" s="2" t="s">
        <v>15117</v>
      </c>
      <c r="B26704" s="6">
        <v>444554.99999999994</v>
      </c>
      <c r="C26704" s="7">
        <f t="shared" si="417"/>
        <v>444.55499999999995</v>
      </c>
    </row>
    <row r="26705" spans="1:3" x14ac:dyDescent="0.25">
      <c r="A26705" s="2" t="s">
        <v>15118</v>
      </c>
      <c r="B26705" s="6">
        <v>444571.64999999997</v>
      </c>
      <c r="C26705" s="7">
        <f t="shared" si="417"/>
        <v>444.57164999999998</v>
      </c>
    </row>
    <row r="26706" spans="1:3" x14ac:dyDescent="0.25">
      <c r="A26706" s="2" t="s">
        <v>15119</v>
      </c>
      <c r="B26706" s="6">
        <v>444588.3</v>
      </c>
      <c r="C26706" s="7">
        <f t="shared" si="417"/>
        <v>444.5883</v>
      </c>
    </row>
    <row r="26707" spans="1:3" x14ac:dyDescent="0.25">
      <c r="A26707" s="2" t="s">
        <v>15120</v>
      </c>
      <c r="B26707" s="6">
        <v>444604.94999999995</v>
      </c>
      <c r="C26707" s="7">
        <f t="shared" si="417"/>
        <v>444.60494999999997</v>
      </c>
    </row>
    <row r="26708" spans="1:3" x14ac:dyDescent="0.25">
      <c r="A26708" s="2" t="s">
        <v>15121</v>
      </c>
      <c r="B26708" s="6">
        <v>444621.6</v>
      </c>
      <c r="C26708" s="7">
        <f t="shared" si="417"/>
        <v>444.6216</v>
      </c>
    </row>
    <row r="26709" spans="1:3" x14ac:dyDescent="0.25">
      <c r="A26709" s="2" t="s">
        <v>15122</v>
      </c>
      <c r="B26709" s="6">
        <v>444638.24999999994</v>
      </c>
      <c r="C26709" s="7">
        <f t="shared" si="417"/>
        <v>444.63824999999991</v>
      </c>
    </row>
    <row r="26710" spans="1:3" x14ac:dyDescent="0.25">
      <c r="A26710" s="2" t="s">
        <v>15123</v>
      </c>
      <c r="B26710" s="6">
        <v>444654.89999999997</v>
      </c>
      <c r="C26710" s="7">
        <f t="shared" si="417"/>
        <v>444.65489999999994</v>
      </c>
    </row>
    <row r="26711" spans="1:3" x14ac:dyDescent="0.25">
      <c r="A26711" s="2" t="s">
        <v>15124</v>
      </c>
      <c r="B26711" s="6">
        <v>444671.55</v>
      </c>
      <c r="C26711" s="7">
        <f t="shared" si="417"/>
        <v>444.67154999999997</v>
      </c>
    </row>
    <row r="26712" spans="1:3" x14ac:dyDescent="0.25">
      <c r="A26712" s="2" t="s">
        <v>15125</v>
      </c>
      <c r="B26712" s="6">
        <v>444688.19999999995</v>
      </c>
      <c r="C26712" s="7">
        <f t="shared" si="417"/>
        <v>444.68819999999994</v>
      </c>
    </row>
    <row r="26713" spans="1:3" x14ac:dyDescent="0.25">
      <c r="A26713" s="2" t="s">
        <v>15126</v>
      </c>
      <c r="B26713" s="6">
        <v>444704.85</v>
      </c>
      <c r="C26713" s="7">
        <f t="shared" si="417"/>
        <v>444.70484999999996</v>
      </c>
    </row>
    <row r="26714" spans="1:3" x14ac:dyDescent="0.25">
      <c r="A26714" s="2" t="s">
        <v>15127</v>
      </c>
      <c r="B26714" s="6">
        <v>444721.49999999994</v>
      </c>
      <c r="C26714" s="7">
        <f t="shared" si="417"/>
        <v>444.72149999999993</v>
      </c>
    </row>
    <row r="26715" spans="1:3" x14ac:dyDescent="0.25">
      <c r="A26715" s="2" t="s">
        <v>15128</v>
      </c>
      <c r="B26715" s="6">
        <v>444738.14999999997</v>
      </c>
      <c r="C26715" s="7">
        <f t="shared" si="417"/>
        <v>444.73814999999996</v>
      </c>
    </row>
    <row r="26716" spans="1:3" x14ac:dyDescent="0.25">
      <c r="A26716" s="2" t="s">
        <v>15129</v>
      </c>
      <c r="B26716" s="6">
        <v>444754.8</v>
      </c>
      <c r="C26716" s="7">
        <f t="shared" si="417"/>
        <v>444.75479999999999</v>
      </c>
    </row>
    <row r="26717" spans="1:3" x14ac:dyDescent="0.25">
      <c r="A26717" s="2" t="s">
        <v>15130</v>
      </c>
      <c r="B26717" s="6">
        <v>444771.44999999995</v>
      </c>
      <c r="C26717" s="7">
        <f t="shared" si="417"/>
        <v>444.77144999999996</v>
      </c>
    </row>
    <row r="26718" spans="1:3" x14ac:dyDescent="0.25">
      <c r="A26718" s="2" t="s">
        <v>15131</v>
      </c>
      <c r="B26718" s="6">
        <v>444788.1</v>
      </c>
      <c r="C26718" s="7">
        <f t="shared" si="417"/>
        <v>444.78809999999999</v>
      </c>
    </row>
    <row r="26719" spans="1:3" x14ac:dyDescent="0.25">
      <c r="A26719" s="2" t="s">
        <v>15132</v>
      </c>
      <c r="B26719" s="6">
        <v>444804.74999999994</v>
      </c>
      <c r="C26719" s="7">
        <f t="shared" si="417"/>
        <v>444.80474999999996</v>
      </c>
    </row>
    <row r="26720" spans="1:3" x14ac:dyDescent="0.25">
      <c r="A26720" s="2" t="s">
        <v>15133</v>
      </c>
      <c r="B26720" s="6">
        <v>444821.39999999997</v>
      </c>
      <c r="C26720" s="7">
        <f t="shared" si="417"/>
        <v>444.82139999999998</v>
      </c>
    </row>
    <row r="26721" spans="1:3" x14ac:dyDescent="0.25">
      <c r="A26721" s="2" t="s">
        <v>15134</v>
      </c>
      <c r="B26721" s="6">
        <v>444838.05</v>
      </c>
      <c r="C26721" s="7">
        <f t="shared" si="417"/>
        <v>444.83805000000001</v>
      </c>
    </row>
    <row r="26722" spans="1:3" x14ac:dyDescent="0.25">
      <c r="A26722" s="2" t="s">
        <v>15135</v>
      </c>
      <c r="B26722" s="6">
        <v>444854.69999999995</v>
      </c>
      <c r="C26722" s="7">
        <f t="shared" si="417"/>
        <v>444.85469999999998</v>
      </c>
    </row>
    <row r="26723" spans="1:3" x14ac:dyDescent="0.25">
      <c r="A26723" s="2" t="s">
        <v>15136</v>
      </c>
      <c r="B26723" s="6">
        <v>444871.35</v>
      </c>
      <c r="C26723" s="7">
        <f t="shared" si="417"/>
        <v>444.87134999999995</v>
      </c>
    </row>
    <row r="26724" spans="1:3" x14ac:dyDescent="0.25">
      <c r="A26724" s="2" t="s">
        <v>15137</v>
      </c>
      <c r="B26724" s="6">
        <v>444887.99999999994</v>
      </c>
      <c r="C26724" s="7">
        <f t="shared" si="417"/>
        <v>444.88799999999992</v>
      </c>
    </row>
    <row r="26725" spans="1:3" x14ac:dyDescent="0.25">
      <c r="A26725" s="2" t="s">
        <v>15138</v>
      </c>
      <c r="B26725" s="6">
        <v>444904.64999999997</v>
      </c>
      <c r="C26725" s="7">
        <f t="shared" si="417"/>
        <v>444.90464999999995</v>
      </c>
    </row>
    <row r="26726" spans="1:3" x14ac:dyDescent="0.25">
      <c r="A26726" s="2" t="s">
        <v>15139</v>
      </c>
      <c r="B26726" s="6">
        <v>444921.3</v>
      </c>
      <c r="C26726" s="7">
        <f t="shared" si="417"/>
        <v>444.92129999999997</v>
      </c>
    </row>
    <row r="26727" spans="1:3" x14ac:dyDescent="0.25">
      <c r="A26727" s="2" t="s">
        <v>15140</v>
      </c>
      <c r="B26727" s="6">
        <v>444937.94999999995</v>
      </c>
      <c r="C26727" s="7">
        <f t="shared" si="417"/>
        <v>444.93794999999994</v>
      </c>
    </row>
    <row r="26728" spans="1:3" x14ac:dyDescent="0.25">
      <c r="A26728" s="2" t="s">
        <v>15141</v>
      </c>
      <c r="B26728" s="6">
        <v>444954.6</v>
      </c>
      <c r="C26728" s="7">
        <f t="shared" si="417"/>
        <v>444.95459999999997</v>
      </c>
    </row>
    <row r="26729" spans="1:3" x14ac:dyDescent="0.25">
      <c r="A26729" s="2" t="s">
        <v>15142</v>
      </c>
      <c r="B26729" s="6">
        <v>444971.24999999994</v>
      </c>
      <c r="C26729" s="7">
        <f t="shared" si="417"/>
        <v>444.97124999999994</v>
      </c>
    </row>
    <row r="26730" spans="1:3" x14ac:dyDescent="0.25">
      <c r="A26730" s="2" t="s">
        <v>15143</v>
      </c>
      <c r="B26730" s="6">
        <v>444987.89999999997</v>
      </c>
      <c r="C26730" s="7">
        <f t="shared" si="417"/>
        <v>444.98789999999997</v>
      </c>
    </row>
    <row r="26731" spans="1:3" x14ac:dyDescent="0.25">
      <c r="A26731" s="2" t="s">
        <v>15144</v>
      </c>
      <c r="B26731" s="6">
        <v>445004.55</v>
      </c>
      <c r="C26731" s="7">
        <f t="shared" si="417"/>
        <v>445.00454999999999</v>
      </c>
    </row>
    <row r="26732" spans="1:3" x14ac:dyDescent="0.25">
      <c r="A26732" s="2" t="s">
        <v>15145</v>
      </c>
      <c r="B26732" s="6">
        <v>445021.19999999995</v>
      </c>
      <c r="C26732" s="7">
        <f t="shared" si="417"/>
        <v>445.02119999999996</v>
      </c>
    </row>
    <row r="26733" spans="1:3" x14ac:dyDescent="0.25">
      <c r="A26733" s="2" t="s">
        <v>15146</v>
      </c>
      <c r="B26733" s="6">
        <v>445037.85</v>
      </c>
      <c r="C26733" s="7">
        <f t="shared" si="417"/>
        <v>445.03784999999999</v>
      </c>
    </row>
    <row r="26734" spans="1:3" x14ac:dyDescent="0.25">
      <c r="A26734" s="2" t="s">
        <v>15147</v>
      </c>
      <c r="B26734" s="6">
        <v>445054.49999999994</v>
      </c>
      <c r="C26734" s="7">
        <f t="shared" si="417"/>
        <v>445.05449999999996</v>
      </c>
    </row>
    <row r="26735" spans="1:3" x14ac:dyDescent="0.25">
      <c r="A26735" s="2" t="s">
        <v>15148</v>
      </c>
      <c r="B26735" s="6">
        <v>445071.14999999997</v>
      </c>
      <c r="C26735" s="7">
        <f t="shared" si="417"/>
        <v>445.07114999999999</v>
      </c>
    </row>
    <row r="26736" spans="1:3" x14ac:dyDescent="0.25">
      <c r="A26736" s="2" t="s">
        <v>15149</v>
      </c>
      <c r="B26736" s="6">
        <v>445087.8</v>
      </c>
      <c r="C26736" s="7">
        <f t="shared" si="417"/>
        <v>445.08780000000002</v>
      </c>
    </row>
    <row r="26737" spans="1:3" x14ac:dyDescent="0.25">
      <c r="A26737" s="2" t="s">
        <v>15150</v>
      </c>
      <c r="B26737" s="6">
        <v>445104.44999999995</v>
      </c>
      <c r="C26737" s="7">
        <f t="shared" si="417"/>
        <v>445.10444999999993</v>
      </c>
    </row>
    <row r="26738" spans="1:3" x14ac:dyDescent="0.25">
      <c r="A26738" s="2" t="s">
        <v>15151</v>
      </c>
      <c r="B26738" s="6">
        <v>445121.1</v>
      </c>
      <c r="C26738" s="7">
        <f t="shared" si="417"/>
        <v>445.12109999999996</v>
      </c>
    </row>
    <row r="26739" spans="1:3" x14ac:dyDescent="0.25">
      <c r="A26739" s="2" t="s">
        <v>15152</v>
      </c>
      <c r="B26739" s="6">
        <v>445137.74999999994</v>
      </c>
      <c r="C26739" s="7">
        <f t="shared" si="417"/>
        <v>445.13774999999993</v>
      </c>
    </row>
    <row r="26740" spans="1:3" x14ac:dyDescent="0.25">
      <c r="A26740" s="2" t="s">
        <v>15153</v>
      </c>
      <c r="B26740" s="6">
        <v>445154.39999999997</v>
      </c>
      <c r="C26740" s="7">
        <f t="shared" si="417"/>
        <v>445.15439999999995</v>
      </c>
    </row>
    <row r="26741" spans="1:3" x14ac:dyDescent="0.25">
      <c r="A26741" s="2" t="s">
        <v>15154</v>
      </c>
      <c r="B26741" s="6">
        <v>445171.05</v>
      </c>
      <c r="C26741" s="7">
        <f t="shared" si="417"/>
        <v>445.17104999999998</v>
      </c>
    </row>
    <row r="26742" spans="1:3" x14ac:dyDescent="0.25">
      <c r="A26742" s="2" t="s">
        <v>15155</v>
      </c>
      <c r="B26742" s="6">
        <v>445187.69999999995</v>
      </c>
      <c r="C26742" s="7">
        <f t="shared" si="417"/>
        <v>445.18769999999995</v>
      </c>
    </row>
    <row r="26743" spans="1:3" x14ac:dyDescent="0.25">
      <c r="A26743" s="2" t="s">
        <v>15156</v>
      </c>
      <c r="B26743" s="6">
        <v>445204.35</v>
      </c>
      <c r="C26743" s="7">
        <f t="shared" si="417"/>
        <v>445.20434999999998</v>
      </c>
    </row>
    <row r="26744" spans="1:3" x14ac:dyDescent="0.25">
      <c r="A26744" s="2" t="s">
        <v>15157</v>
      </c>
      <c r="B26744" s="6">
        <v>445220.99999999994</v>
      </c>
      <c r="C26744" s="7">
        <f t="shared" si="417"/>
        <v>445.22099999999995</v>
      </c>
    </row>
    <row r="26745" spans="1:3" x14ac:dyDescent="0.25">
      <c r="A26745" s="2" t="s">
        <v>15158</v>
      </c>
      <c r="B26745" s="6">
        <v>445237.64999999997</v>
      </c>
      <c r="C26745" s="7">
        <f t="shared" si="417"/>
        <v>445.23764999999997</v>
      </c>
    </row>
    <row r="26746" spans="1:3" x14ac:dyDescent="0.25">
      <c r="A26746" s="2" t="s">
        <v>15159</v>
      </c>
      <c r="B26746" s="6">
        <v>445254.3</v>
      </c>
      <c r="C26746" s="7">
        <f t="shared" si="417"/>
        <v>445.2543</v>
      </c>
    </row>
    <row r="26747" spans="1:3" x14ac:dyDescent="0.25">
      <c r="A26747" s="2" t="s">
        <v>15160</v>
      </c>
      <c r="B26747" s="6">
        <v>445270.94999999995</v>
      </c>
      <c r="C26747" s="7">
        <f t="shared" si="417"/>
        <v>445.27094999999997</v>
      </c>
    </row>
    <row r="26748" spans="1:3" x14ac:dyDescent="0.25">
      <c r="A26748" s="2" t="s">
        <v>15161</v>
      </c>
      <c r="B26748" s="6">
        <v>445287.6</v>
      </c>
      <c r="C26748" s="7">
        <f t="shared" si="417"/>
        <v>445.2876</v>
      </c>
    </row>
    <row r="26749" spans="1:3" x14ac:dyDescent="0.25">
      <c r="A26749" s="2" t="s">
        <v>15162</v>
      </c>
      <c r="B26749" s="6">
        <v>445304.24999999994</v>
      </c>
      <c r="C26749" s="7">
        <f t="shared" si="417"/>
        <v>445.30424999999997</v>
      </c>
    </row>
    <row r="26750" spans="1:3" x14ac:dyDescent="0.25">
      <c r="A26750" s="2" t="s">
        <v>15163</v>
      </c>
      <c r="B26750" s="6">
        <v>445320.89999999997</v>
      </c>
      <c r="C26750" s="7">
        <f t="shared" si="417"/>
        <v>445.32089999999994</v>
      </c>
    </row>
    <row r="26751" spans="1:3" x14ac:dyDescent="0.25">
      <c r="A26751" s="2" t="s">
        <v>15164</v>
      </c>
      <c r="B26751" s="6">
        <v>445337.55</v>
      </c>
      <c r="C26751" s="7">
        <f t="shared" si="417"/>
        <v>445.33754999999996</v>
      </c>
    </row>
    <row r="26752" spans="1:3" x14ac:dyDescent="0.25">
      <c r="A26752" s="2" t="s">
        <v>15165</v>
      </c>
      <c r="B26752" s="6">
        <v>445354.19999999995</v>
      </c>
      <c r="C26752" s="7">
        <f t="shared" si="417"/>
        <v>445.35419999999993</v>
      </c>
    </row>
    <row r="26753" spans="1:3" x14ac:dyDescent="0.25">
      <c r="A26753" s="2" t="s">
        <v>15166</v>
      </c>
      <c r="B26753" s="6">
        <v>445370.85</v>
      </c>
      <c r="C26753" s="7">
        <f t="shared" si="417"/>
        <v>445.37084999999996</v>
      </c>
    </row>
    <row r="26754" spans="1:3" x14ac:dyDescent="0.25">
      <c r="A26754" s="2" t="s">
        <v>15167</v>
      </c>
      <c r="B26754" s="6">
        <v>445387.49999999994</v>
      </c>
      <c r="C26754" s="7">
        <f t="shared" si="417"/>
        <v>445.38749999999993</v>
      </c>
    </row>
    <row r="26755" spans="1:3" x14ac:dyDescent="0.25">
      <c r="A26755" s="2" t="s">
        <v>15168</v>
      </c>
      <c r="B26755" s="6">
        <v>445404.14999999997</v>
      </c>
      <c r="C26755" s="7">
        <f t="shared" ref="C26755:C26818" si="418">B26755/1000</f>
        <v>445.40414999999996</v>
      </c>
    </row>
    <row r="26756" spans="1:3" x14ac:dyDescent="0.25">
      <c r="A26756" s="2" t="s">
        <v>15169</v>
      </c>
      <c r="B26756" s="6">
        <v>445420.79999999999</v>
      </c>
      <c r="C26756" s="7">
        <f t="shared" si="418"/>
        <v>445.42079999999999</v>
      </c>
    </row>
    <row r="26757" spans="1:3" x14ac:dyDescent="0.25">
      <c r="A26757" s="2" t="s">
        <v>15170</v>
      </c>
      <c r="B26757" s="6">
        <v>445437.44999999995</v>
      </c>
      <c r="C26757" s="7">
        <f t="shared" si="418"/>
        <v>445.43744999999996</v>
      </c>
    </row>
    <row r="26758" spans="1:3" x14ac:dyDescent="0.25">
      <c r="A26758" s="2" t="s">
        <v>15171</v>
      </c>
      <c r="B26758" s="6">
        <v>445454.1</v>
      </c>
      <c r="C26758" s="7">
        <f t="shared" si="418"/>
        <v>445.45409999999998</v>
      </c>
    </row>
    <row r="26759" spans="1:3" x14ac:dyDescent="0.25">
      <c r="A26759" s="2" t="s">
        <v>15172</v>
      </c>
      <c r="B26759" s="6">
        <v>445470.74999999994</v>
      </c>
      <c r="C26759" s="7">
        <f t="shared" si="418"/>
        <v>445.47074999999995</v>
      </c>
    </row>
    <row r="26760" spans="1:3" x14ac:dyDescent="0.25">
      <c r="A26760" s="2" t="s">
        <v>15173</v>
      </c>
      <c r="B26760" s="6">
        <v>445487.39999999997</v>
      </c>
      <c r="C26760" s="7">
        <f t="shared" si="418"/>
        <v>445.48739999999998</v>
      </c>
    </row>
    <row r="26761" spans="1:3" x14ac:dyDescent="0.25">
      <c r="A26761" s="2" t="s">
        <v>15174</v>
      </c>
      <c r="B26761" s="6">
        <v>445504.05</v>
      </c>
      <c r="C26761" s="7">
        <f t="shared" si="418"/>
        <v>445.50405000000001</v>
      </c>
    </row>
    <row r="26762" spans="1:3" x14ac:dyDescent="0.25">
      <c r="A26762" s="2" t="s">
        <v>15175</v>
      </c>
      <c r="B26762" s="6">
        <v>445520.69999999995</v>
      </c>
      <c r="C26762" s="7">
        <f t="shared" si="418"/>
        <v>445.52069999999998</v>
      </c>
    </row>
    <row r="26763" spans="1:3" x14ac:dyDescent="0.25">
      <c r="A26763" s="2" t="s">
        <v>15176</v>
      </c>
      <c r="B26763" s="6">
        <v>445537.35</v>
      </c>
      <c r="C26763" s="7">
        <f t="shared" si="418"/>
        <v>445.53735</v>
      </c>
    </row>
    <row r="26764" spans="1:3" x14ac:dyDescent="0.25">
      <c r="A26764" s="2" t="s">
        <v>15177</v>
      </c>
      <c r="B26764" s="6">
        <v>445553.99999999994</v>
      </c>
      <c r="C26764" s="7">
        <f t="shared" si="418"/>
        <v>445.55399999999992</v>
      </c>
    </row>
    <row r="26765" spans="1:3" x14ac:dyDescent="0.25">
      <c r="A26765" s="2" t="s">
        <v>15178</v>
      </c>
      <c r="B26765" s="6">
        <v>445570.64999999997</v>
      </c>
      <c r="C26765" s="7">
        <f t="shared" si="418"/>
        <v>445.57064999999994</v>
      </c>
    </row>
    <row r="26766" spans="1:3" x14ac:dyDescent="0.25">
      <c r="A26766" s="2" t="s">
        <v>15179</v>
      </c>
      <c r="B26766" s="6">
        <v>445587.3</v>
      </c>
      <c r="C26766" s="7">
        <f t="shared" si="418"/>
        <v>445.58729999999997</v>
      </c>
    </row>
    <row r="26767" spans="1:3" x14ac:dyDescent="0.25">
      <c r="A26767" s="2" t="s">
        <v>15180</v>
      </c>
      <c r="B26767" s="6">
        <v>445603.94999999995</v>
      </c>
      <c r="C26767" s="7">
        <f t="shared" si="418"/>
        <v>445.60394999999994</v>
      </c>
    </row>
    <row r="26768" spans="1:3" x14ac:dyDescent="0.25">
      <c r="A26768" s="2" t="s">
        <v>15181</v>
      </c>
      <c r="B26768" s="6">
        <v>445620.6</v>
      </c>
      <c r="C26768" s="7">
        <f t="shared" si="418"/>
        <v>445.62059999999997</v>
      </c>
    </row>
    <row r="26769" spans="1:3" x14ac:dyDescent="0.25">
      <c r="A26769" s="2" t="s">
        <v>15182</v>
      </c>
      <c r="B26769" s="6">
        <v>445637.24999999994</v>
      </c>
      <c r="C26769" s="7">
        <f t="shared" si="418"/>
        <v>445.63724999999994</v>
      </c>
    </row>
    <row r="26770" spans="1:3" x14ac:dyDescent="0.25">
      <c r="A26770" s="2" t="s">
        <v>15183</v>
      </c>
      <c r="B26770" s="6">
        <v>445653.89999999997</v>
      </c>
      <c r="C26770" s="7">
        <f t="shared" si="418"/>
        <v>445.65389999999996</v>
      </c>
    </row>
    <row r="26771" spans="1:3" x14ac:dyDescent="0.25">
      <c r="A26771" s="2" t="s">
        <v>15184</v>
      </c>
      <c r="B26771" s="6">
        <v>445670.55</v>
      </c>
      <c r="C26771" s="7">
        <f t="shared" si="418"/>
        <v>445.67054999999999</v>
      </c>
    </row>
    <row r="26772" spans="1:3" x14ac:dyDescent="0.25">
      <c r="A26772" s="2" t="s">
        <v>15185</v>
      </c>
      <c r="B26772" s="6">
        <v>445687.19999999995</v>
      </c>
      <c r="C26772" s="7">
        <f t="shared" si="418"/>
        <v>445.68719999999996</v>
      </c>
    </row>
    <row r="26773" spans="1:3" x14ac:dyDescent="0.25">
      <c r="A26773" s="2" t="s">
        <v>15186</v>
      </c>
      <c r="B26773" s="6">
        <v>445703.85</v>
      </c>
      <c r="C26773" s="7">
        <f t="shared" si="418"/>
        <v>445.70384999999999</v>
      </c>
    </row>
    <row r="26774" spans="1:3" x14ac:dyDescent="0.25">
      <c r="A26774" s="2" t="s">
        <v>15187</v>
      </c>
      <c r="B26774" s="6">
        <v>445720.49999999994</v>
      </c>
      <c r="C26774" s="7">
        <f t="shared" si="418"/>
        <v>445.72049999999996</v>
      </c>
    </row>
    <row r="26775" spans="1:3" x14ac:dyDescent="0.25">
      <c r="A26775" s="2" t="s">
        <v>15188</v>
      </c>
      <c r="B26775" s="6">
        <v>445737.14999999997</v>
      </c>
      <c r="C26775" s="7">
        <f t="shared" si="418"/>
        <v>445.73714999999999</v>
      </c>
    </row>
    <row r="26776" spans="1:3" x14ac:dyDescent="0.25">
      <c r="A26776" s="2" t="s">
        <v>15189</v>
      </c>
      <c r="B26776" s="6">
        <v>445753.8</v>
      </c>
      <c r="C26776" s="7">
        <f t="shared" si="418"/>
        <v>445.75380000000001</v>
      </c>
    </row>
    <row r="26777" spans="1:3" x14ac:dyDescent="0.25">
      <c r="A26777" s="2" t="s">
        <v>15190</v>
      </c>
      <c r="B26777" s="6">
        <v>445770.44999999995</v>
      </c>
      <c r="C26777" s="7">
        <f t="shared" si="418"/>
        <v>445.77044999999993</v>
      </c>
    </row>
    <row r="26778" spans="1:3" x14ac:dyDescent="0.25">
      <c r="A26778" s="2" t="s">
        <v>15191</v>
      </c>
      <c r="B26778" s="6">
        <v>445787.1</v>
      </c>
      <c r="C26778" s="7">
        <f t="shared" si="418"/>
        <v>445.78709999999995</v>
      </c>
    </row>
    <row r="26779" spans="1:3" x14ac:dyDescent="0.25">
      <c r="A26779" s="2" t="s">
        <v>15192</v>
      </c>
      <c r="B26779" s="6">
        <v>445803.74999999994</v>
      </c>
      <c r="C26779" s="7">
        <f t="shared" si="418"/>
        <v>445.80374999999992</v>
      </c>
    </row>
    <row r="26780" spans="1:3" x14ac:dyDescent="0.25">
      <c r="A26780" s="2" t="s">
        <v>15193</v>
      </c>
      <c r="B26780" s="6">
        <v>445820.39999999997</v>
      </c>
      <c r="C26780" s="7">
        <f t="shared" si="418"/>
        <v>445.82039999999995</v>
      </c>
    </row>
    <row r="26781" spans="1:3" x14ac:dyDescent="0.25">
      <c r="A26781" s="2" t="s">
        <v>15194</v>
      </c>
      <c r="B26781" s="6">
        <v>445837.05</v>
      </c>
      <c r="C26781" s="7">
        <f t="shared" si="418"/>
        <v>445.83704999999998</v>
      </c>
    </row>
    <row r="26782" spans="1:3" x14ac:dyDescent="0.25">
      <c r="A26782" s="2" t="s">
        <v>15195</v>
      </c>
      <c r="B26782" s="6">
        <v>445853.69999999995</v>
      </c>
      <c r="C26782" s="7">
        <f t="shared" si="418"/>
        <v>445.85369999999995</v>
      </c>
    </row>
    <row r="26783" spans="1:3" x14ac:dyDescent="0.25">
      <c r="A26783" s="2" t="s">
        <v>15196</v>
      </c>
      <c r="B26783" s="6">
        <v>445870.35</v>
      </c>
      <c r="C26783" s="7">
        <f t="shared" si="418"/>
        <v>445.87034999999997</v>
      </c>
    </row>
    <row r="26784" spans="1:3" x14ac:dyDescent="0.25">
      <c r="A26784" s="2" t="s">
        <v>15197</v>
      </c>
      <c r="B26784" s="6">
        <v>445886.99999999994</v>
      </c>
      <c r="C26784" s="7">
        <f t="shared" si="418"/>
        <v>445.88699999999994</v>
      </c>
    </row>
    <row r="26785" spans="1:3" x14ac:dyDescent="0.25">
      <c r="A26785" s="2" t="s">
        <v>15198</v>
      </c>
      <c r="B26785" s="6">
        <v>445903.64999999997</v>
      </c>
      <c r="C26785" s="7">
        <f t="shared" si="418"/>
        <v>445.90364999999997</v>
      </c>
    </row>
    <row r="26786" spans="1:3" x14ac:dyDescent="0.25">
      <c r="A26786" s="2" t="s">
        <v>15199</v>
      </c>
      <c r="B26786" s="6">
        <v>445920.3</v>
      </c>
      <c r="C26786" s="7">
        <f t="shared" si="418"/>
        <v>445.9203</v>
      </c>
    </row>
    <row r="26787" spans="1:3" x14ac:dyDescent="0.25">
      <c r="A26787" s="2" t="s">
        <v>15200</v>
      </c>
      <c r="B26787" s="6">
        <v>445936.94999999995</v>
      </c>
      <c r="C26787" s="7">
        <f t="shared" si="418"/>
        <v>445.93694999999997</v>
      </c>
    </row>
    <row r="26788" spans="1:3" x14ac:dyDescent="0.25">
      <c r="A26788" s="2" t="s">
        <v>15201</v>
      </c>
      <c r="B26788" s="6">
        <v>445953.6</v>
      </c>
      <c r="C26788" s="7">
        <f t="shared" si="418"/>
        <v>445.95359999999999</v>
      </c>
    </row>
    <row r="26789" spans="1:3" x14ac:dyDescent="0.25">
      <c r="A26789" s="2" t="s">
        <v>15202</v>
      </c>
      <c r="B26789" s="6">
        <v>445970.24999999994</v>
      </c>
      <c r="C26789" s="7">
        <f t="shared" si="418"/>
        <v>445.97024999999996</v>
      </c>
    </row>
    <row r="26790" spans="1:3" x14ac:dyDescent="0.25">
      <c r="A26790" s="2" t="s">
        <v>15203</v>
      </c>
      <c r="B26790" s="6">
        <v>445986.89999999997</v>
      </c>
      <c r="C26790" s="7">
        <f t="shared" si="418"/>
        <v>445.98689999999999</v>
      </c>
    </row>
    <row r="26791" spans="1:3" x14ac:dyDescent="0.25">
      <c r="A26791" s="2" t="s">
        <v>15204</v>
      </c>
      <c r="B26791" s="6">
        <v>446003.55</v>
      </c>
      <c r="C26791" s="7">
        <f t="shared" si="418"/>
        <v>446.00354999999996</v>
      </c>
    </row>
    <row r="26792" spans="1:3" x14ac:dyDescent="0.25">
      <c r="A26792" s="2" t="s">
        <v>15205</v>
      </c>
      <c r="B26792" s="6">
        <v>446020.19999999995</v>
      </c>
      <c r="C26792" s="7">
        <f t="shared" si="418"/>
        <v>446.02019999999993</v>
      </c>
    </row>
    <row r="26793" spans="1:3" x14ac:dyDescent="0.25">
      <c r="A26793" s="2" t="s">
        <v>15206</v>
      </c>
      <c r="B26793" s="6">
        <v>446036.85</v>
      </c>
      <c r="C26793" s="7">
        <f t="shared" si="418"/>
        <v>446.03684999999996</v>
      </c>
    </row>
    <row r="26794" spans="1:3" x14ac:dyDescent="0.25">
      <c r="A26794" s="2" t="s">
        <v>15207</v>
      </c>
      <c r="B26794" s="6">
        <v>446053.49999999994</v>
      </c>
      <c r="C26794" s="7">
        <f t="shared" si="418"/>
        <v>446.05349999999993</v>
      </c>
    </row>
    <row r="26795" spans="1:3" x14ac:dyDescent="0.25">
      <c r="A26795" s="2" t="s">
        <v>15208</v>
      </c>
      <c r="B26795" s="6">
        <v>446070.14999999997</v>
      </c>
      <c r="C26795" s="7">
        <f t="shared" si="418"/>
        <v>446.07014999999996</v>
      </c>
    </row>
    <row r="26796" spans="1:3" x14ac:dyDescent="0.25">
      <c r="A26796" s="2" t="s">
        <v>15209</v>
      </c>
      <c r="B26796" s="6">
        <v>446086.8</v>
      </c>
      <c r="C26796" s="7">
        <f t="shared" si="418"/>
        <v>446.08679999999998</v>
      </c>
    </row>
    <row r="26797" spans="1:3" x14ac:dyDescent="0.25">
      <c r="A26797" s="2" t="s">
        <v>15210</v>
      </c>
      <c r="B26797" s="6">
        <v>446103.44999999995</v>
      </c>
      <c r="C26797" s="7">
        <f t="shared" si="418"/>
        <v>446.10344999999995</v>
      </c>
    </row>
    <row r="26798" spans="1:3" x14ac:dyDescent="0.25">
      <c r="A26798" s="2" t="s">
        <v>15211</v>
      </c>
      <c r="B26798" s="6">
        <v>446120.1</v>
      </c>
      <c r="C26798" s="7">
        <f t="shared" si="418"/>
        <v>446.12009999999998</v>
      </c>
    </row>
    <row r="26799" spans="1:3" x14ac:dyDescent="0.25">
      <c r="A26799" s="2" t="s">
        <v>15212</v>
      </c>
      <c r="B26799" s="6">
        <v>446136.74999999994</v>
      </c>
      <c r="C26799" s="7">
        <f t="shared" si="418"/>
        <v>446.13674999999995</v>
      </c>
    </row>
    <row r="26800" spans="1:3" x14ac:dyDescent="0.25">
      <c r="A26800" s="2" t="s">
        <v>15213</v>
      </c>
      <c r="B26800" s="6">
        <v>446153.39999999997</v>
      </c>
      <c r="C26800" s="7">
        <f t="shared" si="418"/>
        <v>446.15339999999998</v>
      </c>
    </row>
    <row r="26801" spans="1:3" x14ac:dyDescent="0.25">
      <c r="A26801" s="2" t="s">
        <v>15214</v>
      </c>
      <c r="B26801" s="6">
        <v>446170.05</v>
      </c>
      <c r="C26801" s="7">
        <f t="shared" si="418"/>
        <v>446.17005</v>
      </c>
    </row>
    <row r="26802" spans="1:3" x14ac:dyDescent="0.25">
      <c r="A26802" s="2" t="s">
        <v>15215</v>
      </c>
      <c r="B26802" s="6">
        <v>446186.69999999995</v>
      </c>
      <c r="C26802" s="7">
        <f t="shared" si="418"/>
        <v>446.18669999999997</v>
      </c>
    </row>
    <row r="26803" spans="1:3" x14ac:dyDescent="0.25">
      <c r="A26803" s="2" t="s">
        <v>15216</v>
      </c>
      <c r="B26803" s="6">
        <v>446203.35</v>
      </c>
      <c r="C26803" s="7">
        <f t="shared" si="418"/>
        <v>446.20335</v>
      </c>
    </row>
    <row r="26804" spans="1:3" x14ac:dyDescent="0.25">
      <c r="A26804" s="2" t="s">
        <v>15217</v>
      </c>
      <c r="B26804" s="6">
        <v>446219.99999999994</v>
      </c>
      <c r="C26804" s="7">
        <f t="shared" si="418"/>
        <v>446.21999999999991</v>
      </c>
    </row>
    <row r="26805" spans="1:3" x14ac:dyDescent="0.25">
      <c r="A26805" s="2" t="s">
        <v>15218</v>
      </c>
      <c r="B26805" s="6">
        <v>446236.64999999997</v>
      </c>
      <c r="C26805" s="7">
        <f t="shared" si="418"/>
        <v>446.23664999999994</v>
      </c>
    </row>
    <row r="26806" spans="1:3" x14ac:dyDescent="0.25">
      <c r="A26806" s="2" t="s">
        <v>15219</v>
      </c>
      <c r="B26806" s="6">
        <v>446253.3</v>
      </c>
      <c r="C26806" s="7">
        <f t="shared" si="418"/>
        <v>446.25329999999997</v>
      </c>
    </row>
    <row r="26807" spans="1:3" x14ac:dyDescent="0.25">
      <c r="A26807" s="2" t="s">
        <v>15220</v>
      </c>
      <c r="B26807" s="6">
        <v>446269.94999999995</v>
      </c>
      <c r="C26807" s="7">
        <f t="shared" si="418"/>
        <v>446.26994999999994</v>
      </c>
    </row>
    <row r="26808" spans="1:3" x14ac:dyDescent="0.25">
      <c r="A26808" s="2" t="s">
        <v>15221</v>
      </c>
      <c r="B26808" s="6">
        <v>446286.6</v>
      </c>
      <c r="C26808" s="7">
        <f t="shared" si="418"/>
        <v>446.28659999999996</v>
      </c>
    </row>
    <row r="26809" spans="1:3" x14ac:dyDescent="0.25">
      <c r="A26809" s="2" t="s">
        <v>15222</v>
      </c>
      <c r="B26809" s="6">
        <v>446303.24999999994</v>
      </c>
      <c r="C26809" s="7">
        <f t="shared" si="418"/>
        <v>446.30324999999993</v>
      </c>
    </row>
    <row r="26810" spans="1:3" x14ac:dyDescent="0.25">
      <c r="A26810" s="2" t="s">
        <v>15223</v>
      </c>
      <c r="B26810" s="6">
        <v>446319.89999999997</v>
      </c>
      <c r="C26810" s="7">
        <f t="shared" si="418"/>
        <v>446.31989999999996</v>
      </c>
    </row>
    <row r="26811" spans="1:3" x14ac:dyDescent="0.25">
      <c r="A26811" s="2" t="s">
        <v>15224</v>
      </c>
      <c r="B26811" s="6">
        <v>446336.55</v>
      </c>
      <c r="C26811" s="7">
        <f t="shared" si="418"/>
        <v>446.33654999999999</v>
      </c>
    </row>
    <row r="26812" spans="1:3" x14ac:dyDescent="0.25">
      <c r="A26812" s="2" t="s">
        <v>15225</v>
      </c>
      <c r="B26812" s="6">
        <v>446353.19999999995</v>
      </c>
      <c r="C26812" s="7">
        <f t="shared" si="418"/>
        <v>446.35319999999996</v>
      </c>
    </row>
    <row r="26813" spans="1:3" x14ac:dyDescent="0.25">
      <c r="A26813" s="2" t="s">
        <v>15226</v>
      </c>
      <c r="B26813" s="6">
        <v>446369.85</v>
      </c>
      <c r="C26813" s="7">
        <f t="shared" si="418"/>
        <v>446.36984999999999</v>
      </c>
    </row>
    <row r="26814" spans="1:3" x14ac:dyDescent="0.25">
      <c r="A26814" s="2" t="s">
        <v>15227</v>
      </c>
      <c r="B26814" s="6">
        <v>446386.49999999994</v>
      </c>
      <c r="C26814" s="7">
        <f t="shared" si="418"/>
        <v>446.38649999999996</v>
      </c>
    </row>
    <row r="26815" spans="1:3" x14ac:dyDescent="0.25">
      <c r="A26815" s="2" t="s">
        <v>15228</v>
      </c>
      <c r="B26815" s="6">
        <v>446403.14999999997</v>
      </c>
      <c r="C26815" s="7">
        <f t="shared" si="418"/>
        <v>446.40314999999998</v>
      </c>
    </row>
    <row r="26816" spans="1:3" x14ac:dyDescent="0.25">
      <c r="A26816" s="2" t="s">
        <v>15229</v>
      </c>
      <c r="B26816" s="6">
        <v>446419.8</v>
      </c>
      <c r="C26816" s="7">
        <f t="shared" si="418"/>
        <v>446.41980000000001</v>
      </c>
    </row>
    <row r="26817" spans="1:3" x14ac:dyDescent="0.25">
      <c r="A26817" s="2" t="s">
        <v>15230</v>
      </c>
      <c r="B26817" s="6">
        <v>446436.44999999995</v>
      </c>
      <c r="C26817" s="7">
        <f t="shared" si="418"/>
        <v>446.43644999999998</v>
      </c>
    </row>
    <row r="26818" spans="1:3" x14ac:dyDescent="0.25">
      <c r="A26818" s="2" t="s">
        <v>15231</v>
      </c>
      <c r="B26818" s="6">
        <v>446453.1</v>
      </c>
      <c r="C26818" s="7">
        <f t="shared" si="418"/>
        <v>446.45309999999995</v>
      </c>
    </row>
    <row r="26819" spans="1:3" x14ac:dyDescent="0.25">
      <c r="A26819" s="2" t="s">
        <v>15232</v>
      </c>
      <c r="B26819" s="6">
        <v>446469.74999999994</v>
      </c>
      <c r="C26819" s="7">
        <f t="shared" ref="C26819:C26882" si="419">B26819/1000</f>
        <v>446.46974999999992</v>
      </c>
    </row>
    <row r="26820" spans="1:3" x14ac:dyDescent="0.25">
      <c r="A26820" s="2" t="s">
        <v>15233</v>
      </c>
      <c r="B26820" s="6">
        <v>446486.39999999997</v>
      </c>
      <c r="C26820" s="7">
        <f t="shared" si="419"/>
        <v>446.48639999999995</v>
      </c>
    </row>
    <row r="26821" spans="1:3" x14ac:dyDescent="0.25">
      <c r="A26821" s="2" t="s">
        <v>15234</v>
      </c>
      <c r="B26821" s="6">
        <v>446503.05</v>
      </c>
      <c r="C26821" s="7">
        <f t="shared" si="419"/>
        <v>446.50304999999997</v>
      </c>
    </row>
    <row r="26822" spans="1:3" x14ac:dyDescent="0.25">
      <c r="A26822" s="2" t="s">
        <v>15235</v>
      </c>
      <c r="B26822" s="6">
        <v>446519.69999999995</v>
      </c>
      <c r="C26822" s="7">
        <f t="shared" si="419"/>
        <v>446.51969999999994</v>
      </c>
    </row>
    <row r="26823" spans="1:3" x14ac:dyDescent="0.25">
      <c r="A26823" s="2" t="s">
        <v>15236</v>
      </c>
      <c r="B26823" s="6">
        <v>446536.35</v>
      </c>
      <c r="C26823" s="7">
        <f t="shared" si="419"/>
        <v>446.53634999999997</v>
      </c>
    </row>
    <row r="26824" spans="1:3" x14ac:dyDescent="0.25">
      <c r="A26824" s="2" t="s">
        <v>15237</v>
      </c>
      <c r="B26824" s="6">
        <v>446552.99999999994</v>
      </c>
      <c r="C26824" s="7">
        <f t="shared" si="419"/>
        <v>446.55299999999994</v>
      </c>
    </row>
    <row r="26825" spans="1:3" x14ac:dyDescent="0.25">
      <c r="A26825" s="2" t="s">
        <v>15238</v>
      </c>
      <c r="B26825" s="6">
        <v>446569.64999999997</v>
      </c>
      <c r="C26825" s="7">
        <f t="shared" si="419"/>
        <v>446.56964999999997</v>
      </c>
    </row>
    <row r="26826" spans="1:3" x14ac:dyDescent="0.25">
      <c r="A26826" s="2" t="s">
        <v>15239</v>
      </c>
      <c r="B26826" s="6">
        <v>446586.3</v>
      </c>
      <c r="C26826" s="7">
        <f t="shared" si="419"/>
        <v>446.58629999999999</v>
      </c>
    </row>
    <row r="26827" spans="1:3" x14ac:dyDescent="0.25">
      <c r="A26827" s="2" t="s">
        <v>15240</v>
      </c>
      <c r="B26827" s="6">
        <v>446602.94999999995</v>
      </c>
      <c r="C26827" s="7">
        <f t="shared" si="419"/>
        <v>446.60294999999996</v>
      </c>
    </row>
    <row r="26828" spans="1:3" x14ac:dyDescent="0.25">
      <c r="A26828" s="2" t="s">
        <v>15241</v>
      </c>
      <c r="B26828" s="6">
        <v>446619.6</v>
      </c>
      <c r="C26828" s="7">
        <f t="shared" si="419"/>
        <v>446.61959999999999</v>
      </c>
    </row>
    <row r="26829" spans="1:3" x14ac:dyDescent="0.25">
      <c r="A26829" s="2" t="s">
        <v>15242</v>
      </c>
      <c r="B26829" s="6">
        <v>446636.24999999994</v>
      </c>
      <c r="C26829" s="7">
        <f t="shared" si="419"/>
        <v>446.63624999999996</v>
      </c>
    </row>
    <row r="26830" spans="1:3" x14ac:dyDescent="0.25">
      <c r="A26830" s="2" t="s">
        <v>15243</v>
      </c>
      <c r="B26830" s="6">
        <v>446652.89999999997</v>
      </c>
      <c r="C26830" s="7">
        <f t="shared" si="419"/>
        <v>446.65289999999999</v>
      </c>
    </row>
    <row r="26831" spans="1:3" x14ac:dyDescent="0.25">
      <c r="A26831" s="2" t="s">
        <v>15244</v>
      </c>
      <c r="B26831" s="6">
        <v>446669.55</v>
      </c>
      <c r="C26831" s="7">
        <f t="shared" si="419"/>
        <v>446.66955000000002</v>
      </c>
    </row>
    <row r="26832" spans="1:3" x14ac:dyDescent="0.25">
      <c r="A26832" s="2" t="s">
        <v>15245</v>
      </c>
      <c r="B26832" s="6">
        <v>446686.19999999995</v>
      </c>
      <c r="C26832" s="7">
        <f t="shared" si="419"/>
        <v>446.68619999999993</v>
      </c>
    </row>
    <row r="26833" spans="1:3" x14ac:dyDescent="0.25">
      <c r="A26833" s="2" t="s">
        <v>15246</v>
      </c>
      <c r="B26833" s="6">
        <v>446702.85</v>
      </c>
      <c r="C26833" s="7">
        <f t="shared" si="419"/>
        <v>446.70284999999996</v>
      </c>
    </row>
    <row r="26834" spans="1:3" x14ac:dyDescent="0.25">
      <c r="A26834" s="2" t="s">
        <v>15247</v>
      </c>
      <c r="B26834" s="6">
        <v>446719.49999999994</v>
      </c>
      <c r="C26834" s="7">
        <f t="shared" si="419"/>
        <v>446.71949999999993</v>
      </c>
    </row>
    <row r="26835" spans="1:3" x14ac:dyDescent="0.25">
      <c r="A26835" s="2" t="s">
        <v>15248</v>
      </c>
      <c r="B26835" s="6">
        <v>446736.14999999997</v>
      </c>
      <c r="C26835" s="7">
        <f t="shared" si="419"/>
        <v>446.73614999999995</v>
      </c>
    </row>
    <row r="26836" spans="1:3" x14ac:dyDescent="0.25">
      <c r="A26836" s="2" t="s">
        <v>15249</v>
      </c>
      <c r="B26836" s="6">
        <v>446752.8</v>
      </c>
      <c r="C26836" s="7">
        <f t="shared" si="419"/>
        <v>446.75279999999998</v>
      </c>
    </row>
    <row r="26837" spans="1:3" x14ac:dyDescent="0.25">
      <c r="A26837" s="2" t="s">
        <v>15250</v>
      </c>
      <c r="B26837" s="6">
        <v>446769.44999999995</v>
      </c>
      <c r="C26837" s="7">
        <f t="shared" si="419"/>
        <v>446.76944999999995</v>
      </c>
    </row>
    <row r="26838" spans="1:3" x14ac:dyDescent="0.25">
      <c r="A26838" s="2" t="s">
        <v>15251</v>
      </c>
      <c r="B26838" s="6">
        <v>446786.1</v>
      </c>
      <c r="C26838" s="7">
        <f t="shared" si="419"/>
        <v>446.78609999999998</v>
      </c>
    </row>
    <row r="26839" spans="1:3" x14ac:dyDescent="0.25">
      <c r="A26839" s="2" t="s">
        <v>15252</v>
      </c>
      <c r="B26839" s="6">
        <v>446802.74999999994</v>
      </c>
      <c r="C26839" s="7">
        <f t="shared" si="419"/>
        <v>446.80274999999995</v>
      </c>
    </row>
    <row r="26840" spans="1:3" x14ac:dyDescent="0.25">
      <c r="A26840" s="2" t="s">
        <v>15253</v>
      </c>
      <c r="B26840" s="6">
        <v>446819.39999999997</v>
      </c>
      <c r="C26840" s="7">
        <f t="shared" si="419"/>
        <v>446.81939999999997</v>
      </c>
    </row>
    <row r="26841" spans="1:3" x14ac:dyDescent="0.25">
      <c r="A26841" s="2" t="s">
        <v>15254</v>
      </c>
      <c r="B26841" s="6">
        <v>446836.05</v>
      </c>
      <c r="C26841" s="7">
        <f t="shared" si="419"/>
        <v>446.83605</v>
      </c>
    </row>
    <row r="26842" spans="1:3" x14ac:dyDescent="0.25">
      <c r="A26842" s="2" t="s">
        <v>15255</v>
      </c>
      <c r="B26842" s="6">
        <v>446852.69999999995</v>
      </c>
      <c r="C26842" s="7">
        <f t="shared" si="419"/>
        <v>446.85269999999997</v>
      </c>
    </row>
    <row r="26843" spans="1:3" x14ac:dyDescent="0.25">
      <c r="A26843" s="2" t="s">
        <v>15256</v>
      </c>
      <c r="B26843" s="6">
        <v>446869.35</v>
      </c>
      <c r="C26843" s="7">
        <f t="shared" si="419"/>
        <v>446.86935</v>
      </c>
    </row>
    <row r="26844" spans="1:3" x14ac:dyDescent="0.25">
      <c r="A26844" s="2" t="s">
        <v>15257</v>
      </c>
      <c r="B26844" s="6">
        <v>446885.99999999994</v>
      </c>
      <c r="C26844" s="7">
        <f t="shared" si="419"/>
        <v>446.88599999999997</v>
      </c>
    </row>
    <row r="26845" spans="1:3" x14ac:dyDescent="0.25">
      <c r="A26845" s="2" t="s">
        <v>15258</v>
      </c>
      <c r="B26845" s="6">
        <v>446902.64999999997</v>
      </c>
      <c r="C26845" s="7">
        <f t="shared" si="419"/>
        <v>446.90264999999994</v>
      </c>
    </row>
    <row r="26846" spans="1:3" x14ac:dyDescent="0.25">
      <c r="A26846" s="2" t="s">
        <v>15259</v>
      </c>
      <c r="B26846" s="6">
        <v>446919.3</v>
      </c>
      <c r="C26846" s="7">
        <f t="shared" si="419"/>
        <v>446.91929999999996</v>
      </c>
    </row>
    <row r="26847" spans="1:3" x14ac:dyDescent="0.25">
      <c r="A26847" s="2" t="s">
        <v>15260</v>
      </c>
      <c r="B26847" s="6">
        <v>446935.94999999995</v>
      </c>
      <c r="C26847" s="7">
        <f t="shared" si="419"/>
        <v>446.93594999999993</v>
      </c>
    </row>
    <row r="26848" spans="1:3" x14ac:dyDescent="0.25">
      <c r="A26848" s="2" t="s">
        <v>15261</v>
      </c>
      <c r="B26848" s="6">
        <v>446952.6</v>
      </c>
      <c r="C26848" s="7">
        <f t="shared" si="419"/>
        <v>446.95259999999996</v>
      </c>
    </row>
    <row r="26849" spans="1:3" x14ac:dyDescent="0.25">
      <c r="A26849" s="2" t="s">
        <v>15262</v>
      </c>
      <c r="B26849" s="6">
        <v>446969.24999999994</v>
      </c>
      <c r="C26849" s="7">
        <f t="shared" si="419"/>
        <v>446.96924999999993</v>
      </c>
    </row>
    <row r="26850" spans="1:3" x14ac:dyDescent="0.25">
      <c r="A26850" s="2" t="s">
        <v>15263</v>
      </c>
      <c r="B26850" s="6">
        <v>446985.89999999997</v>
      </c>
      <c r="C26850" s="7">
        <f t="shared" si="419"/>
        <v>446.98589999999996</v>
      </c>
    </row>
    <row r="26851" spans="1:3" x14ac:dyDescent="0.25">
      <c r="A26851" s="2" t="s">
        <v>15264</v>
      </c>
      <c r="B26851" s="6">
        <v>447002.55</v>
      </c>
      <c r="C26851" s="7">
        <f t="shared" si="419"/>
        <v>447.00254999999999</v>
      </c>
    </row>
    <row r="26852" spans="1:3" x14ac:dyDescent="0.25">
      <c r="A26852" s="2" t="s">
        <v>15265</v>
      </c>
      <c r="B26852" s="6">
        <v>447019.19999999995</v>
      </c>
      <c r="C26852" s="7">
        <f t="shared" si="419"/>
        <v>447.01919999999996</v>
      </c>
    </row>
    <row r="26853" spans="1:3" x14ac:dyDescent="0.25">
      <c r="A26853" s="2" t="s">
        <v>15266</v>
      </c>
      <c r="B26853" s="6">
        <v>447035.85</v>
      </c>
      <c r="C26853" s="7">
        <f t="shared" si="419"/>
        <v>447.03584999999998</v>
      </c>
    </row>
    <row r="26854" spans="1:3" x14ac:dyDescent="0.25">
      <c r="A26854" s="2" t="s">
        <v>15267</v>
      </c>
      <c r="B26854" s="6">
        <v>447052.49999999994</v>
      </c>
      <c r="C26854" s="7">
        <f t="shared" si="419"/>
        <v>447.05249999999995</v>
      </c>
    </row>
    <row r="26855" spans="1:3" x14ac:dyDescent="0.25">
      <c r="A26855" s="2" t="s">
        <v>15268</v>
      </c>
      <c r="B26855" s="6">
        <v>447069.14999999997</v>
      </c>
      <c r="C26855" s="7">
        <f t="shared" si="419"/>
        <v>447.06914999999998</v>
      </c>
    </row>
    <row r="26856" spans="1:3" x14ac:dyDescent="0.25">
      <c r="A26856" s="2" t="s">
        <v>15269</v>
      </c>
      <c r="B26856" s="6">
        <v>447085.8</v>
      </c>
      <c r="C26856" s="7">
        <f t="shared" si="419"/>
        <v>447.08580000000001</v>
      </c>
    </row>
    <row r="26857" spans="1:3" x14ac:dyDescent="0.25">
      <c r="A26857" s="2" t="s">
        <v>15270</v>
      </c>
      <c r="B26857" s="6">
        <v>447102.44999999995</v>
      </c>
      <c r="C26857" s="7">
        <f t="shared" si="419"/>
        <v>447.10244999999998</v>
      </c>
    </row>
    <row r="26858" spans="1:3" x14ac:dyDescent="0.25">
      <c r="A26858" s="2" t="s">
        <v>15271</v>
      </c>
      <c r="B26858" s="6">
        <v>447119.1</v>
      </c>
      <c r="C26858" s="7">
        <f t="shared" si="419"/>
        <v>447.1191</v>
      </c>
    </row>
    <row r="26859" spans="1:3" x14ac:dyDescent="0.25">
      <c r="A26859" s="2" t="s">
        <v>15272</v>
      </c>
      <c r="B26859" s="6">
        <v>447135.74999999994</v>
      </c>
      <c r="C26859" s="7">
        <f t="shared" si="419"/>
        <v>447.13574999999992</v>
      </c>
    </row>
    <row r="26860" spans="1:3" x14ac:dyDescent="0.25">
      <c r="A26860" s="2" t="s">
        <v>15273</v>
      </c>
      <c r="B26860" s="6">
        <v>447152.39999999997</v>
      </c>
      <c r="C26860" s="7">
        <f t="shared" si="419"/>
        <v>447.15239999999994</v>
      </c>
    </row>
    <row r="26861" spans="1:3" x14ac:dyDescent="0.25">
      <c r="A26861" s="2" t="s">
        <v>15274</v>
      </c>
      <c r="B26861" s="6">
        <v>447169.05</v>
      </c>
      <c r="C26861" s="7">
        <f t="shared" si="419"/>
        <v>447.16904999999997</v>
      </c>
    </row>
    <row r="26862" spans="1:3" x14ac:dyDescent="0.25">
      <c r="A26862" s="2" t="s">
        <v>15275</v>
      </c>
      <c r="B26862" s="6">
        <v>447185.69999999995</v>
      </c>
      <c r="C26862" s="7">
        <f t="shared" si="419"/>
        <v>447.18569999999994</v>
      </c>
    </row>
    <row r="26863" spans="1:3" x14ac:dyDescent="0.25">
      <c r="A26863" s="2" t="s">
        <v>15276</v>
      </c>
      <c r="B26863" s="6">
        <v>447202.35</v>
      </c>
      <c r="C26863" s="7">
        <f t="shared" si="419"/>
        <v>447.20234999999997</v>
      </c>
    </row>
    <row r="26864" spans="1:3" x14ac:dyDescent="0.25">
      <c r="A26864" s="2" t="s">
        <v>15277</v>
      </c>
      <c r="B26864" s="6">
        <v>447218.99999999994</v>
      </c>
      <c r="C26864" s="7">
        <f t="shared" si="419"/>
        <v>447.21899999999994</v>
      </c>
    </row>
    <row r="26865" spans="1:3" x14ac:dyDescent="0.25">
      <c r="A26865" s="2" t="s">
        <v>15278</v>
      </c>
      <c r="B26865" s="6">
        <v>447235.64999999997</v>
      </c>
      <c r="C26865" s="7">
        <f t="shared" si="419"/>
        <v>447.23564999999996</v>
      </c>
    </row>
    <row r="26866" spans="1:3" x14ac:dyDescent="0.25">
      <c r="A26866" s="2" t="s">
        <v>15279</v>
      </c>
      <c r="B26866" s="6">
        <v>447252.3</v>
      </c>
      <c r="C26866" s="7">
        <f t="shared" si="419"/>
        <v>447.25229999999999</v>
      </c>
    </row>
    <row r="26867" spans="1:3" x14ac:dyDescent="0.25">
      <c r="A26867" s="2" t="s">
        <v>15280</v>
      </c>
      <c r="B26867" s="6">
        <v>447268.94999999995</v>
      </c>
      <c r="C26867" s="7">
        <f t="shared" si="419"/>
        <v>447.26894999999996</v>
      </c>
    </row>
    <row r="26868" spans="1:3" x14ac:dyDescent="0.25">
      <c r="A26868" s="2" t="s">
        <v>15281</v>
      </c>
      <c r="B26868" s="6">
        <v>447285.6</v>
      </c>
      <c r="C26868" s="7">
        <f t="shared" si="419"/>
        <v>447.28559999999999</v>
      </c>
    </row>
    <row r="26869" spans="1:3" x14ac:dyDescent="0.25">
      <c r="A26869" s="2" t="s">
        <v>15282</v>
      </c>
      <c r="B26869" s="6">
        <v>447302.24999999994</v>
      </c>
      <c r="C26869" s="7">
        <f t="shared" si="419"/>
        <v>447.30224999999996</v>
      </c>
    </row>
    <row r="26870" spans="1:3" x14ac:dyDescent="0.25">
      <c r="A26870" s="2" t="s">
        <v>15283</v>
      </c>
      <c r="B26870" s="6">
        <v>447318.89999999997</v>
      </c>
      <c r="C26870" s="7">
        <f t="shared" si="419"/>
        <v>447.31889999999999</v>
      </c>
    </row>
    <row r="26871" spans="1:3" x14ac:dyDescent="0.25">
      <c r="A26871" s="2" t="s">
        <v>15284</v>
      </c>
      <c r="B26871" s="6">
        <v>447335.55</v>
      </c>
      <c r="C26871" s="7">
        <f t="shared" si="419"/>
        <v>447.33555000000001</v>
      </c>
    </row>
    <row r="26872" spans="1:3" x14ac:dyDescent="0.25">
      <c r="A26872" s="2" t="s">
        <v>15285</v>
      </c>
      <c r="B26872" s="6">
        <v>447352.19999999995</v>
      </c>
      <c r="C26872" s="7">
        <f t="shared" si="419"/>
        <v>447.35219999999993</v>
      </c>
    </row>
    <row r="26873" spans="1:3" x14ac:dyDescent="0.25">
      <c r="A26873" s="2" t="s">
        <v>15286</v>
      </c>
      <c r="B26873" s="6">
        <v>447368.85</v>
      </c>
      <c r="C26873" s="7">
        <f t="shared" si="419"/>
        <v>447.36884999999995</v>
      </c>
    </row>
    <row r="26874" spans="1:3" x14ac:dyDescent="0.25">
      <c r="A26874" s="2" t="s">
        <v>15287</v>
      </c>
      <c r="B26874" s="6">
        <v>447385.49999999994</v>
      </c>
      <c r="C26874" s="7">
        <f t="shared" si="419"/>
        <v>447.38549999999992</v>
      </c>
    </row>
    <row r="26875" spans="1:3" x14ac:dyDescent="0.25">
      <c r="A26875" s="2" t="s">
        <v>15288</v>
      </c>
      <c r="B26875" s="6">
        <v>447402.14999999997</v>
      </c>
      <c r="C26875" s="7">
        <f t="shared" si="419"/>
        <v>447.40214999999995</v>
      </c>
    </row>
    <row r="26876" spans="1:3" x14ac:dyDescent="0.25">
      <c r="A26876" s="2" t="s">
        <v>15289</v>
      </c>
      <c r="B26876" s="6">
        <v>447418.8</v>
      </c>
      <c r="C26876" s="7">
        <f t="shared" si="419"/>
        <v>447.41879999999998</v>
      </c>
    </row>
    <row r="26877" spans="1:3" x14ac:dyDescent="0.25">
      <c r="A26877" s="2" t="s">
        <v>15290</v>
      </c>
      <c r="B26877" s="6">
        <v>447435.44999999995</v>
      </c>
      <c r="C26877" s="7">
        <f t="shared" si="419"/>
        <v>447.43544999999995</v>
      </c>
    </row>
    <row r="26878" spans="1:3" x14ac:dyDescent="0.25">
      <c r="A26878" s="2" t="s">
        <v>15291</v>
      </c>
      <c r="B26878" s="6">
        <v>447452.1</v>
      </c>
      <c r="C26878" s="7">
        <f t="shared" si="419"/>
        <v>447.45209999999997</v>
      </c>
    </row>
    <row r="26879" spans="1:3" x14ac:dyDescent="0.25">
      <c r="A26879" s="2" t="s">
        <v>15292</v>
      </c>
      <c r="B26879" s="6">
        <v>447468.74999999994</v>
      </c>
      <c r="C26879" s="7">
        <f t="shared" si="419"/>
        <v>447.46874999999994</v>
      </c>
    </row>
    <row r="26880" spans="1:3" x14ac:dyDescent="0.25">
      <c r="A26880" s="2" t="s">
        <v>15293</v>
      </c>
      <c r="B26880" s="6">
        <v>447485.39999999997</v>
      </c>
      <c r="C26880" s="7">
        <f t="shared" si="419"/>
        <v>447.48539999999997</v>
      </c>
    </row>
    <row r="26881" spans="1:3" x14ac:dyDescent="0.25">
      <c r="A26881" s="2" t="s">
        <v>15294</v>
      </c>
      <c r="B26881" s="6">
        <v>447502.05</v>
      </c>
      <c r="C26881" s="7">
        <f t="shared" si="419"/>
        <v>447.50205</v>
      </c>
    </row>
    <row r="26882" spans="1:3" x14ac:dyDescent="0.25">
      <c r="A26882" s="2" t="s">
        <v>15295</v>
      </c>
      <c r="B26882" s="6">
        <v>447518.69999999995</v>
      </c>
      <c r="C26882" s="7">
        <f t="shared" si="419"/>
        <v>447.51869999999997</v>
      </c>
    </row>
    <row r="26883" spans="1:3" x14ac:dyDescent="0.25">
      <c r="A26883" s="2" t="s">
        <v>15296</v>
      </c>
      <c r="B26883" s="6">
        <v>447535.35</v>
      </c>
      <c r="C26883" s="7">
        <f t="shared" ref="C26883:C26946" si="420">B26883/1000</f>
        <v>447.53534999999999</v>
      </c>
    </row>
    <row r="26884" spans="1:3" x14ac:dyDescent="0.25">
      <c r="A26884" s="2" t="s">
        <v>15297</v>
      </c>
      <c r="B26884" s="6">
        <v>447551.99999999994</v>
      </c>
      <c r="C26884" s="7">
        <f t="shared" si="420"/>
        <v>447.55199999999996</v>
      </c>
    </row>
    <row r="26885" spans="1:3" x14ac:dyDescent="0.25">
      <c r="A26885" s="2" t="s">
        <v>15298</v>
      </c>
      <c r="B26885" s="6">
        <v>447568.64999999997</v>
      </c>
      <c r="C26885" s="7">
        <f t="shared" si="420"/>
        <v>447.56864999999999</v>
      </c>
    </row>
    <row r="26886" spans="1:3" x14ac:dyDescent="0.25">
      <c r="A26886" s="2" t="s">
        <v>15299</v>
      </c>
      <c r="B26886" s="6">
        <v>447585.3</v>
      </c>
      <c r="C26886" s="7">
        <f t="shared" si="420"/>
        <v>447.58529999999996</v>
      </c>
    </row>
    <row r="26887" spans="1:3" x14ac:dyDescent="0.25">
      <c r="A26887" s="2" t="s">
        <v>15300</v>
      </c>
      <c r="B26887" s="6">
        <v>447601.94999999995</v>
      </c>
      <c r="C26887" s="7">
        <f t="shared" si="420"/>
        <v>447.60194999999993</v>
      </c>
    </row>
    <row r="26888" spans="1:3" x14ac:dyDescent="0.25">
      <c r="A26888" s="2" t="s">
        <v>15301</v>
      </c>
      <c r="B26888" s="6">
        <v>447618.6</v>
      </c>
      <c r="C26888" s="7">
        <f t="shared" si="420"/>
        <v>447.61859999999996</v>
      </c>
    </row>
    <row r="26889" spans="1:3" x14ac:dyDescent="0.25">
      <c r="A26889" s="2" t="s">
        <v>15302</v>
      </c>
      <c r="B26889" s="6">
        <v>447635.24999999994</v>
      </c>
      <c r="C26889" s="7">
        <f t="shared" si="420"/>
        <v>447.63524999999993</v>
      </c>
    </row>
    <row r="26890" spans="1:3" x14ac:dyDescent="0.25">
      <c r="A26890" s="2" t="s">
        <v>15303</v>
      </c>
      <c r="B26890" s="6">
        <v>447651.89999999997</v>
      </c>
      <c r="C26890" s="7">
        <f t="shared" si="420"/>
        <v>447.65189999999996</v>
      </c>
    </row>
    <row r="26891" spans="1:3" x14ac:dyDescent="0.25">
      <c r="A26891" s="2" t="s">
        <v>15304</v>
      </c>
      <c r="B26891" s="6">
        <v>447668.55</v>
      </c>
      <c r="C26891" s="7">
        <f t="shared" si="420"/>
        <v>447.66854999999998</v>
      </c>
    </row>
    <row r="26892" spans="1:3" x14ac:dyDescent="0.25">
      <c r="A26892" s="2" t="s">
        <v>15305</v>
      </c>
      <c r="B26892" s="6">
        <v>447685.19999999995</v>
      </c>
      <c r="C26892" s="7">
        <f t="shared" si="420"/>
        <v>447.68519999999995</v>
      </c>
    </row>
    <row r="26893" spans="1:3" x14ac:dyDescent="0.25">
      <c r="A26893" s="2" t="s">
        <v>15306</v>
      </c>
      <c r="B26893" s="6">
        <v>447701.85</v>
      </c>
      <c r="C26893" s="7">
        <f t="shared" si="420"/>
        <v>447.70184999999998</v>
      </c>
    </row>
    <row r="26894" spans="1:3" x14ac:dyDescent="0.25">
      <c r="A26894" s="2" t="s">
        <v>15307</v>
      </c>
      <c r="B26894" s="6">
        <v>447718.49999999994</v>
      </c>
      <c r="C26894" s="7">
        <f t="shared" si="420"/>
        <v>447.71849999999995</v>
      </c>
    </row>
    <row r="26895" spans="1:3" x14ac:dyDescent="0.25">
      <c r="A26895" s="2" t="s">
        <v>15308</v>
      </c>
      <c r="B26895" s="6">
        <v>447735.14999999997</v>
      </c>
      <c r="C26895" s="7">
        <f t="shared" si="420"/>
        <v>447.73514999999998</v>
      </c>
    </row>
    <row r="26896" spans="1:3" x14ac:dyDescent="0.25">
      <c r="A26896" s="2" t="s">
        <v>15309</v>
      </c>
      <c r="B26896" s="6">
        <v>447751.8</v>
      </c>
      <c r="C26896" s="7">
        <f t="shared" si="420"/>
        <v>447.7518</v>
      </c>
    </row>
    <row r="26897" spans="1:3" x14ac:dyDescent="0.25">
      <c r="A26897" s="2" t="s">
        <v>15310</v>
      </c>
      <c r="B26897" s="6">
        <v>447768.44999999995</v>
      </c>
      <c r="C26897" s="7">
        <f t="shared" si="420"/>
        <v>447.76844999999997</v>
      </c>
    </row>
    <row r="26898" spans="1:3" x14ac:dyDescent="0.25">
      <c r="A26898" s="2" t="s">
        <v>15311</v>
      </c>
      <c r="B26898" s="6">
        <v>447785.1</v>
      </c>
      <c r="C26898" s="7">
        <f t="shared" si="420"/>
        <v>447.7851</v>
      </c>
    </row>
    <row r="26899" spans="1:3" x14ac:dyDescent="0.25">
      <c r="A26899" s="2" t="s">
        <v>15312</v>
      </c>
      <c r="B26899" s="6">
        <v>447801.74999999994</v>
      </c>
      <c r="C26899" s="7">
        <f t="shared" si="420"/>
        <v>447.80174999999997</v>
      </c>
    </row>
    <row r="26900" spans="1:3" x14ac:dyDescent="0.25">
      <c r="A26900" s="2" t="s">
        <v>15313</v>
      </c>
      <c r="B26900" s="6">
        <v>447818.39999999997</v>
      </c>
      <c r="C26900" s="7">
        <f t="shared" si="420"/>
        <v>447.81839999999994</v>
      </c>
    </row>
    <row r="26901" spans="1:3" x14ac:dyDescent="0.25">
      <c r="A26901" s="2" t="s">
        <v>15314</v>
      </c>
      <c r="B26901" s="6">
        <v>447835.05</v>
      </c>
      <c r="C26901" s="7">
        <f t="shared" si="420"/>
        <v>447.83504999999997</v>
      </c>
    </row>
    <row r="26902" spans="1:3" x14ac:dyDescent="0.25">
      <c r="A26902" s="2" t="s">
        <v>15315</v>
      </c>
      <c r="B26902" s="6">
        <v>447851.69999999995</v>
      </c>
      <c r="C26902" s="7">
        <f t="shared" si="420"/>
        <v>447.85169999999994</v>
      </c>
    </row>
    <row r="26903" spans="1:3" x14ac:dyDescent="0.25">
      <c r="A26903" s="2" t="s">
        <v>15316</v>
      </c>
      <c r="B26903" s="6">
        <v>447868.35</v>
      </c>
      <c r="C26903" s="7">
        <f t="shared" si="420"/>
        <v>447.86834999999996</v>
      </c>
    </row>
    <row r="26904" spans="1:3" x14ac:dyDescent="0.25">
      <c r="A26904" s="2" t="s">
        <v>15317</v>
      </c>
      <c r="B26904" s="6">
        <v>447884.99999999994</v>
      </c>
      <c r="C26904" s="7">
        <f t="shared" si="420"/>
        <v>447.88499999999993</v>
      </c>
    </row>
    <row r="26905" spans="1:3" x14ac:dyDescent="0.25">
      <c r="A26905" s="2" t="s">
        <v>15318</v>
      </c>
      <c r="B26905" s="6">
        <v>447901.64999999997</v>
      </c>
      <c r="C26905" s="7">
        <f t="shared" si="420"/>
        <v>447.90164999999996</v>
      </c>
    </row>
    <row r="26906" spans="1:3" x14ac:dyDescent="0.25">
      <c r="A26906" s="2" t="s">
        <v>15319</v>
      </c>
      <c r="B26906" s="6">
        <v>447918.3</v>
      </c>
      <c r="C26906" s="7">
        <f t="shared" si="420"/>
        <v>447.91829999999999</v>
      </c>
    </row>
    <row r="26907" spans="1:3" x14ac:dyDescent="0.25">
      <c r="A26907" s="2" t="s">
        <v>15320</v>
      </c>
      <c r="B26907" s="6">
        <v>447934.94999999995</v>
      </c>
      <c r="C26907" s="7">
        <f t="shared" si="420"/>
        <v>447.93494999999996</v>
      </c>
    </row>
    <row r="26908" spans="1:3" x14ac:dyDescent="0.25">
      <c r="A26908" s="2" t="s">
        <v>15321</v>
      </c>
      <c r="B26908" s="6">
        <v>447951.6</v>
      </c>
      <c r="C26908" s="7">
        <f t="shared" si="420"/>
        <v>447.95159999999998</v>
      </c>
    </row>
    <row r="26909" spans="1:3" x14ac:dyDescent="0.25">
      <c r="A26909" s="2" t="s">
        <v>15322</v>
      </c>
      <c r="B26909" s="6">
        <v>447968.24999999994</v>
      </c>
      <c r="C26909" s="7">
        <f t="shared" si="420"/>
        <v>447.96824999999995</v>
      </c>
    </row>
    <row r="26910" spans="1:3" x14ac:dyDescent="0.25">
      <c r="A26910" s="2" t="s">
        <v>15323</v>
      </c>
      <c r="B26910" s="6">
        <v>447984.89999999997</v>
      </c>
      <c r="C26910" s="7">
        <f t="shared" si="420"/>
        <v>447.98489999999998</v>
      </c>
    </row>
    <row r="26911" spans="1:3" x14ac:dyDescent="0.25">
      <c r="A26911" s="2" t="s">
        <v>15324</v>
      </c>
      <c r="B26911" s="6">
        <v>448001.55</v>
      </c>
      <c r="C26911" s="7">
        <f t="shared" si="420"/>
        <v>448.00155000000001</v>
      </c>
    </row>
    <row r="26912" spans="1:3" x14ac:dyDescent="0.25">
      <c r="A26912" s="2" t="s">
        <v>15325</v>
      </c>
      <c r="B26912" s="6">
        <v>448018.19999999995</v>
      </c>
      <c r="C26912" s="7">
        <f t="shared" si="420"/>
        <v>448.01819999999998</v>
      </c>
    </row>
    <row r="26913" spans="1:3" x14ac:dyDescent="0.25">
      <c r="A26913" s="2" t="s">
        <v>15326</v>
      </c>
      <c r="B26913" s="6">
        <v>448034.85</v>
      </c>
      <c r="C26913" s="7">
        <f t="shared" si="420"/>
        <v>448.03484999999995</v>
      </c>
    </row>
    <row r="26914" spans="1:3" x14ac:dyDescent="0.25">
      <c r="A26914" s="2" t="s">
        <v>15327</v>
      </c>
      <c r="B26914" s="6">
        <v>448051.49999999994</v>
      </c>
      <c r="C26914" s="7">
        <f t="shared" si="420"/>
        <v>448.05149999999992</v>
      </c>
    </row>
    <row r="26915" spans="1:3" x14ac:dyDescent="0.25">
      <c r="A26915" s="2" t="s">
        <v>15328</v>
      </c>
      <c r="B26915" s="6">
        <v>448068.14999999997</v>
      </c>
      <c r="C26915" s="7">
        <f t="shared" si="420"/>
        <v>448.06814999999995</v>
      </c>
    </row>
    <row r="26916" spans="1:3" x14ac:dyDescent="0.25">
      <c r="A26916" s="2" t="s">
        <v>15329</v>
      </c>
      <c r="B26916" s="6">
        <v>448084.8</v>
      </c>
      <c r="C26916" s="7">
        <f t="shared" si="420"/>
        <v>448.08479999999997</v>
      </c>
    </row>
    <row r="26917" spans="1:3" x14ac:dyDescent="0.25">
      <c r="A26917" s="2" t="s">
        <v>15330</v>
      </c>
      <c r="B26917" s="6">
        <v>448101.44999999995</v>
      </c>
      <c r="C26917" s="7">
        <f t="shared" si="420"/>
        <v>448.10144999999994</v>
      </c>
    </row>
    <row r="26918" spans="1:3" x14ac:dyDescent="0.25">
      <c r="A26918" s="2" t="s">
        <v>15331</v>
      </c>
      <c r="B26918" s="6">
        <v>448118.1</v>
      </c>
      <c r="C26918" s="7">
        <f t="shared" si="420"/>
        <v>448.11809999999997</v>
      </c>
    </row>
    <row r="26919" spans="1:3" x14ac:dyDescent="0.25">
      <c r="A26919" s="2" t="s">
        <v>15332</v>
      </c>
      <c r="B26919" s="6">
        <v>448134.74999999994</v>
      </c>
      <c r="C26919" s="7">
        <f t="shared" si="420"/>
        <v>448.13474999999994</v>
      </c>
    </row>
    <row r="26920" spans="1:3" x14ac:dyDescent="0.25">
      <c r="A26920" s="2" t="s">
        <v>15333</v>
      </c>
      <c r="B26920" s="6">
        <v>448151.39999999997</v>
      </c>
      <c r="C26920" s="7">
        <f t="shared" si="420"/>
        <v>448.15139999999997</v>
      </c>
    </row>
    <row r="26921" spans="1:3" x14ac:dyDescent="0.25">
      <c r="A26921" s="2" t="s">
        <v>15334</v>
      </c>
      <c r="B26921" s="6">
        <v>448168.05</v>
      </c>
      <c r="C26921" s="7">
        <f t="shared" si="420"/>
        <v>448.16804999999999</v>
      </c>
    </row>
    <row r="26922" spans="1:3" x14ac:dyDescent="0.25">
      <c r="A26922" s="2" t="s">
        <v>15335</v>
      </c>
      <c r="B26922" s="6">
        <v>448184.69999999995</v>
      </c>
      <c r="C26922" s="7">
        <f t="shared" si="420"/>
        <v>448.18469999999996</v>
      </c>
    </row>
    <row r="26923" spans="1:3" x14ac:dyDescent="0.25">
      <c r="A26923" s="2" t="s">
        <v>15336</v>
      </c>
      <c r="B26923" s="6">
        <v>448201.35</v>
      </c>
      <c r="C26923" s="7">
        <f t="shared" si="420"/>
        <v>448.20134999999999</v>
      </c>
    </row>
    <row r="26924" spans="1:3" x14ac:dyDescent="0.25">
      <c r="A26924" s="2" t="s">
        <v>15337</v>
      </c>
      <c r="B26924" s="6">
        <v>448217.99999999994</v>
      </c>
      <c r="C26924" s="7">
        <f t="shared" si="420"/>
        <v>448.21799999999996</v>
      </c>
    </row>
    <row r="26925" spans="1:3" x14ac:dyDescent="0.25">
      <c r="A26925" s="2" t="s">
        <v>15338</v>
      </c>
      <c r="B26925" s="6">
        <v>448234.64999999997</v>
      </c>
      <c r="C26925" s="7">
        <f t="shared" si="420"/>
        <v>448.23464999999999</v>
      </c>
    </row>
    <row r="26926" spans="1:3" x14ac:dyDescent="0.25">
      <c r="A26926" s="2" t="s">
        <v>15339</v>
      </c>
      <c r="B26926" s="6">
        <v>448251.3</v>
      </c>
      <c r="C26926" s="7">
        <f t="shared" si="420"/>
        <v>448.25130000000001</v>
      </c>
    </row>
    <row r="26927" spans="1:3" x14ac:dyDescent="0.25">
      <c r="A26927" s="2" t="s">
        <v>15340</v>
      </c>
      <c r="B26927" s="6">
        <v>448267.94999999995</v>
      </c>
      <c r="C26927" s="7">
        <f t="shared" si="420"/>
        <v>448.26794999999993</v>
      </c>
    </row>
    <row r="26928" spans="1:3" x14ac:dyDescent="0.25">
      <c r="A26928" s="2" t="s">
        <v>15341</v>
      </c>
      <c r="B26928" s="6">
        <v>448284.6</v>
      </c>
      <c r="C26928" s="7">
        <f t="shared" si="420"/>
        <v>448.28459999999995</v>
      </c>
    </row>
    <row r="26929" spans="1:3" x14ac:dyDescent="0.25">
      <c r="A26929" s="2" t="s">
        <v>15342</v>
      </c>
      <c r="B26929" s="6">
        <v>448301.24999999994</v>
      </c>
      <c r="C26929" s="7">
        <f t="shared" si="420"/>
        <v>448.30124999999992</v>
      </c>
    </row>
    <row r="26930" spans="1:3" x14ac:dyDescent="0.25">
      <c r="A26930" s="2" t="s">
        <v>15343</v>
      </c>
      <c r="B26930" s="6">
        <v>448317.89999999997</v>
      </c>
      <c r="C26930" s="7">
        <f t="shared" si="420"/>
        <v>448.31789999999995</v>
      </c>
    </row>
    <row r="26931" spans="1:3" x14ac:dyDescent="0.25">
      <c r="A26931" s="2" t="s">
        <v>15344</v>
      </c>
      <c r="B26931" s="6">
        <v>448334.55</v>
      </c>
      <c r="C26931" s="7">
        <f t="shared" si="420"/>
        <v>448.33454999999998</v>
      </c>
    </row>
    <row r="26932" spans="1:3" x14ac:dyDescent="0.25">
      <c r="A26932" s="2" t="s">
        <v>15345</v>
      </c>
      <c r="B26932" s="6">
        <v>448351.19999999995</v>
      </c>
      <c r="C26932" s="7">
        <f t="shared" si="420"/>
        <v>448.35119999999995</v>
      </c>
    </row>
    <row r="26933" spans="1:3" x14ac:dyDescent="0.25">
      <c r="A26933" s="2" t="s">
        <v>15346</v>
      </c>
      <c r="B26933" s="6">
        <v>448367.85</v>
      </c>
      <c r="C26933" s="7">
        <f t="shared" si="420"/>
        <v>448.36784999999998</v>
      </c>
    </row>
    <row r="26934" spans="1:3" x14ac:dyDescent="0.25">
      <c r="A26934" s="2" t="s">
        <v>15347</v>
      </c>
      <c r="B26934" s="6">
        <v>448384.49999999994</v>
      </c>
      <c r="C26934" s="7">
        <f t="shared" si="420"/>
        <v>448.38449999999995</v>
      </c>
    </row>
    <row r="26935" spans="1:3" x14ac:dyDescent="0.25">
      <c r="A26935" s="2" t="s">
        <v>15348</v>
      </c>
      <c r="B26935" s="6">
        <v>448401.14999999997</v>
      </c>
      <c r="C26935" s="7">
        <f t="shared" si="420"/>
        <v>448.40114999999997</v>
      </c>
    </row>
    <row r="26936" spans="1:3" x14ac:dyDescent="0.25">
      <c r="A26936" s="2" t="s">
        <v>15349</v>
      </c>
      <c r="B26936" s="6">
        <v>448417.8</v>
      </c>
      <c r="C26936" s="7">
        <f t="shared" si="420"/>
        <v>448.4178</v>
      </c>
    </row>
    <row r="26937" spans="1:3" x14ac:dyDescent="0.25">
      <c r="A26937" s="2" t="s">
        <v>15350</v>
      </c>
      <c r="B26937" s="6">
        <v>448434.44999999995</v>
      </c>
      <c r="C26937" s="7">
        <f t="shared" si="420"/>
        <v>448.43444999999997</v>
      </c>
    </row>
    <row r="26938" spans="1:3" x14ac:dyDescent="0.25">
      <c r="A26938" s="2" t="s">
        <v>15351</v>
      </c>
      <c r="B26938" s="6">
        <v>448451.1</v>
      </c>
      <c r="C26938" s="7">
        <f t="shared" si="420"/>
        <v>448.4511</v>
      </c>
    </row>
    <row r="26939" spans="1:3" x14ac:dyDescent="0.25">
      <c r="A26939" s="2" t="s">
        <v>15352</v>
      </c>
      <c r="B26939" s="6">
        <v>448467.74999999994</v>
      </c>
      <c r="C26939" s="7">
        <f t="shared" si="420"/>
        <v>448.46774999999997</v>
      </c>
    </row>
    <row r="26940" spans="1:3" x14ac:dyDescent="0.25">
      <c r="A26940" s="2" t="s">
        <v>15353</v>
      </c>
      <c r="B26940" s="6">
        <v>448484.39999999997</v>
      </c>
      <c r="C26940" s="7">
        <f t="shared" si="420"/>
        <v>448.48439999999994</v>
      </c>
    </row>
    <row r="26941" spans="1:3" x14ac:dyDescent="0.25">
      <c r="A26941" s="2" t="s">
        <v>15354</v>
      </c>
      <c r="B26941" s="6">
        <v>448501.05</v>
      </c>
      <c r="C26941" s="7">
        <f t="shared" si="420"/>
        <v>448.50104999999996</v>
      </c>
    </row>
    <row r="26942" spans="1:3" x14ac:dyDescent="0.25">
      <c r="A26942" s="2" t="s">
        <v>15355</v>
      </c>
      <c r="B26942" s="6">
        <v>448517.69999999995</v>
      </c>
      <c r="C26942" s="7">
        <f t="shared" si="420"/>
        <v>448.51769999999993</v>
      </c>
    </row>
    <row r="26943" spans="1:3" x14ac:dyDescent="0.25">
      <c r="A26943" s="2" t="s">
        <v>15356</v>
      </c>
      <c r="B26943" s="6">
        <v>448534.35</v>
      </c>
      <c r="C26943" s="7">
        <f t="shared" si="420"/>
        <v>448.53434999999996</v>
      </c>
    </row>
    <row r="26944" spans="1:3" x14ac:dyDescent="0.25">
      <c r="A26944" s="2" t="s">
        <v>15357</v>
      </c>
      <c r="B26944" s="6">
        <v>448550.99999999994</v>
      </c>
      <c r="C26944" s="7">
        <f t="shared" si="420"/>
        <v>448.55099999999993</v>
      </c>
    </row>
    <row r="26945" spans="1:3" x14ac:dyDescent="0.25">
      <c r="A26945" s="2" t="s">
        <v>15358</v>
      </c>
      <c r="B26945" s="6">
        <v>448567.64999999997</v>
      </c>
      <c r="C26945" s="7">
        <f t="shared" si="420"/>
        <v>448.56764999999996</v>
      </c>
    </row>
    <row r="26946" spans="1:3" x14ac:dyDescent="0.25">
      <c r="A26946" s="2" t="s">
        <v>15359</v>
      </c>
      <c r="B26946" s="6">
        <v>448584.3</v>
      </c>
      <c r="C26946" s="7">
        <f t="shared" si="420"/>
        <v>448.58429999999998</v>
      </c>
    </row>
    <row r="26947" spans="1:3" x14ac:dyDescent="0.25">
      <c r="A26947" s="2" t="s">
        <v>15360</v>
      </c>
      <c r="B26947" s="6">
        <v>448600.94999999995</v>
      </c>
      <c r="C26947" s="7">
        <f t="shared" ref="C26947:C27010" si="421">B26947/1000</f>
        <v>448.60094999999995</v>
      </c>
    </row>
    <row r="26948" spans="1:3" x14ac:dyDescent="0.25">
      <c r="A26948" s="2" t="s">
        <v>15361</v>
      </c>
      <c r="B26948" s="6">
        <v>448617.6</v>
      </c>
      <c r="C26948" s="7">
        <f t="shared" si="421"/>
        <v>448.61759999999998</v>
      </c>
    </row>
    <row r="26949" spans="1:3" x14ac:dyDescent="0.25">
      <c r="A26949" s="2" t="s">
        <v>15362</v>
      </c>
      <c r="B26949" s="6">
        <v>448634.24999999994</v>
      </c>
      <c r="C26949" s="7">
        <f t="shared" si="421"/>
        <v>448.63424999999995</v>
      </c>
    </row>
    <row r="26950" spans="1:3" x14ac:dyDescent="0.25">
      <c r="A26950" s="2" t="s">
        <v>15363</v>
      </c>
      <c r="B26950" s="6">
        <v>448650.89999999997</v>
      </c>
      <c r="C26950" s="7">
        <f t="shared" si="421"/>
        <v>448.65089999999998</v>
      </c>
    </row>
    <row r="26951" spans="1:3" x14ac:dyDescent="0.25">
      <c r="A26951" s="2" t="s">
        <v>15364</v>
      </c>
      <c r="B26951" s="6">
        <v>448667.55</v>
      </c>
      <c r="C26951" s="7">
        <f t="shared" si="421"/>
        <v>448.66755000000001</v>
      </c>
    </row>
    <row r="26952" spans="1:3" x14ac:dyDescent="0.25">
      <c r="A26952" s="2" t="s">
        <v>15365</v>
      </c>
      <c r="B26952" s="6">
        <v>448684.19999999995</v>
      </c>
      <c r="C26952" s="7">
        <f t="shared" si="421"/>
        <v>448.68419999999998</v>
      </c>
    </row>
    <row r="26953" spans="1:3" x14ac:dyDescent="0.25">
      <c r="A26953" s="2" t="s">
        <v>15366</v>
      </c>
      <c r="B26953" s="6">
        <v>448700.85</v>
      </c>
      <c r="C26953" s="7">
        <f t="shared" si="421"/>
        <v>448.70085</v>
      </c>
    </row>
    <row r="26954" spans="1:3" x14ac:dyDescent="0.25">
      <c r="A26954" s="2" t="s">
        <v>15367</v>
      </c>
      <c r="B26954" s="6">
        <v>448717.49999999994</v>
      </c>
      <c r="C26954" s="7">
        <f t="shared" si="421"/>
        <v>448.71749999999992</v>
      </c>
    </row>
    <row r="26955" spans="1:3" x14ac:dyDescent="0.25">
      <c r="A26955" s="2" t="s">
        <v>15368</v>
      </c>
      <c r="B26955" s="6">
        <v>448734.14999999997</v>
      </c>
      <c r="C26955" s="7">
        <f t="shared" si="421"/>
        <v>448.73414999999994</v>
      </c>
    </row>
    <row r="26956" spans="1:3" x14ac:dyDescent="0.25">
      <c r="A26956" s="2" t="s">
        <v>15369</v>
      </c>
      <c r="B26956" s="6">
        <v>448750.8</v>
      </c>
      <c r="C26956" s="7">
        <f t="shared" si="421"/>
        <v>448.75079999999997</v>
      </c>
    </row>
    <row r="26957" spans="1:3" x14ac:dyDescent="0.25">
      <c r="A26957" s="2" t="s">
        <v>15370</v>
      </c>
      <c r="B26957" s="6">
        <v>448767.44999999995</v>
      </c>
      <c r="C26957" s="7">
        <f t="shared" si="421"/>
        <v>448.76744999999994</v>
      </c>
    </row>
    <row r="26958" spans="1:3" x14ac:dyDescent="0.25">
      <c r="A26958" s="2" t="s">
        <v>15371</v>
      </c>
      <c r="B26958" s="6">
        <v>448784.1</v>
      </c>
      <c r="C26958" s="7">
        <f t="shared" si="421"/>
        <v>448.78409999999997</v>
      </c>
    </row>
    <row r="26959" spans="1:3" x14ac:dyDescent="0.25">
      <c r="A26959" s="2" t="s">
        <v>15372</v>
      </c>
      <c r="B26959" s="6">
        <v>448800.74999999994</v>
      </c>
      <c r="C26959" s="7">
        <f t="shared" si="421"/>
        <v>448.80074999999994</v>
      </c>
    </row>
    <row r="26960" spans="1:3" x14ac:dyDescent="0.25">
      <c r="A26960" s="2" t="s">
        <v>15373</v>
      </c>
      <c r="B26960" s="6">
        <v>448817.39999999997</v>
      </c>
      <c r="C26960" s="7">
        <f t="shared" si="421"/>
        <v>448.81739999999996</v>
      </c>
    </row>
    <row r="26961" spans="1:3" x14ac:dyDescent="0.25">
      <c r="A26961" s="2" t="s">
        <v>15374</v>
      </c>
      <c r="B26961" s="6">
        <v>448834.05</v>
      </c>
      <c r="C26961" s="7">
        <f t="shared" si="421"/>
        <v>448.83404999999999</v>
      </c>
    </row>
    <row r="26962" spans="1:3" x14ac:dyDescent="0.25">
      <c r="A26962" s="2" t="s">
        <v>15375</v>
      </c>
      <c r="B26962" s="6">
        <v>448850.69999999995</v>
      </c>
      <c r="C26962" s="7">
        <f t="shared" si="421"/>
        <v>448.85069999999996</v>
      </c>
    </row>
    <row r="26963" spans="1:3" x14ac:dyDescent="0.25">
      <c r="A26963" s="2" t="s">
        <v>15376</v>
      </c>
      <c r="B26963" s="6">
        <v>448867.35</v>
      </c>
      <c r="C26963" s="7">
        <f t="shared" si="421"/>
        <v>448.86734999999999</v>
      </c>
    </row>
    <row r="26964" spans="1:3" x14ac:dyDescent="0.25">
      <c r="A26964" s="2" t="s">
        <v>15377</v>
      </c>
      <c r="B26964" s="6">
        <v>448883.99999999994</v>
      </c>
      <c r="C26964" s="7">
        <f t="shared" si="421"/>
        <v>448.88399999999996</v>
      </c>
    </row>
    <row r="26965" spans="1:3" x14ac:dyDescent="0.25">
      <c r="A26965" s="2" t="s">
        <v>15378</v>
      </c>
      <c r="B26965" s="6">
        <v>448900.64999999997</v>
      </c>
      <c r="C26965" s="7">
        <f t="shared" si="421"/>
        <v>448.90064999999998</v>
      </c>
    </row>
    <row r="26966" spans="1:3" x14ac:dyDescent="0.25">
      <c r="A26966" s="2" t="s">
        <v>15379</v>
      </c>
      <c r="B26966" s="6">
        <v>448917.3</v>
      </c>
      <c r="C26966" s="7">
        <f t="shared" si="421"/>
        <v>448.91730000000001</v>
      </c>
    </row>
    <row r="26967" spans="1:3" x14ac:dyDescent="0.25">
      <c r="A26967" s="2" t="s">
        <v>15380</v>
      </c>
      <c r="B26967" s="6">
        <v>448933.94999999995</v>
      </c>
      <c r="C26967" s="7">
        <f t="shared" si="421"/>
        <v>448.93394999999998</v>
      </c>
    </row>
    <row r="26968" spans="1:3" x14ac:dyDescent="0.25">
      <c r="A26968" s="2" t="s">
        <v>15381</v>
      </c>
      <c r="B26968" s="6">
        <v>448950.6</v>
      </c>
      <c r="C26968" s="7">
        <f t="shared" si="421"/>
        <v>448.95059999999995</v>
      </c>
    </row>
    <row r="26969" spans="1:3" x14ac:dyDescent="0.25">
      <c r="A26969" s="2" t="s">
        <v>15382</v>
      </c>
      <c r="B26969" s="6">
        <v>448967.24999999994</v>
      </c>
      <c r="C26969" s="7">
        <f t="shared" si="421"/>
        <v>448.96724999999992</v>
      </c>
    </row>
    <row r="26970" spans="1:3" x14ac:dyDescent="0.25">
      <c r="A26970" s="2" t="s">
        <v>15383</v>
      </c>
      <c r="B26970" s="6">
        <v>448983.89999999997</v>
      </c>
      <c r="C26970" s="7">
        <f t="shared" si="421"/>
        <v>448.98389999999995</v>
      </c>
    </row>
    <row r="26971" spans="1:3" x14ac:dyDescent="0.25">
      <c r="A26971" s="2" t="s">
        <v>15384</v>
      </c>
      <c r="B26971" s="6">
        <v>449000.55</v>
      </c>
      <c r="C26971" s="7">
        <f t="shared" si="421"/>
        <v>449.00054999999998</v>
      </c>
    </row>
    <row r="26972" spans="1:3" x14ac:dyDescent="0.25">
      <c r="A26972" s="2" t="s">
        <v>15385</v>
      </c>
      <c r="B26972" s="6">
        <v>449017.19999999995</v>
      </c>
      <c r="C26972" s="7">
        <f t="shared" si="421"/>
        <v>449.01719999999995</v>
      </c>
    </row>
    <row r="26973" spans="1:3" x14ac:dyDescent="0.25">
      <c r="A26973" s="2" t="s">
        <v>15386</v>
      </c>
      <c r="B26973" s="6">
        <v>449033.85</v>
      </c>
      <c r="C26973" s="7">
        <f t="shared" si="421"/>
        <v>449.03384999999997</v>
      </c>
    </row>
    <row r="26974" spans="1:3" x14ac:dyDescent="0.25">
      <c r="A26974" s="2" t="s">
        <v>15387</v>
      </c>
      <c r="B26974" s="6">
        <v>449050.49999999994</v>
      </c>
      <c r="C26974" s="7">
        <f t="shared" si="421"/>
        <v>449.05049999999994</v>
      </c>
    </row>
    <row r="26975" spans="1:3" x14ac:dyDescent="0.25">
      <c r="A26975" s="2" t="s">
        <v>15388</v>
      </c>
      <c r="B26975" s="6">
        <v>449067.14999999997</v>
      </c>
      <c r="C26975" s="7">
        <f t="shared" si="421"/>
        <v>449.06714999999997</v>
      </c>
    </row>
    <row r="26976" spans="1:3" x14ac:dyDescent="0.25">
      <c r="A26976" s="2" t="s">
        <v>15389</v>
      </c>
      <c r="B26976" s="6">
        <v>449083.8</v>
      </c>
      <c r="C26976" s="7">
        <f t="shared" si="421"/>
        <v>449.0838</v>
      </c>
    </row>
    <row r="26977" spans="1:3" x14ac:dyDescent="0.25">
      <c r="A26977" s="2" t="s">
        <v>15390</v>
      </c>
      <c r="B26977" s="6">
        <v>449100.44999999995</v>
      </c>
      <c r="C26977" s="7">
        <f t="shared" si="421"/>
        <v>449.10044999999997</v>
      </c>
    </row>
    <row r="26978" spans="1:3" x14ac:dyDescent="0.25">
      <c r="A26978" s="2" t="s">
        <v>15391</v>
      </c>
      <c r="B26978" s="6">
        <v>449117.1</v>
      </c>
      <c r="C26978" s="7">
        <f t="shared" si="421"/>
        <v>449.11709999999999</v>
      </c>
    </row>
    <row r="26979" spans="1:3" x14ac:dyDescent="0.25">
      <c r="A26979" s="2" t="s">
        <v>15392</v>
      </c>
      <c r="B26979" s="6">
        <v>449133.74999999994</v>
      </c>
      <c r="C26979" s="7">
        <f t="shared" si="421"/>
        <v>449.13374999999996</v>
      </c>
    </row>
    <row r="26980" spans="1:3" x14ac:dyDescent="0.25">
      <c r="A26980" s="2" t="s">
        <v>15393</v>
      </c>
      <c r="B26980" s="6">
        <v>449150.39999999997</v>
      </c>
      <c r="C26980" s="7">
        <f t="shared" si="421"/>
        <v>449.15039999999999</v>
      </c>
    </row>
    <row r="26981" spans="1:3" x14ac:dyDescent="0.25">
      <c r="A26981" s="2" t="s">
        <v>15394</v>
      </c>
      <c r="B26981" s="6">
        <v>449167.05</v>
      </c>
      <c r="C26981" s="7">
        <f t="shared" si="421"/>
        <v>449.16704999999996</v>
      </c>
    </row>
    <row r="26982" spans="1:3" x14ac:dyDescent="0.25">
      <c r="A26982" s="2" t="s">
        <v>15395</v>
      </c>
      <c r="B26982" s="6">
        <v>449183.69999999995</v>
      </c>
      <c r="C26982" s="7">
        <f t="shared" si="421"/>
        <v>449.18369999999993</v>
      </c>
    </row>
    <row r="26983" spans="1:3" x14ac:dyDescent="0.25">
      <c r="A26983" s="2" t="s">
        <v>15396</v>
      </c>
      <c r="B26983" s="6">
        <v>449200.35</v>
      </c>
      <c r="C26983" s="7">
        <f t="shared" si="421"/>
        <v>449.20034999999996</v>
      </c>
    </row>
    <row r="26984" spans="1:3" x14ac:dyDescent="0.25">
      <c r="A26984" s="2" t="s">
        <v>15397</v>
      </c>
      <c r="B26984" s="6">
        <v>449216.99999999994</v>
      </c>
      <c r="C26984" s="7">
        <f t="shared" si="421"/>
        <v>449.21699999999993</v>
      </c>
    </row>
    <row r="26985" spans="1:3" x14ac:dyDescent="0.25">
      <c r="A26985" s="2" t="s">
        <v>15398</v>
      </c>
      <c r="B26985" s="6">
        <v>449233.64999999997</v>
      </c>
      <c r="C26985" s="7">
        <f t="shared" si="421"/>
        <v>449.23364999999995</v>
      </c>
    </row>
    <row r="26986" spans="1:3" x14ac:dyDescent="0.25">
      <c r="A26986" s="2" t="s">
        <v>15399</v>
      </c>
      <c r="B26986" s="6">
        <v>449250.3</v>
      </c>
      <c r="C26986" s="7">
        <f t="shared" si="421"/>
        <v>449.25029999999998</v>
      </c>
    </row>
    <row r="26987" spans="1:3" x14ac:dyDescent="0.25">
      <c r="A26987" s="2" t="s">
        <v>15400</v>
      </c>
      <c r="B26987" s="6">
        <v>449266.94999999995</v>
      </c>
      <c r="C26987" s="7">
        <f t="shared" si="421"/>
        <v>449.26694999999995</v>
      </c>
    </row>
    <row r="26988" spans="1:3" x14ac:dyDescent="0.25">
      <c r="A26988" s="2" t="s">
        <v>15401</v>
      </c>
      <c r="B26988" s="6">
        <v>449283.6</v>
      </c>
      <c r="C26988" s="7">
        <f t="shared" si="421"/>
        <v>449.28359999999998</v>
      </c>
    </row>
    <row r="26989" spans="1:3" x14ac:dyDescent="0.25">
      <c r="A26989" s="2" t="s">
        <v>15402</v>
      </c>
      <c r="B26989" s="6">
        <v>449300.24999999994</v>
      </c>
      <c r="C26989" s="7">
        <f t="shared" si="421"/>
        <v>449.30024999999995</v>
      </c>
    </row>
    <row r="26990" spans="1:3" x14ac:dyDescent="0.25">
      <c r="A26990" s="2" t="s">
        <v>15403</v>
      </c>
      <c r="B26990" s="6">
        <v>449316.89999999997</v>
      </c>
      <c r="C26990" s="7">
        <f t="shared" si="421"/>
        <v>449.31689999999998</v>
      </c>
    </row>
    <row r="26991" spans="1:3" x14ac:dyDescent="0.25">
      <c r="A26991" s="2" t="s">
        <v>15404</v>
      </c>
      <c r="B26991" s="6">
        <v>449333.55</v>
      </c>
      <c r="C26991" s="7">
        <f t="shared" si="421"/>
        <v>449.33355</v>
      </c>
    </row>
    <row r="26992" spans="1:3" x14ac:dyDescent="0.25">
      <c r="A26992" s="2" t="s">
        <v>15405</v>
      </c>
      <c r="B26992" s="6">
        <v>449350.19999999995</v>
      </c>
      <c r="C26992" s="7">
        <f t="shared" si="421"/>
        <v>449.35019999999997</v>
      </c>
    </row>
    <row r="26993" spans="1:3" x14ac:dyDescent="0.25">
      <c r="A26993" s="2" t="s">
        <v>15406</v>
      </c>
      <c r="B26993" s="6">
        <v>449366.85</v>
      </c>
      <c r="C26993" s="7">
        <f t="shared" si="421"/>
        <v>449.36685</v>
      </c>
    </row>
    <row r="26994" spans="1:3" x14ac:dyDescent="0.25">
      <c r="A26994" s="2" t="s">
        <v>15407</v>
      </c>
      <c r="B26994" s="6">
        <v>449383.49999999994</v>
      </c>
      <c r="C26994" s="7">
        <f t="shared" si="421"/>
        <v>449.38349999999997</v>
      </c>
    </row>
    <row r="26995" spans="1:3" x14ac:dyDescent="0.25">
      <c r="A26995" s="2" t="s">
        <v>15408</v>
      </c>
      <c r="B26995" s="6">
        <v>449400.14999999997</v>
      </c>
      <c r="C26995" s="7">
        <f t="shared" si="421"/>
        <v>449.40014999999994</v>
      </c>
    </row>
    <row r="26996" spans="1:3" x14ac:dyDescent="0.25">
      <c r="A26996" s="2" t="s">
        <v>15409</v>
      </c>
      <c r="B26996" s="6">
        <v>449416.8</v>
      </c>
      <c r="C26996" s="7">
        <f t="shared" si="421"/>
        <v>449.41679999999997</v>
      </c>
    </row>
    <row r="26997" spans="1:3" x14ac:dyDescent="0.25">
      <c r="A26997" s="2" t="s">
        <v>15410</v>
      </c>
      <c r="B26997" s="6">
        <v>449433.44999999995</v>
      </c>
      <c r="C26997" s="7">
        <f t="shared" si="421"/>
        <v>449.43344999999994</v>
      </c>
    </row>
    <row r="26998" spans="1:3" x14ac:dyDescent="0.25">
      <c r="A26998" s="2" t="s">
        <v>15411</v>
      </c>
      <c r="B26998" s="6">
        <v>449450.1</v>
      </c>
      <c r="C26998" s="7">
        <f t="shared" si="421"/>
        <v>449.45009999999996</v>
      </c>
    </row>
    <row r="26999" spans="1:3" x14ac:dyDescent="0.25">
      <c r="A26999" s="2" t="s">
        <v>15412</v>
      </c>
      <c r="B26999" s="6">
        <v>449466.74999999994</v>
      </c>
      <c r="C26999" s="7">
        <f t="shared" si="421"/>
        <v>449.46674999999993</v>
      </c>
    </row>
    <row r="27000" spans="1:3" x14ac:dyDescent="0.25">
      <c r="A27000" s="2" t="s">
        <v>15413</v>
      </c>
      <c r="B27000" s="6">
        <v>449483.39999999997</v>
      </c>
      <c r="C27000" s="7">
        <f t="shared" si="421"/>
        <v>449.48339999999996</v>
      </c>
    </row>
    <row r="27001" spans="1:3" x14ac:dyDescent="0.25">
      <c r="A27001" s="2" t="s">
        <v>15414</v>
      </c>
      <c r="B27001" s="6">
        <v>449500.05</v>
      </c>
      <c r="C27001" s="7">
        <f t="shared" si="421"/>
        <v>449.50004999999999</v>
      </c>
    </row>
    <row r="27002" spans="1:3" x14ac:dyDescent="0.25">
      <c r="A27002" s="2" t="s">
        <v>15415</v>
      </c>
      <c r="B27002" s="6">
        <v>449516.69999999995</v>
      </c>
      <c r="C27002" s="7">
        <f t="shared" si="421"/>
        <v>449.51669999999996</v>
      </c>
    </row>
    <row r="27003" spans="1:3" x14ac:dyDescent="0.25">
      <c r="A27003" s="2" t="s">
        <v>15416</v>
      </c>
      <c r="B27003" s="6">
        <v>449533.35</v>
      </c>
      <c r="C27003" s="7">
        <f t="shared" si="421"/>
        <v>449.53334999999998</v>
      </c>
    </row>
    <row r="27004" spans="1:3" x14ac:dyDescent="0.25">
      <c r="A27004" s="2" t="s">
        <v>15417</v>
      </c>
      <c r="B27004" s="6">
        <v>449549.99999999994</v>
      </c>
      <c r="C27004" s="7">
        <f t="shared" si="421"/>
        <v>449.54999999999995</v>
      </c>
    </row>
    <row r="27005" spans="1:3" x14ac:dyDescent="0.25">
      <c r="A27005" s="2" t="s">
        <v>15418</v>
      </c>
      <c r="B27005" s="6">
        <v>449566.64999999997</v>
      </c>
      <c r="C27005" s="7">
        <f t="shared" si="421"/>
        <v>449.56664999999998</v>
      </c>
    </row>
    <row r="27006" spans="1:3" x14ac:dyDescent="0.25">
      <c r="A27006" s="2" t="s">
        <v>15419</v>
      </c>
      <c r="B27006" s="6">
        <v>449583.3</v>
      </c>
      <c r="C27006" s="7">
        <f t="shared" si="421"/>
        <v>449.58330000000001</v>
      </c>
    </row>
    <row r="27007" spans="1:3" x14ac:dyDescent="0.25">
      <c r="A27007" s="2" t="s">
        <v>15420</v>
      </c>
      <c r="B27007" s="6">
        <v>449599.94999999995</v>
      </c>
      <c r="C27007" s="7">
        <f t="shared" si="421"/>
        <v>449.59994999999998</v>
      </c>
    </row>
    <row r="27008" spans="1:3" x14ac:dyDescent="0.25">
      <c r="A27008" s="2" t="s">
        <v>15421</v>
      </c>
      <c r="B27008" s="6">
        <v>449616.6</v>
      </c>
      <c r="C27008" s="7">
        <f t="shared" si="421"/>
        <v>449.61659999999995</v>
      </c>
    </row>
    <row r="27009" spans="1:3" x14ac:dyDescent="0.25">
      <c r="A27009" s="2" t="s">
        <v>15422</v>
      </c>
      <c r="B27009" s="6">
        <v>449633.24999999994</v>
      </c>
      <c r="C27009" s="7">
        <f t="shared" si="421"/>
        <v>449.63324999999992</v>
      </c>
    </row>
    <row r="27010" spans="1:3" x14ac:dyDescent="0.25">
      <c r="A27010" s="2" t="s">
        <v>15423</v>
      </c>
      <c r="B27010" s="6">
        <v>449649.89999999997</v>
      </c>
      <c r="C27010" s="7">
        <f t="shared" si="421"/>
        <v>449.64989999999995</v>
      </c>
    </row>
    <row r="27011" spans="1:3" x14ac:dyDescent="0.25">
      <c r="A27011" s="2" t="s">
        <v>15424</v>
      </c>
      <c r="B27011" s="6">
        <v>449666.55</v>
      </c>
      <c r="C27011" s="7">
        <f t="shared" ref="C27011:C27074" si="422">B27011/1000</f>
        <v>449.66654999999997</v>
      </c>
    </row>
    <row r="27012" spans="1:3" x14ac:dyDescent="0.25">
      <c r="A27012" s="2" t="s">
        <v>15425</v>
      </c>
      <c r="B27012" s="6">
        <v>449683.19999999995</v>
      </c>
      <c r="C27012" s="7">
        <f t="shared" si="422"/>
        <v>449.68319999999994</v>
      </c>
    </row>
    <row r="27013" spans="1:3" x14ac:dyDescent="0.25">
      <c r="A27013" s="2" t="s">
        <v>15426</v>
      </c>
      <c r="B27013" s="6">
        <v>449699.85</v>
      </c>
      <c r="C27013" s="7">
        <f t="shared" si="422"/>
        <v>449.69984999999997</v>
      </c>
    </row>
    <row r="27014" spans="1:3" x14ac:dyDescent="0.25">
      <c r="A27014" s="2" t="s">
        <v>15427</v>
      </c>
      <c r="B27014" s="6">
        <v>449716.49999999994</v>
      </c>
      <c r="C27014" s="7">
        <f t="shared" si="422"/>
        <v>449.71649999999994</v>
      </c>
    </row>
    <row r="27015" spans="1:3" x14ac:dyDescent="0.25">
      <c r="A27015" s="2" t="s">
        <v>15428</v>
      </c>
      <c r="B27015" s="6">
        <v>449733.14999999997</v>
      </c>
      <c r="C27015" s="7">
        <f t="shared" si="422"/>
        <v>449.73314999999997</v>
      </c>
    </row>
    <row r="27016" spans="1:3" x14ac:dyDescent="0.25">
      <c r="A27016" s="2" t="s">
        <v>15429</v>
      </c>
      <c r="B27016" s="6">
        <v>449749.8</v>
      </c>
      <c r="C27016" s="7">
        <f t="shared" si="422"/>
        <v>449.74979999999999</v>
      </c>
    </row>
    <row r="27017" spans="1:3" x14ac:dyDescent="0.25">
      <c r="A27017" s="2" t="s">
        <v>15430</v>
      </c>
      <c r="B27017" s="6">
        <v>449766.44999999995</v>
      </c>
      <c r="C27017" s="7">
        <f t="shared" si="422"/>
        <v>449.76644999999996</v>
      </c>
    </row>
    <row r="27018" spans="1:3" x14ac:dyDescent="0.25">
      <c r="A27018" s="2" t="s">
        <v>15431</v>
      </c>
      <c r="B27018" s="6">
        <v>449783.1</v>
      </c>
      <c r="C27018" s="7">
        <f t="shared" si="422"/>
        <v>449.78309999999999</v>
      </c>
    </row>
    <row r="27019" spans="1:3" x14ac:dyDescent="0.25">
      <c r="A27019" s="2" t="s">
        <v>15432</v>
      </c>
      <c r="B27019" s="6">
        <v>449799.74999999994</v>
      </c>
      <c r="C27019" s="7">
        <f t="shared" si="422"/>
        <v>449.79974999999996</v>
      </c>
    </row>
    <row r="27020" spans="1:3" x14ac:dyDescent="0.25">
      <c r="A27020" s="2" t="s">
        <v>15433</v>
      </c>
      <c r="B27020" s="6">
        <v>449816.39999999997</v>
      </c>
      <c r="C27020" s="7">
        <f t="shared" si="422"/>
        <v>449.81639999999999</v>
      </c>
    </row>
    <row r="27021" spans="1:3" x14ac:dyDescent="0.25">
      <c r="A27021" s="2" t="s">
        <v>15434</v>
      </c>
      <c r="B27021" s="6">
        <v>449833.05</v>
      </c>
      <c r="C27021" s="7">
        <f t="shared" si="422"/>
        <v>449.83305000000001</v>
      </c>
    </row>
    <row r="27022" spans="1:3" x14ac:dyDescent="0.25">
      <c r="A27022" s="2" t="s">
        <v>15435</v>
      </c>
      <c r="B27022" s="6">
        <v>449849.69999999995</v>
      </c>
      <c r="C27022" s="7">
        <f t="shared" si="422"/>
        <v>449.84969999999993</v>
      </c>
    </row>
    <row r="27023" spans="1:3" x14ac:dyDescent="0.25">
      <c r="A27023" s="2" t="s">
        <v>15436</v>
      </c>
      <c r="B27023" s="6">
        <v>449866.35</v>
      </c>
      <c r="C27023" s="7">
        <f t="shared" si="422"/>
        <v>449.86634999999995</v>
      </c>
    </row>
    <row r="27024" spans="1:3" x14ac:dyDescent="0.25">
      <c r="A27024" s="2" t="s">
        <v>15437</v>
      </c>
      <c r="B27024" s="6">
        <v>449882.99999999994</v>
      </c>
      <c r="C27024" s="7">
        <f t="shared" si="422"/>
        <v>449.88299999999992</v>
      </c>
    </row>
    <row r="27025" spans="1:3" x14ac:dyDescent="0.25">
      <c r="A27025" s="2" t="s">
        <v>15438</v>
      </c>
      <c r="B27025" s="6">
        <v>449899.64999999997</v>
      </c>
      <c r="C27025" s="7">
        <f t="shared" si="422"/>
        <v>449.89964999999995</v>
      </c>
    </row>
    <row r="27026" spans="1:3" x14ac:dyDescent="0.25">
      <c r="A27026" s="2" t="s">
        <v>15439</v>
      </c>
      <c r="B27026" s="6">
        <v>449916.3</v>
      </c>
      <c r="C27026" s="7">
        <f t="shared" si="422"/>
        <v>449.91629999999998</v>
      </c>
    </row>
    <row r="27027" spans="1:3" x14ac:dyDescent="0.25">
      <c r="A27027" s="2" t="s">
        <v>15440</v>
      </c>
      <c r="B27027" s="6">
        <v>449932.94999999995</v>
      </c>
      <c r="C27027" s="7">
        <f t="shared" si="422"/>
        <v>449.93294999999995</v>
      </c>
    </row>
    <row r="27028" spans="1:3" x14ac:dyDescent="0.25">
      <c r="A27028" s="2" t="s">
        <v>15441</v>
      </c>
      <c r="B27028" s="6">
        <v>449949.6</v>
      </c>
      <c r="C27028" s="7">
        <f t="shared" si="422"/>
        <v>449.94959999999998</v>
      </c>
    </row>
    <row r="27029" spans="1:3" x14ac:dyDescent="0.25">
      <c r="A27029" s="2" t="s">
        <v>15442</v>
      </c>
      <c r="B27029" s="6">
        <v>449966.24999999994</v>
      </c>
      <c r="C27029" s="7">
        <f t="shared" si="422"/>
        <v>449.96624999999995</v>
      </c>
    </row>
    <row r="27030" spans="1:3" x14ac:dyDescent="0.25">
      <c r="A27030" s="2" t="s">
        <v>15443</v>
      </c>
      <c r="B27030" s="6">
        <v>449982.89999999997</v>
      </c>
      <c r="C27030" s="7">
        <f t="shared" si="422"/>
        <v>449.98289999999997</v>
      </c>
    </row>
    <row r="27031" spans="1:3" x14ac:dyDescent="0.25">
      <c r="A27031" s="2" t="s">
        <v>15444</v>
      </c>
      <c r="B27031" s="6">
        <v>449999.55</v>
      </c>
      <c r="C27031" s="7">
        <f t="shared" si="422"/>
        <v>449.99955</v>
      </c>
    </row>
    <row r="27032" spans="1:3" x14ac:dyDescent="0.25">
      <c r="A27032" s="2" t="s">
        <v>15445</v>
      </c>
      <c r="B27032" s="6">
        <v>450016.19999999995</v>
      </c>
      <c r="C27032" s="7">
        <f t="shared" si="422"/>
        <v>450.01619999999997</v>
      </c>
    </row>
    <row r="27033" spans="1:3" x14ac:dyDescent="0.25">
      <c r="A27033" s="2" t="s">
        <v>15446</v>
      </c>
      <c r="B27033" s="6">
        <v>450032.85</v>
      </c>
      <c r="C27033" s="7">
        <f t="shared" si="422"/>
        <v>450.03285</v>
      </c>
    </row>
    <row r="27034" spans="1:3" x14ac:dyDescent="0.25">
      <c r="A27034" s="2" t="s">
        <v>15447</v>
      </c>
      <c r="B27034" s="6">
        <v>450049.49999999994</v>
      </c>
      <c r="C27034" s="7">
        <f t="shared" si="422"/>
        <v>450.04949999999997</v>
      </c>
    </row>
    <row r="27035" spans="1:3" x14ac:dyDescent="0.25">
      <c r="A27035" s="2" t="s">
        <v>15448</v>
      </c>
      <c r="B27035" s="6">
        <v>450066.14999999997</v>
      </c>
      <c r="C27035" s="7">
        <f t="shared" si="422"/>
        <v>450.06614999999999</v>
      </c>
    </row>
    <row r="27036" spans="1:3" x14ac:dyDescent="0.25">
      <c r="A27036" s="2" t="s">
        <v>15449</v>
      </c>
      <c r="B27036" s="6">
        <v>450082.8</v>
      </c>
      <c r="C27036" s="7">
        <f t="shared" si="422"/>
        <v>450.08279999999996</v>
      </c>
    </row>
    <row r="27037" spans="1:3" x14ac:dyDescent="0.25">
      <c r="A27037" s="2" t="s">
        <v>15450</v>
      </c>
      <c r="B27037" s="6">
        <v>450099.44999999995</v>
      </c>
      <c r="C27037" s="7">
        <f t="shared" si="422"/>
        <v>450.09944999999993</v>
      </c>
    </row>
    <row r="27038" spans="1:3" x14ac:dyDescent="0.25">
      <c r="A27038" s="2" t="s">
        <v>15451</v>
      </c>
      <c r="B27038" s="6">
        <v>450116.1</v>
      </c>
      <c r="C27038" s="7">
        <f t="shared" si="422"/>
        <v>450.11609999999996</v>
      </c>
    </row>
    <row r="27039" spans="1:3" x14ac:dyDescent="0.25">
      <c r="A27039" s="2" t="s">
        <v>15452</v>
      </c>
      <c r="B27039" s="6">
        <v>450132.74999999994</v>
      </c>
      <c r="C27039" s="7">
        <f t="shared" si="422"/>
        <v>450.13274999999993</v>
      </c>
    </row>
    <row r="27040" spans="1:3" x14ac:dyDescent="0.25">
      <c r="A27040" s="2" t="s">
        <v>15453</v>
      </c>
      <c r="B27040" s="6">
        <v>450149.39999999997</v>
      </c>
      <c r="C27040" s="7">
        <f t="shared" si="422"/>
        <v>450.14939999999996</v>
      </c>
    </row>
    <row r="27041" spans="1:3" x14ac:dyDescent="0.25">
      <c r="A27041" s="2" t="s">
        <v>15454</v>
      </c>
      <c r="B27041" s="6">
        <v>450166.05</v>
      </c>
      <c r="C27041" s="7">
        <f t="shared" si="422"/>
        <v>450.16604999999998</v>
      </c>
    </row>
    <row r="27042" spans="1:3" x14ac:dyDescent="0.25">
      <c r="A27042" s="2" t="s">
        <v>15455</v>
      </c>
      <c r="B27042" s="6">
        <v>450182.69999999995</v>
      </c>
      <c r="C27042" s="7">
        <f t="shared" si="422"/>
        <v>450.18269999999995</v>
      </c>
    </row>
    <row r="27043" spans="1:3" x14ac:dyDescent="0.25">
      <c r="A27043" s="2" t="s">
        <v>15456</v>
      </c>
      <c r="B27043" s="6">
        <v>450199.35</v>
      </c>
      <c r="C27043" s="7">
        <f t="shared" si="422"/>
        <v>450.19934999999998</v>
      </c>
    </row>
    <row r="27044" spans="1:3" x14ac:dyDescent="0.25">
      <c r="A27044" s="2" t="s">
        <v>15457</v>
      </c>
      <c r="B27044" s="6">
        <v>450215.99999999994</v>
      </c>
      <c r="C27044" s="7">
        <f t="shared" si="422"/>
        <v>450.21599999999995</v>
      </c>
    </row>
    <row r="27045" spans="1:3" x14ac:dyDescent="0.25">
      <c r="A27045" s="2" t="s">
        <v>15458</v>
      </c>
      <c r="B27045" s="6">
        <v>450232.64999999997</v>
      </c>
      <c r="C27045" s="7">
        <f t="shared" si="422"/>
        <v>450.23264999999998</v>
      </c>
    </row>
    <row r="27046" spans="1:3" x14ac:dyDescent="0.25">
      <c r="A27046" s="2" t="s">
        <v>15459</v>
      </c>
      <c r="B27046" s="6">
        <v>450249.3</v>
      </c>
      <c r="C27046" s="7">
        <f t="shared" si="422"/>
        <v>450.24930000000001</v>
      </c>
    </row>
    <row r="27047" spans="1:3" x14ac:dyDescent="0.25">
      <c r="A27047" s="2" t="s">
        <v>15460</v>
      </c>
      <c r="B27047" s="6">
        <v>450265.94999999995</v>
      </c>
      <c r="C27047" s="7">
        <f t="shared" si="422"/>
        <v>450.26594999999998</v>
      </c>
    </row>
    <row r="27048" spans="1:3" x14ac:dyDescent="0.25">
      <c r="A27048" s="2" t="s">
        <v>15461</v>
      </c>
      <c r="B27048" s="6">
        <v>450282.6</v>
      </c>
      <c r="C27048" s="7">
        <f t="shared" si="422"/>
        <v>450.2826</v>
      </c>
    </row>
    <row r="27049" spans="1:3" x14ac:dyDescent="0.25">
      <c r="A27049" s="2" t="s">
        <v>15462</v>
      </c>
      <c r="B27049" s="6">
        <v>450299.24999999994</v>
      </c>
      <c r="C27049" s="7">
        <f t="shared" si="422"/>
        <v>450.29924999999992</v>
      </c>
    </row>
    <row r="27050" spans="1:3" x14ac:dyDescent="0.25">
      <c r="A27050" s="2" t="s">
        <v>15463</v>
      </c>
      <c r="B27050" s="6">
        <v>450315.89999999997</v>
      </c>
      <c r="C27050" s="7">
        <f t="shared" si="422"/>
        <v>450.31589999999994</v>
      </c>
    </row>
    <row r="27051" spans="1:3" x14ac:dyDescent="0.25">
      <c r="A27051" s="2" t="s">
        <v>15464</v>
      </c>
      <c r="B27051" s="6">
        <v>450332.55</v>
      </c>
      <c r="C27051" s="7">
        <f t="shared" si="422"/>
        <v>450.33254999999997</v>
      </c>
    </row>
    <row r="27052" spans="1:3" x14ac:dyDescent="0.25">
      <c r="A27052" s="2" t="s">
        <v>15465</v>
      </c>
      <c r="B27052" s="6">
        <v>450349.19999999995</v>
      </c>
      <c r="C27052" s="7">
        <f t="shared" si="422"/>
        <v>450.34919999999994</v>
      </c>
    </row>
    <row r="27053" spans="1:3" x14ac:dyDescent="0.25">
      <c r="A27053" s="2" t="s">
        <v>15466</v>
      </c>
      <c r="B27053" s="6">
        <v>450365.85</v>
      </c>
      <c r="C27053" s="7">
        <f t="shared" si="422"/>
        <v>450.36584999999997</v>
      </c>
    </row>
    <row r="27054" spans="1:3" x14ac:dyDescent="0.25">
      <c r="A27054" s="2" t="s">
        <v>15467</v>
      </c>
      <c r="B27054" s="6">
        <v>450382.49999999994</v>
      </c>
      <c r="C27054" s="7">
        <f t="shared" si="422"/>
        <v>450.38249999999994</v>
      </c>
    </row>
    <row r="27055" spans="1:3" x14ac:dyDescent="0.25">
      <c r="A27055" s="2" t="s">
        <v>15468</v>
      </c>
      <c r="B27055" s="6">
        <v>450399.14999999997</v>
      </c>
      <c r="C27055" s="7">
        <f t="shared" si="422"/>
        <v>450.39914999999996</v>
      </c>
    </row>
    <row r="27056" spans="1:3" x14ac:dyDescent="0.25">
      <c r="A27056" s="2" t="s">
        <v>15469</v>
      </c>
      <c r="B27056" s="6">
        <v>450415.8</v>
      </c>
      <c r="C27056" s="7">
        <f t="shared" si="422"/>
        <v>450.41579999999999</v>
      </c>
    </row>
    <row r="27057" spans="1:3" x14ac:dyDescent="0.25">
      <c r="A27057" s="2" t="s">
        <v>15470</v>
      </c>
      <c r="B27057" s="6">
        <v>450432.44999999995</v>
      </c>
      <c r="C27057" s="7">
        <f t="shared" si="422"/>
        <v>450.43244999999996</v>
      </c>
    </row>
    <row r="27058" spans="1:3" x14ac:dyDescent="0.25">
      <c r="A27058" s="2" t="s">
        <v>15471</v>
      </c>
      <c r="B27058" s="6">
        <v>450449.1</v>
      </c>
      <c r="C27058" s="7">
        <f t="shared" si="422"/>
        <v>450.44909999999999</v>
      </c>
    </row>
    <row r="27059" spans="1:3" x14ac:dyDescent="0.25">
      <c r="A27059" s="2" t="s">
        <v>15472</v>
      </c>
      <c r="B27059" s="6">
        <v>450465.74999999994</v>
      </c>
      <c r="C27059" s="7">
        <f t="shared" si="422"/>
        <v>450.46574999999996</v>
      </c>
    </row>
    <row r="27060" spans="1:3" x14ac:dyDescent="0.25">
      <c r="A27060" s="2" t="s">
        <v>15473</v>
      </c>
      <c r="B27060" s="6">
        <v>450482.39999999997</v>
      </c>
      <c r="C27060" s="7">
        <f t="shared" si="422"/>
        <v>450.48239999999998</v>
      </c>
    </row>
    <row r="27061" spans="1:3" x14ac:dyDescent="0.25">
      <c r="A27061" s="2" t="s">
        <v>15474</v>
      </c>
      <c r="B27061" s="6">
        <v>450499.05</v>
      </c>
      <c r="C27061" s="7">
        <f t="shared" si="422"/>
        <v>450.49905000000001</v>
      </c>
    </row>
    <row r="27062" spans="1:3" x14ac:dyDescent="0.25">
      <c r="A27062" s="2" t="s">
        <v>15475</v>
      </c>
      <c r="B27062" s="6">
        <v>450515.69999999995</v>
      </c>
      <c r="C27062" s="7">
        <f t="shared" si="422"/>
        <v>450.51569999999998</v>
      </c>
    </row>
    <row r="27063" spans="1:3" x14ac:dyDescent="0.25">
      <c r="A27063" s="2" t="s">
        <v>15476</v>
      </c>
      <c r="B27063" s="6">
        <v>450532.35</v>
      </c>
      <c r="C27063" s="7">
        <f t="shared" si="422"/>
        <v>450.53234999999995</v>
      </c>
    </row>
    <row r="27064" spans="1:3" x14ac:dyDescent="0.25">
      <c r="A27064" s="2" t="s">
        <v>15477</v>
      </c>
      <c r="B27064" s="6">
        <v>450548.99999999994</v>
      </c>
      <c r="C27064" s="7">
        <f t="shared" si="422"/>
        <v>450.54899999999992</v>
      </c>
    </row>
    <row r="27065" spans="1:3" x14ac:dyDescent="0.25">
      <c r="A27065" s="2" t="s">
        <v>15478</v>
      </c>
      <c r="B27065" s="6">
        <v>450565.64999999997</v>
      </c>
      <c r="C27065" s="7">
        <f t="shared" si="422"/>
        <v>450.56564999999995</v>
      </c>
    </row>
    <row r="27066" spans="1:3" x14ac:dyDescent="0.25">
      <c r="A27066" s="2" t="s">
        <v>15479</v>
      </c>
      <c r="B27066" s="6">
        <v>450582.3</v>
      </c>
      <c r="C27066" s="7">
        <f t="shared" si="422"/>
        <v>450.58229999999998</v>
      </c>
    </row>
    <row r="27067" spans="1:3" x14ac:dyDescent="0.25">
      <c r="A27067" s="2" t="s">
        <v>15480</v>
      </c>
      <c r="B27067" s="6">
        <v>450598.94999999995</v>
      </c>
      <c r="C27067" s="7">
        <f t="shared" si="422"/>
        <v>450.59894999999995</v>
      </c>
    </row>
    <row r="27068" spans="1:3" x14ac:dyDescent="0.25">
      <c r="A27068" s="2" t="s">
        <v>15481</v>
      </c>
      <c r="B27068" s="6">
        <v>450615.6</v>
      </c>
      <c r="C27068" s="7">
        <f t="shared" si="422"/>
        <v>450.61559999999997</v>
      </c>
    </row>
    <row r="27069" spans="1:3" x14ac:dyDescent="0.25">
      <c r="A27069" s="2" t="s">
        <v>15482</v>
      </c>
      <c r="B27069" s="6">
        <v>450632.24999999994</v>
      </c>
      <c r="C27069" s="7">
        <f t="shared" si="422"/>
        <v>450.63224999999994</v>
      </c>
    </row>
    <row r="27070" spans="1:3" x14ac:dyDescent="0.25">
      <c r="A27070" s="2" t="s">
        <v>15483</v>
      </c>
      <c r="B27070" s="6">
        <v>450648.89999999997</v>
      </c>
      <c r="C27070" s="7">
        <f t="shared" si="422"/>
        <v>450.64889999999997</v>
      </c>
    </row>
    <row r="27071" spans="1:3" x14ac:dyDescent="0.25">
      <c r="A27071" s="2" t="s">
        <v>15484</v>
      </c>
      <c r="B27071" s="6">
        <v>450665.55</v>
      </c>
      <c r="C27071" s="7">
        <f t="shared" si="422"/>
        <v>450.66555</v>
      </c>
    </row>
    <row r="27072" spans="1:3" x14ac:dyDescent="0.25">
      <c r="A27072" s="2" t="s">
        <v>15485</v>
      </c>
      <c r="B27072" s="6">
        <v>450682.19999999995</v>
      </c>
      <c r="C27072" s="7">
        <f t="shared" si="422"/>
        <v>450.68219999999997</v>
      </c>
    </row>
    <row r="27073" spans="1:3" x14ac:dyDescent="0.25">
      <c r="A27073" s="2" t="s">
        <v>15486</v>
      </c>
      <c r="B27073" s="6">
        <v>450698.85</v>
      </c>
      <c r="C27073" s="7">
        <f t="shared" si="422"/>
        <v>450.69884999999999</v>
      </c>
    </row>
    <row r="27074" spans="1:3" x14ac:dyDescent="0.25">
      <c r="A27074" s="2" t="s">
        <v>15487</v>
      </c>
      <c r="B27074" s="6">
        <v>450715.49999999994</v>
      </c>
      <c r="C27074" s="7">
        <f t="shared" si="422"/>
        <v>450.71549999999996</v>
      </c>
    </row>
    <row r="27075" spans="1:3" x14ac:dyDescent="0.25">
      <c r="A27075" s="2" t="s">
        <v>15488</v>
      </c>
      <c r="B27075" s="6">
        <v>450732.14999999997</v>
      </c>
      <c r="C27075" s="7">
        <f t="shared" ref="C27075:C27138" si="423">B27075/1000</f>
        <v>450.73214999999999</v>
      </c>
    </row>
    <row r="27076" spans="1:3" x14ac:dyDescent="0.25">
      <c r="A27076" s="2" t="s">
        <v>15489</v>
      </c>
      <c r="B27076" s="6">
        <v>450748.8</v>
      </c>
      <c r="C27076" s="7">
        <f t="shared" si="423"/>
        <v>450.74879999999996</v>
      </c>
    </row>
    <row r="27077" spans="1:3" x14ac:dyDescent="0.25">
      <c r="A27077" s="2" t="s">
        <v>15490</v>
      </c>
      <c r="B27077" s="6">
        <v>450765.44999999995</v>
      </c>
      <c r="C27077" s="7">
        <f t="shared" si="423"/>
        <v>450.76544999999993</v>
      </c>
    </row>
    <row r="27078" spans="1:3" x14ac:dyDescent="0.25">
      <c r="A27078" s="2" t="s">
        <v>15491</v>
      </c>
      <c r="B27078" s="6">
        <v>450782.1</v>
      </c>
      <c r="C27078" s="7">
        <f t="shared" si="423"/>
        <v>450.78209999999996</v>
      </c>
    </row>
    <row r="27079" spans="1:3" x14ac:dyDescent="0.25">
      <c r="A27079" s="2" t="s">
        <v>15492</v>
      </c>
      <c r="B27079" s="6">
        <v>450798.74999999994</v>
      </c>
      <c r="C27079" s="7">
        <f t="shared" si="423"/>
        <v>450.79874999999993</v>
      </c>
    </row>
    <row r="27080" spans="1:3" x14ac:dyDescent="0.25">
      <c r="A27080" s="2" t="s">
        <v>15493</v>
      </c>
      <c r="B27080" s="6">
        <v>450815.39999999997</v>
      </c>
      <c r="C27080" s="7">
        <f t="shared" si="423"/>
        <v>450.81539999999995</v>
      </c>
    </row>
    <row r="27081" spans="1:3" x14ac:dyDescent="0.25">
      <c r="A27081" s="2" t="s">
        <v>15494</v>
      </c>
      <c r="B27081" s="6">
        <v>450832.05</v>
      </c>
      <c r="C27081" s="7">
        <f t="shared" si="423"/>
        <v>450.83204999999998</v>
      </c>
    </row>
    <row r="27082" spans="1:3" x14ac:dyDescent="0.25">
      <c r="A27082" s="2" t="s">
        <v>15495</v>
      </c>
      <c r="B27082" s="6">
        <v>450848.69999999995</v>
      </c>
      <c r="C27082" s="7">
        <f t="shared" si="423"/>
        <v>450.84869999999995</v>
      </c>
    </row>
    <row r="27083" spans="1:3" x14ac:dyDescent="0.25">
      <c r="A27083" s="2" t="s">
        <v>15496</v>
      </c>
      <c r="B27083" s="6">
        <v>450865.35</v>
      </c>
      <c r="C27083" s="7">
        <f t="shared" si="423"/>
        <v>450.86534999999998</v>
      </c>
    </row>
    <row r="27084" spans="1:3" x14ac:dyDescent="0.25">
      <c r="A27084" s="2" t="s">
        <v>15497</v>
      </c>
      <c r="B27084" s="6">
        <v>450881.99999999994</v>
      </c>
      <c r="C27084" s="7">
        <f t="shared" si="423"/>
        <v>450.88199999999995</v>
      </c>
    </row>
    <row r="27085" spans="1:3" x14ac:dyDescent="0.25">
      <c r="A27085" s="2" t="s">
        <v>15498</v>
      </c>
      <c r="B27085" s="6">
        <v>450898.64999999997</v>
      </c>
      <c r="C27085" s="7">
        <f t="shared" si="423"/>
        <v>450.89864999999998</v>
      </c>
    </row>
    <row r="27086" spans="1:3" x14ac:dyDescent="0.25">
      <c r="A27086" s="2" t="s">
        <v>15499</v>
      </c>
      <c r="B27086" s="6">
        <v>450915.3</v>
      </c>
      <c r="C27086" s="7">
        <f t="shared" si="423"/>
        <v>450.9153</v>
      </c>
    </row>
    <row r="27087" spans="1:3" x14ac:dyDescent="0.25">
      <c r="A27087" s="2" t="s">
        <v>15500</v>
      </c>
      <c r="B27087" s="6">
        <v>450931.94999999995</v>
      </c>
      <c r="C27087" s="7">
        <f t="shared" si="423"/>
        <v>450.93194999999997</v>
      </c>
    </row>
    <row r="27088" spans="1:3" x14ac:dyDescent="0.25">
      <c r="A27088" s="2" t="s">
        <v>15501</v>
      </c>
      <c r="B27088" s="6">
        <v>450948.6</v>
      </c>
      <c r="C27088" s="7">
        <f t="shared" si="423"/>
        <v>450.9486</v>
      </c>
    </row>
    <row r="27089" spans="1:3" x14ac:dyDescent="0.25">
      <c r="A27089" s="2" t="s">
        <v>15502</v>
      </c>
      <c r="B27089" s="6">
        <v>450965.24999999994</v>
      </c>
      <c r="C27089" s="7">
        <f t="shared" si="423"/>
        <v>450.96524999999997</v>
      </c>
    </row>
    <row r="27090" spans="1:3" x14ac:dyDescent="0.25">
      <c r="A27090" s="2" t="s">
        <v>15503</v>
      </c>
      <c r="B27090" s="6">
        <v>450981.89999999997</v>
      </c>
      <c r="C27090" s="7">
        <f t="shared" si="423"/>
        <v>450.98189999999994</v>
      </c>
    </row>
    <row r="27091" spans="1:3" x14ac:dyDescent="0.25">
      <c r="A27091" s="2" t="s">
        <v>15504</v>
      </c>
      <c r="B27091" s="6">
        <v>450998.55</v>
      </c>
      <c r="C27091" s="7">
        <f t="shared" si="423"/>
        <v>450.99854999999997</v>
      </c>
    </row>
    <row r="27092" spans="1:3" x14ac:dyDescent="0.25">
      <c r="A27092" s="2" t="s">
        <v>15505</v>
      </c>
      <c r="B27092" s="6">
        <v>451015.19999999995</v>
      </c>
      <c r="C27092" s="7">
        <f t="shared" si="423"/>
        <v>451.01519999999994</v>
      </c>
    </row>
    <row r="27093" spans="1:3" x14ac:dyDescent="0.25">
      <c r="A27093" s="2" t="s">
        <v>15506</v>
      </c>
      <c r="B27093" s="6">
        <v>451031.85</v>
      </c>
      <c r="C27093" s="7">
        <f t="shared" si="423"/>
        <v>451.03184999999996</v>
      </c>
    </row>
    <row r="27094" spans="1:3" x14ac:dyDescent="0.25">
      <c r="A27094" s="2" t="s">
        <v>15507</v>
      </c>
      <c r="B27094" s="6">
        <v>451048.49999999994</v>
      </c>
      <c r="C27094" s="7">
        <f t="shared" si="423"/>
        <v>451.04849999999993</v>
      </c>
    </row>
    <row r="27095" spans="1:3" x14ac:dyDescent="0.25">
      <c r="A27095" s="2" t="s">
        <v>15508</v>
      </c>
      <c r="B27095" s="6">
        <v>451065.14999999997</v>
      </c>
      <c r="C27095" s="7">
        <f t="shared" si="423"/>
        <v>451.06514999999996</v>
      </c>
    </row>
    <row r="27096" spans="1:3" x14ac:dyDescent="0.25">
      <c r="A27096" s="2" t="s">
        <v>15509</v>
      </c>
      <c r="B27096" s="6">
        <v>451081.8</v>
      </c>
      <c r="C27096" s="7">
        <f t="shared" si="423"/>
        <v>451.08179999999999</v>
      </c>
    </row>
    <row r="27097" spans="1:3" x14ac:dyDescent="0.25">
      <c r="A27097" s="2" t="s">
        <v>15510</v>
      </c>
      <c r="B27097" s="6">
        <v>451098.44999999995</v>
      </c>
      <c r="C27097" s="7">
        <f t="shared" si="423"/>
        <v>451.09844999999996</v>
      </c>
    </row>
    <row r="27098" spans="1:3" x14ac:dyDescent="0.25">
      <c r="A27098" s="2" t="s">
        <v>15511</v>
      </c>
      <c r="B27098" s="6">
        <v>451115.1</v>
      </c>
      <c r="C27098" s="7">
        <f t="shared" si="423"/>
        <v>451.11509999999998</v>
      </c>
    </row>
    <row r="27099" spans="1:3" x14ac:dyDescent="0.25">
      <c r="A27099" s="2" t="s">
        <v>15512</v>
      </c>
      <c r="B27099" s="6">
        <v>451131.74999999994</v>
      </c>
      <c r="C27099" s="7">
        <f t="shared" si="423"/>
        <v>451.13174999999995</v>
      </c>
    </row>
    <row r="27100" spans="1:3" x14ac:dyDescent="0.25">
      <c r="A27100" s="2" t="s">
        <v>15513</v>
      </c>
      <c r="B27100" s="6">
        <v>451148.39999999997</v>
      </c>
      <c r="C27100" s="7">
        <f t="shared" si="423"/>
        <v>451.14839999999998</v>
      </c>
    </row>
    <row r="27101" spans="1:3" x14ac:dyDescent="0.25">
      <c r="A27101" s="2" t="s">
        <v>15514</v>
      </c>
      <c r="B27101" s="6">
        <v>451165.05</v>
      </c>
      <c r="C27101" s="7">
        <f t="shared" si="423"/>
        <v>451.16505000000001</v>
      </c>
    </row>
    <row r="27102" spans="1:3" x14ac:dyDescent="0.25">
      <c r="A27102" s="2" t="s">
        <v>15515</v>
      </c>
      <c r="B27102" s="6">
        <v>451181.69999999995</v>
      </c>
      <c r="C27102" s="7">
        <f t="shared" si="423"/>
        <v>451.18169999999998</v>
      </c>
    </row>
    <row r="27103" spans="1:3" x14ac:dyDescent="0.25">
      <c r="A27103" s="2" t="s">
        <v>15516</v>
      </c>
      <c r="B27103" s="6">
        <v>451198.35</v>
      </c>
      <c r="C27103" s="7">
        <f t="shared" si="423"/>
        <v>451.19835</v>
      </c>
    </row>
    <row r="27104" spans="1:3" x14ac:dyDescent="0.25">
      <c r="A27104" s="2" t="s">
        <v>15517</v>
      </c>
      <c r="B27104" s="6">
        <v>451214.99999999994</v>
      </c>
      <c r="C27104" s="7">
        <f t="shared" si="423"/>
        <v>451.21499999999992</v>
      </c>
    </row>
    <row r="27105" spans="1:3" x14ac:dyDescent="0.25">
      <c r="A27105" s="2" t="s">
        <v>15518</v>
      </c>
      <c r="B27105" s="6">
        <v>451231.64999999997</v>
      </c>
      <c r="C27105" s="7">
        <f t="shared" si="423"/>
        <v>451.23164999999995</v>
      </c>
    </row>
    <row r="27106" spans="1:3" x14ac:dyDescent="0.25">
      <c r="A27106" s="2" t="s">
        <v>15519</v>
      </c>
      <c r="B27106" s="6">
        <v>451248.3</v>
      </c>
      <c r="C27106" s="7">
        <f t="shared" si="423"/>
        <v>451.24829999999997</v>
      </c>
    </row>
    <row r="27107" spans="1:3" x14ac:dyDescent="0.25">
      <c r="A27107" s="2" t="s">
        <v>15520</v>
      </c>
      <c r="B27107" s="6">
        <v>451264.94999999995</v>
      </c>
      <c r="C27107" s="7">
        <f t="shared" si="423"/>
        <v>451.26494999999994</v>
      </c>
    </row>
    <row r="27108" spans="1:3" x14ac:dyDescent="0.25">
      <c r="A27108" s="2" t="s">
        <v>15521</v>
      </c>
      <c r="B27108" s="6">
        <v>451281.6</v>
      </c>
      <c r="C27108" s="7">
        <f t="shared" si="423"/>
        <v>451.28159999999997</v>
      </c>
    </row>
    <row r="27109" spans="1:3" x14ac:dyDescent="0.25">
      <c r="A27109" s="2" t="s">
        <v>15522</v>
      </c>
      <c r="B27109" s="6">
        <v>451298.24999999994</v>
      </c>
      <c r="C27109" s="7">
        <f t="shared" si="423"/>
        <v>451.29824999999994</v>
      </c>
    </row>
    <row r="27110" spans="1:3" x14ac:dyDescent="0.25">
      <c r="A27110" s="2" t="s">
        <v>15523</v>
      </c>
      <c r="B27110" s="6">
        <v>451314.89999999997</v>
      </c>
      <c r="C27110" s="7">
        <f t="shared" si="423"/>
        <v>451.31489999999997</v>
      </c>
    </row>
    <row r="27111" spans="1:3" x14ac:dyDescent="0.25">
      <c r="A27111" s="2" t="s">
        <v>15524</v>
      </c>
      <c r="B27111" s="6">
        <v>451331.55</v>
      </c>
      <c r="C27111" s="7">
        <f t="shared" si="423"/>
        <v>451.33154999999999</v>
      </c>
    </row>
    <row r="27112" spans="1:3" x14ac:dyDescent="0.25">
      <c r="A27112" s="2" t="s">
        <v>15525</v>
      </c>
      <c r="B27112" s="6">
        <v>451348.19999999995</v>
      </c>
      <c r="C27112" s="7">
        <f t="shared" si="423"/>
        <v>451.34819999999996</v>
      </c>
    </row>
    <row r="27113" spans="1:3" x14ac:dyDescent="0.25">
      <c r="A27113" s="2" t="s">
        <v>15526</v>
      </c>
      <c r="B27113" s="6">
        <v>451364.85</v>
      </c>
      <c r="C27113" s="7">
        <f t="shared" si="423"/>
        <v>451.36484999999999</v>
      </c>
    </row>
    <row r="27114" spans="1:3" x14ac:dyDescent="0.25">
      <c r="A27114" s="2" t="s">
        <v>15527</v>
      </c>
      <c r="B27114" s="6">
        <v>451381.49999999994</v>
      </c>
      <c r="C27114" s="7">
        <f t="shared" si="423"/>
        <v>451.38149999999996</v>
      </c>
    </row>
    <row r="27115" spans="1:3" x14ac:dyDescent="0.25">
      <c r="A27115" s="2" t="s">
        <v>15528</v>
      </c>
      <c r="B27115" s="6">
        <v>451398.14999999997</v>
      </c>
      <c r="C27115" s="7">
        <f t="shared" si="423"/>
        <v>451.39814999999999</v>
      </c>
    </row>
    <row r="27116" spans="1:3" x14ac:dyDescent="0.25">
      <c r="A27116" s="2" t="s">
        <v>15529</v>
      </c>
      <c r="B27116" s="6">
        <v>451414.8</v>
      </c>
      <c r="C27116" s="7">
        <f t="shared" si="423"/>
        <v>451.41480000000001</v>
      </c>
    </row>
    <row r="27117" spans="1:3" x14ac:dyDescent="0.25">
      <c r="A27117" s="2" t="s">
        <v>15530</v>
      </c>
      <c r="B27117" s="6">
        <v>451431.44999999995</v>
      </c>
      <c r="C27117" s="7">
        <f t="shared" si="423"/>
        <v>451.43144999999993</v>
      </c>
    </row>
    <row r="27118" spans="1:3" x14ac:dyDescent="0.25">
      <c r="A27118" s="2" t="s">
        <v>15531</v>
      </c>
      <c r="B27118" s="6">
        <v>451448.1</v>
      </c>
      <c r="C27118" s="7">
        <f t="shared" si="423"/>
        <v>451.44809999999995</v>
      </c>
    </row>
    <row r="27119" spans="1:3" x14ac:dyDescent="0.25">
      <c r="A27119" s="2" t="s">
        <v>15532</v>
      </c>
      <c r="B27119" s="6">
        <v>451464.74999999994</v>
      </c>
      <c r="C27119" s="7">
        <f t="shared" si="423"/>
        <v>451.46474999999992</v>
      </c>
    </row>
    <row r="27120" spans="1:3" x14ac:dyDescent="0.25">
      <c r="A27120" s="2" t="s">
        <v>15533</v>
      </c>
      <c r="B27120" s="6">
        <v>451481.39999999997</v>
      </c>
      <c r="C27120" s="7">
        <f t="shared" si="423"/>
        <v>451.48139999999995</v>
      </c>
    </row>
    <row r="27121" spans="1:3" x14ac:dyDescent="0.25">
      <c r="A27121" s="2" t="s">
        <v>15534</v>
      </c>
      <c r="B27121" s="6">
        <v>451498.05</v>
      </c>
      <c r="C27121" s="7">
        <f t="shared" si="423"/>
        <v>451.49804999999998</v>
      </c>
    </row>
    <row r="27122" spans="1:3" x14ac:dyDescent="0.25">
      <c r="A27122" s="2" t="s">
        <v>15535</v>
      </c>
      <c r="B27122" s="6">
        <v>451514.69999999995</v>
      </c>
      <c r="C27122" s="7">
        <f t="shared" si="423"/>
        <v>451.51469999999995</v>
      </c>
    </row>
    <row r="27123" spans="1:3" x14ac:dyDescent="0.25">
      <c r="A27123" s="2" t="s">
        <v>15536</v>
      </c>
      <c r="B27123" s="6">
        <v>451531.35</v>
      </c>
      <c r="C27123" s="7">
        <f t="shared" si="423"/>
        <v>451.53134999999997</v>
      </c>
    </row>
    <row r="27124" spans="1:3" x14ac:dyDescent="0.25">
      <c r="A27124" s="2" t="s">
        <v>15537</v>
      </c>
      <c r="B27124" s="6">
        <v>451547.99999999994</v>
      </c>
      <c r="C27124" s="7">
        <f t="shared" si="423"/>
        <v>451.54799999999994</v>
      </c>
    </row>
    <row r="27125" spans="1:3" x14ac:dyDescent="0.25">
      <c r="A27125" s="2" t="s">
        <v>15538</v>
      </c>
      <c r="B27125" s="6">
        <v>451564.64999999997</v>
      </c>
      <c r="C27125" s="7">
        <f t="shared" si="423"/>
        <v>451.56464999999997</v>
      </c>
    </row>
    <row r="27126" spans="1:3" x14ac:dyDescent="0.25">
      <c r="A27126" s="2" t="s">
        <v>15539</v>
      </c>
      <c r="B27126" s="6">
        <v>451581.3</v>
      </c>
      <c r="C27126" s="7">
        <f t="shared" si="423"/>
        <v>451.5813</v>
      </c>
    </row>
    <row r="27127" spans="1:3" x14ac:dyDescent="0.25">
      <c r="A27127" s="2" t="s">
        <v>15540</v>
      </c>
      <c r="B27127" s="6">
        <v>451597.94999999995</v>
      </c>
      <c r="C27127" s="7">
        <f t="shared" si="423"/>
        <v>451.59794999999997</v>
      </c>
    </row>
    <row r="27128" spans="1:3" x14ac:dyDescent="0.25">
      <c r="A27128" s="2" t="s">
        <v>15541</v>
      </c>
      <c r="B27128" s="6">
        <v>451614.6</v>
      </c>
      <c r="C27128" s="7">
        <f t="shared" si="423"/>
        <v>451.6146</v>
      </c>
    </row>
    <row r="27129" spans="1:3" x14ac:dyDescent="0.25">
      <c r="A27129" s="2" t="s">
        <v>15542</v>
      </c>
      <c r="B27129" s="6">
        <v>451631.24999999994</v>
      </c>
      <c r="C27129" s="7">
        <f t="shared" si="423"/>
        <v>451.63124999999997</v>
      </c>
    </row>
    <row r="27130" spans="1:3" x14ac:dyDescent="0.25">
      <c r="A27130" s="2" t="s">
        <v>15543</v>
      </c>
      <c r="B27130" s="6">
        <v>451647.89999999997</v>
      </c>
      <c r="C27130" s="7">
        <f t="shared" si="423"/>
        <v>451.64789999999999</v>
      </c>
    </row>
    <row r="27131" spans="1:3" x14ac:dyDescent="0.25">
      <c r="A27131" s="2" t="s">
        <v>15544</v>
      </c>
      <c r="B27131" s="6">
        <v>451664.55</v>
      </c>
      <c r="C27131" s="7">
        <f t="shared" si="423"/>
        <v>451.66454999999996</v>
      </c>
    </row>
    <row r="27132" spans="1:3" x14ac:dyDescent="0.25">
      <c r="A27132" s="2" t="s">
        <v>15545</v>
      </c>
      <c r="B27132" s="6">
        <v>451681.19999999995</v>
      </c>
      <c r="C27132" s="7">
        <f t="shared" si="423"/>
        <v>451.68119999999993</v>
      </c>
    </row>
    <row r="27133" spans="1:3" x14ac:dyDescent="0.25">
      <c r="A27133" s="2" t="s">
        <v>15546</v>
      </c>
      <c r="B27133" s="6">
        <v>451697.85</v>
      </c>
      <c r="C27133" s="7">
        <f t="shared" si="423"/>
        <v>451.69784999999996</v>
      </c>
    </row>
    <row r="27134" spans="1:3" x14ac:dyDescent="0.25">
      <c r="A27134" s="2" t="s">
        <v>15547</v>
      </c>
      <c r="B27134" s="6">
        <v>451714.49999999994</v>
      </c>
      <c r="C27134" s="7">
        <f t="shared" si="423"/>
        <v>451.71449999999993</v>
      </c>
    </row>
    <row r="27135" spans="1:3" x14ac:dyDescent="0.25">
      <c r="A27135" s="2" t="s">
        <v>15548</v>
      </c>
      <c r="B27135" s="6">
        <v>451731.14999999997</v>
      </c>
      <c r="C27135" s="7">
        <f t="shared" si="423"/>
        <v>451.73114999999996</v>
      </c>
    </row>
    <row r="27136" spans="1:3" x14ac:dyDescent="0.25">
      <c r="A27136" s="2" t="s">
        <v>15549</v>
      </c>
      <c r="B27136" s="6">
        <v>451747.8</v>
      </c>
      <c r="C27136" s="7">
        <f t="shared" si="423"/>
        <v>451.74779999999998</v>
      </c>
    </row>
    <row r="27137" spans="1:3" x14ac:dyDescent="0.25">
      <c r="A27137" s="2" t="s">
        <v>15550</v>
      </c>
      <c r="B27137" s="6">
        <v>451764.44999999995</v>
      </c>
      <c r="C27137" s="7">
        <f t="shared" si="423"/>
        <v>451.76444999999995</v>
      </c>
    </row>
    <row r="27138" spans="1:3" x14ac:dyDescent="0.25">
      <c r="A27138" s="2" t="s">
        <v>15551</v>
      </c>
      <c r="B27138" s="6">
        <v>451781.1</v>
      </c>
      <c r="C27138" s="7">
        <f t="shared" si="423"/>
        <v>451.78109999999998</v>
      </c>
    </row>
    <row r="27139" spans="1:3" x14ac:dyDescent="0.25">
      <c r="A27139" s="2" t="s">
        <v>15552</v>
      </c>
      <c r="B27139" s="6">
        <v>451797.74999999994</v>
      </c>
      <c r="C27139" s="7">
        <f t="shared" ref="C27139:C27202" si="424">B27139/1000</f>
        <v>451.79774999999995</v>
      </c>
    </row>
    <row r="27140" spans="1:3" x14ac:dyDescent="0.25">
      <c r="A27140" s="2" t="s">
        <v>15553</v>
      </c>
      <c r="B27140" s="6">
        <v>451814.39999999997</v>
      </c>
      <c r="C27140" s="7">
        <f t="shared" si="424"/>
        <v>451.81439999999998</v>
      </c>
    </row>
    <row r="27141" spans="1:3" x14ac:dyDescent="0.25">
      <c r="A27141" s="2" t="s">
        <v>15554</v>
      </c>
      <c r="B27141" s="6">
        <v>451831.05</v>
      </c>
      <c r="C27141" s="7">
        <f t="shared" si="424"/>
        <v>451.83105</v>
      </c>
    </row>
    <row r="27142" spans="1:3" x14ac:dyDescent="0.25">
      <c r="A27142" s="2" t="s">
        <v>15555</v>
      </c>
      <c r="B27142" s="6">
        <v>451847.69999999995</v>
      </c>
      <c r="C27142" s="7">
        <f t="shared" si="424"/>
        <v>451.84769999999997</v>
      </c>
    </row>
    <row r="27143" spans="1:3" x14ac:dyDescent="0.25">
      <c r="A27143" s="2" t="s">
        <v>15556</v>
      </c>
      <c r="B27143" s="6">
        <v>451864.35</v>
      </c>
      <c r="C27143" s="7">
        <f t="shared" si="424"/>
        <v>451.86435</v>
      </c>
    </row>
    <row r="27144" spans="1:3" x14ac:dyDescent="0.25">
      <c r="A27144" s="2" t="s">
        <v>15557</v>
      </c>
      <c r="B27144" s="6">
        <v>451880.99999999994</v>
      </c>
      <c r="C27144" s="7">
        <f t="shared" si="424"/>
        <v>451.88099999999991</v>
      </c>
    </row>
    <row r="27145" spans="1:3" x14ac:dyDescent="0.25">
      <c r="A27145" s="2" t="s">
        <v>15558</v>
      </c>
      <c r="B27145" s="6">
        <v>451897.64999999997</v>
      </c>
      <c r="C27145" s="7">
        <f t="shared" si="424"/>
        <v>451.89764999999994</v>
      </c>
    </row>
    <row r="27146" spans="1:3" x14ac:dyDescent="0.25">
      <c r="A27146" s="2" t="s">
        <v>15559</v>
      </c>
      <c r="B27146" s="6">
        <v>451914.3</v>
      </c>
      <c r="C27146" s="7">
        <f t="shared" si="424"/>
        <v>451.91429999999997</v>
      </c>
    </row>
    <row r="27147" spans="1:3" x14ac:dyDescent="0.25">
      <c r="A27147" s="2" t="s">
        <v>15560</v>
      </c>
      <c r="B27147" s="6">
        <v>451930.94999999995</v>
      </c>
      <c r="C27147" s="7">
        <f t="shared" si="424"/>
        <v>451.93094999999994</v>
      </c>
    </row>
    <row r="27148" spans="1:3" x14ac:dyDescent="0.25">
      <c r="A27148" s="2" t="s">
        <v>15561</v>
      </c>
      <c r="B27148" s="6">
        <v>451947.6</v>
      </c>
      <c r="C27148" s="7">
        <f t="shared" si="424"/>
        <v>451.94759999999997</v>
      </c>
    </row>
    <row r="27149" spans="1:3" x14ac:dyDescent="0.25">
      <c r="A27149" s="2" t="s">
        <v>15562</v>
      </c>
      <c r="B27149" s="6">
        <v>451964.24999999994</v>
      </c>
      <c r="C27149" s="7">
        <f t="shared" si="424"/>
        <v>451.96424999999994</v>
      </c>
    </row>
    <row r="27150" spans="1:3" x14ac:dyDescent="0.25">
      <c r="A27150" s="2" t="s">
        <v>15563</v>
      </c>
      <c r="B27150" s="6">
        <v>451980.89999999997</v>
      </c>
      <c r="C27150" s="7">
        <f t="shared" si="424"/>
        <v>451.98089999999996</v>
      </c>
    </row>
    <row r="27151" spans="1:3" x14ac:dyDescent="0.25">
      <c r="A27151" s="2" t="s">
        <v>15564</v>
      </c>
      <c r="B27151" s="6">
        <v>451997.55</v>
      </c>
      <c r="C27151" s="7">
        <f t="shared" si="424"/>
        <v>451.99754999999999</v>
      </c>
    </row>
    <row r="27152" spans="1:3" x14ac:dyDescent="0.25">
      <c r="A27152" s="2" t="s">
        <v>15565</v>
      </c>
      <c r="B27152" s="6">
        <v>452014.19999999995</v>
      </c>
      <c r="C27152" s="7">
        <f t="shared" si="424"/>
        <v>452.01419999999996</v>
      </c>
    </row>
    <row r="27153" spans="1:3" x14ac:dyDescent="0.25">
      <c r="A27153" s="2" t="s">
        <v>15566</v>
      </c>
      <c r="B27153" s="6">
        <v>452030.85</v>
      </c>
      <c r="C27153" s="7">
        <f t="shared" si="424"/>
        <v>452.03084999999999</v>
      </c>
    </row>
    <row r="27154" spans="1:3" x14ac:dyDescent="0.25">
      <c r="A27154" s="2" t="s">
        <v>15567</v>
      </c>
      <c r="B27154" s="6">
        <v>452047.49999999994</v>
      </c>
      <c r="C27154" s="7">
        <f t="shared" si="424"/>
        <v>452.04749999999996</v>
      </c>
    </row>
    <row r="27155" spans="1:3" x14ac:dyDescent="0.25">
      <c r="A27155" s="2" t="s">
        <v>15568</v>
      </c>
      <c r="B27155" s="6">
        <v>452064.14999999997</v>
      </c>
      <c r="C27155" s="7">
        <f t="shared" si="424"/>
        <v>452.06414999999998</v>
      </c>
    </row>
    <row r="27156" spans="1:3" x14ac:dyDescent="0.25">
      <c r="A27156" s="2" t="s">
        <v>15569</v>
      </c>
      <c r="B27156" s="6">
        <v>452080.8</v>
      </c>
      <c r="C27156" s="7">
        <f t="shared" si="424"/>
        <v>452.08080000000001</v>
      </c>
    </row>
    <row r="27157" spans="1:3" x14ac:dyDescent="0.25">
      <c r="A27157" s="2" t="s">
        <v>15570</v>
      </c>
      <c r="B27157" s="6">
        <v>452097.44999999995</v>
      </c>
      <c r="C27157" s="7">
        <f t="shared" si="424"/>
        <v>452.09744999999998</v>
      </c>
    </row>
    <row r="27158" spans="1:3" x14ac:dyDescent="0.25">
      <c r="A27158" s="2" t="s">
        <v>15571</v>
      </c>
      <c r="B27158" s="6">
        <v>452114.1</v>
      </c>
      <c r="C27158" s="7">
        <f t="shared" si="424"/>
        <v>452.11409999999995</v>
      </c>
    </row>
    <row r="27159" spans="1:3" x14ac:dyDescent="0.25">
      <c r="A27159" s="2" t="s">
        <v>15572</v>
      </c>
      <c r="B27159" s="6">
        <v>452130.74999999994</v>
      </c>
      <c r="C27159" s="7">
        <f t="shared" si="424"/>
        <v>452.13074999999992</v>
      </c>
    </row>
    <row r="27160" spans="1:3" x14ac:dyDescent="0.25">
      <c r="A27160" s="2" t="s">
        <v>15573</v>
      </c>
      <c r="B27160" s="6">
        <v>452147.39999999997</v>
      </c>
      <c r="C27160" s="7">
        <f t="shared" si="424"/>
        <v>452.14739999999995</v>
      </c>
    </row>
    <row r="27161" spans="1:3" x14ac:dyDescent="0.25">
      <c r="A27161" s="2" t="s">
        <v>15574</v>
      </c>
      <c r="B27161" s="6">
        <v>452164.05</v>
      </c>
      <c r="C27161" s="7">
        <f t="shared" si="424"/>
        <v>452.16404999999997</v>
      </c>
    </row>
    <row r="27162" spans="1:3" x14ac:dyDescent="0.25">
      <c r="A27162" s="2" t="s">
        <v>15575</v>
      </c>
      <c r="B27162" s="6">
        <v>452180.69999999995</v>
      </c>
      <c r="C27162" s="7">
        <f t="shared" si="424"/>
        <v>452.18069999999994</v>
      </c>
    </row>
    <row r="27163" spans="1:3" x14ac:dyDescent="0.25">
      <c r="A27163" s="2" t="s">
        <v>15576</v>
      </c>
      <c r="B27163" s="6">
        <v>452197.35</v>
      </c>
      <c r="C27163" s="7">
        <f t="shared" si="424"/>
        <v>452.19734999999997</v>
      </c>
    </row>
    <row r="27164" spans="1:3" x14ac:dyDescent="0.25">
      <c r="A27164" s="2" t="s">
        <v>15577</v>
      </c>
      <c r="B27164" s="6">
        <v>452213.99999999994</v>
      </c>
      <c r="C27164" s="7">
        <f t="shared" si="424"/>
        <v>452.21399999999994</v>
      </c>
    </row>
    <row r="27165" spans="1:3" x14ac:dyDescent="0.25">
      <c r="A27165" s="2" t="s">
        <v>15578</v>
      </c>
      <c r="B27165" s="6">
        <v>452230.64999999997</v>
      </c>
      <c r="C27165" s="7">
        <f t="shared" si="424"/>
        <v>452.23064999999997</v>
      </c>
    </row>
    <row r="27166" spans="1:3" x14ac:dyDescent="0.25">
      <c r="A27166" s="2" t="s">
        <v>15579</v>
      </c>
      <c r="B27166" s="6">
        <v>452247.3</v>
      </c>
      <c r="C27166" s="7">
        <f t="shared" si="424"/>
        <v>452.2473</v>
      </c>
    </row>
    <row r="27167" spans="1:3" x14ac:dyDescent="0.25">
      <c r="A27167" s="2" t="s">
        <v>15580</v>
      </c>
      <c r="B27167" s="6">
        <v>452263.94999999995</v>
      </c>
      <c r="C27167" s="7">
        <f t="shared" si="424"/>
        <v>452.26394999999997</v>
      </c>
    </row>
    <row r="27168" spans="1:3" x14ac:dyDescent="0.25">
      <c r="A27168" s="2" t="s">
        <v>15581</v>
      </c>
      <c r="B27168" s="6">
        <v>452280.6</v>
      </c>
      <c r="C27168" s="7">
        <f t="shared" si="424"/>
        <v>452.28059999999999</v>
      </c>
    </row>
    <row r="27169" spans="1:3" x14ac:dyDescent="0.25">
      <c r="A27169" s="2" t="s">
        <v>15582</v>
      </c>
      <c r="B27169" s="6">
        <v>452297.24999999994</v>
      </c>
      <c r="C27169" s="7">
        <f t="shared" si="424"/>
        <v>452.29724999999996</v>
      </c>
    </row>
    <row r="27170" spans="1:3" x14ac:dyDescent="0.25">
      <c r="A27170" s="2" t="s">
        <v>15583</v>
      </c>
      <c r="B27170" s="6">
        <v>452313.89999999997</v>
      </c>
      <c r="C27170" s="7">
        <f t="shared" si="424"/>
        <v>452.31389999999999</v>
      </c>
    </row>
    <row r="27171" spans="1:3" x14ac:dyDescent="0.25">
      <c r="A27171" s="2" t="s">
        <v>15584</v>
      </c>
      <c r="B27171" s="6">
        <v>452330.55</v>
      </c>
      <c r="C27171" s="7">
        <f t="shared" si="424"/>
        <v>452.33055000000002</v>
      </c>
    </row>
    <row r="27172" spans="1:3" x14ac:dyDescent="0.25">
      <c r="A27172" s="2" t="s">
        <v>15585</v>
      </c>
      <c r="B27172" s="6">
        <v>452347.19999999995</v>
      </c>
      <c r="C27172" s="7">
        <f t="shared" si="424"/>
        <v>452.34719999999993</v>
      </c>
    </row>
    <row r="27173" spans="1:3" x14ac:dyDescent="0.25">
      <c r="A27173" s="2" t="s">
        <v>15586</v>
      </c>
      <c r="B27173" s="6">
        <v>452363.85</v>
      </c>
      <c r="C27173" s="7">
        <f t="shared" si="424"/>
        <v>452.36384999999996</v>
      </c>
    </row>
    <row r="27174" spans="1:3" x14ac:dyDescent="0.25">
      <c r="A27174" s="2" t="s">
        <v>15587</v>
      </c>
      <c r="B27174" s="6">
        <v>452380.49999999994</v>
      </c>
      <c r="C27174" s="7">
        <f t="shared" si="424"/>
        <v>452.38049999999993</v>
      </c>
    </row>
    <row r="27175" spans="1:3" x14ac:dyDescent="0.25">
      <c r="A27175" s="2" t="s">
        <v>15588</v>
      </c>
      <c r="B27175" s="6">
        <v>452397.14999999997</v>
      </c>
      <c r="C27175" s="7">
        <f t="shared" si="424"/>
        <v>452.39714999999995</v>
      </c>
    </row>
    <row r="27176" spans="1:3" x14ac:dyDescent="0.25">
      <c r="A27176" s="2" t="s">
        <v>15589</v>
      </c>
      <c r="B27176" s="6">
        <v>452413.8</v>
      </c>
      <c r="C27176" s="7">
        <f t="shared" si="424"/>
        <v>452.41379999999998</v>
      </c>
    </row>
    <row r="27177" spans="1:3" x14ac:dyDescent="0.25">
      <c r="A27177" s="2" t="s">
        <v>15590</v>
      </c>
      <c r="B27177" s="6">
        <v>452430.44999999995</v>
      </c>
      <c r="C27177" s="7">
        <f t="shared" si="424"/>
        <v>452.43044999999995</v>
      </c>
    </row>
    <row r="27178" spans="1:3" x14ac:dyDescent="0.25">
      <c r="A27178" s="2" t="s">
        <v>15591</v>
      </c>
      <c r="B27178" s="6">
        <v>452447.1</v>
      </c>
      <c r="C27178" s="7">
        <f t="shared" si="424"/>
        <v>452.44709999999998</v>
      </c>
    </row>
    <row r="27179" spans="1:3" x14ac:dyDescent="0.25">
      <c r="A27179" s="2" t="s">
        <v>15592</v>
      </c>
      <c r="B27179" s="6">
        <v>452463.74999999994</v>
      </c>
      <c r="C27179" s="7">
        <f t="shared" si="424"/>
        <v>452.46374999999995</v>
      </c>
    </row>
    <row r="27180" spans="1:3" x14ac:dyDescent="0.25">
      <c r="A27180" s="2" t="s">
        <v>15593</v>
      </c>
      <c r="B27180" s="6">
        <v>452480.39999999997</v>
      </c>
      <c r="C27180" s="7">
        <f t="shared" si="424"/>
        <v>452.48039999999997</v>
      </c>
    </row>
    <row r="27181" spans="1:3" x14ac:dyDescent="0.25">
      <c r="A27181" s="2" t="s">
        <v>15594</v>
      </c>
      <c r="B27181" s="6">
        <v>452497.05</v>
      </c>
      <c r="C27181" s="7">
        <f t="shared" si="424"/>
        <v>452.49705</v>
      </c>
    </row>
    <row r="27182" spans="1:3" x14ac:dyDescent="0.25">
      <c r="A27182" s="2" t="s">
        <v>15595</v>
      </c>
      <c r="B27182" s="6">
        <v>452513.69999999995</v>
      </c>
      <c r="C27182" s="7">
        <f t="shared" si="424"/>
        <v>452.51369999999997</v>
      </c>
    </row>
    <row r="27183" spans="1:3" x14ac:dyDescent="0.25">
      <c r="A27183" s="2" t="s">
        <v>15596</v>
      </c>
      <c r="B27183" s="6">
        <v>452530.35</v>
      </c>
      <c r="C27183" s="7">
        <f t="shared" si="424"/>
        <v>452.53035</v>
      </c>
    </row>
    <row r="27184" spans="1:3" x14ac:dyDescent="0.25">
      <c r="A27184" s="2" t="s">
        <v>15597</v>
      </c>
      <c r="B27184" s="6">
        <v>452546.99999999994</v>
      </c>
      <c r="C27184" s="7">
        <f t="shared" si="424"/>
        <v>452.54699999999997</v>
      </c>
    </row>
    <row r="27185" spans="1:3" x14ac:dyDescent="0.25">
      <c r="A27185" s="2" t="s">
        <v>15598</v>
      </c>
      <c r="B27185" s="6">
        <v>452563.64999999997</v>
      </c>
      <c r="C27185" s="7">
        <f t="shared" si="424"/>
        <v>452.56364999999994</v>
      </c>
    </row>
    <row r="27186" spans="1:3" x14ac:dyDescent="0.25">
      <c r="A27186" s="2" t="s">
        <v>15599</v>
      </c>
      <c r="B27186" s="6">
        <v>452580.3</v>
      </c>
      <c r="C27186" s="7">
        <f t="shared" si="424"/>
        <v>452.58029999999997</v>
      </c>
    </row>
    <row r="27187" spans="1:3" x14ac:dyDescent="0.25">
      <c r="A27187" s="2" t="s">
        <v>15600</v>
      </c>
      <c r="B27187" s="6">
        <v>452596.94999999995</v>
      </c>
      <c r="C27187" s="7">
        <f t="shared" si="424"/>
        <v>452.59694999999994</v>
      </c>
    </row>
    <row r="27188" spans="1:3" x14ac:dyDescent="0.25">
      <c r="A27188" s="2" t="s">
        <v>15601</v>
      </c>
      <c r="B27188" s="6">
        <v>452613.6</v>
      </c>
      <c r="C27188" s="7">
        <f t="shared" si="424"/>
        <v>452.61359999999996</v>
      </c>
    </row>
    <row r="27189" spans="1:3" x14ac:dyDescent="0.25">
      <c r="A27189" s="2" t="s">
        <v>15602</v>
      </c>
      <c r="B27189" s="6">
        <v>452630.24999999994</v>
      </c>
      <c r="C27189" s="7">
        <f t="shared" si="424"/>
        <v>452.63024999999993</v>
      </c>
    </row>
    <row r="27190" spans="1:3" x14ac:dyDescent="0.25">
      <c r="A27190" s="2" t="s">
        <v>15603</v>
      </c>
      <c r="B27190" s="6">
        <v>452646.89999999997</v>
      </c>
      <c r="C27190" s="7">
        <f t="shared" si="424"/>
        <v>452.64689999999996</v>
      </c>
    </row>
    <row r="27191" spans="1:3" x14ac:dyDescent="0.25">
      <c r="A27191" s="2" t="s">
        <v>15604</v>
      </c>
      <c r="B27191" s="6">
        <v>452663.55</v>
      </c>
      <c r="C27191" s="7">
        <f t="shared" si="424"/>
        <v>452.66354999999999</v>
      </c>
    </row>
    <row r="27192" spans="1:3" x14ac:dyDescent="0.25">
      <c r="A27192" s="2" t="s">
        <v>15605</v>
      </c>
      <c r="B27192" s="6">
        <v>452680.19999999995</v>
      </c>
      <c r="C27192" s="7">
        <f t="shared" si="424"/>
        <v>452.68019999999996</v>
      </c>
    </row>
    <row r="27193" spans="1:3" x14ac:dyDescent="0.25">
      <c r="A27193" s="2" t="s">
        <v>15606</v>
      </c>
      <c r="B27193" s="6">
        <v>452696.85</v>
      </c>
      <c r="C27193" s="7">
        <f t="shared" si="424"/>
        <v>452.69684999999998</v>
      </c>
    </row>
    <row r="27194" spans="1:3" x14ac:dyDescent="0.25">
      <c r="A27194" s="2" t="s">
        <v>15607</v>
      </c>
      <c r="B27194" s="6">
        <v>452713.49999999994</v>
      </c>
      <c r="C27194" s="7">
        <f t="shared" si="424"/>
        <v>452.71349999999995</v>
      </c>
    </row>
    <row r="27195" spans="1:3" x14ac:dyDescent="0.25">
      <c r="A27195" s="2" t="s">
        <v>15608</v>
      </c>
      <c r="B27195" s="6">
        <v>452730.14999999997</v>
      </c>
      <c r="C27195" s="7">
        <f t="shared" si="424"/>
        <v>452.73014999999998</v>
      </c>
    </row>
    <row r="27196" spans="1:3" x14ac:dyDescent="0.25">
      <c r="A27196" s="2" t="s">
        <v>15609</v>
      </c>
      <c r="B27196" s="6">
        <v>452746.8</v>
      </c>
      <c r="C27196" s="7">
        <f t="shared" si="424"/>
        <v>452.74680000000001</v>
      </c>
    </row>
    <row r="27197" spans="1:3" x14ac:dyDescent="0.25">
      <c r="A27197" s="2" t="s">
        <v>15610</v>
      </c>
      <c r="B27197" s="6">
        <v>452763.44999999995</v>
      </c>
      <c r="C27197" s="7">
        <f t="shared" si="424"/>
        <v>452.76344999999998</v>
      </c>
    </row>
    <row r="27198" spans="1:3" x14ac:dyDescent="0.25">
      <c r="A27198" s="2" t="s">
        <v>15611</v>
      </c>
      <c r="B27198" s="6">
        <v>452780.1</v>
      </c>
      <c r="C27198" s="7">
        <f t="shared" si="424"/>
        <v>452.7801</v>
      </c>
    </row>
    <row r="27199" spans="1:3" x14ac:dyDescent="0.25">
      <c r="A27199" s="2" t="s">
        <v>15612</v>
      </c>
      <c r="B27199" s="6">
        <v>452796.74999999994</v>
      </c>
      <c r="C27199" s="7">
        <f t="shared" si="424"/>
        <v>452.79674999999992</v>
      </c>
    </row>
    <row r="27200" spans="1:3" x14ac:dyDescent="0.25">
      <c r="A27200" s="2" t="s">
        <v>15613</v>
      </c>
      <c r="B27200" s="6">
        <v>452813.39999999997</v>
      </c>
      <c r="C27200" s="7">
        <f t="shared" si="424"/>
        <v>452.81339999999994</v>
      </c>
    </row>
    <row r="27201" spans="1:3" x14ac:dyDescent="0.25">
      <c r="A27201" s="2" t="s">
        <v>15614</v>
      </c>
      <c r="B27201" s="6">
        <v>452830.05</v>
      </c>
      <c r="C27201" s="7">
        <f t="shared" si="424"/>
        <v>452.83004999999997</v>
      </c>
    </row>
    <row r="27202" spans="1:3" x14ac:dyDescent="0.25">
      <c r="A27202" s="2" t="s">
        <v>15615</v>
      </c>
      <c r="B27202" s="6">
        <v>452846.69999999995</v>
      </c>
      <c r="C27202" s="7">
        <f t="shared" si="424"/>
        <v>452.84669999999994</v>
      </c>
    </row>
    <row r="27203" spans="1:3" x14ac:dyDescent="0.25">
      <c r="A27203" s="2" t="s">
        <v>15616</v>
      </c>
      <c r="B27203" s="6">
        <v>452863.35</v>
      </c>
      <c r="C27203" s="7">
        <f t="shared" ref="C27203:C27266" si="425">B27203/1000</f>
        <v>452.86334999999997</v>
      </c>
    </row>
    <row r="27204" spans="1:3" x14ac:dyDescent="0.25">
      <c r="A27204" s="2" t="s">
        <v>15617</v>
      </c>
      <c r="B27204" s="6">
        <v>452879.99999999994</v>
      </c>
      <c r="C27204" s="7">
        <f t="shared" si="425"/>
        <v>452.87999999999994</v>
      </c>
    </row>
    <row r="27205" spans="1:3" x14ac:dyDescent="0.25">
      <c r="A27205" s="2" t="s">
        <v>15618</v>
      </c>
      <c r="B27205" s="6">
        <v>452896.64999999997</v>
      </c>
      <c r="C27205" s="7">
        <f t="shared" si="425"/>
        <v>452.89664999999997</v>
      </c>
    </row>
    <row r="27206" spans="1:3" x14ac:dyDescent="0.25">
      <c r="A27206" s="2" t="s">
        <v>15619</v>
      </c>
      <c r="B27206" s="6">
        <v>452913.3</v>
      </c>
      <c r="C27206" s="7">
        <f t="shared" si="425"/>
        <v>452.91329999999999</v>
      </c>
    </row>
    <row r="27207" spans="1:3" x14ac:dyDescent="0.25">
      <c r="A27207" s="2" t="s">
        <v>15620</v>
      </c>
      <c r="B27207" s="6">
        <v>452929.94999999995</v>
      </c>
      <c r="C27207" s="7">
        <f t="shared" si="425"/>
        <v>452.92994999999996</v>
      </c>
    </row>
    <row r="27208" spans="1:3" x14ac:dyDescent="0.25">
      <c r="A27208" s="2" t="s">
        <v>15621</v>
      </c>
      <c r="B27208" s="6">
        <v>452946.6</v>
      </c>
      <c r="C27208" s="7">
        <f t="shared" si="425"/>
        <v>452.94659999999999</v>
      </c>
    </row>
    <row r="27209" spans="1:3" x14ac:dyDescent="0.25">
      <c r="A27209" s="2" t="s">
        <v>15622</v>
      </c>
      <c r="B27209" s="6">
        <v>452963.24999999994</v>
      </c>
      <c r="C27209" s="7">
        <f t="shared" si="425"/>
        <v>452.96324999999996</v>
      </c>
    </row>
    <row r="27210" spans="1:3" x14ac:dyDescent="0.25">
      <c r="A27210" s="2" t="s">
        <v>15623</v>
      </c>
      <c r="B27210" s="6">
        <v>452979.89999999997</v>
      </c>
      <c r="C27210" s="7">
        <f t="shared" si="425"/>
        <v>452.97989999999999</v>
      </c>
    </row>
    <row r="27211" spans="1:3" x14ac:dyDescent="0.25">
      <c r="A27211" s="2" t="s">
        <v>15624</v>
      </c>
      <c r="B27211" s="6">
        <v>452996.55</v>
      </c>
      <c r="C27211" s="7">
        <f t="shared" si="425"/>
        <v>452.99655000000001</v>
      </c>
    </row>
    <row r="27212" spans="1:3" x14ac:dyDescent="0.25">
      <c r="A27212" s="2" t="s">
        <v>15625</v>
      </c>
      <c r="B27212" s="6">
        <v>453013.19999999995</v>
      </c>
      <c r="C27212" s="7">
        <f t="shared" si="425"/>
        <v>453.01319999999993</v>
      </c>
    </row>
    <row r="27213" spans="1:3" x14ac:dyDescent="0.25">
      <c r="A27213" s="2" t="s">
        <v>15626</v>
      </c>
      <c r="B27213" s="6">
        <v>453029.85</v>
      </c>
      <c r="C27213" s="7">
        <f t="shared" si="425"/>
        <v>453.02984999999995</v>
      </c>
    </row>
    <row r="27214" spans="1:3" x14ac:dyDescent="0.25">
      <c r="A27214" s="2" t="s">
        <v>15627</v>
      </c>
      <c r="B27214" s="6">
        <v>453046.49999999994</v>
      </c>
      <c r="C27214" s="7">
        <f t="shared" si="425"/>
        <v>453.04649999999992</v>
      </c>
    </row>
    <row r="27215" spans="1:3" x14ac:dyDescent="0.25">
      <c r="A27215" s="2" t="s">
        <v>15628</v>
      </c>
      <c r="B27215" s="6">
        <v>453063.14999999997</v>
      </c>
      <c r="C27215" s="7">
        <f t="shared" si="425"/>
        <v>453.06314999999995</v>
      </c>
    </row>
    <row r="27216" spans="1:3" x14ac:dyDescent="0.25">
      <c r="A27216" s="2" t="s">
        <v>15629</v>
      </c>
      <c r="B27216" s="6">
        <v>453079.8</v>
      </c>
      <c r="C27216" s="7">
        <f t="shared" si="425"/>
        <v>453.07979999999998</v>
      </c>
    </row>
    <row r="27217" spans="1:3" x14ac:dyDescent="0.25">
      <c r="A27217" s="2" t="s">
        <v>15630</v>
      </c>
      <c r="B27217" s="6">
        <v>453096.44999999995</v>
      </c>
      <c r="C27217" s="7">
        <f t="shared" si="425"/>
        <v>453.09644999999995</v>
      </c>
    </row>
    <row r="27218" spans="1:3" x14ac:dyDescent="0.25">
      <c r="A27218" s="2" t="s">
        <v>15631</v>
      </c>
      <c r="B27218" s="6">
        <v>453113.1</v>
      </c>
      <c r="C27218" s="7">
        <f t="shared" si="425"/>
        <v>453.11309999999997</v>
      </c>
    </row>
    <row r="27219" spans="1:3" x14ac:dyDescent="0.25">
      <c r="A27219" s="2" t="s">
        <v>15632</v>
      </c>
      <c r="B27219" s="6">
        <v>453129.74999999994</v>
      </c>
      <c r="C27219" s="7">
        <f t="shared" si="425"/>
        <v>453.12974999999994</v>
      </c>
    </row>
    <row r="27220" spans="1:3" x14ac:dyDescent="0.25">
      <c r="A27220" s="2" t="s">
        <v>15633</v>
      </c>
      <c r="B27220" s="6">
        <v>453146.39999999997</v>
      </c>
      <c r="C27220" s="7">
        <f t="shared" si="425"/>
        <v>453.14639999999997</v>
      </c>
    </row>
    <row r="27221" spans="1:3" x14ac:dyDescent="0.25">
      <c r="A27221" s="2" t="s">
        <v>15634</v>
      </c>
      <c r="B27221" s="6">
        <v>453163.05</v>
      </c>
      <c r="C27221" s="7">
        <f t="shared" si="425"/>
        <v>453.16305</v>
      </c>
    </row>
    <row r="27222" spans="1:3" x14ac:dyDescent="0.25">
      <c r="A27222" s="2" t="s">
        <v>15635</v>
      </c>
      <c r="B27222" s="6">
        <v>453179.69999999995</v>
      </c>
      <c r="C27222" s="7">
        <f t="shared" si="425"/>
        <v>453.17969999999997</v>
      </c>
    </row>
    <row r="27223" spans="1:3" x14ac:dyDescent="0.25">
      <c r="A27223" s="2" t="s">
        <v>15636</v>
      </c>
      <c r="B27223" s="6">
        <v>453196.35</v>
      </c>
      <c r="C27223" s="7">
        <f t="shared" si="425"/>
        <v>453.19635</v>
      </c>
    </row>
    <row r="27224" spans="1:3" x14ac:dyDescent="0.25">
      <c r="A27224" s="2" t="s">
        <v>15637</v>
      </c>
      <c r="B27224" s="6">
        <v>453212.99999999994</v>
      </c>
      <c r="C27224" s="7">
        <f t="shared" si="425"/>
        <v>453.21299999999997</v>
      </c>
    </row>
    <row r="27225" spans="1:3" x14ac:dyDescent="0.25">
      <c r="A27225" s="2" t="s">
        <v>15638</v>
      </c>
      <c r="B27225" s="6">
        <v>453229.64999999997</v>
      </c>
      <c r="C27225" s="7">
        <f t="shared" si="425"/>
        <v>453.22964999999999</v>
      </c>
    </row>
    <row r="27226" spans="1:3" x14ac:dyDescent="0.25">
      <c r="A27226" s="2" t="s">
        <v>15639</v>
      </c>
      <c r="B27226" s="6">
        <v>453246.3</v>
      </c>
      <c r="C27226" s="7">
        <f t="shared" si="425"/>
        <v>453.24629999999996</v>
      </c>
    </row>
    <row r="27227" spans="1:3" x14ac:dyDescent="0.25">
      <c r="A27227" s="2" t="s">
        <v>15640</v>
      </c>
      <c r="B27227" s="6">
        <v>453262.94999999995</v>
      </c>
      <c r="C27227" s="7">
        <f t="shared" si="425"/>
        <v>453.26294999999993</v>
      </c>
    </row>
    <row r="27228" spans="1:3" x14ac:dyDescent="0.25">
      <c r="A27228" s="2" t="s">
        <v>15641</v>
      </c>
      <c r="B27228" s="6">
        <v>453279.6</v>
      </c>
      <c r="C27228" s="7">
        <f t="shared" si="425"/>
        <v>453.27959999999996</v>
      </c>
    </row>
    <row r="27229" spans="1:3" x14ac:dyDescent="0.25">
      <c r="A27229" s="2" t="s">
        <v>15642</v>
      </c>
      <c r="B27229" s="6">
        <v>453296.24999999994</v>
      </c>
      <c r="C27229" s="7">
        <f t="shared" si="425"/>
        <v>453.29624999999993</v>
      </c>
    </row>
    <row r="27230" spans="1:3" x14ac:dyDescent="0.25">
      <c r="A27230" s="2" t="s">
        <v>15643</v>
      </c>
      <c r="B27230" s="6">
        <v>453312.89999999997</v>
      </c>
      <c r="C27230" s="7">
        <f t="shared" si="425"/>
        <v>453.31289999999996</v>
      </c>
    </row>
    <row r="27231" spans="1:3" x14ac:dyDescent="0.25">
      <c r="A27231" s="2" t="s">
        <v>15644</v>
      </c>
      <c r="B27231" s="6">
        <v>453329.55</v>
      </c>
      <c r="C27231" s="7">
        <f t="shared" si="425"/>
        <v>453.32954999999998</v>
      </c>
    </row>
    <row r="27232" spans="1:3" x14ac:dyDescent="0.25">
      <c r="A27232" s="2" t="s">
        <v>15645</v>
      </c>
      <c r="B27232" s="6">
        <v>453346.19999999995</v>
      </c>
      <c r="C27232" s="7">
        <f t="shared" si="425"/>
        <v>453.34619999999995</v>
      </c>
    </row>
    <row r="27233" spans="1:3" x14ac:dyDescent="0.25">
      <c r="A27233" s="2" t="s">
        <v>15646</v>
      </c>
      <c r="B27233" s="6">
        <v>453362.85</v>
      </c>
      <c r="C27233" s="7">
        <f t="shared" si="425"/>
        <v>453.36284999999998</v>
      </c>
    </row>
    <row r="27234" spans="1:3" x14ac:dyDescent="0.25">
      <c r="A27234" s="2" t="s">
        <v>15647</v>
      </c>
      <c r="B27234" s="6">
        <v>453379.49999999994</v>
      </c>
      <c r="C27234" s="7">
        <f t="shared" si="425"/>
        <v>453.37949999999995</v>
      </c>
    </row>
    <row r="27235" spans="1:3" x14ac:dyDescent="0.25">
      <c r="A27235" s="2" t="s">
        <v>15648</v>
      </c>
      <c r="B27235" s="6">
        <v>453396.14999999997</v>
      </c>
      <c r="C27235" s="7">
        <f t="shared" si="425"/>
        <v>453.39614999999998</v>
      </c>
    </row>
    <row r="27236" spans="1:3" x14ac:dyDescent="0.25">
      <c r="A27236" s="2" t="s">
        <v>15649</v>
      </c>
      <c r="B27236" s="6">
        <v>453412.8</v>
      </c>
      <c r="C27236" s="7">
        <f t="shared" si="425"/>
        <v>453.4128</v>
      </c>
    </row>
    <row r="27237" spans="1:3" x14ac:dyDescent="0.25">
      <c r="A27237" s="2" t="s">
        <v>15650</v>
      </c>
      <c r="B27237" s="6">
        <v>453429.44999999995</v>
      </c>
      <c r="C27237" s="7">
        <f t="shared" si="425"/>
        <v>453.42944999999997</v>
      </c>
    </row>
    <row r="27238" spans="1:3" x14ac:dyDescent="0.25">
      <c r="A27238" s="2" t="s">
        <v>15651</v>
      </c>
      <c r="B27238" s="6">
        <v>453446.1</v>
      </c>
      <c r="C27238" s="7">
        <f t="shared" si="425"/>
        <v>453.4461</v>
      </c>
    </row>
    <row r="27239" spans="1:3" x14ac:dyDescent="0.25">
      <c r="A27239" s="2" t="s">
        <v>15652</v>
      </c>
      <c r="B27239" s="6">
        <v>453462.74999999994</v>
      </c>
      <c r="C27239" s="7">
        <f t="shared" si="425"/>
        <v>453.46274999999991</v>
      </c>
    </row>
    <row r="27240" spans="1:3" x14ac:dyDescent="0.25">
      <c r="A27240" s="2" t="s">
        <v>15653</v>
      </c>
      <c r="B27240" s="6">
        <v>453479.39999999997</v>
      </c>
      <c r="C27240" s="7">
        <f t="shared" si="425"/>
        <v>453.47939999999994</v>
      </c>
    </row>
    <row r="27241" spans="1:3" x14ac:dyDescent="0.25">
      <c r="A27241" s="2" t="s">
        <v>15654</v>
      </c>
      <c r="B27241" s="6">
        <v>453496.05</v>
      </c>
      <c r="C27241" s="7">
        <f t="shared" si="425"/>
        <v>453.49604999999997</v>
      </c>
    </row>
    <row r="27242" spans="1:3" x14ac:dyDescent="0.25">
      <c r="A27242" s="2" t="s">
        <v>15655</v>
      </c>
      <c r="B27242" s="6">
        <v>453512.69999999995</v>
      </c>
      <c r="C27242" s="7">
        <f t="shared" si="425"/>
        <v>453.51269999999994</v>
      </c>
    </row>
    <row r="27243" spans="1:3" x14ac:dyDescent="0.25">
      <c r="A27243" s="2" t="s">
        <v>15656</v>
      </c>
      <c r="B27243" s="6">
        <v>453529.35</v>
      </c>
      <c r="C27243" s="7">
        <f t="shared" si="425"/>
        <v>453.52934999999997</v>
      </c>
    </row>
    <row r="27244" spans="1:3" x14ac:dyDescent="0.25">
      <c r="A27244" s="2" t="s">
        <v>15657</v>
      </c>
      <c r="B27244" s="6">
        <v>453545.99999999994</v>
      </c>
      <c r="C27244" s="7">
        <f t="shared" si="425"/>
        <v>453.54599999999994</v>
      </c>
    </row>
    <row r="27245" spans="1:3" x14ac:dyDescent="0.25">
      <c r="A27245" s="2" t="s">
        <v>15658</v>
      </c>
      <c r="B27245" s="6">
        <v>453562.64999999997</v>
      </c>
      <c r="C27245" s="7">
        <f t="shared" si="425"/>
        <v>453.56264999999996</v>
      </c>
    </row>
    <row r="27246" spans="1:3" x14ac:dyDescent="0.25">
      <c r="A27246" s="2" t="s">
        <v>15659</v>
      </c>
      <c r="B27246" s="6">
        <v>453579.3</v>
      </c>
      <c r="C27246" s="7">
        <f t="shared" si="425"/>
        <v>453.57929999999999</v>
      </c>
    </row>
    <row r="27247" spans="1:3" x14ac:dyDescent="0.25">
      <c r="A27247" s="2" t="s">
        <v>15660</v>
      </c>
      <c r="B27247" s="6">
        <v>453595.94999999995</v>
      </c>
      <c r="C27247" s="7">
        <f t="shared" si="425"/>
        <v>453.59594999999996</v>
      </c>
    </row>
    <row r="27248" spans="1:3" x14ac:dyDescent="0.25">
      <c r="A27248" s="2" t="s">
        <v>15661</v>
      </c>
      <c r="B27248" s="6">
        <v>453612.6</v>
      </c>
      <c r="C27248" s="7">
        <f t="shared" si="425"/>
        <v>453.61259999999999</v>
      </c>
    </row>
    <row r="27249" spans="1:3" x14ac:dyDescent="0.25">
      <c r="A27249" s="2" t="s">
        <v>15662</v>
      </c>
      <c r="B27249" s="6">
        <v>453629.24999999994</v>
      </c>
      <c r="C27249" s="7">
        <f t="shared" si="425"/>
        <v>453.62924999999996</v>
      </c>
    </row>
    <row r="27250" spans="1:3" x14ac:dyDescent="0.25">
      <c r="A27250" s="2" t="s">
        <v>15663</v>
      </c>
      <c r="B27250" s="6">
        <v>453645.89999999997</v>
      </c>
      <c r="C27250" s="7">
        <f t="shared" si="425"/>
        <v>453.64589999999998</v>
      </c>
    </row>
    <row r="27251" spans="1:3" x14ac:dyDescent="0.25">
      <c r="A27251" s="2" t="s">
        <v>15664</v>
      </c>
      <c r="B27251" s="6">
        <v>453662.55</v>
      </c>
      <c r="C27251" s="7">
        <f t="shared" si="425"/>
        <v>453.66255000000001</v>
      </c>
    </row>
    <row r="27252" spans="1:3" x14ac:dyDescent="0.25">
      <c r="A27252" s="2" t="s">
        <v>15665</v>
      </c>
      <c r="B27252" s="6">
        <v>453679.19999999995</v>
      </c>
      <c r="C27252" s="7">
        <f t="shared" si="425"/>
        <v>453.67919999999998</v>
      </c>
    </row>
    <row r="27253" spans="1:3" x14ac:dyDescent="0.25">
      <c r="A27253" s="2" t="s">
        <v>15666</v>
      </c>
      <c r="B27253" s="6">
        <v>453695.85</v>
      </c>
      <c r="C27253" s="7">
        <f t="shared" si="425"/>
        <v>453.69584999999995</v>
      </c>
    </row>
    <row r="27254" spans="1:3" x14ac:dyDescent="0.25">
      <c r="A27254" s="2" t="s">
        <v>15667</v>
      </c>
      <c r="B27254" s="6">
        <v>453712.49999999994</v>
      </c>
      <c r="C27254" s="7">
        <f t="shared" si="425"/>
        <v>453.71249999999992</v>
      </c>
    </row>
    <row r="27255" spans="1:3" x14ac:dyDescent="0.25">
      <c r="A27255" s="2" t="s">
        <v>15668</v>
      </c>
      <c r="B27255" s="6">
        <v>453729.14999999997</v>
      </c>
      <c r="C27255" s="7">
        <f t="shared" si="425"/>
        <v>453.72914999999995</v>
      </c>
    </row>
    <row r="27256" spans="1:3" x14ac:dyDescent="0.25">
      <c r="A27256" s="2" t="s">
        <v>15669</v>
      </c>
      <c r="B27256" s="6">
        <v>453745.8</v>
      </c>
      <c r="C27256" s="7">
        <f t="shared" si="425"/>
        <v>453.74579999999997</v>
      </c>
    </row>
    <row r="27257" spans="1:3" x14ac:dyDescent="0.25">
      <c r="A27257" s="2" t="s">
        <v>15670</v>
      </c>
      <c r="B27257" s="6">
        <v>453762.44999999995</v>
      </c>
      <c r="C27257" s="7">
        <f t="shared" si="425"/>
        <v>453.76244999999994</v>
      </c>
    </row>
    <row r="27258" spans="1:3" x14ac:dyDescent="0.25">
      <c r="A27258" s="2" t="s">
        <v>15671</v>
      </c>
      <c r="B27258" s="6">
        <v>453779.1</v>
      </c>
      <c r="C27258" s="7">
        <f t="shared" si="425"/>
        <v>453.77909999999997</v>
      </c>
    </row>
    <row r="27259" spans="1:3" x14ac:dyDescent="0.25">
      <c r="A27259" s="2" t="s">
        <v>15672</v>
      </c>
      <c r="B27259" s="6">
        <v>453795.74999999994</v>
      </c>
      <c r="C27259" s="7">
        <f t="shared" si="425"/>
        <v>453.79574999999994</v>
      </c>
    </row>
    <row r="27260" spans="1:3" x14ac:dyDescent="0.25">
      <c r="A27260" s="2" t="s">
        <v>15673</v>
      </c>
      <c r="B27260" s="6">
        <v>453812.39999999997</v>
      </c>
      <c r="C27260" s="7">
        <f t="shared" si="425"/>
        <v>453.81239999999997</v>
      </c>
    </row>
    <row r="27261" spans="1:3" x14ac:dyDescent="0.25">
      <c r="A27261" s="2" t="s">
        <v>15674</v>
      </c>
      <c r="B27261" s="6">
        <v>453829.05</v>
      </c>
      <c r="C27261" s="7">
        <f t="shared" si="425"/>
        <v>453.82905</v>
      </c>
    </row>
    <row r="27262" spans="1:3" x14ac:dyDescent="0.25">
      <c r="A27262" s="2" t="s">
        <v>15675</v>
      </c>
      <c r="B27262" s="6">
        <v>453845.69999999995</v>
      </c>
      <c r="C27262" s="7">
        <f t="shared" si="425"/>
        <v>453.84569999999997</v>
      </c>
    </row>
    <row r="27263" spans="1:3" x14ac:dyDescent="0.25">
      <c r="A27263" s="2" t="s">
        <v>15676</v>
      </c>
      <c r="B27263" s="6">
        <v>453862.35</v>
      </c>
      <c r="C27263" s="7">
        <f t="shared" si="425"/>
        <v>453.86234999999999</v>
      </c>
    </row>
    <row r="27264" spans="1:3" x14ac:dyDescent="0.25">
      <c r="A27264" s="2" t="s">
        <v>15677</v>
      </c>
      <c r="B27264" s="6">
        <v>453878.99999999994</v>
      </c>
      <c r="C27264" s="7">
        <f t="shared" si="425"/>
        <v>453.87899999999996</v>
      </c>
    </row>
    <row r="27265" spans="1:3" x14ac:dyDescent="0.25">
      <c r="A27265" s="2" t="s">
        <v>15678</v>
      </c>
      <c r="B27265" s="6">
        <v>453895.64999999997</v>
      </c>
      <c r="C27265" s="7">
        <f t="shared" si="425"/>
        <v>453.89564999999999</v>
      </c>
    </row>
    <row r="27266" spans="1:3" x14ac:dyDescent="0.25">
      <c r="A27266" s="2" t="s">
        <v>15679</v>
      </c>
      <c r="B27266" s="6">
        <v>453912.3</v>
      </c>
      <c r="C27266" s="7">
        <f t="shared" si="425"/>
        <v>453.91230000000002</v>
      </c>
    </row>
    <row r="27267" spans="1:3" x14ac:dyDescent="0.25">
      <c r="A27267" s="2" t="s">
        <v>15680</v>
      </c>
      <c r="B27267" s="6">
        <v>453928.94999999995</v>
      </c>
      <c r="C27267" s="7">
        <f t="shared" ref="C27267:C27330" si="426">B27267/1000</f>
        <v>453.92894999999993</v>
      </c>
    </row>
    <row r="27268" spans="1:3" x14ac:dyDescent="0.25">
      <c r="A27268" s="2" t="s">
        <v>15681</v>
      </c>
      <c r="B27268" s="6">
        <v>453945.59999999998</v>
      </c>
      <c r="C27268" s="7">
        <f t="shared" si="426"/>
        <v>453.94559999999996</v>
      </c>
    </row>
    <row r="27269" spans="1:3" x14ac:dyDescent="0.25">
      <c r="A27269" s="2" t="s">
        <v>15682</v>
      </c>
      <c r="B27269" s="6">
        <v>453962.24999999994</v>
      </c>
      <c r="C27269" s="7">
        <f t="shared" si="426"/>
        <v>453.96224999999993</v>
      </c>
    </row>
    <row r="27270" spans="1:3" x14ac:dyDescent="0.25">
      <c r="A27270" s="2" t="s">
        <v>15683</v>
      </c>
      <c r="B27270" s="6">
        <v>453978.89999999997</v>
      </c>
      <c r="C27270" s="7">
        <f t="shared" si="426"/>
        <v>453.97889999999995</v>
      </c>
    </row>
    <row r="27271" spans="1:3" x14ac:dyDescent="0.25">
      <c r="A27271" s="2" t="s">
        <v>15684</v>
      </c>
      <c r="B27271" s="6">
        <v>453995.55</v>
      </c>
      <c r="C27271" s="7">
        <f t="shared" si="426"/>
        <v>453.99554999999998</v>
      </c>
    </row>
    <row r="27272" spans="1:3" x14ac:dyDescent="0.25">
      <c r="A27272" s="2" t="s">
        <v>15685</v>
      </c>
      <c r="B27272" s="6">
        <v>454012.19999999995</v>
      </c>
      <c r="C27272" s="7">
        <f t="shared" si="426"/>
        <v>454.01219999999995</v>
      </c>
    </row>
    <row r="27273" spans="1:3" x14ac:dyDescent="0.25">
      <c r="A27273" s="2" t="s">
        <v>15686</v>
      </c>
      <c r="B27273" s="6">
        <v>454028.85</v>
      </c>
      <c r="C27273" s="7">
        <f t="shared" si="426"/>
        <v>454.02884999999998</v>
      </c>
    </row>
    <row r="27274" spans="1:3" x14ac:dyDescent="0.25">
      <c r="A27274" s="2" t="s">
        <v>15687</v>
      </c>
      <c r="B27274" s="6">
        <v>454045.49999999994</v>
      </c>
      <c r="C27274" s="7">
        <f t="shared" si="426"/>
        <v>454.04549999999995</v>
      </c>
    </row>
    <row r="27275" spans="1:3" x14ac:dyDescent="0.25">
      <c r="A27275" s="2" t="s">
        <v>15688</v>
      </c>
      <c r="B27275" s="6">
        <v>454062.14999999997</v>
      </c>
      <c r="C27275" s="7">
        <f t="shared" si="426"/>
        <v>454.06214999999997</v>
      </c>
    </row>
    <row r="27276" spans="1:3" x14ac:dyDescent="0.25">
      <c r="A27276" s="2" t="s">
        <v>15689</v>
      </c>
      <c r="B27276" s="6">
        <v>454078.8</v>
      </c>
      <c r="C27276" s="7">
        <f t="shared" si="426"/>
        <v>454.0788</v>
      </c>
    </row>
    <row r="27277" spans="1:3" x14ac:dyDescent="0.25">
      <c r="A27277" s="2" t="s">
        <v>15690</v>
      </c>
      <c r="B27277" s="6">
        <v>454095.44999999995</v>
      </c>
      <c r="C27277" s="7">
        <f t="shared" si="426"/>
        <v>454.09544999999997</v>
      </c>
    </row>
    <row r="27278" spans="1:3" x14ac:dyDescent="0.25">
      <c r="A27278" s="2" t="s">
        <v>15691</v>
      </c>
      <c r="B27278" s="6">
        <v>454112.1</v>
      </c>
      <c r="C27278" s="7">
        <f t="shared" si="426"/>
        <v>454.1121</v>
      </c>
    </row>
    <row r="27279" spans="1:3" x14ac:dyDescent="0.25">
      <c r="A27279" s="2" t="s">
        <v>15692</v>
      </c>
      <c r="B27279" s="6">
        <v>454128.74999999994</v>
      </c>
      <c r="C27279" s="7">
        <f t="shared" si="426"/>
        <v>454.12874999999997</v>
      </c>
    </row>
    <row r="27280" spans="1:3" x14ac:dyDescent="0.25">
      <c r="A27280" s="2" t="s">
        <v>15693</v>
      </c>
      <c r="B27280" s="6">
        <v>454145.39999999997</v>
      </c>
      <c r="C27280" s="7">
        <f t="shared" si="426"/>
        <v>454.14539999999994</v>
      </c>
    </row>
    <row r="27281" spans="1:3" x14ac:dyDescent="0.25">
      <c r="A27281" s="2" t="s">
        <v>15694</v>
      </c>
      <c r="B27281" s="6">
        <v>454162.05</v>
      </c>
      <c r="C27281" s="7">
        <f t="shared" si="426"/>
        <v>454.16204999999997</v>
      </c>
    </row>
    <row r="27282" spans="1:3" x14ac:dyDescent="0.25">
      <c r="A27282" s="2" t="s">
        <v>15695</v>
      </c>
      <c r="B27282" s="6">
        <v>454178.69999999995</v>
      </c>
      <c r="C27282" s="7">
        <f t="shared" si="426"/>
        <v>454.17869999999994</v>
      </c>
    </row>
    <row r="27283" spans="1:3" x14ac:dyDescent="0.25">
      <c r="A27283" s="2" t="s">
        <v>15696</v>
      </c>
      <c r="B27283" s="6">
        <v>454195.35</v>
      </c>
      <c r="C27283" s="7">
        <f t="shared" si="426"/>
        <v>454.19534999999996</v>
      </c>
    </row>
    <row r="27284" spans="1:3" x14ac:dyDescent="0.25">
      <c r="A27284" s="2" t="s">
        <v>15697</v>
      </c>
      <c r="B27284" s="6">
        <v>454211.99999999994</v>
      </c>
      <c r="C27284" s="7">
        <f t="shared" si="426"/>
        <v>454.21199999999993</v>
      </c>
    </row>
    <row r="27285" spans="1:3" x14ac:dyDescent="0.25">
      <c r="A27285" s="2" t="s">
        <v>15698</v>
      </c>
      <c r="B27285" s="6">
        <v>454228.64999999997</v>
      </c>
      <c r="C27285" s="7">
        <f t="shared" si="426"/>
        <v>454.22864999999996</v>
      </c>
    </row>
    <row r="27286" spans="1:3" x14ac:dyDescent="0.25">
      <c r="A27286" s="2" t="s">
        <v>15699</v>
      </c>
      <c r="B27286" s="6">
        <v>454245.3</v>
      </c>
      <c r="C27286" s="7">
        <f t="shared" si="426"/>
        <v>454.24529999999999</v>
      </c>
    </row>
    <row r="27287" spans="1:3" x14ac:dyDescent="0.25">
      <c r="A27287" s="2" t="s">
        <v>15700</v>
      </c>
      <c r="B27287" s="6">
        <v>454261.94999999995</v>
      </c>
      <c r="C27287" s="7">
        <f t="shared" si="426"/>
        <v>454.26194999999996</v>
      </c>
    </row>
    <row r="27288" spans="1:3" x14ac:dyDescent="0.25">
      <c r="A27288" s="2" t="s">
        <v>15701</v>
      </c>
      <c r="B27288" s="6">
        <v>454278.6</v>
      </c>
      <c r="C27288" s="7">
        <f t="shared" si="426"/>
        <v>454.27859999999998</v>
      </c>
    </row>
    <row r="27289" spans="1:3" x14ac:dyDescent="0.25">
      <c r="A27289" s="2" t="s">
        <v>15702</v>
      </c>
      <c r="B27289" s="6">
        <v>454295.24999999994</v>
      </c>
      <c r="C27289" s="7">
        <f t="shared" si="426"/>
        <v>454.29524999999995</v>
      </c>
    </row>
    <row r="27290" spans="1:3" x14ac:dyDescent="0.25">
      <c r="A27290" s="2" t="s">
        <v>15703</v>
      </c>
      <c r="B27290" s="6">
        <v>454311.89999999997</v>
      </c>
      <c r="C27290" s="7">
        <f t="shared" si="426"/>
        <v>454.31189999999998</v>
      </c>
    </row>
    <row r="27291" spans="1:3" x14ac:dyDescent="0.25">
      <c r="A27291" s="2" t="s">
        <v>15704</v>
      </c>
      <c r="B27291" s="6">
        <v>454328.55</v>
      </c>
      <c r="C27291" s="7">
        <f t="shared" si="426"/>
        <v>454.32855000000001</v>
      </c>
    </row>
    <row r="27292" spans="1:3" x14ac:dyDescent="0.25">
      <c r="A27292" s="2" t="s">
        <v>15705</v>
      </c>
      <c r="B27292" s="6">
        <v>454345.19999999995</v>
      </c>
      <c r="C27292" s="7">
        <f t="shared" si="426"/>
        <v>454.34519999999998</v>
      </c>
    </row>
    <row r="27293" spans="1:3" x14ac:dyDescent="0.25">
      <c r="A27293" s="2" t="s">
        <v>15706</v>
      </c>
      <c r="B27293" s="6">
        <v>454361.85</v>
      </c>
      <c r="C27293" s="7">
        <f t="shared" si="426"/>
        <v>454.36185</v>
      </c>
    </row>
    <row r="27294" spans="1:3" x14ac:dyDescent="0.25">
      <c r="A27294" s="2" t="s">
        <v>15707</v>
      </c>
      <c r="B27294" s="6">
        <v>454378.49999999994</v>
      </c>
      <c r="C27294" s="7">
        <f t="shared" si="426"/>
        <v>454.37849999999992</v>
      </c>
    </row>
    <row r="27295" spans="1:3" x14ac:dyDescent="0.25">
      <c r="A27295" s="2" t="s">
        <v>15708</v>
      </c>
      <c r="B27295" s="6">
        <v>454395.14999999997</v>
      </c>
      <c r="C27295" s="7">
        <f t="shared" si="426"/>
        <v>454.39514999999994</v>
      </c>
    </row>
    <row r="27296" spans="1:3" x14ac:dyDescent="0.25">
      <c r="A27296" s="2" t="s">
        <v>15709</v>
      </c>
      <c r="B27296" s="6">
        <v>454411.8</v>
      </c>
      <c r="C27296" s="7">
        <f t="shared" si="426"/>
        <v>454.41179999999997</v>
      </c>
    </row>
    <row r="27297" spans="1:3" x14ac:dyDescent="0.25">
      <c r="A27297" s="2" t="s">
        <v>15710</v>
      </c>
      <c r="B27297" s="6">
        <v>454428.44999999995</v>
      </c>
      <c r="C27297" s="7">
        <f t="shared" si="426"/>
        <v>454.42844999999994</v>
      </c>
    </row>
    <row r="27298" spans="1:3" x14ac:dyDescent="0.25">
      <c r="A27298" s="2" t="s">
        <v>15711</v>
      </c>
      <c r="B27298" s="6">
        <v>454445.1</v>
      </c>
      <c r="C27298" s="7">
        <f t="shared" si="426"/>
        <v>454.44509999999997</v>
      </c>
    </row>
    <row r="27299" spans="1:3" x14ac:dyDescent="0.25">
      <c r="A27299" s="2" t="s">
        <v>15712</v>
      </c>
      <c r="B27299" s="6">
        <v>454461.74999999994</v>
      </c>
      <c r="C27299" s="7">
        <f t="shared" si="426"/>
        <v>454.46174999999994</v>
      </c>
    </row>
    <row r="27300" spans="1:3" x14ac:dyDescent="0.25">
      <c r="A27300" s="2" t="s">
        <v>15713</v>
      </c>
      <c r="B27300" s="6">
        <v>454478.39999999997</v>
      </c>
      <c r="C27300" s="7">
        <f t="shared" si="426"/>
        <v>454.47839999999997</v>
      </c>
    </row>
    <row r="27301" spans="1:3" x14ac:dyDescent="0.25">
      <c r="A27301" s="2" t="s">
        <v>15714</v>
      </c>
      <c r="B27301" s="6">
        <v>454495.05</v>
      </c>
      <c r="C27301" s="7">
        <f t="shared" si="426"/>
        <v>454.49504999999999</v>
      </c>
    </row>
    <row r="27302" spans="1:3" x14ac:dyDescent="0.25">
      <c r="A27302" s="2" t="s">
        <v>15715</v>
      </c>
      <c r="B27302" s="6">
        <v>454511.69999999995</v>
      </c>
      <c r="C27302" s="7">
        <f t="shared" si="426"/>
        <v>454.51169999999996</v>
      </c>
    </row>
    <row r="27303" spans="1:3" x14ac:dyDescent="0.25">
      <c r="A27303" s="2" t="s">
        <v>15716</v>
      </c>
      <c r="B27303" s="6">
        <v>454528.35</v>
      </c>
      <c r="C27303" s="7">
        <f t="shared" si="426"/>
        <v>454.52834999999999</v>
      </c>
    </row>
    <row r="27304" spans="1:3" x14ac:dyDescent="0.25">
      <c r="A27304" s="2" t="s">
        <v>15717</v>
      </c>
      <c r="B27304" s="6">
        <v>454544.99999999994</v>
      </c>
      <c r="C27304" s="7">
        <f t="shared" si="426"/>
        <v>454.54499999999996</v>
      </c>
    </row>
    <row r="27305" spans="1:3" x14ac:dyDescent="0.25">
      <c r="A27305" s="2" t="s">
        <v>15718</v>
      </c>
      <c r="B27305" s="6">
        <v>454561.64999999997</v>
      </c>
      <c r="C27305" s="7">
        <f t="shared" si="426"/>
        <v>454.56164999999999</v>
      </c>
    </row>
    <row r="27306" spans="1:3" x14ac:dyDescent="0.25">
      <c r="A27306" s="2" t="s">
        <v>15719</v>
      </c>
      <c r="B27306" s="6">
        <v>454578.3</v>
      </c>
      <c r="C27306" s="7">
        <f t="shared" si="426"/>
        <v>454.57830000000001</v>
      </c>
    </row>
    <row r="27307" spans="1:3" x14ac:dyDescent="0.25">
      <c r="A27307" s="2" t="s">
        <v>15720</v>
      </c>
      <c r="B27307" s="6">
        <v>454594.94999999995</v>
      </c>
      <c r="C27307" s="7">
        <f t="shared" si="426"/>
        <v>454.59494999999993</v>
      </c>
    </row>
    <row r="27308" spans="1:3" x14ac:dyDescent="0.25">
      <c r="A27308" s="2" t="s">
        <v>15721</v>
      </c>
      <c r="B27308" s="6">
        <v>454611.6</v>
      </c>
      <c r="C27308" s="7">
        <f t="shared" si="426"/>
        <v>454.61159999999995</v>
      </c>
    </row>
    <row r="27309" spans="1:3" x14ac:dyDescent="0.25">
      <c r="A27309" s="2" t="s">
        <v>15722</v>
      </c>
      <c r="B27309" s="6">
        <v>454628.24999999994</v>
      </c>
      <c r="C27309" s="7">
        <f t="shared" si="426"/>
        <v>454.62824999999992</v>
      </c>
    </row>
    <row r="27310" spans="1:3" x14ac:dyDescent="0.25">
      <c r="A27310" s="2" t="s">
        <v>15723</v>
      </c>
      <c r="B27310" s="6">
        <v>454644.89999999997</v>
      </c>
      <c r="C27310" s="7">
        <f t="shared" si="426"/>
        <v>454.64489999999995</v>
      </c>
    </row>
    <row r="27311" spans="1:3" x14ac:dyDescent="0.25">
      <c r="A27311" s="2" t="s">
        <v>15724</v>
      </c>
      <c r="B27311" s="6">
        <v>454661.55</v>
      </c>
      <c r="C27311" s="7">
        <f t="shared" si="426"/>
        <v>454.66154999999998</v>
      </c>
    </row>
    <row r="27312" spans="1:3" x14ac:dyDescent="0.25">
      <c r="A27312" s="2" t="s">
        <v>15725</v>
      </c>
      <c r="B27312" s="6">
        <v>454678.19999999995</v>
      </c>
      <c r="C27312" s="7">
        <f t="shared" si="426"/>
        <v>454.67819999999995</v>
      </c>
    </row>
    <row r="27313" spans="1:3" x14ac:dyDescent="0.25">
      <c r="A27313" s="2" t="s">
        <v>15726</v>
      </c>
      <c r="B27313" s="6">
        <v>454694.85</v>
      </c>
      <c r="C27313" s="7">
        <f t="shared" si="426"/>
        <v>454.69484999999997</v>
      </c>
    </row>
    <row r="27314" spans="1:3" x14ac:dyDescent="0.25">
      <c r="A27314" s="2" t="s">
        <v>15727</v>
      </c>
      <c r="B27314" s="6">
        <v>454711.49999999994</v>
      </c>
      <c r="C27314" s="7">
        <f t="shared" si="426"/>
        <v>454.71149999999994</v>
      </c>
    </row>
    <row r="27315" spans="1:3" x14ac:dyDescent="0.25">
      <c r="A27315" s="2" t="s">
        <v>15728</v>
      </c>
      <c r="B27315" s="6">
        <v>454728.14999999997</v>
      </c>
      <c r="C27315" s="7">
        <f t="shared" si="426"/>
        <v>454.72814999999997</v>
      </c>
    </row>
    <row r="27316" spans="1:3" x14ac:dyDescent="0.25">
      <c r="A27316" s="2" t="s">
        <v>15729</v>
      </c>
      <c r="B27316" s="6">
        <v>454744.8</v>
      </c>
      <c r="C27316" s="7">
        <f t="shared" si="426"/>
        <v>454.7448</v>
      </c>
    </row>
    <row r="27317" spans="1:3" x14ac:dyDescent="0.25">
      <c r="A27317" s="2" t="s">
        <v>15730</v>
      </c>
      <c r="B27317" s="6">
        <v>454761.44999999995</v>
      </c>
      <c r="C27317" s="7">
        <f t="shared" si="426"/>
        <v>454.76144999999997</v>
      </c>
    </row>
    <row r="27318" spans="1:3" x14ac:dyDescent="0.25">
      <c r="A27318" s="2" t="s">
        <v>15731</v>
      </c>
      <c r="B27318" s="6">
        <v>454778.1</v>
      </c>
      <c r="C27318" s="7">
        <f t="shared" si="426"/>
        <v>454.77809999999999</v>
      </c>
    </row>
    <row r="27319" spans="1:3" x14ac:dyDescent="0.25">
      <c r="A27319" s="2" t="s">
        <v>15732</v>
      </c>
      <c r="B27319" s="6">
        <v>454794.74999999994</v>
      </c>
      <c r="C27319" s="7">
        <f t="shared" si="426"/>
        <v>454.79474999999996</v>
      </c>
    </row>
    <row r="27320" spans="1:3" x14ac:dyDescent="0.25">
      <c r="A27320" s="2" t="s">
        <v>15733</v>
      </c>
      <c r="B27320" s="6">
        <v>454811.39999999997</v>
      </c>
      <c r="C27320" s="7">
        <f t="shared" si="426"/>
        <v>454.81139999999999</v>
      </c>
    </row>
    <row r="27321" spans="1:3" x14ac:dyDescent="0.25">
      <c r="A27321" s="2" t="s">
        <v>15734</v>
      </c>
      <c r="B27321" s="6">
        <v>454828.05</v>
      </c>
      <c r="C27321" s="7">
        <f t="shared" si="426"/>
        <v>454.82804999999996</v>
      </c>
    </row>
    <row r="27322" spans="1:3" x14ac:dyDescent="0.25">
      <c r="A27322" s="2" t="s">
        <v>15735</v>
      </c>
      <c r="B27322" s="6">
        <v>454844.69999999995</v>
      </c>
      <c r="C27322" s="7">
        <f t="shared" si="426"/>
        <v>454.84469999999993</v>
      </c>
    </row>
    <row r="27323" spans="1:3" x14ac:dyDescent="0.25">
      <c r="A27323" s="2" t="s">
        <v>15736</v>
      </c>
      <c r="B27323" s="6">
        <v>454861.35</v>
      </c>
      <c r="C27323" s="7">
        <f t="shared" si="426"/>
        <v>454.86134999999996</v>
      </c>
    </row>
    <row r="27324" spans="1:3" x14ac:dyDescent="0.25">
      <c r="A27324" s="2" t="s">
        <v>15737</v>
      </c>
      <c r="B27324" s="6">
        <v>454877.99999999994</v>
      </c>
      <c r="C27324" s="7">
        <f t="shared" si="426"/>
        <v>454.87799999999993</v>
      </c>
    </row>
    <row r="27325" spans="1:3" x14ac:dyDescent="0.25">
      <c r="A27325" s="2" t="s">
        <v>15738</v>
      </c>
      <c r="B27325" s="6">
        <v>454894.64999999997</v>
      </c>
      <c r="C27325" s="7">
        <f t="shared" si="426"/>
        <v>454.89464999999996</v>
      </c>
    </row>
    <row r="27326" spans="1:3" x14ac:dyDescent="0.25">
      <c r="A27326" s="2" t="s">
        <v>15739</v>
      </c>
      <c r="B27326" s="6">
        <v>454911.3</v>
      </c>
      <c r="C27326" s="7">
        <f t="shared" si="426"/>
        <v>454.91129999999998</v>
      </c>
    </row>
    <row r="27327" spans="1:3" x14ac:dyDescent="0.25">
      <c r="A27327" s="2" t="s">
        <v>15740</v>
      </c>
      <c r="B27327" s="6">
        <v>454927.94999999995</v>
      </c>
      <c r="C27327" s="7">
        <f t="shared" si="426"/>
        <v>454.92794999999995</v>
      </c>
    </row>
    <row r="27328" spans="1:3" x14ac:dyDescent="0.25">
      <c r="A27328" s="2" t="s">
        <v>15741</v>
      </c>
      <c r="B27328" s="6">
        <v>454944.6</v>
      </c>
      <c r="C27328" s="7">
        <f t="shared" si="426"/>
        <v>454.94459999999998</v>
      </c>
    </row>
    <row r="27329" spans="1:3" x14ac:dyDescent="0.25">
      <c r="A27329" s="2" t="s">
        <v>15742</v>
      </c>
      <c r="B27329" s="6">
        <v>454961.24999999994</v>
      </c>
      <c r="C27329" s="7">
        <f t="shared" si="426"/>
        <v>454.96124999999995</v>
      </c>
    </row>
    <row r="27330" spans="1:3" x14ac:dyDescent="0.25">
      <c r="A27330" s="2" t="s">
        <v>15743</v>
      </c>
      <c r="B27330" s="6">
        <v>454977.89999999997</v>
      </c>
      <c r="C27330" s="7">
        <f t="shared" si="426"/>
        <v>454.97789999999998</v>
      </c>
    </row>
    <row r="27331" spans="1:3" x14ac:dyDescent="0.25">
      <c r="A27331" s="2" t="s">
        <v>15744</v>
      </c>
      <c r="B27331" s="6">
        <v>454994.55</v>
      </c>
      <c r="C27331" s="7">
        <f t="shared" ref="C27331:C27394" si="427">B27331/1000</f>
        <v>454.99455</v>
      </c>
    </row>
    <row r="27332" spans="1:3" x14ac:dyDescent="0.25">
      <c r="A27332" s="2" t="s">
        <v>15745</v>
      </c>
      <c r="B27332" s="6">
        <v>455011.19999999995</v>
      </c>
      <c r="C27332" s="7">
        <f t="shared" si="427"/>
        <v>455.01119999999997</v>
      </c>
    </row>
    <row r="27333" spans="1:3" x14ac:dyDescent="0.25">
      <c r="A27333" s="2" t="s">
        <v>15746</v>
      </c>
      <c r="B27333" s="6">
        <v>455027.85</v>
      </c>
      <c r="C27333" s="7">
        <f t="shared" si="427"/>
        <v>455.02785</v>
      </c>
    </row>
    <row r="27334" spans="1:3" x14ac:dyDescent="0.25">
      <c r="A27334" s="2" t="s">
        <v>15747</v>
      </c>
      <c r="B27334" s="6">
        <v>455044.49999999994</v>
      </c>
      <c r="C27334" s="7">
        <f t="shared" si="427"/>
        <v>455.04449999999991</v>
      </c>
    </row>
    <row r="27335" spans="1:3" x14ac:dyDescent="0.25">
      <c r="A27335" s="2" t="s">
        <v>15748</v>
      </c>
      <c r="B27335" s="6">
        <v>455061.14999999997</v>
      </c>
      <c r="C27335" s="7">
        <f t="shared" si="427"/>
        <v>455.06114999999994</v>
      </c>
    </row>
    <row r="27336" spans="1:3" x14ac:dyDescent="0.25">
      <c r="A27336" s="2" t="s">
        <v>15749</v>
      </c>
      <c r="B27336" s="6">
        <v>455077.8</v>
      </c>
      <c r="C27336" s="7">
        <f t="shared" si="427"/>
        <v>455.07779999999997</v>
      </c>
    </row>
    <row r="27337" spans="1:3" x14ac:dyDescent="0.25">
      <c r="A27337" s="2" t="s">
        <v>15750</v>
      </c>
      <c r="B27337" s="6">
        <v>455094.44999999995</v>
      </c>
      <c r="C27337" s="7">
        <f t="shared" si="427"/>
        <v>455.09444999999994</v>
      </c>
    </row>
    <row r="27338" spans="1:3" x14ac:dyDescent="0.25">
      <c r="A27338" s="2" t="s">
        <v>15751</v>
      </c>
      <c r="B27338" s="6">
        <v>455111.1</v>
      </c>
      <c r="C27338" s="7">
        <f t="shared" si="427"/>
        <v>455.11109999999996</v>
      </c>
    </row>
    <row r="27339" spans="1:3" x14ac:dyDescent="0.25">
      <c r="A27339" s="2" t="s">
        <v>15752</v>
      </c>
      <c r="B27339" s="6">
        <v>455127.74999999994</v>
      </c>
      <c r="C27339" s="7">
        <f t="shared" si="427"/>
        <v>455.12774999999993</v>
      </c>
    </row>
    <row r="27340" spans="1:3" x14ac:dyDescent="0.25">
      <c r="A27340" s="2" t="s">
        <v>15753</v>
      </c>
      <c r="B27340" s="6">
        <v>455144.39999999997</v>
      </c>
      <c r="C27340" s="7">
        <f t="shared" si="427"/>
        <v>455.14439999999996</v>
      </c>
    </row>
    <row r="27341" spans="1:3" x14ac:dyDescent="0.25">
      <c r="A27341" s="2" t="s">
        <v>15754</v>
      </c>
      <c r="B27341" s="6">
        <v>455161.05</v>
      </c>
      <c r="C27341" s="7">
        <f t="shared" si="427"/>
        <v>455.16104999999999</v>
      </c>
    </row>
    <row r="27342" spans="1:3" x14ac:dyDescent="0.25">
      <c r="A27342" s="2" t="s">
        <v>15755</v>
      </c>
      <c r="B27342" s="6">
        <v>455177.69999999995</v>
      </c>
      <c r="C27342" s="7">
        <f t="shared" si="427"/>
        <v>455.17769999999996</v>
      </c>
    </row>
    <row r="27343" spans="1:3" x14ac:dyDescent="0.25">
      <c r="A27343" s="2" t="s">
        <v>15756</v>
      </c>
      <c r="B27343" s="6">
        <v>455194.35</v>
      </c>
      <c r="C27343" s="7">
        <f t="shared" si="427"/>
        <v>455.19434999999999</v>
      </c>
    </row>
    <row r="27344" spans="1:3" x14ac:dyDescent="0.25">
      <c r="A27344" s="2" t="s">
        <v>15757</v>
      </c>
      <c r="B27344" s="6">
        <v>455210.99999999994</v>
      </c>
      <c r="C27344" s="7">
        <f t="shared" si="427"/>
        <v>455.21099999999996</v>
      </c>
    </row>
    <row r="27345" spans="1:3" x14ac:dyDescent="0.25">
      <c r="A27345" s="2" t="s">
        <v>15758</v>
      </c>
      <c r="B27345" s="6">
        <v>455227.64999999997</v>
      </c>
      <c r="C27345" s="7">
        <f t="shared" si="427"/>
        <v>455.22764999999998</v>
      </c>
    </row>
    <row r="27346" spans="1:3" x14ac:dyDescent="0.25">
      <c r="A27346" s="2" t="s">
        <v>15759</v>
      </c>
      <c r="B27346" s="6">
        <v>455244.3</v>
      </c>
      <c r="C27346" s="7">
        <f t="shared" si="427"/>
        <v>455.24430000000001</v>
      </c>
    </row>
    <row r="27347" spans="1:3" x14ac:dyDescent="0.25">
      <c r="A27347" s="2" t="s">
        <v>15760</v>
      </c>
      <c r="B27347" s="6">
        <v>455260.94999999995</v>
      </c>
      <c r="C27347" s="7">
        <f t="shared" si="427"/>
        <v>455.26094999999998</v>
      </c>
    </row>
    <row r="27348" spans="1:3" x14ac:dyDescent="0.25">
      <c r="A27348" s="2" t="s">
        <v>15761</v>
      </c>
      <c r="B27348" s="6">
        <v>455277.6</v>
      </c>
      <c r="C27348" s="7">
        <f t="shared" si="427"/>
        <v>455.27759999999995</v>
      </c>
    </row>
    <row r="27349" spans="1:3" x14ac:dyDescent="0.25">
      <c r="A27349" s="2" t="s">
        <v>15762</v>
      </c>
      <c r="B27349" s="6">
        <v>455294.24999999994</v>
      </c>
      <c r="C27349" s="7">
        <f t="shared" si="427"/>
        <v>455.29424999999992</v>
      </c>
    </row>
    <row r="27350" spans="1:3" x14ac:dyDescent="0.25">
      <c r="A27350" s="2" t="s">
        <v>15763</v>
      </c>
      <c r="B27350" s="6">
        <v>455310.89999999997</v>
      </c>
      <c r="C27350" s="7">
        <f t="shared" si="427"/>
        <v>455.31089999999995</v>
      </c>
    </row>
    <row r="27351" spans="1:3" x14ac:dyDescent="0.25">
      <c r="A27351" s="2" t="s">
        <v>15764</v>
      </c>
      <c r="B27351" s="6">
        <v>455327.55</v>
      </c>
      <c r="C27351" s="7">
        <f t="shared" si="427"/>
        <v>455.32754999999997</v>
      </c>
    </row>
    <row r="27352" spans="1:3" x14ac:dyDescent="0.25">
      <c r="A27352" s="2" t="s">
        <v>15765</v>
      </c>
      <c r="B27352" s="6">
        <v>455344.19999999995</v>
      </c>
      <c r="C27352" s="7">
        <f t="shared" si="427"/>
        <v>455.34419999999994</v>
      </c>
    </row>
    <row r="27353" spans="1:3" x14ac:dyDescent="0.25">
      <c r="A27353" s="2" t="s">
        <v>15766</v>
      </c>
      <c r="B27353" s="6">
        <v>455360.85</v>
      </c>
      <c r="C27353" s="7">
        <f t="shared" si="427"/>
        <v>455.36084999999997</v>
      </c>
    </row>
    <row r="27354" spans="1:3" x14ac:dyDescent="0.25">
      <c r="A27354" s="2" t="s">
        <v>15767</v>
      </c>
      <c r="B27354" s="6">
        <v>455377.49999999994</v>
      </c>
      <c r="C27354" s="7">
        <f t="shared" si="427"/>
        <v>455.37749999999994</v>
      </c>
    </row>
    <row r="27355" spans="1:3" x14ac:dyDescent="0.25">
      <c r="A27355" s="2" t="s">
        <v>15768</v>
      </c>
      <c r="B27355" s="6">
        <v>455394.14999999997</v>
      </c>
      <c r="C27355" s="7">
        <f t="shared" si="427"/>
        <v>455.39414999999997</v>
      </c>
    </row>
    <row r="27356" spans="1:3" x14ac:dyDescent="0.25">
      <c r="A27356" s="2" t="s">
        <v>15769</v>
      </c>
      <c r="B27356" s="6">
        <v>455410.8</v>
      </c>
      <c r="C27356" s="7">
        <f t="shared" si="427"/>
        <v>455.41079999999999</v>
      </c>
    </row>
    <row r="27357" spans="1:3" x14ac:dyDescent="0.25">
      <c r="A27357" s="2" t="s">
        <v>15770</v>
      </c>
      <c r="B27357" s="6">
        <v>455427.44999999995</v>
      </c>
      <c r="C27357" s="7">
        <f t="shared" si="427"/>
        <v>455.42744999999996</v>
      </c>
    </row>
    <row r="27358" spans="1:3" x14ac:dyDescent="0.25">
      <c r="A27358" s="2" t="s">
        <v>15771</v>
      </c>
      <c r="B27358" s="6">
        <v>455444.1</v>
      </c>
      <c r="C27358" s="7">
        <f t="shared" si="427"/>
        <v>455.44409999999999</v>
      </c>
    </row>
    <row r="27359" spans="1:3" x14ac:dyDescent="0.25">
      <c r="A27359" s="2" t="s">
        <v>15772</v>
      </c>
      <c r="B27359" s="6">
        <v>455460.74999999994</v>
      </c>
      <c r="C27359" s="7">
        <f t="shared" si="427"/>
        <v>455.46074999999996</v>
      </c>
    </row>
    <row r="27360" spans="1:3" x14ac:dyDescent="0.25">
      <c r="A27360" s="2" t="s">
        <v>15773</v>
      </c>
      <c r="B27360" s="6">
        <v>455477.39999999997</v>
      </c>
      <c r="C27360" s="7">
        <f t="shared" si="427"/>
        <v>455.47739999999999</v>
      </c>
    </row>
    <row r="27361" spans="1:3" x14ac:dyDescent="0.25">
      <c r="A27361" s="2" t="s">
        <v>15774</v>
      </c>
      <c r="B27361" s="6">
        <v>455494.05</v>
      </c>
      <c r="C27361" s="7">
        <f t="shared" si="427"/>
        <v>455.49405000000002</v>
      </c>
    </row>
    <row r="27362" spans="1:3" x14ac:dyDescent="0.25">
      <c r="A27362" s="2" t="s">
        <v>15775</v>
      </c>
      <c r="B27362" s="6">
        <v>455510.69999999995</v>
      </c>
      <c r="C27362" s="7">
        <f t="shared" si="427"/>
        <v>455.51069999999993</v>
      </c>
    </row>
    <row r="27363" spans="1:3" x14ac:dyDescent="0.25">
      <c r="A27363" s="2" t="s">
        <v>15776</v>
      </c>
      <c r="B27363" s="6">
        <v>455527.35</v>
      </c>
      <c r="C27363" s="7">
        <f t="shared" si="427"/>
        <v>455.52734999999996</v>
      </c>
    </row>
    <row r="27364" spans="1:3" x14ac:dyDescent="0.25">
      <c r="A27364" s="2" t="s">
        <v>15777</v>
      </c>
      <c r="B27364" s="6">
        <v>455543.99999999994</v>
      </c>
      <c r="C27364" s="7">
        <f t="shared" si="427"/>
        <v>455.54399999999993</v>
      </c>
    </row>
    <row r="27365" spans="1:3" x14ac:dyDescent="0.25">
      <c r="A27365" s="2" t="s">
        <v>15778</v>
      </c>
      <c r="B27365" s="6">
        <v>455560.64999999997</v>
      </c>
      <c r="C27365" s="7">
        <f t="shared" si="427"/>
        <v>455.56064999999995</v>
      </c>
    </row>
    <row r="27366" spans="1:3" x14ac:dyDescent="0.25">
      <c r="A27366" s="2" t="s">
        <v>15779</v>
      </c>
      <c r="B27366" s="6">
        <v>455577.3</v>
      </c>
      <c r="C27366" s="7">
        <f t="shared" si="427"/>
        <v>455.57729999999998</v>
      </c>
    </row>
    <row r="27367" spans="1:3" x14ac:dyDescent="0.25">
      <c r="A27367" s="2" t="s">
        <v>15780</v>
      </c>
      <c r="B27367" s="6">
        <v>455593.94999999995</v>
      </c>
      <c r="C27367" s="7">
        <f t="shared" si="427"/>
        <v>455.59394999999995</v>
      </c>
    </row>
    <row r="27368" spans="1:3" x14ac:dyDescent="0.25">
      <c r="A27368" s="2" t="s">
        <v>15781</v>
      </c>
      <c r="B27368" s="6">
        <v>455610.6</v>
      </c>
      <c r="C27368" s="7">
        <f t="shared" si="427"/>
        <v>455.61059999999998</v>
      </c>
    </row>
    <row r="27369" spans="1:3" x14ac:dyDescent="0.25">
      <c r="A27369" s="2" t="s">
        <v>15782</v>
      </c>
      <c r="B27369" s="6">
        <v>455627.24999999994</v>
      </c>
      <c r="C27369" s="7">
        <f t="shared" si="427"/>
        <v>455.62724999999995</v>
      </c>
    </row>
    <row r="27370" spans="1:3" x14ac:dyDescent="0.25">
      <c r="A27370" s="2" t="s">
        <v>15783</v>
      </c>
      <c r="B27370" s="6">
        <v>455643.89999999997</v>
      </c>
      <c r="C27370" s="7">
        <f t="shared" si="427"/>
        <v>455.64389999999997</v>
      </c>
    </row>
    <row r="27371" spans="1:3" x14ac:dyDescent="0.25">
      <c r="A27371" s="2" t="s">
        <v>15784</v>
      </c>
      <c r="B27371" s="6">
        <v>455660.55</v>
      </c>
      <c r="C27371" s="7">
        <f t="shared" si="427"/>
        <v>455.66055</v>
      </c>
    </row>
    <row r="27372" spans="1:3" x14ac:dyDescent="0.25">
      <c r="A27372" s="2" t="s">
        <v>15785</v>
      </c>
      <c r="B27372" s="6">
        <v>455677.19999999995</v>
      </c>
      <c r="C27372" s="7">
        <f t="shared" si="427"/>
        <v>455.67719999999997</v>
      </c>
    </row>
    <row r="27373" spans="1:3" x14ac:dyDescent="0.25">
      <c r="A27373" s="2" t="s">
        <v>15786</v>
      </c>
      <c r="B27373" s="6">
        <v>455693.85</v>
      </c>
      <c r="C27373" s="7">
        <f t="shared" si="427"/>
        <v>455.69385</v>
      </c>
    </row>
    <row r="27374" spans="1:3" x14ac:dyDescent="0.25">
      <c r="A27374" s="2" t="s">
        <v>15787</v>
      </c>
      <c r="B27374" s="6">
        <v>455710.49999999994</v>
      </c>
      <c r="C27374" s="7">
        <f t="shared" si="427"/>
        <v>455.71049999999997</v>
      </c>
    </row>
    <row r="27375" spans="1:3" x14ac:dyDescent="0.25">
      <c r="A27375" s="2" t="s">
        <v>15788</v>
      </c>
      <c r="B27375" s="6">
        <v>455727.14999999997</v>
      </c>
      <c r="C27375" s="7">
        <f t="shared" si="427"/>
        <v>455.72714999999994</v>
      </c>
    </row>
    <row r="27376" spans="1:3" x14ac:dyDescent="0.25">
      <c r="A27376" s="2" t="s">
        <v>15789</v>
      </c>
      <c r="B27376" s="6">
        <v>455743.8</v>
      </c>
      <c r="C27376" s="7">
        <f t="shared" si="427"/>
        <v>455.74379999999996</v>
      </c>
    </row>
    <row r="27377" spans="1:3" x14ac:dyDescent="0.25">
      <c r="A27377" s="2" t="s">
        <v>15790</v>
      </c>
      <c r="B27377" s="6">
        <v>455760.44999999995</v>
      </c>
      <c r="C27377" s="7">
        <f t="shared" si="427"/>
        <v>455.76044999999993</v>
      </c>
    </row>
    <row r="27378" spans="1:3" x14ac:dyDescent="0.25">
      <c r="A27378" s="2" t="s">
        <v>15791</v>
      </c>
      <c r="B27378" s="6">
        <v>455777.1</v>
      </c>
      <c r="C27378" s="7">
        <f t="shared" si="427"/>
        <v>455.77709999999996</v>
      </c>
    </row>
    <row r="27379" spans="1:3" x14ac:dyDescent="0.25">
      <c r="A27379" s="2" t="s">
        <v>15792</v>
      </c>
      <c r="B27379" s="6">
        <v>455793.74999999994</v>
      </c>
      <c r="C27379" s="7">
        <f t="shared" si="427"/>
        <v>455.79374999999993</v>
      </c>
    </row>
    <row r="27380" spans="1:3" x14ac:dyDescent="0.25">
      <c r="A27380" s="2" t="s">
        <v>15793</v>
      </c>
      <c r="B27380" s="6">
        <v>455810.39999999997</v>
      </c>
      <c r="C27380" s="7">
        <f t="shared" si="427"/>
        <v>455.81039999999996</v>
      </c>
    </row>
    <row r="27381" spans="1:3" x14ac:dyDescent="0.25">
      <c r="A27381" s="2" t="s">
        <v>15794</v>
      </c>
      <c r="B27381" s="6">
        <v>455827.05</v>
      </c>
      <c r="C27381" s="7">
        <f t="shared" si="427"/>
        <v>455.82704999999999</v>
      </c>
    </row>
    <row r="27382" spans="1:3" x14ac:dyDescent="0.25">
      <c r="A27382" s="2" t="s">
        <v>15795</v>
      </c>
      <c r="B27382" s="6">
        <v>455843.69999999995</v>
      </c>
      <c r="C27382" s="7">
        <f t="shared" si="427"/>
        <v>455.84369999999996</v>
      </c>
    </row>
    <row r="27383" spans="1:3" x14ac:dyDescent="0.25">
      <c r="A27383" s="2" t="s">
        <v>15796</v>
      </c>
      <c r="B27383" s="6">
        <v>455860.35</v>
      </c>
      <c r="C27383" s="7">
        <f t="shared" si="427"/>
        <v>455.86034999999998</v>
      </c>
    </row>
    <row r="27384" spans="1:3" x14ac:dyDescent="0.25">
      <c r="A27384" s="2" t="s">
        <v>15797</v>
      </c>
      <c r="B27384" s="6">
        <v>455876.99999999994</v>
      </c>
      <c r="C27384" s="7">
        <f t="shared" si="427"/>
        <v>455.87699999999995</v>
      </c>
    </row>
    <row r="27385" spans="1:3" x14ac:dyDescent="0.25">
      <c r="A27385" s="2" t="s">
        <v>15798</v>
      </c>
      <c r="B27385" s="6">
        <v>455893.64999999997</v>
      </c>
      <c r="C27385" s="7">
        <f t="shared" si="427"/>
        <v>455.89364999999998</v>
      </c>
    </row>
    <row r="27386" spans="1:3" x14ac:dyDescent="0.25">
      <c r="A27386" s="2" t="s">
        <v>15799</v>
      </c>
      <c r="B27386" s="6">
        <v>455910.3</v>
      </c>
      <c r="C27386" s="7">
        <f t="shared" si="427"/>
        <v>455.91030000000001</v>
      </c>
    </row>
    <row r="27387" spans="1:3" x14ac:dyDescent="0.25">
      <c r="A27387" s="2" t="s">
        <v>15800</v>
      </c>
      <c r="B27387" s="6">
        <v>455926.94999999995</v>
      </c>
      <c r="C27387" s="7">
        <f t="shared" si="427"/>
        <v>455.92694999999998</v>
      </c>
    </row>
    <row r="27388" spans="1:3" x14ac:dyDescent="0.25">
      <c r="A27388" s="2" t="s">
        <v>15801</v>
      </c>
      <c r="B27388" s="6">
        <v>455943.6</v>
      </c>
      <c r="C27388" s="7">
        <f t="shared" si="427"/>
        <v>455.9436</v>
      </c>
    </row>
    <row r="27389" spans="1:3" x14ac:dyDescent="0.25">
      <c r="A27389" s="2" t="s">
        <v>15802</v>
      </c>
      <c r="B27389" s="6">
        <v>455960.24999999994</v>
      </c>
      <c r="C27389" s="7">
        <f t="shared" si="427"/>
        <v>455.96024999999992</v>
      </c>
    </row>
    <row r="27390" spans="1:3" x14ac:dyDescent="0.25">
      <c r="A27390" s="2" t="s">
        <v>15803</v>
      </c>
      <c r="B27390" s="6">
        <v>455976.89999999997</v>
      </c>
      <c r="C27390" s="7">
        <f t="shared" si="427"/>
        <v>455.97689999999994</v>
      </c>
    </row>
    <row r="27391" spans="1:3" x14ac:dyDescent="0.25">
      <c r="A27391" s="2" t="s">
        <v>15804</v>
      </c>
      <c r="B27391" s="6">
        <v>455993.55</v>
      </c>
      <c r="C27391" s="7">
        <f t="shared" si="427"/>
        <v>455.99354999999997</v>
      </c>
    </row>
    <row r="27392" spans="1:3" x14ac:dyDescent="0.25">
      <c r="A27392" s="2" t="s">
        <v>15805</v>
      </c>
      <c r="B27392" s="6">
        <v>456010.19999999995</v>
      </c>
      <c r="C27392" s="7">
        <f t="shared" si="427"/>
        <v>456.01019999999994</v>
      </c>
    </row>
    <row r="27393" spans="1:3" x14ac:dyDescent="0.25">
      <c r="A27393" s="2" t="s">
        <v>15806</v>
      </c>
      <c r="B27393" s="6">
        <v>456026.85</v>
      </c>
      <c r="C27393" s="7">
        <f t="shared" si="427"/>
        <v>456.02684999999997</v>
      </c>
    </row>
    <row r="27394" spans="1:3" x14ac:dyDescent="0.25">
      <c r="A27394" s="2" t="s">
        <v>15807</v>
      </c>
      <c r="B27394" s="6">
        <v>456043.49999999994</v>
      </c>
      <c r="C27394" s="7">
        <f t="shared" si="427"/>
        <v>456.04349999999994</v>
      </c>
    </row>
    <row r="27395" spans="1:3" x14ac:dyDescent="0.25">
      <c r="A27395" s="2" t="s">
        <v>15808</v>
      </c>
      <c r="B27395" s="6">
        <v>456060.14999999997</v>
      </c>
      <c r="C27395" s="7">
        <f t="shared" ref="C27395:C27458" si="428">B27395/1000</f>
        <v>456.06014999999996</v>
      </c>
    </row>
    <row r="27396" spans="1:3" x14ac:dyDescent="0.25">
      <c r="A27396" s="2" t="s">
        <v>15809</v>
      </c>
      <c r="B27396" s="6">
        <v>456076.79999999999</v>
      </c>
      <c r="C27396" s="7">
        <f t="shared" si="428"/>
        <v>456.07679999999999</v>
      </c>
    </row>
    <row r="27397" spans="1:3" x14ac:dyDescent="0.25">
      <c r="A27397" s="2" t="s">
        <v>15810</v>
      </c>
      <c r="B27397" s="6">
        <v>456093.44999999995</v>
      </c>
      <c r="C27397" s="7">
        <f t="shared" si="428"/>
        <v>456.09344999999996</v>
      </c>
    </row>
    <row r="27398" spans="1:3" x14ac:dyDescent="0.25">
      <c r="A27398" s="2" t="s">
        <v>15811</v>
      </c>
      <c r="B27398" s="6">
        <v>456110.1</v>
      </c>
      <c r="C27398" s="7">
        <f t="shared" si="428"/>
        <v>456.11009999999999</v>
      </c>
    </row>
    <row r="27399" spans="1:3" x14ac:dyDescent="0.25">
      <c r="A27399" s="2" t="s">
        <v>15812</v>
      </c>
      <c r="B27399" s="6">
        <v>456126.74999999994</v>
      </c>
      <c r="C27399" s="7">
        <f t="shared" si="428"/>
        <v>456.12674999999996</v>
      </c>
    </row>
    <row r="27400" spans="1:3" x14ac:dyDescent="0.25">
      <c r="A27400" s="2" t="s">
        <v>15813</v>
      </c>
      <c r="B27400" s="6">
        <v>456143.39999999997</v>
      </c>
      <c r="C27400" s="7">
        <f t="shared" si="428"/>
        <v>456.14339999999999</v>
      </c>
    </row>
    <row r="27401" spans="1:3" x14ac:dyDescent="0.25">
      <c r="A27401" s="2" t="s">
        <v>15814</v>
      </c>
      <c r="B27401" s="6">
        <v>456160.05</v>
      </c>
      <c r="C27401" s="7">
        <f t="shared" si="428"/>
        <v>456.16005000000001</v>
      </c>
    </row>
    <row r="27402" spans="1:3" x14ac:dyDescent="0.25">
      <c r="A27402" s="2" t="s">
        <v>15815</v>
      </c>
      <c r="B27402" s="6">
        <v>456176.69999999995</v>
      </c>
      <c r="C27402" s="7">
        <f t="shared" si="428"/>
        <v>456.17669999999993</v>
      </c>
    </row>
    <row r="27403" spans="1:3" x14ac:dyDescent="0.25">
      <c r="A27403" s="2" t="s">
        <v>15816</v>
      </c>
      <c r="B27403" s="6">
        <v>456193.35</v>
      </c>
      <c r="C27403" s="7">
        <f t="shared" si="428"/>
        <v>456.19334999999995</v>
      </c>
    </row>
    <row r="27404" spans="1:3" x14ac:dyDescent="0.25">
      <c r="A27404" s="2" t="s">
        <v>15817</v>
      </c>
      <c r="B27404" s="6">
        <v>456209.99999999994</v>
      </c>
      <c r="C27404" s="7">
        <f t="shared" si="428"/>
        <v>456.20999999999992</v>
      </c>
    </row>
    <row r="27405" spans="1:3" x14ac:dyDescent="0.25">
      <c r="A27405" s="2" t="s">
        <v>15818</v>
      </c>
      <c r="B27405" s="6">
        <v>456226.64999999997</v>
      </c>
      <c r="C27405" s="7">
        <f t="shared" si="428"/>
        <v>456.22664999999995</v>
      </c>
    </row>
    <row r="27406" spans="1:3" x14ac:dyDescent="0.25">
      <c r="A27406" s="2" t="s">
        <v>15819</v>
      </c>
      <c r="B27406" s="6">
        <v>456243.3</v>
      </c>
      <c r="C27406" s="7">
        <f t="shared" si="428"/>
        <v>456.24329999999998</v>
      </c>
    </row>
    <row r="27407" spans="1:3" x14ac:dyDescent="0.25">
      <c r="A27407" s="2" t="s">
        <v>15820</v>
      </c>
      <c r="B27407" s="6">
        <v>456259.94999999995</v>
      </c>
      <c r="C27407" s="7">
        <f t="shared" si="428"/>
        <v>456.25994999999995</v>
      </c>
    </row>
    <row r="27408" spans="1:3" x14ac:dyDescent="0.25">
      <c r="A27408" s="2" t="s">
        <v>15821</v>
      </c>
      <c r="B27408" s="6">
        <v>456276.6</v>
      </c>
      <c r="C27408" s="7">
        <f t="shared" si="428"/>
        <v>456.27659999999997</v>
      </c>
    </row>
    <row r="27409" spans="1:3" x14ac:dyDescent="0.25">
      <c r="A27409" s="2" t="s">
        <v>15822</v>
      </c>
      <c r="B27409" s="6">
        <v>456293.24999999994</v>
      </c>
      <c r="C27409" s="7">
        <f t="shared" si="428"/>
        <v>456.29324999999994</v>
      </c>
    </row>
    <row r="27410" spans="1:3" x14ac:dyDescent="0.25">
      <c r="A27410" s="2" t="s">
        <v>15823</v>
      </c>
      <c r="B27410" s="6">
        <v>456309.89999999997</v>
      </c>
      <c r="C27410" s="7">
        <f t="shared" si="428"/>
        <v>456.30989999999997</v>
      </c>
    </row>
    <row r="27411" spans="1:3" x14ac:dyDescent="0.25">
      <c r="A27411" s="2" t="s">
        <v>15824</v>
      </c>
      <c r="B27411" s="6">
        <v>456326.55</v>
      </c>
      <c r="C27411" s="7">
        <f t="shared" si="428"/>
        <v>456.32655</v>
      </c>
    </row>
    <row r="27412" spans="1:3" x14ac:dyDescent="0.25">
      <c r="A27412" s="2" t="s">
        <v>15825</v>
      </c>
      <c r="B27412" s="6">
        <v>456343.19999999995</v>
      </c>
      <c r="C27412" s="7">
        <f t="shared" si="428"/>
        <v>456.34319999999997</v>
      </c>
    </row>
    <row r="27413" spans="1:3" x14ac:dyDescent="0.25">
      <c r="A27413" s="2" t="s">
        <v>15826</v>
      </c>
      <c r="B27413" s="6">
        <v>456359.85</v>
      </c>
      <c r="C27413" s="7">
        <f t="shared" si="428"/>
        <v>456.35984999999999</v>
      </c>
    </row>
    <row r="27414" spans="1:3" x14ac:dyDescent="0.25">
      <c r="A27414" s="2" t="s">
        <v>15827</v>
      </c>
      <c r="B27414" s="6">
        <v>456376.49999999994</v>
      </c>
      <c r="C27414" s="7">
        <f t="shared" si="428"/>
        <v>456.37649999999996</v>
      </c>
    </row>
    <row r="27415" spans="1:3" x14ac:dyDescent="0.25">
      <c r="A27415" s="2" t="s">
        <v>15828</v>
      </c>
      <c r="B27415" s="6">
        <v>456393.14999999997</v>
      </c>
      <c r="C27415" s="7">
        <f t="shared" si="428"/>
        <v>456.39314999999999</v>
      </c>
    </row>
    <row r="27416" spans="1:3" x14ac:dyDescent="0.25">
      <c r="A27416" s="2" t="s">
        <v>15829</v>
      </c>
      <c r="B27416" s="6">
        <v>456409.8</v>
      </c>
      <c r="C27416" s="7">
        <f t="shared" si="428"/>
        <v>456.40979999999996</v>
      </c>
    </row>
    <row r="27417" spans="1:3" x14ac:dyDescent="0.25">
      <c r="A27417" s="2" t="s">
        <v>15830</v>
      </c>
      <c r="B27417" s="6">
        <v>456426.44999999995</v>
      </c>
      <c r="C27417" s="7">
        <f t="shared" si="428"/>
        <v>456.42644999999993</v>
      </c>
    </row>
    <row r="27418" spans="1:3" x14ac:dyDescent="0.25">
      <c r="A27418" s="2" t="s">
        <v>15831</v>
      </c>
      <c r="B27418" s="6">
        <v>456443.1</v>
      </c>
      <c r="C27418" s="7">
        <f t="shared" si="428"/>
        <v>456.44309999999996</v>
      </c>
    </row>
    <row r="27419" spans="1:3" x14ac:dyDescent="0.25">
      <c r="A27419" s="2" t="s">
        <v>15832</v>
      </c>
      <c r="B27419" s="6">
        <v>456459.74999999994</v>
      </c>
      <c r="C27419" s="7">
        <f t="shared" si="428"/>
        <v>456.45974999999993</v>
      </c>
    </row>
    <row r="27420" spans="1:3" x14ac:dyDescent="0.25">
      <c r="A27420" s="2" t="s">
        <v>15833</v>
      </c>
      <c r="B27420" s="6">
        <v>456476.39999999997</v>
      </c>
      <c r="C27420" s="7">
        <f t="shared" si="428"/>
        <v>456.47639999999996</v>
      </c>
    </row>
    <row r="27421" spans="1:3" x14ac:dyDescent="0.25">
      <c r="A27421" s="2" t="s">
        <v>15834</v>
      </c>
      <c r="B27421" s="6">
        <v>456493.05</v>
      </c>
      <c r="C27421" s="7">
        <f t="shared" si="428"/>
        <v>456.49304999999998</v>
      </c>
    </row>
    <row r="27422" spans="1:3" x14ac:dyDescent="0.25">
      <c r="A27422" s="2" t="s">
        <v>15835</v>
      </c>
      <c r="B27422" s="6">
        <v>456509.69999999995</v>
      </c>
      <c r="C27422" s="7">
        <f t="shared" si="428"/>
        <v>456.50969999999995</v>
      </c>
    </row>
    <row r="27423" spans="1:3" x14ac:dyDescent="0.25">
      <c r="A27423" s="2" t="s">
        <v>15836</v>
      </c>
      <c r="B27423" s="6">
        <v>456526.35</v>
      </c>
      <c r="C27423" s="7">
        <f t="shared" si="428"/>
        <v>456.52634999999998</v>
      </c>
    </row>
    <row r="27424" spans="1:3" x14ac:dyDescent="0.25">
      <c r="A27424" s="2" t="s">
        <v>15837</v>
      </c>
      <c r="B27424" s="6">
        <v>456542.99999999994</v>
      </c>
      <c r="C27424" s="7">
        <f t="shared" si="428"/>
        <v>456.54299999999995</v>
      </c>
    </row>
    <row r="27425" spans="1:3" x14ac:dyDescent="0.25">
      <c r="A27425" s="2" t="s">
        <v>15838</v>
      </c>
      <c r="B27425" s="6">
        <v>456559.64999999997</v>
      </c>
      <c r="C27425" s="7">
        <f t="shared" si="428"/>
        <v>456.55964999999998</v>
      </c>
    </row>
    <row r="27426" spans="1:3" x14ac:dyDescent="0.25">
      <c r="A27426" s="2" t="s">
        <v>15839</v>
      </c>
      <c r="B27426" s="6">
        <v>456576.3</v>
      </c>
      <c r="C27426" s="7">
        <f t="shared" si="428"/>
        <v>456.5763</v>
      </c>
    </row>
    <row r="27427" spans="1:3" x14ac:dyDescent="0.25">
      <c r="A27427" s="2" t="s">
        <v>15840</v>
      </c>
      <c r="B27427" s="6">
        <v>456592.94999999995</v>
      </c>
      <c r="C27427" s="7">
        <f t="shared" si="428"/>
        <v>456.59294999999997</v>
      </c>
    </row>
    <row r="27428" spans="1:3" x14ac:dyDescent="0.25">
      <c r="A27428" s="2" t="s">
        <v>15841</v>
      </c>
      <c r="B27428" s="6">
        <v>456609.6</v>
      </c>
      <c r="C27428" s="7">
        <f t="shared" si="428"/>
        <v>456.6096</v>
      </c>
    </row>
    <row r="27429" spans="1:3" x14ac:dyDescent="0.25">
      <c r="A27429" s="2" t="s">
        <v>15842</v>
      </c>
      <c r="B27429" s="6">
        <v>456626.24999999994</v>
      </c>
      <c r="C27429" s="7">
        <f t="shared" si="428"/>
        <v>456.62624999999991</v>
      </c>
    </row>
    <row r="27430" spans="1:3" x14ac:dyDescent="0.25">
      <c r="A27430" s="2" t="s">
        <v>15843</v>
      </c>
      <c r="B27430" s="6">
        <v>456642.89999999997</v>
      </c>
      <c r="C27430" s="7">
        <f t="shared" si="428"/>
        <v>456.64289999999994</v>
      </c>
    </row>
    <row r="27431" spans="1:3" x14ac:dyDescent="0.25">
      <c r="A27431" s="2" t="s">
        <v>15844</v>
      </c>
      <c r="B27431" s="6">
        <v>456659.55</v>
      </c>
      <c r="C27431" s="7">
        <f t="shared" si="428"/>
        <v>456.65954999999997</v>
      </c>
    </row>
    <row r="27432" spans="1:3" x14ac:dyDescent="0.25">
      <c r="A27432" s="2" t="s">
        <v>15845</v>
      </c>
      <c r="B27432" s="6">
        <v>456676.19999999995</v>
      </c>
      <c r="C27432" s="7">
        <f t="shared" si="428"/>
        <v>456.67619999999994</v>
      </c>
    </row>
    <row r="27433" spans="1:3" x14ac:dyDescent="0.25">
      <c r="A27433" s="2" t="s">
        <v>15846</v>
      </c>
      <c r="B27433" s="6">
        <v>456692.85</v>
      </c>
      <c r="C27433" s="7">
        <f t="shared" si="428"/>
        <v>456.69284999999996</v>
      </c>
    </row>
    <row r="27434" spans="1:3" x14ac:dyDescent="0.25">
      <c r="A27434" s="2" t="s">
        <v>15847</v>
      </c>
      <c r="B27434" s="6">
        <v>456709.49999999994</v>
      </c>
      <c r="C27434" s="7">
        <f t="shared" si="428"/>
        <v>456.70949999999993</v>
      </c>
    </row>
    <row r="27435" spans="1:3" x14ac:dyDescent="0.25">
      <c r="A27435" s="2" t="s">
        <v>15848</v>
      </c>
      <c r="B27435" s="6">
        <v>456726.14999999997</v>
      </c>
      <c r="C27435" s="7">
        <f t="shared" si="428"/>
        <v>456.72614999999996</v>
      </c>
    </row>
    <row r="27436" spans="1:3" x14ac:dyDescent="0.25">
      <c r="A27436" s="2" t="s">
        <v>15849</v>
      </c>
      <c r="B27436" s="6">
        <v>456742.8</v>
      </c>
      <c r="C27436" s="7">
        <f t="shared" si="428"/>
        <v>456.74279999999999</v>
      </c>
    </row>
    <row r="27437" spans="1:3" x14ac:dyDescent="0.25">
      <c r="A27437" s="2" t="s">
        <v>15850</v>
      </c>
      <c r="B27437" s="6">
        <v>456759.44999999995</v>
      </c>
      <c r="C27437" s="7">
        <f t="shared" si="428"/>
        <v>456.75944999999996</v>
      </c>
    </row>
    <row r="27438" spans="1:3" x14ac:dyDescent="0.25">
      <c r="A27438" s="2" t="s">
        <v>15851</v>
      </c>
      <c r="B27438" s="6">
        <v>456776.1</v>
      </c>
      <c r="C27438" s="7">
        <f t="shared" si="428"/>
        <v>456.77609999999999</v>
      </c>
    </row>
    <row r="27439" spans="1:3" x14ac:dyDescent="0.25">
      <c r="A27439" s="2" t="s">
        <v>15852</v>
      </c>
      <c r="B27439" s="6">
        <v>456792.74999999994</v>
      </c>
      <c r="C27439" s="7">
        <f t="shared" si="428"/>
        <v>456.79274999999996</v>
      </c>
    </row>
    <row r="27440" spans="1:3" x14ac:dyDescent="0.25">
      <c r="A27440" s="2" t="s">
        <v>15853</v>
      </c>
      <c r="B27440" s="6">
        <v>456809.39999999997</v>
      </c>
      <c r="C27440" s="7">
        <f t="shared" si="428"/>
        <v>456.80939999999998</v>
      </c>
    </row>
    <row r="27441" spans="1:3" x14ac:dyDescent="0.25">
      <c r="A27441" s="2" t="s">
        <v>15854</v>
      </c>
      <c r="B27441" s="6">
        <v>456826.05</v>
      </c>
      <c r="C27441" s="7">
        <f t="shared" si="428"/>
        <v>456.82605000000001</v>
      </c>
    </row>
    <row r="27442" spans="1:3" x14ac:dyDescent="0.25">
      <c r="A27442" s="2" t="s">
        <v>15855</v>
      </c>
      <c r="B27442" s="6">
        <v>456842.69999999995</v>
      </c>
      <c r="C27442" s="7">
        <f t="shared" si="428"/>
        <v>456.84269999999998</v>
      </c>
    </row>
    <row r="27443" spans="1:3" x14ac:dyDescent="0.25">
      <c r="A27443" s="2" t="s">
        <v>15856</v>
      </c>
      <c r="B27443" s="6">
        <v>456859.35</v>
      </c>
      <c r="C27443" s="7">
        <f t="shared" si="428"/>
        <v>456.85934999999995</v>
      </c>
    </row>
    <row r="27444" spans="1:3" x14ac:dyDescent="0.25">
      <c r="A27444" s="2" t="s">
        <v>15857</v>
      </c>
      <c r="B27444" s="6">
        <v>456875.99999999994</v>
      </c>
      <c r="C27444" s="7">
        <f t="shared" si="428"/>
        <v>456.87599999999992</v>
      </c>
    </row>
    <row r="27445" spans="1:3" x14ac:dyDescent="0.25">
      <c r="A27445" s="2" t="s">
        <v>15858</v>
      </c>
      <c r="B27445" s="6">
        <v>456892.64999999997</v>
      </c>
      <c r="C27445" s="7">
        <f t="shared" si="428"/>
        <v>456.89264999999995</v>
      </c>
    </row>
    <row r="27446" spans="1:3" x14ac:dyDescent="0.25">
      <c r="A27446" s="2" t="s">
        <v>15859</v>
      </c>
      <c r="B27446" s="6">
        <v>456909.3</v>
      </c>
      <c r="C27446" s="7">
        <f t="shared" si="428"/>
        <v>456.90929999999997</v>
      </c>
    </row>
    <row r="27447" spans="1:3" x14ac:dyDescent="0.25">
      <c r="A27447" s="2" t="s">
        <v>15860</v>
      </c>
      <c r="B27447" s="6">
        <v>456925.94999999995</v>
      </c>
      <c r="C27447" s="7">
        <f t="shared" si="428"/>
        <v>456.92594999999994</v>
      </c>
    </row>
    <row r="27448" spans="1:3" x14ac:dyDescent="0.25">
      <c r="A27448" s="2" t="s">
        <v>15861</v>
      </c>
      <c r="B27448" s="6">
        <v>456942.6</v>
      </c>
      <c r="C27448" s="7">
        <f t="shared" si="428"/>
        <v>456.94259999999997</v>
      </c>
    </row>
    <row r="27449" spans="1:3" x14ac:dyDescent="0.25">
      <c r="A27449" s="2" t="s">
        <v>15862</v>
      </c>
      <c r="B27449" s="6">
        <v>456959.24999999994</v>
      </c>
      <c r="C27449" s="7">
        <f t="shared" si="428"/>
        <v>456.95924999999994</v>
      </c>
    </row>
    <row r="27450" spans="1:3" x14ac:dyDescent="0.25">
      <c r="A27450" s="2" t="s">
        <v>15863</v>
      </c>
      <c r="B27450" s="6">
        <v>456975.89999999997</v>
      </c>
      <c r="C27450" s="7">
        <f t="shared" si="428"/>
        <v>456.97589999999997</v>
      </c>
    </row>
    <row r="27451" spans="1:3" x14ac:dyDescent="0.25">
      <c r="A27451" s="2" t="s">
        <v>15864</v>
      </c>
      <c r="B27451" s="6">
        <v>456992.55</v>
      </c>
      <c r="C27451" s="7">
        <f t="shared" si="428"/>
        <v>456.99254999999999</v>
      </c>
    </row>
    <row r="27452" spans="1:3" x14ac:dyDescent="0.25">
      <c r="A27452" s="2" t="s">
        <v>15865</v>
      </c>
      <c r="B27452" s="6">
        <v>457009.19999999995</v>
      </c>
      <c r="C27452" s="7">
        <f t="shared" si="428"/>
        <v>457.00919999999996</v>
      </c>
    </row>
    <row r="27453" spans="1:3" x14ac:dyDescent="0.25">
      <c r="A27453" s="2" t="s">
        <v>15866</v>
      </c>
      <c r="B27453" s="6">
        <v>457025.85</v>
      </c>
      <c r="C27453" s="7">
        <f t="shared" si="428"/>
        <v>457.02584999999999</v>
      </c>
    </row>
    <row r="27454" spans="1:3" x14ac:dyDescent="0.25">
      <c r="A27454" s="2" t="s">
        <v>15867</v>
      </c>
      <c r="B27454" s="6">
        <v>457042.49999999994</v>
      </c>
      <c r="C27454" s="7">
        <f t="shared" si="428"/>
        <v>457.04249999999996</v>
      </c>
    </row>
    <row r="27455" spans="1:3" x14ac:dyDescent="0.25">
      <c r="A27455" s="2" t="s">
        <v>15868</v>
      </c>
      <c r="B27455" s="6">
        <v>457059.14999999997</v>
      </c>
      <c r="C27455" s="7">
        <f t="shared" si="428"/>
        <v>457.05914999999999</v>
      </c>
    </row>
    <row r="27456" spans="1:3" x14ac:dyDescent="0.25">
      <c r="A27456" s="2" t="s">
        <v>15869</v>
      </c>
      <c r="B27456" s="6">
        <v>457075.8</v>
      </c>
      <c r="C27456" s="7">
        <f t="shared" si="428"/>
        <v>457.07580000000002</v>
      </c>
    </row>
    <row r="27457" spans="1:3" x14ac:dyDescent="0.25">
      <c r="A27457" s="2" t="s">
        <v>15870</v>
      </c>
      <c r="B27457" s="6">
        <v>457092.44999999995</v>
      </c>
      <c r="C27457" s="7">
        <f t="shared" si="428"/>
        <v>457.09244999999993</v>
      </c>
    </row>
    <row r="27458" spans="1:3" x14ac:dyDescent="0.25">
      <c r="A27458" s="2" t="s">
        <v>15871</v>
      </c>
      <c r="B27458" s="6">
        <v>457109.1</v>
      </c>
      <c r="C27458" s="7">
        <f t="shared" si="428"/>
        <v>457.10909999999996</v>
      </c>
    </row>
    <row r="27459" spans="1:3" x14ac:dyDescent="0.25">
      <c r="A27459" s="2" t="s">
        <v>15872</v>
      </c>
      <c r="B27459" s="6">
        <v>457125.74999999994</v>
      </c>
      <c r="C27459" s="7">
        <f t="shared" ref="C27459:C27522" si="429">B27459/1000</f>
        <v>457.12574999999993</v>
      </c>
    </row>
    <row r="27460" spans="1:3" x14ac:dyDescent="0.25">
      <c r="A27460" s="2" t="s">
        <v>15873</v>
      </c>
      <c r="B27460" s="6">
        <v>457142.39999999997</v>
      </c>
      <c r="C27460" s="7">
        <f t="shared" si="429"/>
        <v>457.14239999999995</v>
      </c>
    </row>
    <row r="27461" spans="1:3" x14ac:dyDescent="0.25">
      <c r="A27461" s="2" t="s">
        <v>15874</v>
      </c>
      <c r="B27461" s="6">
        <v>457159.05</v>
      </c>
      <c r="C27461" s="7">
        <f t="shared" si="429"/>
        <v>457.15904999999998</v>
      </c>
    </row>
    <row r="27462" spans="1:3" x14ac:dyDescent="0.25">
      <c r="A27462" s="2" t="s">
        <v>15875</v>
      </c>
      <c r="B27462" s="6">
        <v>457175.69999999995</v>
      </c>
      <c r="C27462" s="7">
        <f t="shared" si="429"/>
        <v>457.17569999999995</v>
      </c>
    </row>
    <row r="27463" spans="1:3" x14ac:dyDescent="0.25">
      <c r="A27463" s="2" t="s">
        <v>15876</v>
      </c>
      <c r="B27463" s="6">
        <v>457192.35</v>
      </c>
      <c r="C27463" s="7">
        <f t="shared" si="429"/>
        <v>457.19234999999998</v>
      </c>
    </row>
    <row r="27464" spans="1:3" x14ac:dyDescent="0.25">
      <c r="A27464" s="2" t="s">
        <v>15877</v>
      </c>
      <c r="B27464" s="6">
        <v>457208.99999999994</v>
      </c>
      <c r="C27464" s="7">
        <f t="shared" si="429"/>
        <v>457.20899999999995</v>
      </c>
    </row>
    <row r="27465" spans="1:3" x14ac:dyDescent="0.25">
      <c r="A27465" s="2" t="s">
        <v>15878</v>
      </c>
      <c r="B27465" s="6">
        <v>457225.64999999997</v>
      </c>
      <c r="C27465" s="7">
        <f t="shared" si="429"/>
        <v>457.22564999999997</v>
      </c>
    </row>
    <row r="27466" spans="1:3" x14ac:dyDescent="0.25">
      <c r="A27466" s="2" t="s">
        <v>15879</v>
      </c>
      <c r="B27466" s="6">
        <v>457242.3</v>
      </c>
      <c r="C27466" s="7">
        <f t="shared" si="429"/>
        <v>457.2423</v>
      </c>
    </row>
    <row r="27467" spans="1:3" x14ac:dyDescent="0.25">
      <c r="A27467" s="2" t="s">
        <v>15880</v>
      </c>
      <c r="B27467" s="6">
        <v>457258.94999999995</v>
      </c>
      <c r="C27467" s="7">
        <f t="shared" si="429"/>
        <v>457.25894999999997</v>
      </c>
    </row>
    <row r="27468" spans="1:3" x14ac:dyDescent="0.25">
      <c r="A27468" s="2" t="s">
        <v>15881</v>
      </c>
      <c r="B27468" s="6">
        <v>457275.6</v>
      </c>
      <c r="C27468" s="7">
        <f t="shared" si="429"/>
        <v>457.2756</v>
      </c>
    </row>
    <row r="27469" spans="1:3" x14ac:dyDescent="0.25">
      <c r="A27469" s="2" t="s">
        <v>15882</v>
      </c>
      <c r="B27469" s="6">
        <v>457292.24999999994</v>
      </c>
      <c r="C27469" s="7">
        <f t="shared" si="429"/>
        <v>457.29224999999997</v>
      </c>
    </row>
    <row r="27470" spans="1:3" x14ac:dyDescent="0.25">
      <c r="A27470" s="2" t="s">
        <v>15883</v>
      </c>
      <c r="B27470" s="6">
        <v>457308.89999999997</v>
      </c>
      <c r="C27470" s="7">
        <f t="shared" si="429"/>
        <v>457.30889999999994</v>
      </c>
    </row>
    <row r="27471" spans="1:3" x14ac:dyDescent="0.25">
      <c r="A27471" s="2" t="s">
        <v>15884</v>
      </c>
      <c r="B27471" s="6">
        <v>457325.55</v>
      </c>
      <c r="C27471" s="7">
        <f t="shared" si="429"/>
        <v>457.32554999999996</v>
      </c>
    </row>
    <row r="27472" spans="1:3" x14ac:dyDescent="0.25">
      <c r="A27472" s="2" t="s">
        <v>15885</v>
      </c>
      <c r="B27472" s="6">
        <v>457342.19999999995</v>
      </c>
      <c r="C27472" s="7">
        <f t="shared" si="429"/>
        <v>457.34219999999993</v>
      </c>
    </row>
    <row r="27473" spans="1:3" x14ac:dyDescent="0.25">
      <c r="A27473" s="2" t="s">
        <v>15886</v>
      </c>
      <c r="B27473" s="6">
        <v>457358.85</v>
      </c>
      <c r="C27473" s="7">
        <f t="shared" si="429"/>
        <v>457.35884999999996</v>
      </c>
    </row>
    <row r="27474" spans="1:3" x14ac:dyDescent="0.25">
      <c r="A27474" s="2" t="s">
        <v>15887</v>
      </c>
      <c r="B27474" s="6">
        <v>457375.49999999994</v>
      </c>
      <c r="C27474" s="7">
        <f t="shared" si="429"/>
        <v>457.37549999999993</v>
      </c>
    </row>
    <row r="27475" spans="1:3" x14ac:dyDescent="0.25">
      <c r="A27475" s="2" t="s">
        <v>15888</v>
      </c>
      <c r="B27475" s="6">
        <v>457392.14999999997</v>
      </c>
      <c r="C27475" s="7">
        <f t="shared" si="429"/>
        <v>457.39214999999996</v>
      </c>
    </row>
    <row r="27476" spans="1:3" x14ac:dyDescent="0.25">
      <c r="A27476" s="2" t="s">
        <v>15889</v>
      </c>
      <c r="B27476" s="6">
        <v>457408.8</v>
      </c>
      <c r="C27476" s="7">
        <f t="shared" si="429"/>
        <v>457.40879999999999</v>
      </c>
    </row>
    <row r="27477" spans="1:3" x14ac:dyDescent="0.25">
      <c r="A27477" s="2" t="s">
        <v>15890</v>
      </c>
      <c r="B27477" s="6">
        <v>457425.44999999995</v>
      </c>
      <c r="C27477" s="7">
        <f t="shared" si="429"/>
        <v>457.42544999999996</v>
      </c>
    </row>
    <row r="27478" spans="1:3" x14ac:dyDescent="0.25">
      <c r="A27478" s="2" t="s">
        <v>15891</v>
      </c>
      <c r="B27478" s="6">
        <v>457442.1</v>
      </c>
      <c r="C27478" s="7">
        <f t="shared" si="429"/>
        <v>457.44209999999998</v>
      </c>
    </row>
    <row r="27479" spans="1:3" x14ac:dyDescent="0.25">
      <c r="A27479" s="2" t="s">
        <v>15892</v>
      </c>
      <c r="B27479" s="6">
        <v>457458.74999999994</v>
      </c>
      <c r="C27479" s="7">
        <f t="shared" si="429"/>
        <v>457.45874999999995</v>
      </c>
    </row>
    <row r="27480" spans="1:3" x14ac:dyDescent="0.25">
      <c r="A27480" s="2" t="s">
        <v>15893</v>
      </c>
      <c r="B27480" s="6">
        <v>457475.39999999997</v>
      </c>
      <c r="C27480" s="7">
        <f t="shared" si="429"/>
        <v>457.47539999999998</v>
      </c>
    </row>
    <row r="27481" spans="1:3" x14ac:dyDescent="0.25">
      <c r="A27481" s="2" t="s">
        <v>15894</v>
      </c>
      <c r="B27481" s="6">
        <v>457492.05</v>
      </c>
      <c r="C27481" s="7">
        <f t="shared" si="429"/>
        <v>457.49205000000001</v>
      </c>
    </row>
    <row r="27482" spans="1:3" x14ac:dyDescent="0.25">
      <c r="A27482" s="2" t="s">
        <v>15895</v>
      </c>
      <c r="B27482" s="6">
        <v>457508.69999999995</v>
      </c>
      <c r="C27482" s="7">
        <f t="shared" si="429"/>
        <v>457.50869999999998</v>
      </c>
    </row>
    <row r="27483" spans="1:3" x14ac:dyDescent="0.25">
      <c r="A27483" s="2" t="s">
        <v>15896</v>
      </c>
      <c r="B27483" s="6">
        <v>457525.35</v>
      </c>
      <c r="C27483" s="7">
        <f t="shared" si="429"/>
        <v>457.52535</v>
      </c>
    </row>
    <row r="27484" spans="1:3" x14ac:dyDescent="0.25">
      <c r="A27484" s="2" t="s">
        <v>15897</v>
      </c>
      <c r="B27484" s="6">
        <v>457541.99999999994</v>
      </c>
      <c r="C27484" s="7">
        <f t="shared" si="429"/>
        <v>457.54199999999992</v>
      </c>
    </row>
    <row r="27485" spans="1:3" x14ac:dyDescent="0.25">
      <c r="A27485" s="2" t="s">
        <v>15898</v>
      </c>
      <c r="B27485" s="6">
        <v>457558.64999999997</v>
      </c>
      <c r="C27485" s="7">
        <f t="shared" si="429"/>
        <v>457.55864999999994</v>
      </c>
    </row>
    <row r="27486" spans="1:3" x14ac:dyDescent="0.25">
      <c r="A27486" s="2" t="s">
        <v>15899</v>
      </c>
      <c r="B27486" s="6">
        <v>457575.3</v>
      </c>
      <c r="C27486" s="7">
        <f t="shared" si="429"/>
        <v>457.57529999999997</v>
      </c>
    </row>
    <row r="27487" spans="1:3" x14ac:dyDescent="0.25">
      <c r="A27487" s="2" t="s">
        <v>15900</v>
      </c>
      <c r="B27487" s="6">
        <v>457591.94999999995</v>
      </c>
      <c r="C27487" s="7">
        <f t="shared" si="429"/>
        <v>457.59194999999994</v>
      </c>
    </row>
    <row r="27488" spans="1:3" x14ac:dyDescent="0.25">
      <c r="A27488" s="2" t="s">
        <v>15901</v>
      </c>
      <c r="B27488" s="6">
        <v>457608.6</v>
      </c>
      <c r="C27488" s="7">
        <f t="shared" si="429"/>
        <v>457.60859999999997</v>
      </c>
    </row>
    <row r="27489" spans="1:3" x14ac:dyDescent="0.25">
      <c r="A27489" s="2" t="s">
        <v>15902</v>
      </c>
      <c r="B27489" s="6">
        <v>457625.24999999994</v>
      </c>
      <c r="C27489" s="7">
        <f t="shared" si="429"/>
        <v>457.62524999999994</v>
      </c>
    </row>
    <row r="27490" spans="1:3" x14ac:dyDescent="0.25">
      <c r="A27490" s="2" t="s">
        <v>15903</v>
      </c>
      <c r="B27490" s="6">
        <v>457641.89999999997</v>
      </c>
      <c r="C27490" s="7">
        <f t="shared" si="429"/>
        <v>457.64189999999996</v>
      </c>
    </row>
    <row r="27491" spans="1:3" x14ac:dyDescent="0.25">
      <c r="A27491" s="2" t="s">
        <v>15904</v>
      </c>
      <c r="B27491" s="6">
        <v>457658.55</v>
      </c>
      <c r="C27491" s="7">
        <f t="shared" si="429"/>
        <v>457.65854999999999</v>
      </c>
    </row>
    <row r="27492" spans="1:3" x14ac:dyDescent="0.25">
      <c r="A27492" s="2" t="s">
        <v>15905</v>
      </c>
      <c r="B27492" s="6">
        <v>457675.19999999995</v>
      </c>
      <c r="C27492" s="7">
        <f t="shared" si="429"/>
        <v>457.67519999999996</v>
      </c>
    </row>
    <row r="27493" spans="1:3" x14ac:dyDescent="0.25">
      <c r="A27493" s="2" t="s">
        <v>15906</v>
      </c>
      <c r="B27493" s="6">
        <v>457691.85</v>
      </c>
      <c r="C27493" s="7">
        <f t="shared" si="429"/>
        <v>457.69184999999999</v>
      </c>
    </row>
    <row r="27494" spans="1:3" x14ac:dyDescent="0.25">
      <c r="A27494" s="2" t="s">
        <v>15907</v>
      </c>
      <c r="B27494" s="6">
        <v>457708.49999999994</v>
      </c>
      <c r="C27494" s="7">
        <f t="shared" si="429"/>
        <v>457.70849999999996</v>
      </c>
    </row>
    <row r="27495" spans="1:3" x14ac:dyDescent="0.25">
      <c r="A27495" s="2" t="s">
        <v>15908</v>
      </c>
      <c r="B27495" s="6">
        <v>457725.14999999997</v>
      </c>
      <c r="C27495" s="7">
        <f t="shared" si="429"/>
        <v>457.72514999999999</v>
      </c>
    </row>
    <row r="27496" spans="1:3" x14ac:dyDescent="0.25">
      <c r="A27496" s="2" t="s">
        <v>15909</v>
      </c>
      <c r="B27496" s="6">
        <v>457741.8</v>
      </c>
      <c r="C27496" s="7">
        <f t="shared" si="429"/>
        <v>457.74180000000001</v>
      </c>
    </row>
    <row r="27497" spans="1:3" x14ac:dyDescent="0.25">
      <c r="A27497" s="2" t="s">
        <v>15910</v>
      </c>
      <c r="B27497" s="6">
        <v>457758.44999999995</v>
      </c>
      <c r="C27497" s="7">
        <f t="shared" si="429"/>
        <v>457.75844999999993</v>
      </c>
    </row>
    <row r="27498" spans="1:3" x14ac:dyDescent="0.25">
      <c r="A27498" s="2" t="s">
        <v>15911</v>
      </c>
      <c r="B27498" s="6">
        <v>457775.1</v>
      </c>
      <c r="C27498" s="7">
        <f t="shared" si="429"/>
        <v>457.77509999999995</v>
      </c>
    </row>
    <row r="27499" spans="1:3" x14ac:dyDescent="0.25">
      <c r="A27499" s="2" t="s">
        <v>15912</v>
      </c>
      <c r="B27499" s="6">
        <v>457791.74999999994</v>
      </c>
      <c r="C27499" s="7">
        <f t="shared" si="429"/>
        <v>457.79174999999992</v>
      </c>
    </row>
    <row r="27500" spans="1:3" x14ac:dyDescent="0.25">
      <c r="A27500" s="2" t="s">
        <v>15913</v>
      </c>
      <c r="B27500" s="6">
        <v>457808.39999999997</v>
      </c>
      <c r="C27500" s="7">
        <f t="shared" si="429"/>
        <v>457.80839999999995</v>
      </c>
    </row>
    <row r="27501" spans="1:3" x14ac:dyDescent="0.25">
      <c r="A27501" s="2" t="s">
        <v>15914</v>
      </c>
      <c r="B27501" s="6">
        <v>457825.05</v>
      </c>
      <c r="C27501" s="7">
        <f t="shared" si="429"/>
        <v>457.82504999999998</v>
      </c>
    </row>
    <row r="27502" spans="1:3" x14ac:dyDescent="0.25">
      <c r="A27502" s="2" t="s">
        <v>15915</v>
      </c>
      <c r="B27502" s="6">
        <v>457841.69999999995</v>
      </c>
      <c r="C27502" s="7">
        <f t="shared" si="429"/>
        <v>457.84169999999995</v>
      </c>
    </row>
    <row r="27503" spans="1:3" x14ac:dyDescent="0.25">
      <c r="A27503" s="2" t="s">
        <v>15916</v>
      </c>
      <c r="B27503" s="6">
        <v>457858.35</v>
      </c>
      <c r="C27503" s="7">
        <f t="shared" si="429"/>
        <v>457.85834999999997</v>
      </c>
    </row>
    <row r="27504" spans="1:3" x14ac:dyDescent="0.25">
      <c r="A27504" s="2" t="s">
        <v>15917</v>
      </c>
      <c r="B27504" s="6">
        <v>457874.99999999994</v>
      </c>
      <c r="C27504" s="7">
        <f t="shared" si="429"/>
        <v>457.87499999999994</v>
      </c>
    </row>
    <row r="27505" spans="1:3" x14ac:dyDescent="0.25">
      <c r="A27505" s="2" t="s">
        <v>15918</v>
      </c>
      <c r="B27505" s="6">
        <v>457891.64999999997</v>
      </c>
      <c r="C27505" s="7">
        <f t="shared" si="429"/>
        <v>457.89164999999997</v>
      </c>
    </row>
    <row r="27506" spans="1:3" x14ac:dyDescent="0.25">
      <c r="A27506" s="2" t="s">
        <v>15919</v>
      </c>
      <c r="B27506" s="6">
        <v>457908.3</v>
      </c>
      <c r="C27506" s="7">
        <f t="shared" si="429"/>
        <v>457.9083</v>
      </c>
    </row>
    <row r="27507" spans="1:3" x14ac:dyDescent="0.25">
      <c r="A27507" s="2" t="s">
        <v>15920</v>
      </c>
      <c r="B27507" s="6">
        <v>457924.94999999995</v>
      </c>
      <c r="C27507" s="7">
        <f t="shared" si="429"/>
        <v>457.92494999999997</v>
      </c>
    </row>
    <row r="27508" spans="1:3" x14ac:dyDescent="0.25">
      <c r="A27508" s="2" t="s">
        <v>15921</v>
      </c>
      <c r="B27508" s="6">
        <v>457941.6</v>
      </c>
      <c r="C27508" s="7">
        <f t="shared" si="429"/>
        <v>457.94159999999999</v>
      </c>
    </row>
    <row r="27509" spans="1:3" x14ac:dyDescent="0.25">
      <c r="A27509" s="2" t="s">
        <v>15922</v>
      </c>
      <c r="B27509" s="6">
        <v>457958.24999999994</v>
      </c>
      <c r="C27509" s="7">
        <f t="shared" si="429"/>
        <v>457.95824999999996</v>
      </c>
    </row>
    <row r="27510" spans="1:3" x14ac:dyDescent="0.25">
      <c r="A27510" s="2" t="s">
        <v>15923</v>
      </c>
      <c r="B27510" s="6">
        <v>457974.89999999997</v>
      </c>
      <c r="C27510" s="7">
        <f t="shared" si="429"/>
        <v>457.97489999999999</v>
      </c>
    </row>
    <row r="27511" spans="1:3" x14ac:dyDescent="0.25">
      <c r="A27511" s="2" t="s">
        <v>15924</v>
      </c>
      <c r="B27511" s="6">
        <v>457991.55</v>
      </c>
      <c r="C27511" s="7">
        <f t="shared" si="429"/>
        <v>457.99154999999996</v>
      </c>
    </row>
    <row r="27512" spans="1:3" x14ac:dyDescent="0.25">
      <c r="A27512" s="2" t="s">
        <v>15925</v>
      </c>
      <c r="B27512" s="6">
        <v>458008.19999999995</v>
      </c>
      <c r="C27512" s="7">
        <f t="shared" si="429"/>
        <v>458.00819999999993</v>
      </c>
    </row>
    <row r="27513" spans="1:3" x14ac:dyDescent="0.25">
      <c r="A27513" s="2" t="s">
        <v>15926</v>
      </c>
      <c r="B27513" s="6">
        <v>458024.85</v>
      </c>
      <c r="C27513" s="7">
        <f t="shared" si="429"/>
        <v>458.02484999999996</v>
      </c>
    </row>
    <row r="27514" spans="1:3" x14ac:dyDescent="0.25">
      <c r="A27514" s="2" t="s">
        <v>15927</v>
      </c>
      <c r="B27514" s="6">
        <v>458041.49999999994</v>
      </c>
      <c r="C27514" s="7">
        <f t="shared" si="429"/>
        <v>458.04149999999993</v>
      </c>
    </row>
    <row r="27515" spans="1:3" x14ac:dyDescent="0.25">
      <c r="A27515" s="2" t="s">
        <v>15928</v>
      </c>
      <c r="B27515" s="6">
        <v>458058.14999999997</v>
      </c>
      <c r="C27515" s="7">
        <f t="shared" si="429"/>
        <v>458.05814999999996</v>
      </c>
    </row>
    <row r="27516" spans="1:3" x14ac:dyDescent="0.25">
      <c r="A27516" s="2" t="s">
        <v>15929</v>
      </c>
      <c r="B27516" s="6">
        <v>458074.8</v>
      </c>
      <c r="C27516" s="7">
        <f t="shared" si="429"/>
        <v>458.07479999999998</v>
      </c>
    </row>
    <row r="27517" spans="1:3" x14ac:dyDescent="0.25">
      <c r="A27517" s="2" t="s">
        <v>15930</v>
      </c>
      <c r="B27517" s="6">
        <v>458091.44999999995</v>
      </c>
      <c r="C27517" s="7">
        <f t="shared" si="429"/>
        <v>458.09144999999995</v>
      </c>
    </row>
    <row r="27518" spans="1:3" x14ac:dyDescent="0.25">
      <c r="A27518" s="2" t="s">
        <v>15931</v>
      </c>
      <c r="B27518" s="6">
        <v>458108.1</v>
      </c>
      <c r="C27518" s="7">
        <f t="shared" si="429"/>
        <v>458.10809999999998</v>
      </c>
    </row>
    <row r="27519" spans="1:3" x14ac:dyDescent="0.25">
      <c r="A27519" s="2" t="s">
        <v>15932</v>
      </c>
      <c r="B27519" s="6">
        <v>458124.74999999994</v>
      </c>
      <c r="C27519" s="7">
        <f t="shared" si="429"/>
        <v>458.12474999999995</v>
      </c>
    </row>
    <row r="27520" spans="1:3" x14ac:dyDescent="0.25">
      <c r="A27520" s="2" t="s">
        <v>15933</v>
      </c>
      <c r="B27520" s="6">
        <v>458141.39999999997</v>
      </c>
      <c r="C27520" s="7">
        <f t="shared" si="429"/>
        <v>458.14139999999998</v>
      </c>
    </row>
    <row r="27521" spans="1:3" x14ac:dyDescent="0.25">
      <c r="A27521" s="2" t="s">
        <v>15934</v>
      </c>
      <c r="B27521" s="6">
        <v>458158.05</v>
      </c>
      <c r="C27521" s="7">
        <f t="shared" si="429"/>
        <v>458.15805</v>
      </c>
    </row>
    <row r="27522" spans="1:3" x14ac:dyDescent="0.25">
      <c r="A27522" s="2" t="s">
        <v>15935</v>
      </c>
      <c r="B27522" s="6">
        <v>458174.69999999995</v>
      </c>
      <c r="C27522" s="7">
        <f t="shared" si="429"/>
        <v>458.17469999999997</v>
      </c>
    </row>
    <row r="27523" spans="1:3" x14ac:dyDescent="0.25">
      <c r="A27523" s="2" t="s">
        <v>15936</v>
      </c>
      <c r="B27523" s="6">
        <v>458191.35</v>
      </c>
      <c r="C27523" s="7">
        <f t="shared" ref="C27523:C27586" si="430">B27523/1000</f>
        <v>458.19135</v>
      </c>
    </row>
    <row r="27524" spans="1:3" x14ac:dyDescent="0.25">
      <c r="A27524" s="2" t="s">
        <v>15937</v>
      </c>
      <c r="B27524" s="6">
        <v>458207.99999999994</v>
      </c>
      <c r="C27524" s="7">
        <f t="shared" si="430"/>
        <v>458.20799999999997</v>
      </c>
    </row>
    <row r="27525" spans="1:3" x14ac:dyDescent="0.25">
      <c r="A27525" s="2" t="s">
        <v>15938</v>
      </c>
      <c r="B27525" s="6">
        <v>458224.64999999997</v>
      </c>
      <c r="C27525" s="7">
        <f t="shared" si="430"/>
        <v>458.22464999999994</v>
      </c>
    </row>
    <row r="27526" spans="1:3" x14ac:dyDescent="0.25">
      <c r="A27526" s="2" t="s">
        <v>15939</v>
      </c>
      <c r="B27526" s="6">
        <v>458241.3</v>
      </c>
      <c r="C27526" s="7">
        <f t="shared" si="430"/>
        <v>458.24129999999997</v>
      </c>
    </row>
    <row r="27527" spans="1:3" x14ac:dyDescent="0.25">
      <c r="A27527" s="2" t="s">
        <v>15940</v>
      </c>
      <c r="B27527" s="6">
        <v>458257.94999999995</v>
      </c>
      <c r="C27527" s="7">
        <f t="shared" si="430"/>
        <v>458.25794999999994</v>
      </c>
    </row>
    <row r="27528" spans="1:3" x14ac:dyDescent="0.25">
      <c r="A27528" s="2" t="s">
        <v>15941</v>
      </c>
      <c r="B27528" s="6">
        <v>458274.6</v>
      </c>
      <c r="C27528" s="7">
        <f t="shared" si="430"/>
        <v>458.27459999999996</v>
      </c>
    </row>
    <row r="27529" spans="1:3" x14ac:dyDescent="0.25">
      <c r="A27529" s="2" t="s">
        <v>15942</v>
      </c>
      <c r="B27529" s="6">
        <v>458291.24999999994</v>
      </c>
      <c r="C27529" s="7">
        <f t="shared" si="430"/>
        <v>458.29124999999993</v>
      </c>
    </row>
    <row r="27530" spans="1:3" x14ac:dyDescent="0.25">
      <c r="A27530" s="2" t="s">
        <v>15943</v>
      </c>
      <c r="B27530" s="6">
        <v>458307.89999999997</v>
      </c>
      <c r="C27530" s="7">
        <f t="shared" si="430"/>
        <v>458.30789999999996</v>
      </c>
    </row>
    <row r="27531" spans="1:3" x14ac:dyDescent="0.25">
      <c r="A27531" s="2" t="s">
        <v>15944</v>
      </c>
      <c r="B27531" s="6">
        <v>458324.55</v>
      </c>
      <c r="C27531" s="7">
        <f t="shared" si="430"/>
        <v>458.32454999999999</v>
      </c>
    </row>
    <row r="27532" spans="1:3" x14ac:dyDescent="0.25">
      <c r="A27532" s="2" t="s">
        <v>15945</v>
      </c>
      <c r="B27532" s="6">
        <v>458341.19999999995</v>
      </c>
      <c r="C27532" s="7">
        <f t="shared" si="430"/>
        <v>458.34119999999996</v>
      </c>
    </row>
    <row r="27533" spans="1:3" x14ac:dyDescent="0.25">
      <c r="A27533" s="2" t="s">
        <v>15946</v>
      </c>
      <c r="B27533" s="6">
        <v>458357.85</v>
      </c>
      <c r="C27533" s="7">
        <f t="shared" si="430"/>
        <v>458.35784999999998</v>
      </c>
    </row>
    <row r="27534" spans="1:3" x14ac:dyDescent="0.25">
      <c r="A27534" s="2" t="s">
        <v>15947</v>
      </c>
      <c r="B27534" s="6">
        <v>458374.49999999994</v>
      </c>
      <c r="C27534" s="7">
        <f t="shared" si="430"/>
        <v>458.37449999999995</v>
      </c>
    </row>
    <row r="27535" spans="1:3" x14ac:dyDescent="0.25">
      <c r="A27535" s="2" t="s">
        <v>15948</v>
      </c>
      <c r="B27535" s="6">
        <v>458391.14999999997</v>
      </c>
      <c r="C27535" s="7">
        <f t="shared" si="430"/>
        <v>458.39114999999998</v>
      </c>
    </row>
    <row r="27536" spans="1:3" x14ac:dyDescent="0.25">
      <c r="A27536" s="2" t="s">
        <v>15949</v>
      </c>
      <c r="B27536" s="6">
        <v>458407.8</v>
      </c>
      <c r="C27536" s="7">
        <f t="shared" si="430"/>
        <v>458.40780000000001</v>
      </c>
    </row>
    <row r="27537" spans="1:3" x14ac:dyDescent="0.25">
      <c r="A27537" s="2" t="s">
        <v>15950</v>
      </c>
      <c r="B27537" s="6">
        <v>458424.44999999995</v>
      </c>
      <c r="C27537" s="7">
        <f t="shared" si="430"/>
        <v>458.42444999999998</v>
      </c>
    </row>
    <row r="27538" spans="1:3" x14ac:dyDescent="0.25">
      <c r="A27538" s="2" t="s">
        <v>15951</v>
      </c>
      <c r="B27538" s="6">
        <v>458441.1</v>
      </c>
      <c r="C27538" s="7">
        <f t="shared" si="430"/>
        <v>458.44109999999995</v>
      </c>
    </row>
    <row r="27539" spans="1:3" x14ac:dyDescent="0.25">
      <c r="A27539" s="2" t="s">
        <v>15952</v>
      </c>
      <c r="B27539" s="6">
        <v>458457.74999999994</v>
      </c>
      <c r="C27539" s="7">
        <f t="shared" si="430"/>
        <v>458.45774999999992</v>
      </c>
    </row>
    <row r="27540" spans="1:3" x14ac:dyDescent="0.25">
      <c r="A27540" s="2" t="s">
        <v>15953</v>
      </c>
      <c r="B27540" s="6">
        <v>458474.39999999997</v>
      </c>
      <c r="C27540" s="7">
        <f t="shared" si="430"/>
        <v>458.47439999999995</v>
      </c>
    </row>
    <row r="27541" spans="1:3" x14ac:dyDescent="0.25">
      <c r="A27541" s="2" t="s">
        <v>15954</v>
      </c>
      <c r="B27541" s="6">
        <v>458491.05</v>
      </c>
      <c r="C27541" s="7">
        <f t="shared" si="430"/>
        <v>458.49104999999997</v>
      </c>
    </row>
    <row r="27542" spans="1:3" x14ac:dyDescent="0.25">
      <c r="A27542" s="2" t="s">
        <v>15955</v>
      </c>
      <c r="B27542" s="6">
        <v>458507.69999999995</v>
      </c>
      <c r="C27542" s="7">
        <f t="shared" si="430"/>
        <v>458.50769999999994</v>
      </c>
    </row>
    <row r="27543" spans="1:3" x14ac:dyDescent="0.25">
      <c r="A27543" s="2" t="s">
        <v>15956</v>
      </c>
      <c r="B27543" s="6">
        <v>458524.35</v>
      </c>
      <c r="C27543" s="7">
        <f t="shared" si="430"/>
        <v>458.52434999999997</v>
      </c>
    </row>
    <row r="27544" spans="1:3" x14ac:dyDescent="0.25">
      <c r="A27544" s="2" t="s">
        <v>15957</v>
      </c>
      <c r="B27544" s="6">
        <v>458540.99999999994</v>
      </c>
      <c r="C27544" s="7">
        <f t="shared" si="430"/>
        <v>458.54099999999994</v>
      </c>
    </row>
    <row r="27545" spans="1:3" x14ac:dyDescent="0.25">
      <c r="A27545" s="2" t="s">
        <v>15958</v>
      </c>
      <c r="B27545" s="6">
        <v>458557.64999999997</v>
      </c>
      <c r="C27545" s="7">
        <f t="shared" si="430"/>
        <v>458.55764999999997</v>
      </c>
    </row>
    <row r="27546" spans="1:3" x14ac:dyDescent="0.25">
      <c r="A27546" s="2" t="s">
        <v>15959</v>
      </c>
      <c r="B27546" s="6">
        <v>458574.3</v>
      </c>
      <c r="C27546" s="7">
        <f t="shared" si="430"/>
        <v>458.57429999999999</v>
      </c>
    </row>
    <row r="27547" spans="1:3" x14ac:dyDescent="0.25">
      <c r="A27547" s="2" t="s">
        <v>15960</v>
      </c>
      <c r="B27547" s="6">
        <v>458590.94999999995</v>
      </c>
      <c r="C27547" s="7">
        <f t="shared" si="430"/>
        <v>458.59094999999996</v>
      </c>
    </row>
    <row r="27548" spans="1:3" x14ac:dyDescent="0.25">
      <c r="A27548" s="2" t="s">
        <v>15961</v>
      </c>
      <c r="B27548" s="6">
        <v>458607.6</v>
      </c>
      <c r="C27548" s="7">
        <f t="shared" si="430"/>
        <v>458.60759999999999</v>
      </c>
    </row>
    <row r="27549" spans="1:3" x14ac:dyDescent="0.25">
      <c r="A27549" s="2" t="s">
        <v>15962</v>
      </c>
      <c r="B27549" s="6">
        <v>458624.24999999994</v>
      </c>
      <c r="C27549" s="7">
        <f t="shared" si="430"/>
        <v>458.62424999999996</v>
      </c>
    </row>
    <row r="27550" spans="1:3" x14ac:dyDescent="0.25">
      <c r="A27550" s="2" t="s">
        <v>15963</v>
      </c>
      <c r="B27550" s="6">
        <v>458640.89999999997</v>
      </c>
      <c r="C27550" s="7">
        <f t="shared" si="430"/>
        <v>458.64089999999999</v>
      </c>
    </row>
    <row r="27551" spans="1:3" x14ac:dyDescent="0.25">
      <c r="A27551" s="2" t="s">
        <v>15964</v>
      </c>
      <c r="B27551" s="6">
        <v>458657.55</v>
      </c>
      <c r="C27551" s="7">
        <f t="shared" si="430"/>
        <v>458.65755000000001</v>
      </c>
    </row>
    <row r="27552" spans="1:3" x14ac:dyDescent="0.25">
      <c r="A27552" s="2" t="s">
        <v>15965</v>
      </c>
      <c r="B27552" s="6">
        <v>458674.19999999995</v>
      </c>
      <c r="C27552" s="7">
        <f t="shared" si="430"/>
        <v>458.67419999999993</v>
      </c>
    </row>
    <row r="27553" spans="1:3" x14ac:dyDescent="0.25">
      <c r="A27553" s="2" t="s">
        <v>15966</v>
      </c>
      <c r="B27553" s="6">
        <v>458690.85</v>
      </c>
      <c r="C27553" s="7">
        <f t="shared" si="430"/>
        <v>458.69084999999995</v>
      </c>
    </row>
    <row r="27554" spans="1:3" x14ac:dyDescent="0.25">
      <c r="A27554" s="2" t="s">
        <v>15967</v>
      </c>
      <c r="B27554" s="6">
        <v>458707.49999999994</v>
      </c>
      <c r="C27554" s="7">
        <f t="shared" si="430"/>
        <v>458.70749999999992</v>
      </c>
    </row>
    <row r="27555" spans="1:3" x14ac:dyDescent="0.25">
      <c r="A27555" s="2" t="s">
        <v>15968</v>
      </c>
      <c r="B27555" s="6">
        <v>458724.14999999997</v>
      </c>
      <c r="C27555" s="7">
        <f t="shared" si="430"/>
        <v>458.72414999999995</v>
      </c>
    </row>
    <row r="27556" spans="1:3" x14ac:dyDescent="0.25">
      <c r="A27556" s="2" t="s">
        <v>15969</v>
      </c>
      <c r="B27556" s="6">
        <v>458740.8</v>
      </c>
      <c r="C27556" s="7">
        <f t="shared" si="430"/>
        <v>458.74079999999998</v>
      </c>
    </row>
    <row r="27557" spans="1:3" x14ac:dyDescent="0.25">
      <c r="A27557" s="2" t="s">
        <v>15970</v>
      </c>
      <c r="B27557" s="6">
        <v>458757.44999999995</v>
      </c>
      <c r="C27557" s="7">
        <f t="shared" si="430"/>
        <v>458.75744999999995</v>
      </c>
    </row>
    <row r="27558" spans="1:3" x14ac:dyDescent="0.25">
      <c r="A27558" s="2" t="s">
        <v>15971</v>
      </c>
      <c r="B27558" s="6">
        <v>458774.1</v>
      </c>
      <c r="C27558" s="7">
        <f t="shared" si="430"/>
        <v>458.77409999999998</v>
      </c>
    </row>
    <row r="27559" spans="1:3" x14ac:dyDescent="0.25">
      <c r="A27559" s="2" t="s">
        <v>15972</v>
      </c>
      <c r="B27559" s="6">
        <v>458790.74999999994</v>
      </c>
      <c r="C27559" s="7">
        <f t="shared" si="430"/>
        <v>458.79074999999995</v>
      </c>
    </row>
    <row r="27560" spans="1:3" x14ac:dyDescent="0.25">
      <c r="A27560" s="2" t="s">
        <v>15973</v>
      </c>
      <c r="B27560" s="6">
        <v>458807.39999999997</v>
      </c>
      <c r="C27560" s="7">
        <f t="shared" si="430"/>
        <v>458.80739999999997</v>
      </c>
    </row>
    <row r="27561" spans="1:3" x14ac:dyDescent="0.25">
      <c r="A27561" s="2" t="s">
        <v>15974</v>
      </c>
      <c r="B27561" s="6">
        <v>458824.05</v>
      </c>
      <c r="C27561" s="7">
        <f t="shared" si="430"/>
        <v>458.82405</v>
      </c>
    </row>
    <row r="27562" spans="1:3" x14ac:dyDescent="0.25">
      <c r="A27562" s="2" t="s">
        <v>15975</v>
      </c>
      <c r="B27562" s="6">
        <v>458840.69999999995</v>
      </c>
      <c r="C27562" s="7">
        <f t="shared" si="430"/>
        <v>458.84069999999997</v>
      </c>
    </row>
    <row r="27563" spans="1:3" x14ac:dyDescent="0.25">
      <c r="A27563" s="2" t="s">
        <v>15976</v>
      </c>
      <c r="B27563" s="6">
        <v>458857.35</v>
      </c>
      <c r="C27563" s="7">
        <f t="shared" si="430"/>
        <v>458.85735</v>
      </c>
    </row>
    <row r="27564" spans="1:3" x14ac:dyDescent="0.25">
      <c r="A27564" s="2" t="s">
        <v>15977</v>
      </c>
      <c r="B27564" s="6">
        <v>458873.99999999994</v>
      </c>
      <c r="C27564" s="7">
        <f t="shared" si="430"/>
        <v>458.87399999999997</v>
      </c>
    </row>
    <row r="27565" spans="1:3" x14ac:dyDescent="0.25">
      <c r="A27565" s="2" t="s">
        <v>15978</v>
      </c>
      <c r="B27565" s="6">
        <v>458890.64999999997</v>
      </c>
      <c r="C27565" s="7">
        <f t="shared" si="430"/>
        <v>458.89064999999994</v>
      </c>
    </row>
    <row r="27566" spans="1:3" x14ac:dyDescent="0.25">
      <c r="A27566" s="2" t="s">
        <v>15979</v>
      </c>
      <c r="B27566" s="6">
        <v>458907.3</v>
      </c>
      <c r="C27566" s="7">
        <f t="shared" si="430"/>
        <v>458.90729999999996</v>
      </c>
    </row>
    <row r="27567" spans="1:3" x14ac:dyDescent="0.25">
      <c r="A27567" s="2" t="s">
        <v>15980</v>
      </c>
      <c r="B27567" s="6">
        <v>458923.94999999995</v>
      </c>
      <c r="C27567" s="7">
        <f t="shared" si="430"/>
        <v>458.92394999999993</v>
      </c>
    </row>
    <row r="27568" spans="1:3" x14ac:dyDescent="0.25">
      <c r="A27568" s="2" t="s">
        <v>15981</v>
      </c>
      <c r="B27568" s="6">
        <v>458940.6</v>
      </c>
      <c r="C27568" s="7">
        <f t="shared" si="430"/>
        <v>458.94059999999996</v>
      </c>
    </row>
    <row r="27569" spans="1:3" x14ac:dyDescent="0.25">
      <c r="A27569" s="2" t="s">
        <v>15982</v>
      </c>
      <c r="B27569" s="6">
        <v>458957.24999999994</v>
      </c>
      <c r="C27569" s="7">
        <f t="shared" si="430"/>
        <v>458.95724999999993</v>
      </c>
    </row>
    <row r="27570" spans="1:3" x14ac:dyDescent="0.25">
      <c r="A27570" s="2" t="s">
        <v>15983</v>
      </c>
      <c r="B27570" s="6">
        <v>458973.89999999997</v>
      </c>
      <c r="C27570" s="7">
        <f t="shared" si="430"/>
        <v>458.97389999999996</v>
      </c>
    </row>
    <row r="27571" spans="1:3" x14ac:dyDescent="0.25">
      <c r="A27571" s="2" t="s">
        <v>15984</v>
      </c>
      <c r="B27571" s="6">
        <v>458990.55</v>
      </c>
      <c r="C27571" s="7">
        <f t="shared" si="430"/>
        <v>458.99054999999998</v>
      </c>
    </row>
    <row r="27572" spans="1:3" x14ac:dyDescent="0.25">
      <c r="A27572" s="2" t="s">
        <v>15985</v>
      </c>
      <c r="B27572" s="6">
        <v>459007.19999999995</v>
      </c>
      <c r="C27572" s="7">
        <f t="shared" si="430"/>
        <v>459.00719999999995</v>
      </c>
    </row>
    <row r="27573" spans="1:3" x14ac:dyDescent="0.25">
      <c r="A27573" s="2" t="s">
        <v>15986</v>
      </c>
      <c r="B27573" s="6">
        <v>459023.85</v>
      </c>
      <c r="C27573" s="7">
        <f t="shared" si="430"/>
        <v>459.02384999999998</v>
      </c>
    </row>
    <row r="27574" spans="1:3" x14ac:dyDescent="0.25">
      <c r="A27574" s="2" t="s">
        <v>15987</v>
      </c>
      <c r="B27574" s="6">
        <v>459040.49999999994</v>
      </c>
      <c r="C27574" s="7">
        <f t="shared" si="430"/>
        <v>459.04049999999995</v>
      </c>
    </row>
    <row r="27575" spans="1:3" x14ac:dyDescent="0.25">
      <c r="A27575" s="2" t="s">
        <v>15988</v>
      </c>
      <c r="B27575" s="6">
        <v>459057.14999999997</v>
      </c>
      <c r="C27575" s="7">
        <f t="shared" si="430"/>
        <v>459.05714999999998</v>
      </c>
    </row>
    <row r="27576" spans="1:3" x14ac:dyDescent="0.25">
      <c r="A27576" s="2" t="s">
        <v>15989</v>
      </c>
      <c r="B27576" s="6">
        <v>459073.8</v>
      </c>
      <c r="C27576" s="7">
        <f t="shared" si="430"/>
        <v>459.07380000000001</v>
      </c>
    </row>
    <row r="27577" spans="1:3" x14ac:dyDescent="0.25">
      <c r="A27577" s="2" t="s">
        <v>15990</v>
      </c>
      <c r="B27577" s="6">
        <v>459090.44999999995</v>
      </c>
      <c r="C27577" s="7">
        <f t="shared" si="430"/>
        <v>459.09044999999998</v>
      </c>
    </row>
    <row r="27578" spans="1:3" x14ac:dyDescent="0.25">
      <c r="A27578" s="2" t="s">
        <v>15991</v>
      </c>
      <c r="B27578" s="6">
        <v>459107.1</v>
      </c>
      <c r="C27578" s="7">
        <f t="shared" si="430"/>
        <v>459.1071</v>
      </c>
    </row>
    <row r="27579" spans="1:3" x14ac:dyDescent="0.25">
      <c r="A27579" s="2" t="s">
        <v>15992</v>
      </c>
      <c r="B27579" s="6">
        <v>459123.74999999994</v>
      </c>
      <c r="C27579" s="7">
        <f t="shared" si="430"/>
        <v>459.12374999999992</v>
      </c>
    </row>
    <row r="27580" spans="1:3" x14ac:dyDescent="0.25">
      <c r="A27580" s="2" t="s">
        <v>15993</v>
      </c>
      <c r="B27580" s="6">
        <v>459140.39999999997</v>
      </c>
      <c r="C27580" s="7">
        <f t="shared" si="430"/>
        <v>459.14039999999994</v>
      </c>
    </row>
    <row r="27581" spans="1:3" x14ac:dyDescent="0.25">
      <c r="A27581" s="2" t="s">
        <v>15994</v>
      </c>
      <c r="B27581" s="6">
        <v>459157.05</v>
      </c>
      <c r="C27581" s="7">
        <f t="shared" si="430"/>
        <v>459.15704999999997</v>
      </c>
    </row>
    <row r="27582" spans="1:3" x14ac:dyDescent="0.25">
      <c r="A27582" s="2" t="s">
        <v>15995</v>
      </c>
      <c r="B27582" s="6">
        <v>459173.69999999995</v>
      </c>
      <c r="C27582" s="7">
        <f t="shared" si="430"/>
        <v>459.17369999999994</v>
      </c>
    </row>
    <row r="27583" spans="1:3" x14ac:dyDescent="0.25">
      <c r="A27583" s="2" t="s">
        <v>15996</v>
      </c>
      <c r="B27583" s="6">
        <v>459190.35</v>
      </c>
      <c r="C27583" s="7">
        <f t="shared" si="430"/>
        <v>459.19034999999997</v>
      </c>
    </row>
    <row r="27584" spans="1:3" x14ac:dyDescent="0.25">
      <c r="A27584" s="2" t="s">
        <v>15997</v>
      </c>
      <c r="B27584" s="6">
        <v>459206.99999999994</v>
      </c>
      <c r="C27584" s="7">
        <f t="shared" si="430"/>
        <v>459.20699999999994</v>
      </c>
    </row>
    <row r="27585" spans="1:3" x14ac:dyDescent="0.25">
      <c r="A27585" s="2" t="s">
        <v>15998</v>
      </c>
      <c r="B27585" s="6">
        <v>459223.64999999997</v>
      </c>
      <c r="C27585" s="7">
        <f t="shared" si="430"/>
        <v>459.22364999999996</v>
      </c>
    </row>
    <row r="27586" spans="1:3" x14ac:dyDescent="0.25">
      <c r="A27586" s="2" t="s">
        <v>15999</v>
      </c>
      <c r="B27586" s="6">
        <v>459240.3</v>
      </c>
      <c r="C27586" s="7">
        <f t="shared" si="430"/>
        <v>459.24029999999999</v>
      </c>
    </row>
    <row r="27587" spans="1:3" x14ac:dyDescent="0.25">
      <c r="A27587" s="2" t="s">
        <v>16000</v>
      </c>
      <c r="B27587" s="6">
        <v>459256.94999999995</v>
      </c>
      <c r="C27587" s="7">
        <f t="shared" ref="C27587:C27650" si="431">B27587/1000</f>
        <v>459.25694999999996</v>
      </c>
    </row>
    <row r="27588" spans="1:3" x14ac:dyDescent="0.25">
      <c r="A27588" s="2" t="s">
        <v>16001</v>
      </c>
      <c r="B27588" s="6">
        <v>459273.6</v>
      </c>
      <c r="C27588" s="7">
        <f t="shared" si="431"/>
        <v>459.27359999999999</v>
      </c>
    </row>
    <row r="27589" spans="1:3" x14ac:dyDescent="0.25">
      <c r="A27589" s="2" t="s">
        <v>16002</v>
      </c>
      <c r="B27589" s="6">
        <v>459290.24999999994</v>
      </c>
      <c r="C27589" s="7">
        <f t="shared" si="431"/>
        <v>459.29024999999996</v>
      </c>
    </row>
    <row r="27590" spans="1:3" x14ac:dyDescent="0.25">
      <c r="A27590" s="2" t="s">
        <v>16003</v>
      </c>
      <c r="B27590" s="6">
        <v>459306.89999999997</v>
      </c>
      <c r="C27590" s="7">
        <f t="shared" si="431"/>
        <v>459.30689999999998</v>
      </c>
    </row>
    <row r="27591" spans="1:3" x14ac:dyDescent="0.25">
      <c r="A27591" s="2" t="s">
        <v>16004</v>
      </c>
      <c r="B27591" s="6">
        <v>459323.55</v>
      </c>
      <c r="C27591" s="7">
        <f t="shared" si="431"/>
        <v>459.32355000000001</v>
      </c>
    </row>
    <row r="27592" spans="1:3" x14ac:dyDescent="0.25">
      <c r="A27592" s="2" t="s">
        <v>16005</v>
      </c>
      <c r="B27592" s="6">
        <v>459340.19999999995</v>
      </c>
      <c r="C27592" s="7">
        <f t="shared" si="431"/>
        <v>459.34019999999998</v>
      </c>
    </row>
    <row r="27593" spans="1:3" x14ac:dyDescent="0.25">
      <c r="A27593" s="2" t="s">
        <v>16006</v>
      </c>
      <c r="B27593" s="6">
        <v>459356.85</v>
      </c>
      <c r="C27593" s="7">
        <f t="shared" si="431"/>
        <v>459.35684999999995</v>
      </c>
    </row>
    <row r="27594" spans="1:3" x14ac:dyDescent="0.25">
      <c r="A27594" s="2" t="s">
        <v>16007</v>
      </c>
      <c r="B27594" s="6">
        <v>459373.49999999994</v>
      </c>
      <c r="C27594" s="7">
        <f t="shared" si="431"/>
        <v>459.37349999999992</v>
      </c>
    </row>
    <row r="27595" spans="1:3" x14ac:dyDescent="0.25">
      <c r="A27595" s="2" t="s">
        <v>16008</v>
      </c>
      <c r="B27595" s="6">
        <v>459390.14999999997</v>
      </c>
      <c r="C27595" s="7">
        <f t="shared" si="431"/>
        <v>459.39014999999995</v>
      </c>
    </row>
    <row r="27596" spans="1:3" x14ac:dyDescent="0.25">
      <c r="A27596" s="2" t="s">
        <v>16009</v>
      </c>
      <c r="B27596" s="6">
        <v>459406.8</v>
      </c>
      <c r="C27596" s="7">
        <f t="shared" si="431"/>
        <v>459.40679999999998</v>
      </c>
    </row>
    <row r="27597" spans="1:3" x14ac:dyDescent="0.25">
      <c r="A27597" s="2" t="s">
        <v>16010</v>
      </c>
      <c r="B27597" s="6">
        <v>459423.44999999995</v>
      </c>
      <c r="C27597" s="7">
        <f t="shared" si="431"/>
        <v>459.42344999999995</v>
      </c>
    </row>
    <row r="27598" spans="1:3" x14ac:dyDescent="0.25">
      <c r="A27598" s="2" t="s">
        <v>16011</v>
      </c>
      <c r="B27598" s="6">
        <v>459440.1</v>
      </c>
      <c r="C27598" s="7">
        <f t="shared" si="431"/>
        <v>459.44009999999997</v>
      </c>
    </row>
    <row r="27599" spans="1:3" x14ac:dyDescent="0.25">
      <c r="A27599" s="2" t="s">
        <v>16012</v>
      </c>
      <c r="B27599" s="6">
        <v>459456.74999999994</v>
      </c>
      <c r="C27599" s="7">
        <f t="shared" si="431"/>
        <v>459.45674999999994</v>
      </c>
    </row>
    <row r="27600" spans="1:3" x14ac:dyDescent="0.25">
      <c r="A27600" s="2" t="s">
        <v>16013</v>
      </c>
      <c r="B27600" s="6">
        <v>459473.39999999997</v>
      </c>
      <c r="C27600" s="7">
        <f t="shared" si="431"/>
        <v>459.47339999999997</v>
      </c>
    </row>
    <row r="27601" spans="1:3" x14ac:dyDescent="0.25">
      <c r="A27601" s="2" t="s">
        <v>16014</v>
      </c>
      <c r="B27601" s="6">
        <v>459490.05</v>
      </c>
      <c r="C27601" s="7">
        <f t="shared" si="431"/>
        <v>459.49005</v>
      </c>
    </row>
    <row r="27602" spans="1:3" x14ac:dyDescent="0.25">
      <c r="A27602" s="2" t="s">
        <v>16015</v>
      </c>
      <c r="B27602" s="6">
        <v>459506.69999999995</v>
      </c>
      <c r="C27602" s="7">
        <f t="shared" si="431"/>
        <v>459.50669999999997</v>
      </c>
    </row>
    <row r="27603" spans="1:3" x14ac:dyDescent="0.25">
      <c r="A27603" s="2" t="s">
        <v>16016</v>
      </c>
      <c r="B27603" s="6">
        <v>459523.35</v>
      </c>
      <c r="C27603" s="7">
        <f t="shared" si="431"/>
        <v>459.52334999999999</v>
      </c>
    </row>
    <row r="27604" spans="1:3" x14ac:dyDescent="0.25">
      <c r="A27604" s="2" t="s">
        <v>16017</v>
      </c>
      <c r="B27604" s="6">
        <v>459539.99999999994</v>
      </c>
      <c r="C27604" s="7">
        <f t="shared" si="431"/>
        <v>459.53999999999996</v>
      </c>
    </row>
    <row r="27605" spans="1:3" x14ac:dyDescent="0.25">
      <c r="A27605" s="2" t="s">
        <v>16018</v>
      </c>
      <c r="B27605" s="6">
        <v>459556.64999999997</v>
      </c>
      <c r="C27605" s="7">
        <f t="shared" si="431"/>
        <v>459.55664999999999</v>
      </c>
    </row>
    <row r="27606" spans="1:3" x14ac:dyDescent="0.25">
      <c r="A27606" s="2" t="s">
        <v>16019</v>
      </c>
      <c r="B27606" s="6">
        <v>459573.3</v>
      </c>
      <c r="C27606" s="7">
        <f t="shared" si="431"/>
        <v>459.57329999999996</v>
      </c>
    </row>
    <row r="27607" spans="1:3" x14ac:dyDescent="0.25">
      <c r="A27607" s="2" t="s">
        <v>16020</v>
      </c>
      <c r="B27607" s="6">
        <v>459589.94999999995</v>
      </c>
      <c r="C27607" s="7">
        <f t="shared" si="431"/>
        <v>459.58994999999993</v>
      </c>
    </row>
    <row r="27608" spans="1:3" x14ac:dyDescent="0.25">
      <c r="A27608" s="2" t="s">
        <v>16021</v>
      </c>
      <c r="B27608" s="6">
        <v>459606.6</v>
      </c>
      <c r="C27608" s="7">
        <f t="shared" si="431"/>
        <v>459.60659999999996</v>
      </c>
    </row>
    <row r="27609" spans="1:3" x14ac:dyDescent="0.25">
      <c r="A27609" s="2" t="s">
        <v>16022</v>
      </c>
      <c r="B27609" s="6">
        <v>459623.24999999994</v>
      </c>
      <c r="C27609" s="7">
        <f t="shared" si="431"/>
        <v>459.62324999999993</v>
      </c>
    </row>
    <row r="27610" spans="1:3" x14ac:dyDescent="0.25">
      <c r="A27610" s="2" t="s">
        <v>16023</v>
      </c>
      <c r="B27610" s="6">
        <v>459639.89999999997</v>
      </c>
      <c r="C27610" s="7">
        <f t="shared" si="431"/>
        <v>459.63989999999995</v>
      </c>
    </row>
    <row r="27611" spans="1:3" x14ac:dyDescent="0.25">
      <c r="A27611" s="2" t="s">
        <v>16024</v>
      </c>
      <c r="B27611" s="6">
        <v>459656.55</v>
      </c>
      <c r="C27611" s="7">
        <f t="shared" si="431"/>
        <v>459.65654999999998</v>
      </c>
    </row>
    <row r="27612" spans="1:3" x14ac:dyDescent="0.25">
      <c r="A27612" s="2" t="s">
        <v>16025</v>
      </c>
      <c r="B27612" s="6">
        <v>459673.19999999995</v>
      </c>
      <c r="C27612" s="7">
        <f t="shared" si="431"/>
        <v>459.67319999999995</v>
      </c>
    </row>
    <row r="27613" spans="1:3" x14ac:dyDescent="0.25">
      <c r="A27613" s="2" t="s">
        <v>16026</v>
      </c>
      <c r="B27613" s="6">
        <v>459689.85</v>
      </c>
      <c r="C27613" s="7">
        <f t="shared" si="431"/>
        <v>459.68984999999998</v>
      </c>
    </row>
    <row r="27614" spans="1:3" x14ac:dyDescent="0.25">
      <c r="A27614" s="2" t="s">
        <v>16027</v>
      </c>
      <c r="B27614" s="6">
        <v>459706.49999999994</v>
      </c>
      <c r="C27614" s="7">
        <f t="shared" si="431"/>
        <v>459.70649999999995</v>
      </c>
    </row>
    <row r="27615" spans="1:3" x14ac:dyDescent="0.25">
      <c r="A27615" s="2" t="s">
        <v>16028</v>
      </c>
      <c r="B27615" s="6">
        <v>459723.14999999997</v>
      </c>
      <c r="C27615" s="7">
        <f t="shared" si="431"/>
        <v>459.72314999999998</v>
      </c>
    </row>
    <row r="27616" spans="1:3" x14ac:dyDescent="0.25">
      <c r="A27616" s="2" t="s">
        <v>16029</v>
      </c>
      <c r="B27616" s="6">
        <v>459739.8</v>
      </c>
      <c r="C27616" s="7">
        <f t="shared" si="431"/>
        <v>459.7398</v>
      </c>
    </row>
    <row r="27617" spans="1:3" x14ac:dyDescent="0.25">
      <c r="A27617" s="2" t="s">
        <v>16030</v>
      </c>
      <c r="B27617" s="6">
        <v>459756.44999999995</v>
      </c>
      <c r="C27617" s="7">
        <f t="shared" si="431"/>
        <v>459.75644999999997</v>
      </c>
    </row>
    <row r="27618" spans="1:3" x14ac:dyDescent="0.25">
      <c r="A27618" s="2" t="s">
        <v>16031</v>
      </c>
      <c r="B27618" s="6">
        <v>459773.1</v>
      </c>
      <c r="C27618" s="7">
        <f t="shared" si="431"/>
        <v>459.7731</v>
      </c>
    </row>
    <row r="27619" spans="1:3" x14ac:dyDescent="0.25">
      <c r="A27619" s="2" t="s">
        <v>16032</v>
      </c>
      <c r="B27619" s="6">
        <v>459789.74999999994</v>
      </c>
      <c r="C27619" s="7">
        <f t="shared" si="431"/>
        <v>459.78974999999997</v>
      </c>
    </row>
    <row r="27620" spans="1:3" x14ac:dyDescent="0.25">
      <c r="A27620" s="2" t="s">
        <v>16033</v>
      </c>
      <c r="B27620" s="6">
        <v>459806.39999999997</v>
      </c>
      <c r="C27620" s="7">
        <f t="shared" si="431"/>
        <v>459.80639999999994</v>
      </c>
    </row>
    <row r="27621" spans="1:3" x14ac:dyDescent="0.25">
      <c r="A27621" s="2" t="s">
        <v>16034</v>
      </c>
      <c r="B27621" s="6">
        <v>459823.05</v>
      </c>
      <c r="C27621" s="7">
        <f t="shared" si="431"/>
        <v>459.82304999999997</v>
      </c>
    </row>
    <row r="27622" spans="1:3" x14ac:dyDescent="0.25">
      <c r="A27622" s="2" t="s">
        <v>16035</v>
      </c>
      <c r="B27622" s="6">
        <v>459839.69999999995</v>
      </c>
      <c r="C27622" s="7">
        <f t="shared" si="431"/>
        <v>459.83969999999994</v>
      </c>
    </row>
    <row r="27623" spans="1:3" x14ac:dyDescent="0.25">
      <c r="A27623" s="2" t="s">
        <v>16036</v>
      </c>
      <c r="B27623" s="6">
        <v>459856.35</v>
      </c>
      <c r="C27623" s="7">
        <f t="shared" si="431"/>
        <v>459.85634999999996</v>
      </c>
    </row>
    <row r="27624" spans="1:3" x14ac:dyDescent="0.25">
      <c r="A27624" s="2" t="s">
        <v>16037</v>
      </c>
      <c r="B27624" s="6">
        <v>459872.99999999994</v>
      </c>
      <c r="C27624" s="7">
        <f t="shared" si="431"/>
        <v>459.87299999999993</v>
      </c>
    </row>
    <row r="27625" spans="1:3" x14ac:dyDescent="0.25">
      <c r="A27625" s="2" t="s">
        <v>16038</v>
      </c>
      <c r="B27625" s="6">
        <v>459889.64999999997</v>
      </c>
      <c r="C27625" s="7">
        <f t="shared" si="431"/>
        <v>459.88964999999996</v>
      </c>
    </row>
    <row r="27626" spans="1:3" x14ac:dyDescent="0.25">
      <c r="A27626" s="2" t="s">
        <v>16039</v>
      </c>
      <c r="B27626" s="6">
        <v>459906.3</v>
      </c>
      <c r="C27626" s="7">
        <f t="shared" si="431"/>
        <v>459.90629999999999</v>
      </c>
    </row>
    <row r="27627" spans="1:3" x14ac:dyDescent="0.25">
      <c r="A27627" s="2" t="s">
        <v>16040</v>
      </c>
      <c r="B27627" s="6">
        <v>459922.94999999995</v>
      </c>
      <c r="C27627" s="7">
        <f t="shared" si="431"/>
        <v>459.92294999999996</v>
      </c>
    </row>
    <row r="27628" spans="1:3" x14ac:dyDescent="0.25">
      <c r="A27628" s="2" t="s">
        <v>16041</v>
      </c>
      <c r="B27628" s="6">
        <v>459939.6</v>
      </c>
      <c r="C27628" s="7">
        <f t="shared" si="431"/>
        <v>459.93959999999998</v>
      </c>
    </row>
    <row r="27629" spans="1:3" x14ac:dyDescent="0.25">
      <c r="A27629" s="2" t="s">
        <v>16042</v>
      </c>
      <c r="B27629" s="6">
        <v>459956.24999999994</v>
      </c>
      <c r="C27629" s="7">
        <f t="shared" si="431"/>
        <v>459.95624999999995</v>
      </c>
    </row>
    <row r="27630" spans="1:3" x14ac:dyDescent="0.25">
      <c r="A27630" s="2" t="s">
        <v>16043</v>
      </c>
      <c r="B27630" s="6">
        <v>459972.89999999997</v>
      </c>
      <c r="C27630" s="7">
        <f t="shared" si="431"/>
        <v>459.97289999999998</v>
      </c>
    </row>
    <row r="27631" spans="1:3" x14ac:dyDescent="0.25">
      <c r="A27631" s="2" t="s">
        <v>16044</v>
      </c>
      <c r="B27631" s="6">
        <v>459989.55</v>
      </c>
      <c r="C27631" s="7">
        <f t="shared" si="431"/>
        <v>459.98955000000001</v>
      </c>
    </row>
    <row r="27632" spans="1:3" x14ac:dyDescent="0.25">
      <c r="A27632" s="2" t="s">
        <v>16045</v>
      </c>
      <c r="B27632" s="6">
        <v>460006.19999999995</v>
      </c>
      <c r="C27632" s="7">
        <f t="shared" si="431"/>
        <v>460.00619999999998</v>
      </c>
    </row>
    <row r="27633" spans="1:3" x14ac:dyDescent="0.25">
      <c r="A27633" s="2" t="s">
        <v>16046</v>
      </c>
      <c r="B27633" s="6">
        <v>460022.85</v>
      </c>
      <c r="C27633" s="7">
        <f t="shared" si="431"/>
        <v>460.02284999999995</v>
      </c>
    </row>
    <row r="27634" spans="1:3" x14ac:dyDescent="0.25">
      <c r="A27634" s="2" t="s">
        <v>16047</v>
      </c>
      <c r="B27634" s="6">
        <v>460039.49999999994</v>
      </c>
      <c r="C27634" s="7">
        <f t="shared" si="431"/>
        <v>460.03949999999992</v>
      </c>
    </row>
    <row r="27635" spans="1:3" x14ac:dyDescent="0.25">
      <c r="A27635" s="2" t="s">
        <v>16048</v>
      </c>
      <c r="B27635" s="6">
        <v>460056.14999999997</v>
      </c>
      <c r="C27635" s="7">
        <f t="shared" si="431"/>
        <v>460.05614999999995</v>
      </c>
    </row>
    <row r="27636" spans="1:3" x14ac:dyDescent="0.25">
      <c r="A27636" s="2" t="s">
        <v>16049</v>
      </c>
      <c r="B27636" s="6">
        <v>460072.8</v>
      </c>
      <c r="C27636" s="7">
        <f t="shared" si="431"/>
        <v>460.07279999999997</v>
      </c>
    </row>
    <row r="27637" spans="1:3" x14ac:dyDescent="0.25">
      <c r="A27637" s="2" t="s">
        <v>16050</v>
      </c>
      <c r="B27637" s="6">
        <v>460089.44999999995</v>
      </c>
      <c r="C27637" s="7">
        <f t="shared" si="431"/>
        <v>460.08944999999994</v>
      </c>
    </row>
    <row r="27638" spans="1:3" x14ac:dyDescent="0.25">
      <c r="A27638" s="2" t="s">
        <v>16051</v>
      </c>
      <c r="B27638" s="6">
        <v>460106.1</v>
      </c>
      <c r="C27638" s="7">
        <f t="shared" si="431"/>
        <v>460.10609999999997</v>
      </c>
    </row>
    <row r="27639" spans="1:3" x14ac:dyDescent="0.25">
      <c r="A27639" s="2" t="s">
        <v>16052</v>
      </c>
      <c r="B27639" s="6">
        <v>460122.74999999994</v>
      </c>
      <c r="C27639" s="7">
        <f t="shared" si="431"/>
        <v>460.12274999999994</v>
      </c>
    </row>
    <row r="27640" spans="1:3" x14ac:dyDescent="0.25">
      <c r="A27640" s="2" t="s">
        <v>16053</v>
      </c>
      <c r="B27640" s="6">
        <v>460139.39999999997</v>
      </c>
      <c r="C27640" s="7">
        <f t="shared" si="431"/>
        <v>460.13939999999997</v>
      </c>
    </row>
    <row r="27641" spans="1:3" x14ac:dyDescent="0.25">
      <c r="A27641" s="2" t="s">
        <v>16054</v>
      </c>
      <c r="B27641" s="6">
        <v>460156.05</v>
      </c>
      <c r="C27641" s="7">
        <f t="shared" si="431"/>
        <v>460.15604999999999</v>
      </c>
    </row>
    <row r="27642" spans="1:3" x14ac:dyDescent="0.25">
      <c r="A27642" s="2" t="s">
        <v>16055</v>
      </c>
      <c r="B27642" s="6">
        <v>460172.69999999995</v>
      </c>
      <c r="C27642" s="7">
        <f t="shared" si="431"/>
        <v>460.17269999999996</v>
      </c>
    </row>
    <row r="27643" spans="1:3" x14ac:dyDescent="0.25">
      <c r="A27643" s="2" t="s">
        <v>16056</v>
      </c>
      <c r="B27643" s="6">
        <v>460189.35</v>
      </c>
      <c r="C27643" s="7">
        <f t="shared" si="431"/>
        <v>460.18934999999999</v>
      </c>
    </row>
    <row r="27644" spans="1:3" x14ac:dyDescent="0.25">
      <c r="A27644" s="2" t="s">
        <v>16057</v>
      </c>
      <c r="B27644" s="6">
        <v>460205.99999999994</v>
      </c>
      <c r="C27644" s="7">
        <f t="shared" si="431"/>
        <v>460.20599999999996</v>
      </c>
    </row>
    <row r="27645" spans="1:3" x14ac:dyDescent="0.25">
      <c r="A27645" s="2" t="s">
        <v>16058</v>
      </c>
      <c r="B27645" s="6">
        <v>460222.64999999997</v>
      </c>
      <c r="C27645" s="7">
        <f t="shared" si="431"/>
        <v>460.22264999999999</v>
      </c>
    </row>
    <row r="27646" spans="1:3" x14ac:dyDescent="0.25">
      <c r="A27646" s="2" t="s">
        <v>16059</v>
      </c>
      <c r="B27646" s="6">
        <v>460239.3</v>
      </c>
      <c r="C27646" s="7">
        <f t="shared" si="431"/>
        <v>460.23930000000001</v>
      </c>
    </row>
    <row r="27647" spans="1:3" x14ac:dyDescent="0.25">
      <c r="A27647" s="2" t="s">
        <v>16060</v>
      </c>
      <c r="B27647" s="6">
        <v>460255.94999999995</v>
      </c>
      <c r="C27647" s="7">
        <f t="shared" si="431"/>
        <v>460.25594999999993</v>
      </c>
    </row>
    <row r="27648" spans="1:3" x14ac:dyDescent="0.25">
      <c r="A27648" s="2" t="s">
        <v>16061</v>
      </c>
      <c r="B27648" s="6">
        <v>460272.6</v>
      </c>
      <c r="C27648" s="7">
        <f t="shared" si="431"/>
        <v>460.27259999999995</v>
      </c>
    </row>
    <row r="27649" spans="1:3" x14ac:dyDescent="0.25">
      <c r="A27649" s="2" t="s">
        <v>16062</v>
      </c>
      <c r="B27649" s="6">
        <v>460289.24999999994</v>
      </c>
      <c r="C27649" s="7">
        <f t="shared" si="431"/>
        <v>460.28924999999992</v>
      </c>
    </row>
    <row r="27650" spans="1:3" x14ac:dyDescent="0.25">
      <c r="A27650" s="2" t="s">
        <v>16063</v>
      </c>
      <c r="B27650" s="6">
        <v>460305.89999999997</v>
      </c>
      <c r="C27650" s="7">
        <f t="shared" si="431"/>
        <v>460.30589999999995</v>
      </c>
    </row>
    <row r="27651" spans="1:3" x14ac:dyDescent="0.25">
      <c r="A27651" s="2" t="s">
        <v>16064</v>
      </c>
      <c r="B27651" s="6">
        <v>460322.55</v>
      </c>
      <c r="C27651" s="7">
        <f t="shared" ref="C27651:C27714" si="432">B27651/1000</f>
        <v>460.32254999999998</v>
      </c>
    </row>
    <row r="27652" spans="1:3" x14ac:dyDescent="0.25">
      <c r="A27652" s="2" t="s">
        <v>16065</v>
      </c>
      <c r="B27652" s="6">
        <v>460339.19999999995</v>
      </c>
      <c r="C27652" s="7">
        <f t="shared" si="432"/>
        <v>460.33919999999995</v>
      </c>
    </row>
    <row r="27653" spans="1:3" x14ac:dyDescent="0.25">
      <c r="A27653" s="2" t="s">
        <v>16066</v>
      </c>
      <c r="B27653" s="6">
        <v>460355.85</v>
      </c>
      <c r="C27653" s="7">
        <f t="shared" si="432"/>
        <v>460.35584999999998</v>
      </c>
    </row>
    <row r="27654" spans="1:3" x14ac:dyDescent="0.25">
      <c r="A27654" s="2" t="s">
        <v>16067</v>
      </c>
      <c r="B27654" s="6">
        <v>460372.49999999994</v>
      </c>
      <c r="C27654" s="7">
        <f t="shared" si="432"/>
        <v>460.37249999999995</v>
      </c>
    </row>
    <row r="27655" spans="1:3" x14ac:dyDescent="0.25">
      <c r="A27655" s="2" t="s">
        <v>16068</v>
      </c>
      <c r="B27655" s="6">
        <v>460389.14999999997</v>
      </c>
      <c r="C27655" s="7">
        <f t="shared" si="432"/>
        <v>460.38914999999997</v>
      </c>
    </row>
    <row r="27656" spans="1:3" x14ac:dyDescent="0.25">
      <c r="A27656" s="2" t="s">
        <v>16069</v>
      </c>
      <c r="B27656" s="6">
        <v>460405.8</v>
      </c>
      <c r="C27656" s="7">
        <f t="shared" si="432"/>
        <v>460.4058</v>
      </c>
    </row>
    <row r="27657" spans="1:3" x14ac:dyDescent="0.25">
      <c r="A27657" s="2" t="s">
        <v>16070</v>
      </c>
      <c r="B27657" s="6">
        <v>460422.44999999995</v>
      </c>
      <c r="C27657" s="7">
        <f t="shared" si="432"/>
        <v>460.42244999999997</v>
      </c>
    </row>
    <row r="27658" spans="1:3" x14ac:dyDescent="0.25">
      <c r="A27658" s="2" t="s">
        <v>16071</v>
      </c>
      <c r="B27658" s="6">
        <v>460439.1</v>
      </c>
      <c r="C27658" s="7">
        <f t="shared" si="432"/>
        <v>460.4391</v>
      </c>
    </row>
    <row r="27659" spans="1:3" x14ac:dyDescent="0.25">
      <c r="A27659" s="2" t="s">
        <v>16072</v>
      </c>
      <c r="B27659" s="6">
        <v>460455.74999999994</v>
      </c>
      <c r="C27659" s="7">
        <f t="shared" si="432"/>
        <v>460.45574999999997</v>
      </c>
    </row>
    <row r="27660" spans="1:3" x14ac:dyDescent="0.25">
      <c r="A27660" s="2" t="s">
        <v>16073</v>
      </c>
      <c r="B27660" s="6">
        <v>460472.39999999997</v>
      </c>
      <c r="C27660" s="7">
        <f t="shared" si="432"/>
        <v>460.47239999999999</v>
      </c>
    </row>
    <row r="27661" spans="1:3" x14ac:dyDescent="0.25">
      <c r="A27661" s="2" t="s">
        <v>16074</v>
      </c>
      <c r="B27661" s="6">
        <v>460489.05</v>
      </c>
      <c r="C27661" s="7">
        <f t="shared" si="432"/>
        <v>460.48904999999996</v>
      </c>
    </row>
    <row r="27662" spans="1:3" x14ac:dyDescent="0.25">
      <c r="A27662" s="2" t="s">
        <v>16075</v>
      </c>
      <c r="B27662" s="6">
        <v>460505.69999999995</v>
      </c>
      <c r="C27662" s="7">
        <f t="shared" si="432"/>
        <v>460.50569999999993</v>
      </c>
    </row>
    <row r="27663" spans="1:3" x14ac:dyDescent="0.25">
      <c r="A27663" s="2" t="s">
        <v>16076</v>
      </c>
      <c r="B27663" s="6">
        <v>460522.35</v>
      </c>
      <c r="C27663" s="7">
        <f t="shared" si="432"/>
        <v>460.52234999999996</v>
      </c>
    </row>
    <row r="27664" spans="1:3" x14ac:dyDescent="0.25">
      <c r="A27664" s="2" t="s">
        <v>16077</v>
      </c>
      <c r="B27664" s="6">
        <v>460538.99999999994</v>
      </c>
      <c r="C27664" s="7">
        <f t="shared" si="432"/>
        <v>460.53899999999993</v>
      </c>
    </row>
    <row r="27665" spans="1:3" x14ac:dyDescent="0.25">
      <c r="A27665" s="2" t="s">
        <v>16078</v>
      </c>
      <c r="B27665" s="6">
        <v>460555.64999999997</v>
      </c>
      <c r="C27665" s="7">
        <f t="shared" si="432"/>
        <v>460.55564999999996</v>
      </c>
    </row>
    <row r="27666" spans="1:3" x14ac:dyDescent="0.25">
      <c r="A27666" s="2" t="s">
        <v>16079</v>
      </c>
      <c r="B27666" s="6">
        <v>460572.3</v>
      </c>
      <c r="C27666" s="7">
        <f t="shared" si="432"/>
        <v>460.57229999999998</v>
      </c>
    </row>
    <row r="27667" spans="1:3" x14ac:dyDescent="0.25">
      <c r="A27667" s="2" t="s">
        <v>16080</v>
      </c>
      <c r="B27667" s="6">
        <v>460588.94999999995</v>
      </c>
      <c r="C27667" s="7">
        <f t="shared" si="432"/>
        <v>460.58894999999995</v>
      </c>
    </row>
    <row r="27668" spans="1:3" x14ac:dyDescent="0.25">
      <c r="A27668" s="2" t="s">
        <v>16081</v>
      </c>
      <c r="B27668" s="6">
        <v>460605.6</v>
      </c>
      <c r="C27668" s="7">
        <f t="shared" si="432"/>
        <v>460.60559999999998</v>
      </c>
    </row>
    <row r="27669" spans="1:3" x14ac:dyDescent="0.25">
      <c r="A27669" s="2" t="s">
        <v>16082</v>
      </c>
      <c r="B27669" s="6">
        <v>460622.24999999994</v>
      </c>
      <c r="C27669" s="7">
        <f t="shared" si="432"/>
        <v>460.62224999999995</v>
      </c>
    </row>
    <row r="27670" spans="1:3" x14ac:dyDescent="0.25">
      <c r="A27670" s="2" t="s">
        <v>16083</v>
      </c>
      <c r="B27670" s="6">
        <v>460638.89999999997</v>
      </c>
      <c r="C27670" s="7">
        <f t="shared" si="432"/>
        <v>460.63889999999998</v>
      </c>
    </row>
    <row r="27671" spans="1:3" x14ac:dyDescent="0.25">
      <c r="A27671" s="2" t="s">
        <v>16084</v>
      </c>
      <c r="B27671" s="6">
        <v>460655.55</v>
      </c>
      <c r="C27671" s="7">
        <f t="shared" si="432"/>
        <v>460.65555000000001</v>
      </c>
    </row>
    <row r="27672" spans="1:3" x14ac:dyDescent="0.25">
      <c r="A27672" s="2" t="s">
        <v>16085</v>
      </c>
      <c r="B27672" s="6">
        <v>460672.19999999995</v>
      </c>
      <c r="C27672" s="7">
        <f t="shared" si="432"/>
        <v>460.67219999999998</v>
      </c>
    </row>
    <row r="27673" spans="1:3" x14ac:dyDescent="0.25">
      <c r="A27673" s="2" t="s">
        <v>16086</v>
      </c>
      <c r="B27673" s="6">
        <v>460688.85</v>
      </c>
      <c r="C27673" s="7">
        <f t="shared" si="432"/>
        <v>460.68885</v>
      </c>
    </row>
    <row r="27674" spans="1:3" x14ac:dyDescent="0.25">
      <c r="A27674" s="2" t="s">
        <v>16087</v>
      </c>
      <c r="B27674" s="6">
        <v>460705.49999999994</v>
      </c>
      <c r="C27674" s="7">
        <f t="shared" si="432"/>
        <v>460.70549999999992</v>
      </c>
    </row>
    <row r="27675" spans="1:3" x14ac:dyDescent="0.25">
      <c r="A27675" s="2" t="s">
        <v>16088</v>
      </c>
      <c r="B27675" s="6">
        <v>460722.14999999997</v>
      </c>
      <c r="C27675" s="7">
        <f t="shared" si="432"/>
        <v>460.72214999999994</v>
      </c>
    </row>
    <row r="27676" spans="1:3" x14ac:dyDescent="0.25">
      <c r="A27676" s="2" t="s">
        <v>16089</v>
      </c>
      <c r="B27676" s="6">
        <v>460738.8</v>
      </c>
      <c r="C27676" s="7">
        <f t="shared" si="432"/>
        <v>460.73879999999997</v>
      </c>
    </row>
    <row r="27677" spans="1:3" x14ac:dyDescent="0.25">
      <c r="A27677" s="2" t="s">
        <v>16090</v>
      </c>
      <c r="B27677" s="6">
        <v>460755.44999999995</v>
      </c>
      <c r="C27677" s="7">
        <f t="shared" si="432"/>
        <v>460.75544999999994</v>
      </c>
    </row>
    <row r="27678" spans="1:3" x14ac:dyDescent="0.25">
      <c r="A27678" s="2" t="s">
        <v>16091</v>
      </c>
      <c r="B27678" s="6">
        <v>460772.1</v>
      </c>
      <c r="C27678" s="7">
        <f t="shared" si="432"/>
        <v>460.77209999999997</v>
      </c>
    </row>
    <row r="27679" spans="1:3" x14ac:dyDescent="0.25">
      <c r="A27679" s="2" t="s">
        <v>16092</v>
      </c>
      <c r="B27679" s="6">
        <v>460788.74999999994</v>
      </c>
      <c r="C27679" s="7">
        <f t="shared" si="432"/>
        <v>460.78874999999994</v>
      </c>
    </row>
    <row r="27680" spans="1:3" x14ac:dyDescent="0.25">
      <c r="A27680" s="2" t="s">
        <v>16093</v>
      </c>
      <c r="B27680" s="6">
        <v>460805.39999999997</v>
      </c>
      <c r="C27680" s="7">
        <f t="shared" si="432"/>
        <v>460.80539999999996</v>
      </c>
    </row>
    <row r="27681" spans="1:3" x14ac:dyDescent="0.25">
      <c r="A27681" s="2" t="s">
        <v>16094</v>
      </c>
      <c r="B27681" s="6">
        <v>460822.05</v>
      </c>
      <c r="C27681" s="7">
        <f t="shared" si="432"/>
        <v>460.82204999999999</v>
      </c>
    </row>
    <row r="27682" spans="1:3" x14ac:dyDescent="0.25">
      <c r="A27682" s="2" t="s">
        <v>16095</v>
      </c>
      <c r="B27682" s="6">
        <v>460838.69999999995</v>
      </c>
      <c r="C27682" s="7">
        <f t="shared" si="432"/>
        <v>460.83869999999996</v>
      </c>
    </row>
    <row r="27683" spans="1:3" x14ac:dyDescent="0.25">
      <c r="A27683" s="2" t="s">
        <v>16096</v>
      </c>
      <c r="B27683" s="6">
        <v>460855.35</v>
      </c>
      <c r="C27683" s="7">
        <f t="shared" si="432"/>
        <v>460.85534999999999</v>
      </c>
    </row>
    <row r="27684" spans="1:3" x14ac:dyDescent="0.25">
      <c r="A27684" s="2" t="s">
        <v>16097</v>
      </c>
      <c r="B27684" s="6">
        <v>460871.99999999994</v>
      </c>
      <c r="C27684" s="7">
        <f t="shared" si="432"/>
        <v>460.87199999999996</v>
      </c>
    </row>
    <row r="27685" spans="1:3" x14ac:dyDescent="0.25">
      <c r="A27685" s="2" t="s">
        <v>16098</v>
      </c>
      <c r="B27685" s="6">
        <v>460888.64999999997</v>
      </c>
      <c r="C27685" s="7">
        <f t="shared" si="432"/>
        <v>460.88864999999998</v>
      </c>
    </row>
    <row r="27686" spans="1:3" x14ac:dyDescent="0.25">
      <c r="A27686" s="2" t="s">
        <v>16099</v>
      </c>
      <c r="B27686" s="6">
        <v>460905.3</v>
      </c>
      <c r="C27686" s="7">
        <f t="shared" si="432"/>
        <v>460.90530000000001</v>
      </c>
    </row>
    <row r="27687" spans="1:3" x14ac:dyDescent="0.25">
      <c r="A27687" s="2" t="s">
        <v>16100</v>
      </c>
      <c r="B27687" s="6">
        <v>460921.94999999995</v>
      </c>
      <c r="C27687" s="7">
        <f t="shared" si="432"/>
        <v>460.92194999999998</v>
      </c>
    </row>
    <row r="27688" spans="1:3" x14ac:dyDescent="0.25">
      <c r="A27688" s="2" t="s">
        <v>16101</v>
      </c>
      <c r="B27688" s="6">
        <v>460938.6</v>
      </c>
      <c r="C27688" s="7">
        <f t="shared" si="432"/>
        <v>460.93859999999995</v>
      </c>
    </row>
    <row r="27689" spans="1:3" x14ac:dyDescent="0.25">
      <c r="A27689" s="2" t="s">
        <v>16102</v>
      </c>
      <c r="B27689" s="6">
        <v>460955.24999999994</v>
      </c>
      <c r="C27689" s="7">
        <f t="shared" si="432"/>
        <v>460.95524999999992</v>
      </c>
    </row>
    <row r="27690" spans="1:3" x14ac:dyDescent="0.25">
      <c r="A27690" s="2" t="s">
        <v>16103</v>
      </c>
      <c r="B27690" s="6">
        <v>460971.89999999997</v>
      </c>
      <c r="C27690" s="7">
        <f t="shared" si="432"/>
        <v>460.97189999999995</v>
      </c>
    </row>
    <row r="27691" spans="1:3" x14ac:dyDescent="0.25">
      <c r="A27691" s="2" t="s">
        <v>16104</v>
      </c>
      <c r="B27691" s="6">
        <v>460988.55</v>
      </c>
      <c r="C27691" s="7">
        <f t="shared" si="432"/>
        <v>460.98854999999998</v>
      </c>
    </row>
    <row r="27692" spans="1:3" x14ac:dyDescent="0.25">
      <c r="A27692" s="2" t="s">
        <v>16105</v>
      </c>
      <c r="B27692" s="6">
        <v>461005.19999999995</v>
      </c>
      <c r="C27692" s="7">
        <f t="shared" si="432"/>
        <v>461.00519999999995</v>
      </c>
    </row>
    <row r="27693" spans="1:3" x14ac:dyDescent="0.25">
      <c r="A27693" s="2" t="s">
        <v>16106</v>
      </c>
      <c r="B27693" s="6">
        <v>461021.85</v>
      </c>
      <c r="C27693" s="7">
        <f t="shared" si="432"/>
        <v>461.02184999999997</v>
      </c>
    </row>
    <row r="27694" spans="1:3" x14ac:dyDescent="0.25">
      <c r="A27694" s="2" t="s">
        <v>16107</v>
      </c>
      <c r="B27694" s="6">
        <v>461038.49999999994</v>
      </c>
      <c r="C27694" s="7">
        <f t="shared" si="432"/>
        <v>461.03849999999994</v>
      </c>
    </row>
    <row r="27695" spans="1:3" x14ac:dyDescent="0.25">
      <c r="A27695" s="2" t="s">
        <v>16108</v>
      </c>
      <c r="B27695" s="6">
        <v>461055.14999999997</v>
      </c>
      <c r="C27695" s="7">
        <f t="shared" si="432"/>
        <v>461.05514999999997</v>
      </c>
    </row>
    <row r="27696" spans="1:3" x14ac:dyDescent="0.25">
      <c r="A27696" s="2" t="s">
        <v>16109</v>
      </c>
      <c r="B27696" s="6">
        <v>461071.8</v>
      </c>
      <c r="C27696" s="7">
        <f t="shared" si="432"/>
        <v>461.0718</v>
      </c>
    </row>
    <row r="27697" spans="1:3" x14ac:dyDescent="0.25">
      <c r="A27697" s="2" t="s">
        <v>16110</v>
      </c>
      <c r="B27697" s="6">
        <v>461088.44999999995</v>
      </c>
      <c r="C27697" s="7">
        <f t="shared" si="432"/>
        <v>461.08844999999997</v>
      </c>
    </row>
    <row r="27698" spans="1:3" x14ac:dyDescent="0.25">
      <c r="A27698" s="2" t="s">
        <v>16111</v>
      </c>
      <c r="B27698" s="6">
        <v>461105.1</v>
      </c>
      <c r="C27698" s="7">
        <f t="shared" si="432"/>
        <v>461.10509999999999</v>
      </c>
    </row>
    <row r="27699" spans="1:3" x14ac:dyDescent="0.25">
      <c r="A27699" s="2" t="s">
        <v>16112</v>
      </c>
      <c r="B27699" s="6">
        <v>461121.74999999994</v>
      </c>
      <c r="C27699" s="7">
        <f t="shared" si="432"/>
        <v>461.12174999999996</v>
      </c>
    </row>
    <row r="27700" spans="1:3" x14ac:dyDescent="0.25">
      <c r="A27700" s="2" t="s">
        <v>16113</v>
      </c>
      <c r="B27700" s="6">
        <v>461138.39999999997</v>
      </c>
      <c r="C27700" s="7">
        <f t="shared" si="432"/>
        <v>461.13839999999999</v>
      </c>
    </row>
    <row r="27701" spans="1:3" x14ac:dyDescent="0.25">
      <c r="A27701" s="2" t="s">
        <v>16114</v>
      </c>
      <c r="B27701" s="6">
        <v>461155.05</v>
      </c>
      <c r="C27701" s="7">
        <f t="shared" si="432"/>
        <v>461.15504999999996</v>
      </c>
    </row>
    <row r="27702" spans="1:3" x14ac:dyDescent="0.25">
      <c r="A27702" s="2" t="s">
        <v>16115</v>
      </c>
      <c r="B27702" s="6">
        <v>461171.69999999995</v>
      </c>
      <c r="C27702" s="7">
        <f t="shared" si="432"/>
        <v>461.17169999999993</v>
      </c>
    </row>
    <row r="27703" spans="1:3" x14ac:dyDescent="0.25">
      <c r="A27703" s="2" t="s">
        <v>16116</v>
      </c>
      <c r="B27703" s="6">
        <v>461188.35</v>
      </c>
      <c r="C27703" s="7">
        <f t="shared" si="432"/>
        <v>461.18834999999996</v>
      </c>
    </row>
    <row r="27704" spans="1:3" x14ac:dyDescent="0.25">
      <c r="A27704" s="2" t="s">
        <v>16117</v>
      </c>
      <c r="B27704" s="6">
        <v>461204.99999999994</v>
      </c>
      <c r="C27704" s="7">
        <f t="shared" si="432"/>
        <v>461.20499999999993</v>
      </c>
    </row>
    <row r="27705" spans="1:3" x14ac:dyDescent="0.25">
      <c r="A27705" s="2" t="s">
        <v>16118</v>
      </c>
      <c r="B27705" s="6">
        <v>461221.64999999997</v>
      </c>
      <c r="C27705" s="7">
        <f t="shared" si="432"/>
        <v>461.22164999999995</v>
      </c>
    </row>
    <row r="27706" spans="1:3" x14ac:dyDescent="0.25">
      <c r="A27706" s="2" t="s">
        <v>16119</v>
      </c>
      <c r="B27706" s="6">
        <v>461238.3</v>
      </c>
      <c r="C27706" s="7">
        <f t="shared" si="432"/>
        <v>461.23829999999998</v>
      </c>
    </row>
    <row r="27707" spans="1:3" x14ac:dyDescent="0.25">
      <c r="A27707" s="2" t="s">
        <v>16120</v>
      </c>
      <c r="B27707" s="6">
        <v>461254.94999999995</v>
      </c>
      <c r="C27707" s="7">
        <f t="shared" si="432"/>
        <v>461.25494999999995</v>
      </c>
    </row>
    <row r="27708" spans="1:3" x14ac:dyDescent="0.25">
      <c r="A27708" s="2" t="s">
        <v>16121</v>
      </c>
      <c r="B27708" s="6">
        <v>461271.6</v>
      </c>
      <c r="C27708" s="7">
        <f t="shared" si="432"/>
        <v>461.27159999999998</v>
      </c>
    </row>
    <row r="27709" spans="1:3" x14ac:dyDescent="0.25">
      <c r="A27709" s="2" t="s">
        <v>16122</v>
      </c>
      <c r="B27709" s="6">
        <v>461288.24999999994</v>
      </c>
      <c r="C27709" s="7">
        <f t="shared" si="432"/>
        <v>461.28824999999995</v>
      </c>
    </row>
    <row r="27710" spans="1:3" x14ac:dyDescent="0.25">
      <c r="A27710" s="2" t="s">
        <v>16123</v>
      </c>
      <c r="B27710" s="6">
        <v>461304.89999999997</v>
      </c>
      <c r="C27710" s="7">
        <f t="shared" si="432"/>
        <v>461.30489999999998</v>
      </c>
    </row>
    <row r="27711" spans="1:3" x14ac:dyDescent="0.25">
      <c r="A27711" s="2" t="s">
        <v>16124</v>
      </c>
      <c r="B27711" s="6">
        <v>461321.55</v>
      </c>
      <c r="C27711" s="7">
        <f t="shared" si="432"/>
        <v>461.32155</v>
      </c>
    </row>
    <row r="27712" spans="1:3" x14ac:dyDescent="0.25">
      <c r="A27712" s="2" t="s">
        <v>16125</v>
      </c>
      <c r="B27712" s="6">
        <v>461338.19999999995</v>
      </c>
      <c r="C27712" s="7">
        <f t="shared" si="432"/>
        <v>461.33819999999997</v>
      </c>
    </row>
    <row r="27713" spans="1:3" x14ac:dyDescent="0.25">
      <c r="A27713" s="2" t="s">
        <v>16126</v>
      </c>
      <c r="B27713" s="6">
        <v>461354.85</v>
      </c>
      <c r="C27713" s="7">
        <f t="shared" si="432"/>
        <v>461.35485</v>
      </c>
    </row>
    <row r="27714" spans="1:3" x14ac:dyDescent="0.25">
      <c r="A27714" s="2" t="s">
        <v>16127</v>
      </c>
      <c r="B27714" s="6">
        <v>461371.49999999994</v>
      </c>
      <c r="C27714" s="7">
        <f t="shared" si="432"/>
        <v>461.37149999999997</v>
      </c>
    </row>
    <row r="27715" spans="1:3" x14ac:dyDescent="0.25">
      <c r="A27715" s="2" t="s">
        <v>16128</v>
      </c>
      <c r="B27715" s="6">
        <v>461388.14999999997</v>
      </c>
      <c r="C27715" s="7">
        <f t="shared" ref="C27715:C27778" si="433">B27715/1000</f>
        <v>461.38814999999994</v>
      </c>
    </row>
    <row r="27716" spans="1:3" x14ac:dyDescent="0.25">
      <c r="A27716" s="2" t="s">
        <v>16129</v>
      </c>
      <c r="B27716" s="6">
        <v>461404.8</v>
      </c>
      <c r="C27716" s="7">
        <f t="shared" si="433"/>
        <v>461.40479999999997</v>
      </c>
    </row>
    <row r="27717" spans="1:3" x14ac:dyDescent="0.25">
      <c r="A27717" s="2" t="s">
        <v>16130</v>
      </c>
      <c r="B27717" s="6">
        <v>461421.44999999995</v>
      </c>
      <c r="C27717" s="7">
        <f t="shared" si="433"/>
        <v>461.42144999999994</v>
      </c>
    </row>
    <row r="27718" spans="1:3" x14ac:dyDescent="0.25">
      <c r="A27718" s="2" t="s">
        <v>16131</v>
      </c>
      <c r="B27718" s="6">
        <v>461438.1</v>
      </c>
      <c r="C27718" s="7">
        <f t="shared" si="433"/>
        <v>461.43809999999996</v>
      </c>
    </row>
    <row r="27719" spans="1:3" x14ac:dyDescent="0.25">
      <c r="A27719" s="2" t="s">
        <v>16132</v>
      </c>
      <c r="B27719" s="6">
        <v>461454.74999999994</v>
      </c>
      <c r="C27719" s="7">
        <f t="shared" si="433"/>
        <v>461.45474999999993</v>
      </c>
    </row>
    <row r="27720" spans="1:3" x14ac:dyDescent="0.25">
      <c r="A27720" s="2" t="s">
        <v>16133</v>
      </c>
      <c r="B27720" s="6">
        <v>461471.39999999997</v>
      </c>
      <c r="C27720" s="7">
        <f t="shared" si="433"/>
        <v>461.47139999999996</v>
      </c>
    </row>
    <row r="27721" spans="1:3" x14ac:dyDescent="0.25">
      <c r="A27721" s="2" t="s">
        <v>16134</v>
      </c>
      <c r="B27721" s="6">
        <v>461488.05</v>
      </c>
      <c r="C27721" s="7">
        <f t="shared" si="433"/>
        <v>461.48804999999999</v>
      </c>
    </row>
    <row r="27722" spans="1:3" x14ac:dyDescent="0.25">
      <c r="A27722" s="2" t="s">
        <v>16135</v>
      </c>
      <c r="B27722" s="6">
        <v>461504.69999999995</v>
      </c>
      <c r="C27722" s="7">
        <f t="shared" si="433"/>
        <v>461.50469999999996</v>
      </c>
    </row>
    <row r="27723" spans="1:3" x14ac:dyDescent="0.25">
      <c r="A27723" s="2" t="s">
        <v>16136</v>
      </c>
      <c r="B27723" s="6">
        <v>461521.35</v>
      </c>
      <c r="C27723" s="7">
        <f t="shared" si="433"/>
        <v>461.52134999999998</v>
      </c>
    </row>
    <row r="27724" spans="1:3" x14ac:dyDescent="0.25">
      <c r="A27724" s="2" t="s">
        <v>16137</v>
      </c>
      <c r="B27724" s="6">
        <v>461537.99999999994</v>
      </c>
      <c r="C27724" s="7">
        <f t="shared" si="433"/>
        <v>461.53799999999995</v>
      </c>
    </row>
    <row r="27725" spans="1:3" x14ac:dyDescent="0.25">
      <c r="A27725" s="2" t="s">
        <v>16138</v>
      </c>
      <c r="B27725" s="6">
        <v>461554.64999999997</v>
      </c>
      <c r="C27725" s="7">
        <f t="shared" si="433"/>
        <v>461.55464999999998</v>
      </c>
    </row>
    <row r="27726" spans="1:3" x14ac:dyDescent="0.25">
      <c r="A27726" s="2" t="s">
        <v>16139</v>
      </c>
      <c r="B27726" s="6">
        <v>461571.3</v>
      </c>
      <c r="C27726" s="7">
        <f t="shared" si="433"/>
        <v>461.57130000000001</v>
      </c>
    </row>
    <row r="27727" spans="1:3" x14ac:dyDescent="0.25">
      <c r="A27727" s="2" t="s">
        <v>16140</v>
      </c>
      <c r="B27727" s="6">
        <v>461587.94999999995</v>
      </c>
      <c r="C27727" s="7">
        <f t="shared" si="433"/>
        <v>461.58794999999998</v>
      </c>
    </row>
    <row r="27728" spans="1:3" x14ac:dyDescent="0.25">
      <c r="A27728" s="2" t="s">
        <v>16141</v>
      </c>
      <c r="B27728" s="6">
        <v>461604.6</v>
      </c>
      <c r="C27728" s="7">
        <f t="shared" si="433"/>
        <v>461.6046</v>
      </c>
    </row>
    <row r="27729" spans="1:3" x14ac:dyDescent="0.25">
      <c r="A27729" s="2" t="s">
        <v>16142</v>
      </c>
      <c r="B27729" s="6">
        <v>461621.24999999994</v>
      </c>
      <c r="C27729" s="7">
        <f t="shared" si="433"/>
        <v>461.62124999999992</v>
      </c>
    </row>
    <row r="27730" spans="1:3" x14ac:dyDescent="0.25">
      <c r="A27730" s="2" t="s">
        <v>16143</v>
      </c>
      <c r="B27730" s="6">
        <v>461637.89999999997</v>
      </c>
      <c r="C27730" s="7">
        <f t="shared" si="433"/>
        <v>461.63789999999995</v>
      </c>
    </row>
    <row r="27731" spans="1:3" x14ac:dyDescent="0.25">
      <c r="A27731" s="2" t="s">
        <v>16144</v>
      </c>
      <c r="B27731" s="6">
        <v>461654.55</v>
      </c>
      <c r="C27731" s="7">
        <f t="shared" si="433"/>
        <v>461.65454999999997</v>
      </c>
    </row>
    <row r="27732" spans="1:3" x14ac:dyDescent="0.25">
      <c r="A27732" s="2" t="s">
        <v>16145</v>
      </c>
      <c r="B27732" s="6">
        <v>461671.19999999995</v>
      </c>
      <c r="C27732" s="7">
        <f t="shared" si="433"/>
        <v>461.67119999999994</v>
      </c>
    </row>
    <row r="27733" spans="1:3" x14ac:dyDescent="0.25">
      <c r="A27733" s="2" t="s">
        <v>16146</v>
      </c>
      <c r="B27733" s="6">
        <v>461687.85</v>
      </c>
      <c r="C27733" s="7">
        <f t="shared" si="433"/>
        <v>461.68784999999997</v>
      </c>
    </row>
    <row r="27734" spans="1:3" x14ac:dyDescent="0.25">
      <c r="A27734" s="2" t="s">
        <v>16147</v>
      </c>
      <c r="B27734" s="6">
        <v>461704.49999999994</v>
      </c>
      <c r="C27734" s="7">
        <f t="shared" si="433"/>
        <v>461.70449999999994</v>
      </c>
    </row>
    <row r="27735" spans="1:3" x14ac:dyDescent="0.25">
      <c r="A27735" s="2" t="s">
        <v>16148</v>
      </c>
      <c r="B27735" s="6">
        <v>461721.14999999997</v>
      </c>
      <c r="C27735" s="7">
        <f t="shared" si="433"/>
        <v>461.72114999999997</v>
      </c>
    </row>
    <row r="27736" spans="1:3" x14ac:dyDescent="0.25">
      <c r="A27736" s="2" t="s">
        <v>16149</v>
      </c>
      <c r="B27736" s="6">
        <v>461737.8</v>
      </c>
      <c r="C27736" s="7">
        <f t="shared" si="433"/>
        <v>461.73779999999999</v>
      </c>
    </row>
    <row r="27737" spans="1:3" x14ac:dyDescent="0.25">
      <c r="A27737" s="2" t="s">
        <v>16150</v>
      </c>
      <c r="B27737" s="6">
        <v>461754.44999999995</v>
      </c>
      <c r="C27737" s="7">
        <f t="shared" si="433"/>
        <v>461.75444999999996</v>
      </c>
    </row>
    <row r="27738" spans="1:3" x14ac:dyDescent="0.25">
      <c r="A27738" s="2" t="s">
        <v>16151</v>
      </c>
      <c r="B27738" s="6">
        <v>461771.1</v>
      </c>
      <c r="C27738" s="7">
        <f t="shared" si="433"/>
        <v>461.77109999999999</v>
      </c>
    </row>
    <row r="27739" spans="1:3" x14ac:dyDescent="0.25">
      <c r="A27739" s="2" t="s">
        <v>16152</v>
      </c>
      <c r="B27739" s="6">
        <v>461787.74999999994</v>
      </c>
      <c r="C27739" s="7">
        <f t="shared" si="433"/>
        <v>461.78774999999996</v>
      </c>
    </row>
    <row r="27740" spans="1:3" x14ac:dyDescent="0.25">
      <c r="A27740" s="2" t="s">
        <v>16153</v>
      </c>
      <c r="B27740" s="6">
        <v>461804.39999999997</v>
      </c>
      <c r="C27740" s="7">
        <f t="shared" si="433"/>
        <v>461.80439999999999</v>
      </c>
    </row>
    <row r="27741" spans="1:3" x14ac:dyDescent="0.25">
      <c r="A27741" s="2" t="s">
        <v>16154</v>
      </c>
      <c r="B27741" s="6">
        <v>461821.05</v>
      </c>
      <c r="C27741" s="7">
        <f t="shared" si="433"/>
        <v>461.82105000000001</v>
      </c>
    </row>
    <row r="27742" spans="1:3" x14ac:dyDescent="0.25">
      <c r="A27742" s="2" t="s">
        <v>16155</v>
      </c>
      <c r="B27742" s="6">
        <v>461837.69999999995</v>
      </c>
      <c r="C27742" s="7">
        <f t="shared" si="433"/>
        <v>461.83769999999993</v>
      </c>
    </row>
    <row r="27743" spans="1:3" x14ac:dyDescent="0.25">
      <c r="A27743" s="2" t="s">
        <v>16156</v>
      </c>
      <c r="B27743" s="6">
        <v>461854.35</v>
      </c>
      <c r="C27743" s="7">
        <f t="shared" si="433"/>
        <v>461.85434999999995</v>
      </c>
    </row>
    <row r="27744" spans="1:3" x14ac:dyDescent="0.25">
      <c r="A27744" s="2" t="s">
        <v>16157</v>
      </c>
      <c r="B27744" s="6">
        <v>461870.99999999994</v>
      </c>
      <c r="C27744" s="7">
        <f t="shared" si="433"/>
        <v>461.87099999999992</v>
      </c>
    </row>
    <row r="27745" spans="1:3" x14ac:dyDescent="0.25">
      <c r="A27745" s="2" t="s">
        <v>16158</v>
      </c>
      <c r="B27745" s="6">
        <v>461887.64999999997</v>
      </c>
      <c r="C27745" s="7">
        <f t="shared" si="433"/>
        <v>461.88764999999995</v>
      </c>
    </row>
    <row r="27746" spans="1:3" x14ac:dyDescent="0.25">
      <c r="A27746" s="2" t="s">
        <v>16159</v>
      </c>
      <c r="B27746" s="6">
        <v>461904.3</v>
      </c>
      <c r="C27746" s="7">
        <f t="shared" si="433"/>
        <v>461.90429999999998</v>
      </c>
    </row>
    <row r="27747" spans="1:3" x14ac:dyDescent="0.25">
      <c r="A27747" s="2" t="s">
        <v>16160</v>
      </c>
      <c r="B27747" s="6">
        <v>461920.94999999995</v>
      </c>
      <c r="C27747" s="7">
        <f t="shared" si="433"/>
        <v>461.92094999999995</v>
      </c>
    </row>
    <row r="27748" spans="1:3" x14ac:dyDescent="0.25">
      <c r="A27748" s="2" t="s">
        <v>16161</v>
      </c>
      <c r="B27748" s="6">
        <v>461937.6</v>
      </c>
      <c r="C27748" s="7">
        <f t="shared" si="433"/>
        <v>461.93759999999997</v>
      </c>
    </row>
    <row r="27749" spans="1:3" x14ac:dyDescent="0.25">
      <c r="A27749" s="2" t="s">
        <v>16162</v>
      </c>
      <c r="B27749" s="6">
        <v>461954.24999999994</v>
      </c>
      <c r="C27749" s="7">
        <f t="shared" si="433"/>
        <v>461.95424999999994</v>
      </c>
    </row>
    <row r="27750" spans="1:3" x14ac:dyDescent="0.25">
      <c r="A27750" s="2" t="s">
        <v>16163</v>
      </c>
      <c r="B27750" s="6">
        <v>461970.89999999997</v>
      </c>
      <c r="C27750" s="7">
        <f t="shared" si="433"/>
        <v>461.97089999999997</v>
      </c>
    </row>
    <row r="27751" spans="1:3" x14ac:dyDescent="0.25">
      <c r="A27751" s="2" t="s">
        <v>16164</v>
      </c>
      <c r="B27751" s="6">
        <v>461987.55</v>
      </c>
      <c r="C27751" s="7">
        <f t="shared" si="433"/>
        <v>461.98755</v>
      </c>
    </row>
    <row r="27752" spans="1:3" x14ac:dyDescent="0.25">
      <c r="A27752" s="2" t="s">
        <v>16165</v>
      </c>
      <c r="B27752" s="6">
        <v>462004.19999999995</v>
      </c>
      <c r="C27752" s="7">
        <f t="shared" si="433"/>
        <v>462.00419999999997</v>
      </c>
    </row>
    <row r="27753" spans="1:3" x14ac:dyDescent="0.25">
      <c r="A27753" s="2" t="s">
        <v>16166</v>
      </c>
      <c r="B27753" s="6">
        <v>462020.85</v>
      </c>
      <c r="C27753" s="7">
        <f t="shared" si="433"/>
        <v>462.02085</v>
      </c>
    </row>
    <row r="27754" spans="1:3" x14ac:dyDescent="0.25">
      <c r="A27754" s="2" t="s">
        <v>16167</v>
      </c>
      <c r="B27754" s="6">
        <v>462037.49999999994</v>
      </c>
      <c r="C27754" s="7">
        <f t="shared" si="433"/>
        <v>462.03749999999997</v>
      </c>
    </row>
    <row r="27755" spans="1:3" x14ac:dyDescent="0.25">
      <c r="A27755" s="2" t="s">
        <v>16168</v>
      </c>
      <c r="B27755" s="6">
        <v>462054.14999999997</v>
      </c>
      <c r="C27755" s="7">
        <f t="shared" si="433"/>
        <v>462.05414999999999</v>
      </c>
    </row>
    <row r="27756" spans="1:3" x14ac:dyDescent="0.25">
      <c r="A27756" s="2" t="s">
        <v>16169</v>
      </c>
      <c r="B27756" s="6">
        <v>462070.8</v>
      </c>
      <c r="C27756" s="7">
        <f t="shared" si="433"/>
        <v>462.07079999999996</v>
      </c>
    </row>
    <row r="27757" spans="1:3" x14ac:dyDescent="0.25">
      <c r="A27757" s="2" t="s">
        <v>16170</v>
      </c>
      <c r="B27757" s="6">
        <v>462087.44999999995</v>
      </c>
      <c r="C27757" s="7">
        <f t="shared" si="433"/>
        <v>462.08744999999993</v>
      </c>
    </row>
    <row r="27758" spans="1:3" x14ac:dyDescent="0.25">
      <c r="A27758" s="2" t="s">
        <v>16171</v>
      </c>
      <c r="B27758" s="6">
        <v>462104.1</v>
      </c>
      <c r="C27758" s="7">
        <f t="shared" si="433"/>
        <v>462.10409999999996</v>
      </c>
    </row>
    <row r="27759" spans="1:3" x14ac:dyDescent="0.25">
      <c r="A27759" s="2" t="s">
        <v>16172</v>
      </c>
      <c r="B27759" s="6">
        <v>462120.74999999994</v>
      </c>
      <c r="C27759" s="7">
        <f t="shared" si="433"/>
        <v>462.12074999999993</v>
      </c>
    </row>
    <row r="27760" spans="1:3" x14ac:dyDescent="0.25">
      <c r="A27760" s="2" t="s">
        <v>16173</v>
      </c>
      <c r="B27760" s="6">
        <v>462137.39999999997</v>
      </c>
      <c r="C27760" s="7">
        <f t="shared" si="433"/>
        <v>462.13739999999996</v>
      </c>
    </row>
    <row r="27761" spans="1:3" x14ac:dyDescent="0.25">
      <c r="A27761" s="2" t="s">
        <v>16174</v>
      </c>
      <c r="B27761" s="6">
        <v>462154.05</v>
      </c>
      <c r="C27761" s="7">
        <f t="shared" si="433"/>
        <v>462.15404999999998</v>
      </c>
    </row>
    <row r="27762" spans="1:3" x14ac:dyDescent="0.25">
      <c r="A27762" s="2" t="s">
        <v>16175</v>
      </c>
      <c r="B27762" s="6">
        <v>462170.69999999995</v>
      </c>
      <c r="C27762" s="7">
        <f t="shared" si="433"/>
        <v>462.17069999999995</v>
      </c>
    </row>
    <row r="27763" spans="1:3" x14ac:dyDescent="0.25">
      <c r="A27763" s="2" t="s">
        <v>16176</v>
      </c>
      <c r="B27763" s="6">
        <v>462187.35</v>
      </c>
      <c r="C27763" s="7">
        <f t="shared" si="433"/>
        <v>462.18734999999998</v>
      </c>
    </row>
    <row r="27764" spans="1:3" x14ac:dyDescent="0.25">
      <c r="A27764" s="2" t="s">
        <v>16177</v>
      </c>
      <c r="B27764" s="6">
        <v>462203.99999999994</v>
      </c>
      <c r="C27764" s="7">
        <f t="shared" si="433"/>
        <v>462.20399999999995</v>
      </c>
    </row>
    <row r="27765" spans="1:3" x14ac:dyDescent="0.25">
      <c r="A27765" s="2" t="s">
        <v>16178</v>
      </c>
      <c r="B27765" s="6">
        <v>462220.64999999997</v>
      </c>
      <c r="C27765" s="7">
        <f t="shared" si="433"/>
        <v>462.22064999999998</v>
      </c>
    </row>
    <row r="27766" spans="1:3" x14ac:dyDescent="0.25">
      <c r="A27766" s="2" t="s">
        <v>16179</v>
      </c>
      <c r="B27766" s="6">
        <v>462237.3</v>
      </c>
      <c r="C27766" s="7">
        <f t="shared" si="433"/>
        <v>462.2373</v>
      </c>
    </row>
    <row r="27767" spans="1:3" x14ac:dyDescent="0.25">
      <c r="A27767" s="2" t="s">
        <v>16180</v>
      </c>
      <c r="B27767" s="6">
        <v>462253.94999999995</v>
      </c>
      <c r="C27767" s="7">
        <f t="shared" si="433"/>
        <v>462.25394999999997</v>
      </c>
    </row>
    <row r="27768" spans="1:3" x14ac:dyDescent="0.25">
      <c r="A27768" s="2" t="s">
        <v>16181</v>
      </c>
      <c r="B27768" s="6">
        <v>462270.6</v>
      </c>
      <c r="C27768" s="7">
        <f t="shared" si="433"/>
        <v>462.2706</v>
      </c>
    </row>
    <row r="27769" spans="1:3" x14ac:dyDescent="0.25">
      <c r="A27769" s="2" t="s">
        <v>16182</v>
      </c>
      <c r="B27769" s="6">
        <v>462287.24999999994</v>
      </c>
      <c r="C27769" s="7">
        <f t="shared" si="433"/>
        <v>462.28724999999991</v>
      </c>
    </row>
    <row r="27770" spans="1:3" x14ac:dyDescent="0.25">
      <c r="A27770" s="2" t="s">
        <v>16183</v>
      </c>
      <c r="B27770" s="6">
        <v>462303.89999999997</v>
      </c>
      <c r="C27770" s="7">
        <f t="shared" si="433"/>
        <v>462.30389999999994</v>
      </c>
    </row>
    <row r="27771" spans="1:3" x14ac:dyDescent="0.25">
      <c r="A27771" s="2" t="s">
        <v>16184</v>
      </c>
      <c r="B27771" s="6">
        <v>462320.55</v>
      </c>
      <c r="C27771" s="7">
        <f t="shared" si="433"/>
        <v>462.32054999999997</v>
      </c>
    </row>
    <row r="27772" spans="1:3" x14ac:dyDescent="0.25">
      <c r="A27772" s="2" t="s">
        <v>16185</v>
      </c>
      <c r="B27772" s="6">
        <v>462337.19999999995</v>
      </c>
      <c r="C27772" s="7">
        <f t="shared" si="433"/>
        <v>462.33719999999994</v>
      </c>
    </row>
    <row r="27773" spans="1:3" x14ac:dyDescent="0.25">
      <c r="A27773" s="2" t="s">
        <v>16186</v>
      </c>
      <c r="B27773" s="6">
        <v>462353.85</v>
      </c>
      <c r="C27773" s="7">
        <f t="shared" si="433"/>
        <v>462.35384999999997</v>
      </c>
    </row>
    <row r="27774" spans="1:3" x14ac:dyDescent="0.25">
      <c r="A27774" s="2" t="s">
        <v>16187</v>
      </c>
      <c r="B27774" s="6">
        <v>462370.49999999994</v>
      </c>
      <c r="C27774" s="7">
        <f t="shared" si="433"/>
        <v>462.37049999999994</v>
      </c>
    </row>
    <row r="27775" spans="1:3" x14ac:dyDescent="0.25">
      <c r="A27775" s="2" t="s">
        <v>16188</v>
      </c>
      <c r="B27775" s="6">
        <v>462387.14999999997</v>
      </c>
      <c r="C27775" s="7">
        <f t="shared" si="433"/>
        <v>462.38714999999996</v>
      </c>
    </row>
    <row r="27776" spans="1:3" x14ac:dyDescent="0.25">
      <c r="A27776" s="2" t="s">
        <v>16189</v>
      </c>
      <c r="B27776" s="6">
        <v>462403.8</v>
      </c>
      <c r="C27776" s="7">
        <f t="shared" si="433"/>
        <v>462.40379999999999</v>
      </c>
    </row>
    <row r="27777" spans="1:3" x14ac:dyDescent="0.25">
      <c r="A27777" s="2" t="s">
        <v>16190</v>
      </c>
      <c r="B27777" s="6">
        <v>462420.44999999995</v>
      </c>
      <c r="C27777" s="7">
        <f t="shared" si="433"/>
        <v>462.42044999999996</v>
      </c>
    </row>
    <row r="27778" spans="1:3" x14ac:dyDescent="0.25">
      <c r="A27778" s="2" t="s">
        <v>16191</v>
      </c>
      <c r="B27778" s="6">
        <v>462437.1</v>
      </c>
      <c r="C27778" s="7">
        <f t="shared" si="433"/>
        <v>462.43709999999999</v>
      </c>
    </row>
    <row r="27779" spans="1:3" x14ac:dyDescent="0.25">
      <c r="A27779" s="2" t="s">
        <v>16192</v>
      </c>
      <c r="B27779" s="6">
        <v>462453.74999999994</v>
      </c>
      <c r="C27779" s="7">
        <f t="shared" ref="C27779:C27842" si="434">B27779/1000</f>
        <v>462.45374999999996</v>
      </c>
    </row>
    <row r="27780" spans="1:3" x14ac:dyDescent="0.25">
      <c r="A27780" s="2" t="s">
        <v>16193</v>
      </c>
      <c r="B27780" s="6">
        <v>462470.39999999997</v>
      </c>
      <c r="C27780" s="7">
        <f t="shared" si="434"/>
        <v>462.47039999999998</v>
      </c>
    </row>
    <row r="27781" spans="1:3" x14ac:dyDescent="0.25">
      <c r="A27781" s="2" t="s">
        <v>16194</v>
      </c>
      <c r="B27781" s="6">
        <v>462487.05</v>
      </c>
      <c r="C27781" s="7">
        <f t="shared" si="434"/>
        <v>462.48705000000001</v>
      </c>
    </row>
    <row r="27782" spans="1:3" x14ac:dyDescent="0.25">
      <c r="A27782" s="2" t="s">
        <v>16195</v>
      </c>
      <c r="B27782" s="6">
        <v>462503.69999999995</v>
      </c>
      <c r="C27782" s="7">
        <f t="shared" si="434"/>
        <v>462.50369999999998</v>
      </c>
    </row>
    <row r="27783" spans="1:3" x14ac:dyDescent="0.25">
      <c r="A27783" s="2" t="s">
        <v>16196</v>
      </c>
      <c r="B27783" s="6">
        <v>462520.35</v>
      </c>
      <c r="C27783" s="7">
        <f t="shared" si="434"/>
        <v>462.52034999999995</v>
      </c>
    </row>
    <row r="27784" spans="1:3" x14ac:dyDescent="0.25">
      <c r="A27784" s="2" t="s">
        <v>16197</v>
      </c>
      <c r="B27784" s="6">
        <v>462536.99999999994</v>
      </c>
      <c r="C27784" s="7">
        <f t="shared" si="434"/>
        <v>462.53699999999992</v>
      </c>
    </row>
    <row r="27785" spans="1:3" x14ac:dyDescent="0.25">
      <c r="A27785" s="2" t="s">
        <v>16198</v>
      </c>
      <c r="B27785" s="6">
        <v>462553.64999999997</v>
      </c>
      <c r="C27785" s="7">
        <f t="shared" si="434"/>
        <v>462.55364999999995</v>
      </c>
    </row>
    <row r="27786" spans="1:3" x14ac:dyDescent="0.25">
      <c r="A27786" s="2" t="s">
        <v>16199</v>
      </c>
      <c r="B27786" s="6">
        <v>462570.3</v>
      </c>
      <c r="C27786" s="7">
        <f t="shared" si="434"/>
        <v>462.57029999999997</v>
      </c>
    </row>
    <row r="27787" spans="1:3" x14ac:dyDescent="0.25">
      <c r="A27787" s="2" t="s">
        <v>16200</v>
      </c>
      <c r="B27787" s="6">
        <v>462586.94999999995</v>
      </c>
      <c r="C27787" s="7">
        <f t="shared" si="434"/>
        <v>462.58694999999994</v>
      </c>
    </row>
    <row r="27788" spans="1:3" x14ac:dyDescent="0.25">
      <c r="A27788" s="2" t="s">
        <v>16201</v>
      </c>
      <c r="B27788" s="6">
        <v>462603.6</v>
      </c>
      <c r="C27788" s="7">
        <f t="shared" si="434"/>
        <v>462.60359999999997</v>
      </c>
    </row>
    <row r="27789" spans="1:3" x14ac:dyDescent="0.25">
      <c r="A27789" s="2" t="s">
        <v>16202</v>
      </c>
      <c r="B27789" s="6">
        <v>462620.24999999994</v>
      </c>
      <c r="C27789" s="7">
        <f t="shared" si="434"/>
        <v>462.62024999999994</v>
      </c>
    </row>
    <row r="27790" spans="1:3" x14ac:dyDescent="0.25">
      <c r="A27790" s="2" t="s">
        <v>16203</v>
      </c>
      <c r="B27790" s="6">
        <v>462636.89999999997</v>
      </c>
      <c r="C27790" s="7">
        <f t="shared" si="434"/>
        <v>462.63689999999997</v>
      </c>
    </row>
    <row r="27791" spans="1:3" x14ac:dyDescent="0.25">
      <c r="A27791" s="2" t="s">
        <v>16204</v>
      </c>
      <c r="B27791" s="6">
        <v>462653.55</v>
      </c>
      <c r="C27791" s="7">
        <f t="shared" si="434"/>
        <v>462.65355</v>
      </c>
    </row>
    <row r="27792" spans="1:3" x14ac:dyDescent="0.25">
      <c r="A27792" s="2" t="s">
        <v>16205</v>
      </c>
      <c r="B27792" s="6">
        <v>462670.19999999995</v>
      </c>
      <c r="C27792" s="7">
        <f t="shared" si="434"/>
        <v>462.67019999999997</v>
      </c>
    </row>
    <row r="27793" spans="1:3" x14ac:dyDescent="0.25">
      <c r="A27793" s="2" t="s">
        <v>16206</v>
      </c>
      <c r="B27793" s="6">
        <v>462686.85</v>
      </c>
      <c r="C27793" s="7">
        <f t="shared" si="434"/>
        <v>462.68684999999999</v>
      </c>
    </row>
    <row r="27794" spans="1:3" x14ac:dyDescent="0.25">
      <c r="A27794" s="2" t="s">
        <v>16207</v>
      </c>
      <c r="B27794" s="6">
        <v>462703.49999999994</v>
      </c>
      <c r="C27794" s="7">
        <f t="shared" si="434"/>
        <v>462.70349999999996</v>
      </c>
    </row>
    <row r="27795" spans="1:3" x14ac:dyDescent="0.25">
      <c r="A27795" s="2" t="s">
        <v>16208</v>
      </c>
      <c r="B27795" s="6">
        <v>462720.14999999997</v>
      </c>
      <c r="C27795" s="7">
        <f t="shared" si="434"/>
        <v>462.72014999999999</v>
      </c>
    </row>
    <row r="27796" spans="1:3" x14ac:dyDescent="0.25">
      <c r="A27796" s="2" t="s">
        <v>16209</v>
      </c>
      <c r="B27796" s="6">
        <v>462736.8</v>
      </c>
      <c r="C27796" s="7">
        <f t="shared" si="434"/>
        <v>462.73680000000002</v>
      </c>
    </row>
    <row r="27797" spans="1:3" x14ac:dyDescent="0.25">
      <c r="A27797" s="2" t="s">
        <v>16210</v>
      </c>
      <c r="B27797" s="6">
        <v>462753.44999999995</v>
      </c>
      <c r="C27797" s="7">
        <f t="shared" si="434"/>
        <v>462.75344999999993</v>
      </c>
    </row>
    <row r="27798" spans="1:3" x14ac:dyDescent="0.25">
      <c r="A27798" s="2" t="s">
        <v>16211</v>
      </c>
      <c r="B27798" s="6">
        <v>462770.1</v>
      </c>
      <c r="C27798" s="7">
        <f t="shared" si="434"/>
        <v>462.77009999999996</v>
      </c>
    </row>
    <row r="27799" spans="1:3" x14ac:dyDescent="0.25">
      <c r="A27799" s="2" t="s">
        <v>16212</v>
      </c>
      <c r="B27799" s="6">
        <v>462786.74999999994</v>
      </c>
      <c r="C27799" s="7">
        <f t="shared" si="434"/>
        <v>462.78674999999993</v>
      </c>
    </row>
    <row r="27800" spans="1:3" x14ac:dyDescent="0.25">
      <c r="A27800" s="2" t="s">
        <v>16213</v>
      </c>
      <c r="B27800" s="6">
        <v>462803.39999999997</v>
      </c>
      <c r="C27800" s="7">
        <f t="shared" si="434"/>
        <v>462.80339999999995</v>
      </c>
    </row>
    <row r="27801" spans="1:3" x14ac:dyDescent="0.25">
      <c r="A27801" s="2" t="s">
        <v>16214</v>
      </c>
      <c r="B27801" s="6">
        <v>462820.05</v>
      </c>
      <c r="C27801" s="7">
        <f t="shared" si="434"/>
        <v>462.82004999999998</v>
      </c>
    </row>
    <row r="27802" spans="1:3" x14ac:dyDescent="0.25">
      <c r="A27802" s="2" t="s">
        <v>16215</v>
      </c>
      <c r="B27802" s="6">
        <v>462836.69999999995</v>
      </c>
      <c r="C27802" s="7">
        <f t="shared" si="434"/>
        <v>462.83669999999995</v>
      </c>
    </row>
    <row r="27803" spans="1:3" x14ac:dyDescent="0.25">
      <c r="A27803" s="2" t="s">
        <v>16216</v>
      </c>
      <c r="B27803" s="6">
        <v>462853.35</v>
      </c>
      <c r="C27803" s="7">
        <f t="shared" si="434"/>
        <v>462.85334999999998</v>
      </c>
    </row>
    <row r="27804" spans="1:3" x14ac:dyDescent="0.25">
      <c r="A27804" s="2" t="s">
        <v>16217</v>
      </c>
      <c r="B27804" s="6">
        <v>462869.99999999994</v>
      </c>
      <c r="C27804" s="7">
        <f t="shared" si="434"/>
        <v>462.86999999999995</v>
      </c>
    </row>
    <row r="27805" spans="1:3" x14ac:dyDescent="0.25">
      <c r="A27805" s="2" t="s">
        <v>16218</v>
      </c>
      <c r="B27805" s="6">
        <v>462886.64999999997</v>
      </c>
      <c r="C27805" s="7">
        <f t="shared" si="434"/>
        <v>462.88664999999997</v>
      </c>
    </row>
    <row r="27806" spans="1:3" x14ac:dyDescent="0.25">
      <c r="A27806" s="2" t="s">
        <v>16219</v>
      </c>
      <c r="B27806" s="6">
        <v>462903.3</v>
      </c>
      <c r="C27806" s="7">
        <f t="shared" si="434"/>
        <v>462.9033</v>
      </c>
    </row>
    <row r="27807" spans="1:3" x14ac:dyDescent="0.25">
      <c r="A27807" s="2" t="s">
        <v>16220</v>
      </c>
      <c r="B27807" s="6">
        <v>462919.94999999995</v>
      </c>
      <c r="C27807" s="7">
        <f t="shared" si="434"/>
        <v>462.91994999999997</v>
      </c>
    </row>
    <row r="27808" spans="1:3" x14ac:dyDescent="0.25">
      <c r="A27808" s="2" t="s">
        <v>16221</v>
      </c>
      <c r="B27808" s="6">
        <v>462936.6</v>
      </c>
      <c r="C27808" s="7">
        <f t="shared" si="434"/>
        <v>462.9366</v>
      </c>
    </row>
    <row r="27809" spans="1:3" x14ac:dyDescent="0.25">
      <c r="A27809" s="2" t="s">
        <v>16222</v>
      </c>
      <c r="B27809" s="6">
        <v>462953.24999999994</v>
      </c>
      <c r="C27809" s="7">
        <f t="shared" si="434"/>
        <v>462.95324999999997</v>
      </c>
    </row>
    <row r="27810" spans="1:3" x14ac:dyDescent="0.25">
      <c r="A27810" s="2" t="s">
        <v>16223</v>
      </c>
      <c r="B27810" s="6">
        <v>462969.89999999997</v>
      </c>
      <c r="C27810" s="7">
        <f t="shared" si="434"/>
        <v>462.96989999999994</v>
      </c>
    </row>
    <row r="27811" spans="1:3" x14ac:dyDescent="0.25">
      <c r="A27811" s="2" t="s">
        <v>16224</v>
      </c>
      <c r="B27811" s="6">
        <v>462986.55</v>
      </c>
      <c r="C27811" s="7">
        <f t="shared" si="434"/>
        <v>462.98654999999997</v>
      </c>
    </row>
    <row r="27812" spans="1:3" x14ac:dyDescent="0.25">
      <c r="A27812" s="2" t="s">
        <v>16225</v>
      </c>
      <c r="B27812" s="6">
        <v>463003.19999999995</v>
      </c>
      <c r="C27812" s="7">
        <f t="shared" si="434"/>
        <v>463.00319999999994</v>
      </c>
    </row>
    <row r="27813" spans="1:3" x14ac:dyDescent="0.25">
      <c r="A27813" s="2" t="s">
        <v>16226</v>
      </c>
      <c r="B27813" s="6">
        <v>463019.85</v>
      </c>
      <c r="C27813" s="7">
        <f t="shared" si="434"/>
        <v>463.01984999999996</v>
      </c>
    </row>
    <row r="27814" spans="1:3" x14ac:dyDescent="0.25">
      <c r="A27814" s="2" t="s">
        <v>16227</v>
      </c>
      <c r="B27814" s="6">
        <v>463036.49999999994</v>
      </c>
      <c r="C27814" s="7">
        <f t="shared" si="434"/>
        <v>463.03649999999993</v>
      </c>
    </row>
    <row r="27815" spans="1:3" x14ac:dyDescent="0.25">
      <c r="A27815" s="2" t="s">
        <v>16228</v>
      </c>
      <c r="B27815" s="6">
        <v>463053.14999999997</v>
      </c>
      <c r="C27815" s="7">
        <f t="shared" si="434"/>
        <v>463.05314999999996</v>
      </c>
    </row>
    <row r="27816" spans="1:3" x14ac:dyDescent="0.25">
      <c r="A27816" s="2" t="s">
        <v>16229</v>
      </c>
      <c r="B27816" s="6">
        <v>463069.8</v>
      </c>
      <c r="C27816" s="7">
        <f t="shared" si="434"/>
        <v>463.06979999999999</v>
      </c>
    </row>
    <row r="27817" spans="1:3" x14ac:dyDescent="0.25">
      <c r="A27817" s="2" t="s">
        <v>16230</v>
      </c>
      <c r="B27817" s="6">
        <v>463086.44999999995</v>
      </c>
      <c r="C27817" s="7">
        <f t="shared" si="434"/>
        <v>463.08644999999996</v>
      </c>
    </row>
    <row r="27818" spans="1:3" x14ac:dyDescent="0.25">
      <c r="A27818" s="2" t="s">
        <v>16231</v>
      </c>
      <c r="B27818" s="6">
        <v>463103.1</v>
      </c>
      <c r="C27818" s="7">
        <f t="shared" si="434"/>
        <v>463.10309999999998</v>
      </c>
    </row>
    <row r="27819" spans="1:3" x14ac:dyDescent="0.25">
      <c r="A27819" s="2" t="s">
        <v>16232</v>
      </c>
      <c r="B27819" s="6">
        <v>463119.74999999994</v>
      </c>
      <c r="C27819" s="7">
        <f t="shared" si="434"/>
        <v>463.11974999999995</v>
      </c>
    </row>
    <row r="27820" spans="1:3" x14ac:dyDescent="0.25">
      <c r="A27820" s="2" t="s">
        <v>16233</v>
      </c>
      <c r="B27820" s="6">
        <v>463136.39999999997</v>
      </c>
      <c r="C27820" s="7">
        <f t="shared" si="434"/>
        <v>463.13639999999998</v>
      </c>
    </row>
    <row r="27821" spans="1:3" x14ac:dyDescent="0.25">
      <c r="A27821" s="2" t="s">
        <v>16234</v>
      </c>
      <c r="B27821" s="6">
        <v>463153.05</v>
      </c>
      <c r="C27821" s="7">
        <f t="shared" si="434"/>
        <v>463.15305000000001</v>
      </c>
    </row>
    <row r="27822" spans="1:3" x14ac:dyDescent="0.25">
      <c r="A27822" s="2" t="s">
        <v>16235</v>
      </c>
      <c r="B27822" s="6">
        <v>463169.69999999995</v>
      </c>
      <c r="C27822" s="7">
        <f t="shared" si="434"/>
        <v>463.16969999999998</v>
      </c>
    </row>
    <row r="27823" spans="1:3" x14ac:dyDescent="0.25">
      <c r="A27823" s="2" t="s">
        <v>16236</v>
      </c>
      <c r="B27823" s="6">
        <v>463186.35</v>
      </c>
      <c r="C27823" s="7">
        <f t="shared" si="434"/>
        <v>463.18635</v>
      </c>
    </row>
    <row r="27824" spans="1:3" x14ac:dyDescent="0.25">
      <c r="A27824" s="2" t="s">
        <v>16237</v>
      </c>
      <c r="B27824" s="6">
        <v>463202.99999999994</v>
      </c>
      <c r="C27824" s="7">
        <f t="shared" si="434"/>
        <v>463.20299999999992</v>
      </c>
    </row>
    <row r="27825" spans="1:3" x14ac:dyDescent="0.25">
      <c r="A27825" s="2" t="s">
        <v>16238</v>
      </c>
      <c r="B27825" s="6">
        <v>463219.64999999997</v>
      </c>
      <c r="C27825" s="7">
        <f t="shared" si="434"/>
        <v>463.21964999999994</v>
      </c>
    </row>
    <row r="27826" spans="1:3" x14ac:dyDescent="0.25">
      <c r="A27826" s="2" t="s">
        <v>16239</v>
      </c>
      <c r="B27826" s="6">
        <v>463236.3</v>
      </c>
      <c r="C27826" s="7">
        <f t="shared" si="434"/>
        <v>463.23629999999997</v>
      </c>
    </row>
    <row r="27827" spans="1:3" x14ac:dyDescent="0.25">
      <c r="A27827" s="2" t="s">
        <v>16240</v>
      </c>
      <c r="B27827" s="6">
        <v>463252.94999999995</v>
      </c>
      <c r="C27827" s="7">
        <f t="shared" si="434"/>
        <v>463.25294999999994</v>
      </c>
    </row>
    <row r="27828" spans="1:3" x14ac:dyDescent="0.25">
      <c r="A27828" s="2" t="s">
        <v>16241</v>
      </c>
      <c r="B27828" s="6">
        <v>463269.6</v>
      </c>
      <c r="C27828" s="7">
        <f t="shared" si="434"/>
        <v>463.26959999999997</v>
      </c>
    </row>
    <row r="27829" spans="1:3" x14ac:dyDescent="0.25">
      <c r="A27829" s="2" t="s">
        <v>16242</v>
      </c>
      <c r="B27829" s="6">
        <v>463286.24999999994</v>
      </c>
      <c r="C27829" s="7">
        <f t="shared" si="434"/>
        <v>463.28624999999994</v>
      </c>
    </row>
    <row r="27830" spans="1:3" x14ac:dyDescent="0.25">
      <c r="A27830" s="2" t="s">
        <v>16243</v>
      </c>
      <c r="B27830" s="6">
        <v>463302.89999999997</v>
      </c>
      <c r="C27830" s="7">
        <f t="shared" si="434"/>
        <v>463.30289999999997</v>
      </c>
    </row>
    <row r="27831" spans="1:3" x14ac:dyDescent="0.25">
      <c r="A27831" s="2" t="s">
        <v>16244</v>
      </c>
      <c r="B27831" s="6">
        <v>463319.55</v>
      </c>
      <c r="C27831" s="7">
        <f t="shared" si="434"/>
        <v>463.31954999999999</v>
      </c>
    </row>
    <row r="27832" spans="1:3" x14ac:dyDescent="0.25">
      <c r="A27832" s="2" t="s">
        <v>16245</v>
      </c>
      <c r="B27832" s="6">
        <v>463336.19999999995</v>
      </c>
      <c r="C27832" s="7">
        <f t="shared" si="434"/>
        <v>463.33619999999996</v>
      </c>
    </row>
    <row r="27833" spans="1:3" x14ac:dyDescent="0.25">
      <c r="A27833" s="2" t="s">
        <v>16246</v>
      </c>
      <c r="B27833" s="6">
        <v>463352.85</v>
      </c>
      <c r="C27833" s="7">
        <f t="shared" si="434"/>
        <v>463.35284999999999</v>
      </c>
    </row>
    <row r="27834" spans="1:3" x14ac:dyDescent="0.25">
      <c r="A27834" s="2" t="s">
        <v>16247</v>
      </c>
      <c r="B27834" s="6">
        <v>463369.49999999994</v>
      </c>
      <c r="C27834" s="7">
        <f t="shared" si="434"/>
        <v>463.36949999999996</v>
      </c>
    </row>
    <row r="27835" spans="1:3" x14ac:dyDescent="0.25">
      <c r="A27835" s="2" t="s">
        <v>16248</v>
      </c>
      <c r="B27835" s="6">
        <v>463386.14999999997</v>
      </c>
      <c r="C27835" s="7">
        <f t="shared" si="434"/>
        <v>463.38614999999999</v>
      </c>
    </row>
    <row r="27836" spans="1:3" x14ac:dyDescent="0.25">
      <c r="A27836" s="2" t="s">
        <v>16249</v>
      </c>
      <c r="B27836" s="6">
        <v>463402.8</v>
      </c>
      <c r="C27836" s="7">
        <f t="shared" si="434"/>
        <v>463.40280000000001</v>
      </c>
    </row>
    <row r="27837" spans="1:3" x14ac:dyDescent="0.25">
      <c r="A27837" s="2" t="s">
        <v>16250</v>
      </c>
      <c r="B27837" s="6">
        <v>463419.44999999995</v>
      </c>
      <c r="C27837" s="7">
        <f t="shared" si="434"/>
        <v>463.41944999999993</v>
      </c>
    </row>
    <row r="27838" spans="1:3" x14ac:dyDescent="0.25">
      <c r="A27838" s="2" t="s">
        <v>16251</v>
      </c>
      <c r="B27838" s="6">
        <v>463436.1</v>
      </c>
      <c r="C27838" s="7">
        <f t="shared" si="434"/>
        <v>463.43609999999995</v>
      </c>
    </row>
    <row r="27839" spans="1:3" x14ac:dyDescent="0.25">
      <c r="A27839" s="2" t="s">
        <v>16252</v>
      </c>
      <c r="B27839" s="6">
        <v>463452.74999999994</v>
      </c>
      <c r="C27839" s="7">
        <f t="shared" si="434"/>
        <v>463.45274999999992</v>
      </c>
    </row>
    <row r="27840" spans="1:3" x14ac:dyDescent="0.25">
      <c r="A27840" s="2" t="s">
        <v>16253</v>
      </c>
      <c r="B27840" s="6">
        <v>463469.39999999997</v>
      </c>
      <c r="C27840" s="7">
        <f t="shared" si="434"/>
        <v>463.46939999999995</v>
      </c>
    </row>
    <row r="27841" spans="1:3" x14ac:dyDescent="0.25">
      <c r="A27841" s="2" t="s">
        <v>16254</v>
      </c>
      <c r="B27841" s="6">
        <v>463486.05</v>
      </c>
      <c r="C27841" s="7">
        <f t="shared" si="434"/>
        <v>463.48604999999998</v>
      </c>
    </row>
    <row r="27842" spans="1:3" x14ac:dyDescent="0.25">
      <c r="A27842" s="2" t="s">
        <v>16255</v>
      </c>
      <c r="B27842" s="6">
        <v>463502.69999999995</v>
      </c>
      <c r="C27842" s="7">
        <f t="shared" si="434"/>
        <v>463.50269999999995</v>
      </c>
    </row>
    <row r="27843" spans="1:3" x14ac:dyDescent="0.25">
      <c r="A27843" s="2" t="s">
        <v>16256</v>
      </c>
      <c r="B27843" s="6">
        <v>463519.35</v>
      </c>
      <c r="C27843" s="7">
        <f t="shared" ref="C27843:C27906" si="435">B27843/1000</f>
        <v>463.51934999999997</v>
      </c>
    </row>
    <row r="27844" spans="1:3" x14ac:dyDescent="0.25">
      <c r="A27844" s="2" t="s">
        <v>16257</v>
      </c>
      <c r="B27844" s="6">
        <v>463535.99999999994</v>
      </c>
      <c r="C27844" s="7">
        <f t="shared" si="435"/>
        <v>463.53599999999994</v>
      </c>
    </row>
    <row r="27845" spans="1:3" x14ac:dyDescent="0.25">
      <c r="A27845" s="2" t="s">
        <v>16258</v>
      </c>
      <c r="B27845" s="6">
        <v>463552.64999999997</v>
      </c>
      <c r="C27845" s="7">
        <f t="shared" si="435"/>
        <v>463.55264999999997</v>
      </c>
    </row>
    <row r="27846" spans="1:3" x14ac:dyDescent="0.25">
      <c r="A27846" s="2" t="s">
        <v>16259</v>
      </c>
      <c r="B27846" s="6">
        <v>463569.3</v>
      </c>
      <c r="C27846" s="7">
        <f t="shared" si="435"/>
        <v>463.5693</v>
      </c>
    </row>
    <row r="27847" spans="1:3" x14ac:dyDescent="0.25">
      <c r="A27847" s="2" t="s">
        <v>16260</v>
      </c>
      <c r="B27847" s="6">
        <v>463585.94999999995</v>
      </c>
      <c r="C27847" s="7">
        <f t="shared" si="435"/>
        <v>463.58594999999997</v>
      </c>
    </row>
    <row r="27848" spans="1:3" x14ac:dyDescent="0.25">
      <c r="A27848" s="2" t="s">
        <v>16261</v>
      </c>
      <c r="B27848" s="6">
        <v>463602.6</v>
      </c>
      <c r="C27848" s="7">
        <f t="shared" si="435"/>
        <v>463.6026</v>
      </c>
    </row>
    <row r="27849" spans="1:3" x14ac:dyDescent="0.25">
      <c r="A27849" s="2" t="s">
        <v>16262</v>
      </c>
      <c r="B27849" s="6">
        <v>463619.24999999994</v>
      </c>
      <c r="C27849" s="7">
        <f t="shared" si="435"/>
        <v>463.61924999999997</v>
      </c>
    </row>
    <row r="27850" spans="1:3" x14ac:dyDescent="0.25">
      <c r="A27850" s="2" t="s">
        <v>16263</v>
      </c>
      <c r="B27850" s="6">
        <v>463635.89999999997</v>
      </c>
      <c r="C27850" s="7">
        <f t="shared" si="435"/>
        <v>463.63589999999999</v>
      </c>
    </row>
    <row r="27851" spans="1:3" x14ac:dyDescent="0.25">
      <c r="A27851" s="2" t="s">
        <v>16264</v>
      </c>
      <c r="B27851" s="6">
        <v>463652.55</v>
      </c>
      <c r="C27851" s="7">
        <f t="shared" si="435"/>
        <v>463.65254999999996</v>
      </c>
    </row>
    <row r="27852" spans="1:3" x14ac:dyDescent="0.25">
      <c r="A27852" s="2" t="s">
        <v>16265</v>
      </c>
      <c r="B27852" s="6">
        <v>463669.19999999995</v>
      </c>
      <c r="C27852" s="7">
        <f t="shared" si="435"/>
        <v>463.66919999999993</v>
      </c>
    </row>
    <row r="27853" spans="1:3" x14ac:dyDescent="0.25">
      <c r="A27853" s="2" t="s">
        <v>16266</v>
      </c>
      <c r="B27853" s="6">
        <v>463685.85</v>
      </c>
      <c r="C27853" s="7">
        <f t="shared" si="435"/>
        <v>463.68584999999996</v>
      </c>
    </row>
    <row r="27854" spans="1:3" x14ac:dyDescent="0.25">
      <c r="A27854" s="2" t="s">
        <v>16267</v>
      </c>
      <c r="B27854" s="6">
        <v>463702.49999999994</v>
      </c>
      <c r="C27854" s="7">
        <f t="shared" si="435"/>
        <v>463.70249999999993</v>
      </c>
    </row>
    <row r="27855" spans="1:3" x14ac:dyDescent="0.25">
      <c r="A27855" s="2" t="s">
        <v>16268</v>
      </c>
      <c r="B27855" s="6">
        <v>463719.14999999997</v>
      </c>
      <c r="C27855" s="7">
        <f t="shared" si="435"/>
        <v>463.71914999999996</v>
      </c>
    </row>
    <row r="27856" spans="1:3" x14ac:dyDescent="0.25">
      <c r="A27856" s="2" t="s">
        <v>16269</v>
      </c>
      <c r="B27856" s="6">
        <v>463735.8</v>
      </c>
      <c r="C27856" s="7">
        <f t="shared" si="435"/>
        <v>463.73579999999998</v>
      </c>
    </row>
    <row r="27857" spans="1:3" x14ac:dyDescent="0.25">
      <c r="A27857" s="2" t="s">
        <v>16270</v>
      </c>
      <c r="B27857" s="6">
        <v>463752.44999999995</v>
      </c>
      <c r="C27857" s="7">
        <f t="shared" si="435"/>
        <v>463.75244999999995</v>
      </c>
    </row>
    <row r="27858" spans="1:3" x14ac:dyDescent="0.25">
      <c r="A27858" s="2" t="s">
        <v>16271</v>
      </c>
      <c r="B27858" s="6">
        <v>463769.1</v>
      </c>
      <c r="C27858" s="7">
        <f t="shared" si="435"/>
        <v>463.76909999999998</v>
      </c>
    </row>
    <row r="27859" spans="1:3" x14ac:dyDescent="0.25">
      <c r="A27859" s="2" t="s">
        <v>16272</v>
      </c>
      <c r="B27859" s="6">
        <v>463785.74999999994</v>
      </c>
      <c r="C27859" s="7">
        <f t="shared" si="435"/>
        <v>463.78574999999995</v>
      </c>
    </row>
    <row r="27860" spans="1:3" x14ac:dyDescent="0.25">
      <c r="A27860" s="2" t="s">
        <v>16273</v>
      </c>
      <c r="B27860" s="6">
        <v>463802.39999999997</v>
      </c>
      <c r="C27860" s="7">
        <f t="shared" si="435"/>
        <v>463.80239999999998</v>
      </c>
    </row>
    <row r="27861" spans="1:3" x14ac:dyDescent="0.25">
      <c r="A27861" s="2" t="s">
        <v>16274</v>
      </c>
      <c r="B27861" s="6">
        <v>463819.05</v>
      </c>
      <c r="C27861" s="7">
        <f t="shared" si="435"/>
        <v>463.81905</v>
      </c>
    </row>
    <row r="27862" spans="1:3" x14ac:dyDescent="0.25">
      <c r="A27862" s="2" t="s">
        <v>16275</v>
      </c>
      <c r="B27862" s="6">
        <v>463835.69999999995</v>
      </c>
      <c r="C27862" s="7">
        <f t="shared" si="435"/>
        <v>463.83569999999997</v>
      </c>
    </row>
    <row r="27863" spans="1:3" x14ac:dyDescent="0.25">
      <c r="A27863" s="2" t="s">
        <v>16276</v>
      </c>
      <c r="B27863" s="6">
        <v>463852.35</v>
      </c>
      <c r="C27863" s="7">
        <f t="shared" si="435"/>
        <v>463.85235</v>
      </c>
    </row>
    <row r="27864" spans="1:3" x14ac:dyDescent="0.25">
      <c r="A27864" s="2" t="s">
        <v>16277</v>
      </c>
      <c r="B27864" s="6">
        <v>463868.99999999994</v>
      </c>
      <c r="C27864" s="7">
        <f t="shared" si="435"/>
        <v>463.86899999999991</v>
      </c>
    </row>
    <row r="27865" spans="1:3" x14ac:dyDescent="0.25">
      <c r="A27865" s="2" t="s">
        <v>16278</v>
      </c>
      <c r="B27865" s="6">
        <v>463885.64999999997</v>
      </c>
      <c r="C27865" s="7">
        <f t="shared" si="435"/>
        <v>463.88564999999994</v>
      </c>
    </row>
    <row r="27866" spans="1:3" x14ac:dyDescent="0.25">
      <c r="A27866" s="2" t="s">
        <v>16279</v>
      </c>
      <c r="B27866" s="6">
        <v>463902.3</v>
      </c>
      <c r="C27866" s="7">
        <f t="shared" si="435"/>
        <v>463.90229999999997</v>
      </c>
    </row>
    <row r="27867" spans="1:3" x14ac:dyDescent="0.25">
      <c r="A27867" s="2" t="s">
        <v>16280</v>
      </c>
      <c r="B27867" s="6">
        <v>463918.94999999995</v>
      </c>
      <c r="C27867" s="7">
        <f t="shared" si="435"/>
        <v>463.91894999999994</v>
      </c>
    </row>
    <row r="27868" spans="1:3" x14ac:dyDescent="0.25">
      <c r="A27868" s="2" t="s">
        <v>16281</v>
      </c>
      <c r="B27868" s="6">
        <v>463935.6</v>
      </c>
      <c r="C27868" s="7">
        <f t="shared" si="435"/>
        <v>463.93559999999997</v>
      </c>
    </row>
    <row r="27869" spans="1:3" x14ac:dyDescent="0.25">
      <c r="A27869" s="2" t="s">
        <v>16282</v>
      </c>
      <c r="B27869" s="6">
        <v>463952.24999999994</v>
      </c>
      <c r="C27869" s="7">
        <f t="shared" si="435"/>
        <v>463.95224999999994</v>
      </c>
    </row>
    <row r="27870" spans="1:3" x14ac:dyDescent="0.25">
      <c r="A27870" s="2" t="s">
        <v>16283</v>
      </c>
      <c r="B27870" s="6">
        <v>463968.89999999997</v>
      </c>
      <c r="C27870" s="7">
        <f t="shared" si="435"/>
        <v>463.96889999999996</v>
      </c>
    </row>
    <row r="27871" spans="1:3" x14ac:dyDescent="0.25">
      <c r="A27871" s="2" t="s">
        <v>16284</v>
      </c>
      <c r="B27871" s="6">
        <v>463985.55</v>
      </c>
      <c r="C27871" s="7">
        <f t="shared" si="435"/>
        <v>463.98554999999999</v>
      </c>
    </row>
    <row r="27872" spans="1:3" x14ac:dyDescent="0.25">
      <c r="A27872" s="2" t="s">
        <v>16285</v>
      </c>
      <c r="B27872" s="6">
        <v>464002.19999999995</v>
      </c>
      <c r="C27872" s="7">
        <f t="shared" si="435"/>
        <v>464.00219999999996</v>
      </c>
    </row>
    <row r="27873" spans="1:3" x14ac:dyDescent="0.25">
      <c r="A27873" s="2" t="s">
        <v>16286</v>
      </c>
      <c r="B27873" s="6">
        <v>464018.85</v>
      </c>
      <c r="C27873" s="7">
        <f t="shared" si="435"/>
        <v>464.01884999999999</v>
      </c>
    </row>
    <row r="27874" spans="1:3" x14ac:dyDescent="0.25">
      <c r="A27874" s="2" t="s">
        <v>16287</v>
      </c>
      <c r="B27874" s="6">
        <v>464035.49999999994</v>
      </c>
      <c r="C27874" s="7">
        <f t="shared" si="435"/>
        <v>464.03549999999996</v>
      </c>
    </row>
    <row r="27875" spans="1:3" x14ac:dyDescent="0.25">
      <c r="A27875" s="2" t="s">
        <v>16288</v>
      </c>
      <c r="B27875" s="6">
        <v>464052.14999999997</v>
      </c>
      <c r="C27875" s="7">
        <f t="shared" si="435"/>
        <v>464.05214999999998</v>
      </c>
    </row>
    <row r="27876" spans="1:3" x14ac:dyDescent="0.25">
      <c r="A27876" s="2" t="s">
        <v>16289</v>
      </c>
      <c r="B27876" s="6">
        <v>464068.8</v>
      </c>
      <c r="C27876" s="7">
        <f t="shared" si="435"/>
        <v>464.06880000000001</v>
      </c>
    </row>
    <row r="27877" spans="1:3" x14ac:dyDescent="0.25">
      <c r="A27877" s="2" t="s">
        <v>16290</v>
      </c>
      <c r="B27877" s="6">
        <v>464085.44999999995</v>
      </c>
      <c r="C27877" s="7">
        <f t="shared" si="435"/>
        <v>464.08544999999998</v>
      </c>
    </row>
    <row r="27878" spans="1:3" x14ac:dyDescent="0.25">
      <c r="A27878" s="2" t="s">
        <v>16291</v>
      </c>
      <c r="B27878" s="6">
        <v>464102.1</v>
      </c>
      <c r="C27878" s="7">
        <f t="shared" si="435"/>
        <v>464.10209999999995</v>
      </c>
    </row>
    <row r="27879" spans="1:3" x14ac:dyDescent="0.25">
      <c r="A27879" s="2" t="s">
        <v>16292</v>
      </c>
      <c r="B27879" s="6">
        <v>464118.74999999994</v>
      </c>
      <c r="C27879" s="7">
        <f t="shared" si="435"/>
        <v>464.11874999999992</v>
      </c>
    </row>
    <row r="27880" spans="1:3" x14ac:dyDescent="0.25">
      <c r="A27880" s="2" t="s">
        <v>16293</v>
      </c>
      <c r="B27880" s="6">
        <v>464135.39999999997</v>
      </c>
      <c r="C27880" s="7">
        <f t="shared" si="435"/>
        <v>464.13539999999995</v>
      </c>
    </row>
    <row r="27881" spans="1:3" x14ac:dyDescent="0.25">
      <c r="A27881" s="2" t="s">
        <v>16294</v>
      </c>
      <c r="B27881" s="6">
        <v>464152.05</v>
      </c>
      <c r="C27881" s="7">
        <f t="shared" si="435"/>
        <v>464.15204999999997</v>
      </c>
    </row>
    <row r="27882" spans="1:3" x14ac:dyDescent="0.25">
      <c r="A27882" s="2" t="s">
        <v>16295</v>
      </c>
      <c r="B27882" s="6">
        <v>464168.69999999995</v>
      </c>
      <c r="C27882" s="7">
        <f t="shared" si="435"/>
        <v>464.16869999999994</v>
      </c>
    </row>
    <row r="27883" spans="1:3" x14ac:dyDescent="0.25">
      <c r="A27883" s="2" t="s">
        <v>16296</v>
      </c>
      <c r="B27883" s="6">
        <v>464185.35</v>
      </c>
      <c r="C27883" s="7">
        <f t="shared" si="435"/>
        <v>464.18534999999997</v>
      </c>
    </row>
    <row r="27884" spans="1:3" x14ac:dyDescent="0.25">
      <c r="A27884" s="2" t="s">
        <v>16297</v>
      </c>
      <c r="B27884" s="6">
        <v>464201.99999999994</v>
      </c>
      <c r="C27884" s="7">
        <f t="shared" si="435"/>
        <v>464.20199999999994</v>
      </c>
    </row>
    <row r="27885" spans="1:3" x14ac:dyDescent="0.25">
      <c r="A27885" s="2" t="s">
        <v>16298</v>
      </c>
      <c r="B27885" s="6">
        <v>464218.64999999997</v>
      </c>
      <c r="C27885" s="7">
        <f t="shared" si="435"/>
        <v>464.21864999999997</v>
      </c>
    </row>
    <row r="27886" spans="1:3" x14ac:dyDescent="0.25">
      <c r="A27886" s="2" t="s">
        <v>16299</v>
      </c>
      <c r="B27886" s="6">
        <v>464235.3</v>
      </c>
      <c r="C27886" s="7">
        <f t="shared" si="435"/>
        <v>464.2353</v>
      </c>
    </row>
    <row r="27887" spans="1:3" x14ac:dyDescent="0.25">
      <c r="A27887" s="2" t="s">
        <v>16300</v>
      </c>
      <c r="B27887" s="6">
        <v>464251.94999999995</v>
      </c>
      <c r="C27887" s="7">
        <f t="shared" si="435"/>
        <v>464.25194999999997</v>
      </c>
    </row>
    <row r="27888" spans="1:3" x14ac:dyDescent="0.25">
      <c r="A27888" s="2" t="s">
        <v>16301</v>
      </c>
      <c r="B27888" s="6">
        <v>464268.6</v>
      </c>
      <c r="C27888" s="7">
        <f t="shared" si="435"/>
        <v>464.26859999999999</v>
      </c>
    </row>
    <row r="27889" spans="1:3" x14ac:dyDescent="0.25">
      <c r="A27889" s="2" t="s">
        <v>16302</v>
      </c>
      <c r="B27889" s="6">
        <v>464285.24999999994</v>
      </c>
      <c r="C27889" s="7">
        <f t="shared" si="435"/>
        <v>464.28524999999996</v>
      </c>
    </row>
    <row r="27890" spans="1:3" x14ac:dyDescent="0.25">
      <c r="A27890" s="2" t="s">
        <v>16303</v>
      </c>
      <c r="B27890" s="6">
        <v>464301.89999999997</v>
      </c>
      <c r="C27890" s="7">
        <f t="shared" si="435"/>
        <v>464.30189999999999</v>
      </c>
    </row>
    <row r="27891" spans="1:3" x14ac:dyDescent="0.25">
      <c r="A27891" s="2" t="s">
        <v>16304</v>
      </c>
      <c r="B27891" s="6">
        <v>464318.55</v>
      </c>
      <c r="C27891" s="7">
        <f t="shared" si="435"/>
        <v>464.31855000000002</v>
      </c>
    </row>
    <row r="27892" spans="1:3" x14ac:dyDescent="0.25">
      <c r="A27892" s="2" t="s">
        <v>16305</v>
      </c>
      <c r="B27892" s="6">
        <v>464335.19999999995</v>
      </c>
      <c r="C27892" s="7">
        <f t="shared" si="435"/>
        <v>464.33519999999993</v>
      </c>
    </row>
    <row r="27893" spans="1:3" x14ac:dyDescent="0.25">
      <c r="A27893" s="2" t="s">
        <v>16306</v>
      </c>
      <c r="B27893" s="6">
        <v>464351.85</v>
      </c>
      <c r="C27893" s="7">
        <f t="shared" si="435"/>
        <v>464.35184999999996</v>
      </c>
    </row>
    <row r="27894" spans="1:3" x14ac:dyDescent="0.25">
      <c r="A27894" s="2" t="s">
        <v>16307</v>
      </c>
      <c r="B27894" s="6">
        <v>464368.49999999994</v>
      </c>
      <c r="C27894" s="7">
        <f t="shared" si="435"/>
        <v>464.36849999999993</v>
      </c>
    </row>
    <row r="27895" spans="1:3" x14ac:dyDescent="0.25">
      <c r="A27895" s="2" t="s">
        <v>16308</v>
      </c>
      <c r="B27895" s="6">
        <v>464385.14999999997</v>
      </c>
      <c r="C27895" s="7">
        <f t="shared" si="435"/>
        <v>464.38514999999995</v>
      </c>
    </row>
    <row r="27896" spans="1:3" x14ac:dyDescent="0.25">
      <c r="A27896" s="2" t="s">
        <v>16309</v>
      </c>
      <c r="B27896" s="6">
        <v>464401.8</v>
      </c>
      <c r="C27896" s="7">
        <f t="shared" si="435"/>
        <v>464.40179999999998</v>
      </c>
    </row>
    <row r="27897" spans="1:3" x14ac:dyDescent="0.25">
      <c r="A27897" s="2" t="s">
        <v>16310</v>
      </c>
      <c r="B27897" s="6">
        <v>464418.44999999995</v>
      </c>
      <c r="C27897" s="7">
        <f t="shared" si="435"/>
        <v>464.41844999999995</v>
      </c>
    </row>
    <row r="27898" spans="1:3" x14ac:dyDescent="0.25">
      <c r="A27898" s="2" t="s">
        <v>16311</v>
      </c>
      <c r="B27898" s="6">
        <v>464435.1</v>
      </c>
      <c r="C27898" s="7">
        <f t="shared" si="435"/>
        <v>464.43509999999998</v>
      </c>
    </row>
    <row r="27899" spans="1:3" x14ac:dyDescent="0.25">
      <c r="A27899" s="2" t="s">
        <v>16312</v>
      </c>
      <c r="B27899" s="6">
        <v>464451.74999999994</v>
      </c>
      <c r="C27899" s="7">
        <f t="shared" si="435"/>
        <v>464.45174999999995</v>
      </c>
    </row>
    <row r="27900" spans="1:3" x14ac:dyDescent="0.25">
      <c r="A27900" s="2" t="s">
        <v>16313</v>
      </c>
      <c r="B27900" s="6">
        <v>464468.39999999997</v>
      </c>
      <c r="C27900" s="7">
        <f t="shared" si="435"/>
        <v>464.46839999999997</v>
      </c>
    </row>
    <row r="27901" spans="1:3" x14ac:dyDescent="0.25">
      <c r="A27901" s="2" t="s">
        <v>16314</v>
      </c>
      <c r="B27901" s="6">
        <v>464485.05</v>
      </c>
      <c r="C27901" s="7">
        <f t="shared" si="435"/>
        <v>464.48505</v>
      </c>
    </row>
    <row r="27902" spans="1:3" x14ac:dyDescent="0.25">
      <c r="A27902" s="2" t="s">
        <v>16315</v>
      </c>
      <c r="B27902" s="6">
        <v>464501.69999999995</v>
      </c>
      <c r="C27902" s="7">
        <f t="shared" si="435"/>
        <v>464.50169999999997</v>
      </c>
    </row>
    <row r="27903" spans="1:3" x14ac:dyDescent="0.25">
      <c r="A27903" s="2" t="s">
        <v>16316</v>
      </c>
      <c r="B27903" s="6">
        <v>464518.35</v>
      </c>
      <c r="C27903" s="7">
        <f t="shared" si="435"/>
        <v>464.51835</v>
      </c>
    </row>
    <row r="27904" spans="1:3" x14ac:dyDescent="0.25">
      <c r="A27904" s="2" t="s">
        <v>16317</v>
      </c>
      <c r="B27904" s="6">
        <v>464534.99999999994</v>
      </c>
      <c r="C27904" s="7">
        <f t="shared" si="435"/>
        <v>464.53499999999997</v>
      </c>
    </row>
    <row r="27905" spans="1:3" x14ac:dyDescent="0.25">
      <c r="A27905" s="2" t="s">
        <v>16318</v>
      </c>
      <c r="B27905" s="6">
        <v>464551.64999999997</v>
      </c>
      <c r="C27905" s="7">
        <f t="shared" si="435"/>
        <v>464.55164999999994</v>
      </c>
    </row>
    <row r="27906" spans="1:3" x14ac:dyDescent="0.25">
      <c r="A27906" s="2" t="s">
        <v>16319</v>
      </c>
      <c r="B27906" s="6">
        <v>464568.3</v>
      </c>
      <c r="C27906" s="7">
        <f t="shared" si="435"/>
        <v>464.56829999999997</v>
      </c>
    </row>
    <row r="27907" spans="1:3" x14ac:dyDescent="0.25">
      <c r="A27907" s="2" t="s">
        <v>16320</v>
      </c>
      <c r="B27907" s="6">
        <v>464584.94999999995</v>
      </c>
      <c r="C27907" s="7">
        <f t="shared" ref="C27907:C27970" si="436">B27907/1000</f>
        <v>464.58494999999994</v>
      </c>
    </row>
    <row r="27908" spans="1:3" x14ac:dyDescent="0.25">
      <c r="A27908" s="2" t="s">
        <v>16321</v>
      </c>
      <c r="B27908" s="6">
        <v>464601.59999999998</v>
      </c>
      <c r="C27908" s="7">
        <f t="shared" si="436"/>
        <v>464.60159999999996</v>
      </c>
    </row>
    <row r="27909" spans="1:3" x14ac:dyDescent="0.25">
      <c r="A27909" s="2" t="s">
        <v>16322</v>
      </c>
      <c r="B27909" s="6">
        <v>464618.24999999994</v>
      </c>
      <c r="C27909" s="7">
        <f t="shared" si="436"/>
        <v>464.61824999999993</v>
      </c>
    </row>
    <row r="27910" spans="1:3" x14ac:dyDescent="0.25">
      <c r="A27910" s="2" t="s">
        <v>16323</v>
      </c>
      <c r="B27910" s="6">
        <v>464634.89999999997</v>
      </c>
      <c r="C27910" s="7">
        <f t="shared" si="436"/>
        <v>464.63489999999996</v>
      </c>
    </row>
    <row r="27911" spans="1:3" x14ac:dyDescent="0.25">
      <c r="A27911" s="2" t="s">
        <v>16324</v>
      </c>
      <c r="B27911" s="6">
        <v>464651.55</v>
      </c>
      <c r="C27911" s="7">
        <f t="shared" si="436"/>
        <v>464.65154999999999</v>
      </c>
    </row>
    <row r="27912" spans="1:3" x14ac:dyDescent="0.25">
      <c r="A27912" s="2" t="s">
        <v>16325</v>
      </c>
      <c r="B27912" s="6">
        <v>464668.19999999995</v>
      </c>
      <c r="C27912" s="7">
        <f t="shared" si="436"/>
        <v>464.66819999999996</v>
      </c>
    </row>
    <row r="27913" spans="1:3" x14ac:dyDescent="0.25">
      <c r="A27913" s="2" t="s">
        <v>16326</v>
      </c>
      <c r="B27913" s="6">
        <v>464684.85</v>
      </c>
      <c r="C27913" s="7">
        <f t="shared" si="436"/>
        <v>464.68484999999998</v>
      </c>
    </row>
    <row r="27914" spans="1:3" x14ac:dyDescent="0.25">
      <c r="A27914" s="2" t="s">
        <v>16327</v>
      </c>
      <c r="B27914" s="6">
        <v>464701.49999999994</v>
      </c>
      <c r="C27914" s="7">
        <f t="shared" si="436"/>
        <v>464.70149999999995</v>
      </c>
    </row>
    <row r="27915" spans="1:3" x14ac:dyDescent="0.25">
      <c r="A27915" s="2" t="s">
        <v>16328</v>
      </c>
      <c r="B27915" s="6">
        <v>464718.14999999997</v>
      </c>
      <c r="C27915" s="7">
        <f t="shared" si="436"/>
        <v>464.71814999999998</v>
      </c>
    </row>
    <row r="27916" spans="1:3" x14ac:dyDescent="0.25">
      <c r="A27916" s="2" t="s">
        <v>16329</v>
      </c>
      <c r="B27916" s="6">
        <v>464734.8</v>
      </c>
      <c r="C27916" s="7">
        <f t="shared" si="436"/>
        <v>464.73480000000001</v>
      </c>
    </row>
    <row r="27917" spans="1:3" x14ac:dyDescent="0.25">
      <c r="A27917" s="2" t="s">
        <v>16330</v>
      </c>
      <c r="B27917" s="6">
        <v>464751.44999999995</v>
      </c>
      <c r="C27917" s="7">
        <f t="shared" si="436"/>
        <v>464.75144999999998</v>
      </c>
    </row>
    <row r="27918" spans="1:3" x14ac:dyDescent="0.25">
      <c r="A27918" s="2" t="s">
        <v>16331</v>
      </c>
      <c r="B27918" s="6">
        <v>464768.1</v>
      </c>
      <c r="C27918" s="7">
        <f t="shared" si="436"/>
        <v>464.7681</v>
      </c>
    </row>
    <row r="27919" spans="1:3" x14ac:dyDescent="0.25">
      <c r="A27919" s="2" t="s">
        <v>16332</v>
      </c>
      <c r="B27919" s="6">
        <v>464784.74999999994</v>
      </c>
      <c r="C27919" s="7">
        <f t="shared" si="436"/>
        <v>464.78474999999992</v>
      </c>
    </row>
    <row r="27920" spans="1:3" x14ac:dyDescent="0.25">
      <c r="A27920" s="2" t="s">
        <v>16333</v>
      </c>
      <c r="B27920" s="6">
        <v>464801.39999999997</v>
      </c>
      <c r="C27920" s="7">
        <f t="shared" si="436"/>
        <v>464.80139999999994</v>
      </c>
    </row>
    <row r="27921" spans="1:3" x14ac:dyDescent="0.25">
      <c r="A27921" s="2" t="s">
        <v>16334</v>
      </c>
      <c r="B27921" s="6">
        <v>464818.05</v>
      </c>
      <c r="C27921" s="7">
        <f t="shared" si="436"/>
        <v>464.81804999999997</v>
      </c>
    </row>
    <row r="27922" spans="1:3" x14ac:dyDescent="0.25">
      <c r="A27922" s="2" t="s">
        <v>16335</v>
      </c>
      <c r="B27922" s="6">
        <v>464834.69999999995</v>
      </c>
      <c r="C27922" s="7">
        <f t="shared" si="436"/>
        <v>464.83469999999994</v>
      </c>
    </row>
    <row r="27923" spans="1:3" x14ac:dyDescent="0.25">
      <c r="A27923" s="2" t="s">
        <v>16336</v>
      </c>
      <c r="B27923" s="6">
        <v>464851.35</v>
      </c>
      <c r="C27923" s="7">
        <f t="shared" si="436"/>
        <v>464.85134999999997</v>
      </c>
    </row>
    <row r="27924" spans="1:3" x14ac:dyDescent="0.25">
      <c r="A27924" s="2" t="s">
        <v>16337</v>
      </c>
      <c r="B27924" s="6">
        <v>464867.99999999994</v>
      </c>
      <c r="C27924" s="7">
        <f t="shared" si="436"/>
        <v>464.86799999999994</v>
      </c>
    </row>
    <row r="27925" spans="1:3" x14ac:dyDescent="0.25">
      <c r="A27925" s="2" t="s">
        <v>16338</v>
      </c>
      <c r="B27925" s="6">
        <v>464884.64999999997</v>
      </c>
      <c r="C27925" s="7">
        <f t="shared" si="436"/>
        <v>464.88464999999997</v>
      </c>
    </row>
    <row r="27926" spans="1:3" x14ac:dyDescent="0.25">
      <c r="A27926" s="2" t="s">
        <v>16339</v>
      </c>
      <c r="B27926" s="6">
        <v>464901.3</v>
      </c>
      <c r="C27926" s="7">
        <f t="shared" si="436"/>
        <v>464.90129999999999</v>
      </c>
    </row>
    <row r="27927" spans="1:3" x14ac:dyDescent="0.25">
      <c r="A27927" s="2" t="s">
        <v>16340</v>
      </c>
      <c r="B27927" s="6">
        <v>464917.94999999995</v>
      </c>
      <c r="C27927" s="7">
        <f t="shared" si="436"/>
        <v>464.91794999999996</v>
      </c>
    </row>
    <row r="27928" spans="1:3" x14ac:dyDescent="0.25">
      <c r="A27928" s="2" t="s">
        <v>16341</v>
      </c>
      <c r="B27928" s="6">
        <v>464934.6</v>
      </c>
      <c r="C27928" s="7">
        <f t="shared" si="436"/>
        <v>464.93459999999999</v>
      </c>
    </row>
    <row r="27929" spans="1:3" x14ac:dyDescent="0.25">
      <c r="A27929" s="2" t="s">
        <v>16342</v>
      </c>
      <c r="B27929" s="6">
        <v>464951.24999999994</v>
      </c>
      <c r="C27929" s="7">
        <f t="shared" si="436"/>
        <v>464.95124999999996</v>
      </c>
    </row>
    <row r="27930" spans="1:3" x14ac:dyDescent="0.25">
      <c r="A27930" s="2" t="s">
        <v>16343</v>
      </c>
      <c r="B27930" s="6">
        <v>464967.89999999997</v>
      </c>
      <c r="C27930" s="7">
        <f t="shared" si="436"/>
        <v>464.96789999999999</v>
      </c>
    </row>
    <row r="27931" spans="1:3" x14ac:dyDescent="0.25">
      <c r="A27931" s="2" t="s">
        <v>16344</v>
      </c>
      <c r="B27931" s="6">
        <v>464984.55</v>
      </c>
      <c r="C27931" s="7">
        <f t="shared" si="436"/>
        <v>464.98455000000001</v>
      </c>
    </row>
    <row r="27932" spans="1:3" x14ac:dyDescent="0.25">
      <c r="A27932" s="2" t="s">
        <v>16345</v>
      </c>
      <c r="B27932" s="6">
        <v>465001.19999999995</v>
      </c>
      <c r="C27932" s="7">
        <f t="shared" si="436"/>
        <v>465.00119999999993</v>
      </c>
    </row>
    <row r="27933" spans="1:3" x14ac:dyDescent="0.25">
      <c r="A27933" s="2" t="s">
        <v>16346</v>
      </c>
      <c r="B27933" s="6">
        <v>465017.85</v>
      </c>
      <c r="C27933" s="7">
        <f t="shared" si="436"/>
        <v>465.01784999999995</v>
      </c>
    </row>
    <row r="27934" spans="1:3" x14ac:dyDescent="0.25">
      <c r="A27934" s="2" t="s">
        <v>16347</v>
      </c>
      <c r="B27934" s="6">
        <v>465034.49999999994</v>
      </c>
      <c r="C27934" s="7">
        <f t="shared" si="436"/>
        <v>465.03449999999992</v>
      </c>
    </row>
    <row r="27935" spans="1:3" x14ac:dyDescent="0.25">
      <c r="A27935" s="2" t="s">
        <v>16348</v>
      </c>
      <c r="B27935" s="6">
        <v>465051.14999999997</v>
      </c>
      <c r="C27935" s="7">
        <f t="shared" si="436"/>
        <v>465.05114999999995</v>
      </c>
    </row>
    <row r="27936" spans="1:3" x14ac:dyDescent="0.25">
      <c r="A27936" s="2" t="s">
        <v>16349</v>
      </c>
      <c r="B27936" s="6">
        <v>465067.8</v>
      </c>
      <c r="C27936" s="7">
        <f t="shared" si="436"/>
        <v>465.06779999999998</v>
      </c>
    </row>
    <row r="27937" spans="1:3" x14ac:dyDescent="0.25">
      <c r="A27937" s="2" t="s">
        <v>16350</v>
      </c>
      <c r="B27937" s="6">
        <v>465084.44999999995</v>
      </c>
      <c r="C27937" s="7">
        <f t="shared" si="436"/>
        <v>465.08444999999995</v>
      </c>
    </row>
    <row r="27938" spans="1:3" x14ac:dyDescent="0.25">
      <c r="A27938" s="2" t="s">
        <v>16351</v>
      </c>
      <c r="B27938" s="6">
        <v>465101.1</v>
      </c>
      <c r="C27938" s="7">
        <f t="shared" si="436"/>
        <v>465.10109999999997</v>
      </c>
    </row>
    <row r="27939" spans="1:3" x14ac:dyDescent="0.25">
      <c r="A27939" s="2" t="s">
        <v>16352</v>
      </c>
      <c r="B27939" s="6">
        <v>465117.74999999994</v>
      </c>
      <c r="C27939" s="7">
        <f t="shared" si="436"/>
        <v>465.11774999999994</v>
      </c>
    </row>
    <row r="27940" spans="1:3" x14ac:dyDescent="0.25">
      <c r="A27940" s="2" t="s">
        <v>16353</v>
      </c>
      <c r="B27940" s="6">
        <v>465134.39999999997</v>
      </c>
      <c r="C27940" s="7">
        <f t="shared" si="436"/>
        <v>465.13439999999997</v>
      </c>
    </row>
    <row r="27941" spans="1:3" x14ac:dyDescent="0.25">
      <c r="A27941" s="2" t="s">
        <v>16354</v>
      </c>
      <c r="B27941" s="6">
        <v>465151.05</v>
      </c>
      <c r="C27941" s="7">
        <f t="shared" si="436"/>
        <v>465.15105</v>
      </c>
    </row>
    <row r="27942" spans="1:3" x14ac:dyDescent="0.25">
      <c r="A27942" s="2" t="s">
        <v>16355</v>
      </c>
      <c r="B27942" s="6">
        <v>465167.69999999995</v>
      </c>
      <c r="C27942" s="7">
        <f t="shared" si="436"/>
        <v>465.16769999999997</v>
      </c>
    </row>
    <row r="27943" spans="1:3" x14ac:dyDescent="0.25">
      <c r="A27943" s="2" t="s">
        <v>16356</v>
      </c>
      <c r="B27943" s="6">
        <v>465184.35</v>
      </c>
      <c r="C27943" s="7">
        <f t="shared" si="436"/>
        <v>465.18434999999999</v>
      </c>
    </row>
    <row r="27944" spans="1:3" x14ac:dyDescent="0.25">
      <c r="A27944" s="2" t="s">
        <v>16357</v>
      </c>
      <c r="B27944" s="6">
        <v>465200.99999999994</v>
      </c>
      <c r="C27944" s="7">
        <f t="shared" si="436"/>
        <v>465.20099999999996</v>
      </c>
    </row>
    <row r="27945" spans="1:3" x14ac:dyDescent="0.25">
      <c r="A27945" s="2" t="s">
        <v>16358</v>
      </c>
      <c r="B27945" s="6">
        <v>465217.64999999997</v>
      </c>
      <c r="C27945" s="7">
        <f t="shared" si="436"/>
        <v>465.21764999999999</v>
      </c>
    </row>
    <row r="27946" spans="1:3" x14ac:dyDescent="0.25">
      <c r="A27946" s="2" t="s">
        <v>16359</v>
      </c>
      <c r="B27946" s="6">
        <v>465234.3</v>
      </c>
      <c r="C27946" s="7">
        <f t="shared" si="436"/>
        <v>465.23429999999996</v>
      </c>
    </row>
    <row r="27947" spans="1:3" x14ac:dyDescent="0.25">
      <c r="A27947" s="2" t="s">
        <v>16360</v>
      </c>
      <c r="B27947" s="6">
        <v>465250.94999999995</v>
      </c>
      <c r="C27947" s="7">
        <f t="shared" si="436"/>
        <v>465.25094999999993</v>
      </c>
    </row>
    <row r="27948" spans="1:3" x14ac:dyDescent="0.25">
      <c r="A27948" s="2" t="s">
        <v>16361</v>
      </c>
      <c r="B27948" s="6">
        <v>465267.6</v>
      </c>
      <c r="C27948" s="7">
        <f t="shared" si="436"/>
        <v>465.26759999999996</v>
      </c>
    </row>
    <row r="27949" spans="1:3" x14ac:dyDescent="0.25">
      <c r="A27949" s="2" t="s">
        <v>16362</v>
      </c>
      <c r="B27949" s="6">
        <v>465284.24999999994</v>
      </c>
      <c r="C27949" s="7">
        <f t="shared" si="436"/>
        <v>465.28424999999993</v>
      </c>
    </row>
    <row r="27950" spans="1:3" x14ac:dyDescent="0.25">
      <c r="A27950" s="2" t="s">
        <v>16363</v>
      </c>
      <c r="B27950" s="6">
        <v>465300.89999999997</v>
      </c>
      <c r="C27950" s="7">
        <f t="shared" si="436"/>
        <v>465.30089999999996</v>
      </c>
    </row>
    <row r="27951" spans="1:3" x14ac:dyDescent="0.25">
      <c r="A27951" s="2" t="s">
        <v>16364</v>
      </c>
      <c r="B27951" s="6">
        <v>465317.55</v>
      </c>
      <c r="C27951" s="7">
        <f t="shared" si="436"/>
        <v>465.31754999999998</v>
      </c>
    </row>
    <row r="27952" spans="1:3" x14ac:dyDescent="0.25">
      <c r="A27952" s="2" t="s">
        <v>16365</v>
      </c>
      <c r="B27952" s="6">
        <v>465334.19999999995</v>
      </c>
      <c r="C27952" s="7">
        <f t="shared" si="436"/>
        <v>465.33419999999995</v>
      </c>
    </row>
    <row r="27953" spans="1:3" x14ac:dyDescent="0.25">
      <c r="A27953" s="2" t="s">
        <v>16366</v>
      </c>
      <c r="B27953" s="6">
        <v>465350.85</v>
      </c>
      <c r="C27953" s="7">
        <f t="shared" si="436"/>
        <v>465.35084999999998</v>
      </c>
    </row>
    <row r="27954" spans="1:3" x14ac:dyDescent="0.25">
      <c r="A27954" s="2" t="s">
        <v>16367</v>
      </c>
      <c r="B27954" s="6">
        <v>465367.49999999994</v>
      </c>
      <c r="C27954" s="7">
        <f t="shared" si="436"/>
        <v>465.36749999999995</v>
      </c>
    </row>
    <row r="27955" spans="1:3" x14ac:dyDescent="0.25">
      <c r="A27955" s="2" t="s">
        <v>16368</v>
      </c>
      <c r="B27955" s="6">
        <v>465384.14999999997</v>
      </c>
      <c r="C27955" s="7">
        <f t="shared" si="436"/>
        <v>465.38414999999998</v>
      </c>
    </row>
    <row r="27956" spans="1:3" x14ac:dyDescent="0.25">
      <c r="A27956" s="2" t="s">
        <v>16369</v>
      </c>
      <c r="B27956" s="6">
        <v>465400.8</v>
      </c>
      <c r="C27956" s="7">
        <f t="shared" si="436"/>
        <v>465.4008</v>
      </c>
    </row>
    <row r="27957" spans="1:3" x14ac:dyDescent="0.25">
      <c r="A27957" s="2" t="s">
        <v>16370</v>
      </c>
      <c r="B27957" s="6">
        <v>465417.44999999995</v>
      </c>
      <c r="C27957" s="7">
        <f t="shared" si="436"/>
        <v>465.41744999999997</v>
      </c>
    </row>
    <row r="27958" spans="1:3" x14ac:dyDescent="0.25">
      <c r="A27958" s="2" t="s">
        <v>16371</v>
      </c>
      <c r="B27958" s="6">
        <v>465434.1</v>
      </c>
      <c r="C27958" s="7">
        <f t="shared" si="436"/>
        <v>465.4341</v>
      </c>
    </row>
    <row r="27959" spans="1:3" x14ac:dyDescent="0.25">
      <c r="A27959" s="2" t="s">
        <v>16372</v>
      </c>
      <c r="B27959" s="6">
        <v>465450.74999999994</v>
      </c>
      <c r="C27959" s="7">
        <f t="shared" si="436"/>
        <v>465.45074999999991</v>
      </c>
    </row>
    <row r="27960" spans="1:3" x14ac:dyDescent="0.25">
      <c r="A27960" s="2" t="s">
        <v>16373</v>
      </c>
      <c r="B27960" s="6">
        <v>465467.39999999997</v>
      </c>
      <c r="C27960" s="7">
        <f t="shared" si="436"/>
        <v>465.46739999999994</v>
      </c>
    </row>
    <row r="27961" spans="1:3" x14ac:dyDescent="0.25">
      <c r="A27961" s="2" t="s">
        <v>16374</v>
      </c>
      <c r="B27961" s="6">
        <v>465484.05</v>
      </c>
      <c r="C27961" s="7">
        <f t="shared" si="436"/>
        <v>465.48404999999997</v>
      </c>
    </row>
    <row r="27962" spans="1:3" x14ac:dyDescent="0.25">
      <c r="A27962" s="2" t="s">
        <v>16375</v>
      </c>
      <c r="B27962" s="6">
        <v>465500.69999999995</v>
      </c>
      <c r="C27962" s="7">
        <f t="shared" si="436"/>
        <v>465.50069999999994</v>
      </c>
    </row>
    <row r="27963" spans="1:3" x14ac:dyDescent="0.25">
      <c r="A27963" s="2" t="s">
        <v>16376</v>
      </c>
      <c r="B27963" s="6">
        <v>465517.35</v>
      </c>
      <c r="C27963" s="7">
        <f t="shared" si="436"/>
        <v>465.51734999999996</v>
      </c>
    </row>
    <row r="27964" spans="1:3" x14ac:dyDescent="0.25">
      <c r="A27964" s="2" t="s">
        <v>16377</v>
      </c>
      <c r="B27964" s="6">
        <v>465533.99999999994</v>
      </c>
      <c r="C27964" s="7">
        <f t="shared" si="436"/>
        <v>465.53399999999993</v>
      </c>
    </row>
    <row r="27965" spans="1:3" x14ac:dyDescent="0.25">
      <c r="A27965" s="2" t="s">
        <v>16378</v>
      </c>
      <c r="B27965" s="6">
        <v>465550.64999999997</v>
      </c>
      <c r="C27965" s="7">
        <f t="shared" si="436"/>
        <v>465.55064999999996</v>
      </c>
    </row>
    <row r="27966" spans="1:3" x14ac:dyDescent="0.25">
      <c r="A27966" s="2" t="s">
        <v>16379</v>
      </c>
      <c r="B27966" s="6">
        <v>465567.3</v>
      </c>
      <c r="C27966" s="7">
        <f t="shared" si="436"/>
        <v>465.56729999999999</v>
      </c>
    </row>
    <row r="27967" spans="1:3" x14ac:dyDescent="0.25">
      <c r="A27967" s="2" t="s">
        <v>16380</v>
      </c>
      <c r="B27967" s="6">
        <v>465583.94999999995</v>
      </c>
      <c r="C27967" s="7">
        <f t="shared" si="436"/>
        <v>465.58394999999996</v>
      </c>
    </row>
    <row r="27968" spans="1:3" x14ac:dyDescent="0.25">
      <c r="A27968" s="2" t="s">
        <v>16381</v>
      </c>
      <c r="B27968" s="6">
        <v>465600.6</v>
      </c>
      <c r="C27968" s="7">
        <f t="shared" si="436"/>
        <v>465.60059999999999</v>
      </c>
    </row>
    <row r="27969" spans="1:3" x14ac:dyDescent="0.25">
      <c r="A27969" s="2" t="s">
        <v>16382</v>
      </c>
      <c r="B27969" s="6">
        <v>465617.24999999994</v>
      </c>
      <c r="C27969" s="7">
        <f t="shared" si="436"/>
        <v>465.61724999999996</v>
      </c>
    </row>
    <row r="27970" spans="1:3" x14ac:dyDescent="0.25">
      <c r="A27970" s="2" t="s">
        <v>16383</v>
      </c>
      <c r="B27970" s="6">
        <v>465633.89999999997</v>
      </c>
      <c r="C27970" s="7">
        <f t="shared" si="436"/>
        <v>465.63389999999998</v>
      </c>
    </row>
    <row r="27971" spans="1:3" x14ac:dyDescent="0.25">
      <c r="A27971" s="2" t="s">
        <v>16384</v>
      </c>
      <c r="B27971" s="6">
        <v>465650.55</v>
      </c>
      <c r="C27971" s="7">
        <f t="shared" ref="C27971:C28034" si="437">B27971/1000</f>
        <v>465.65055000000001</v>
      </c>
    </row>
    <row r="27972" spans="1:3" x14ac:dyDescent="0.25">
      <c r="A27972" s="2" t="s">
        <v>16385</v>
      </c>
      <c r="B27972" s="6">
        <v>465667.19999999995</v>
      </c>
      <c r="C27972" s="7">
        <f t="shared" si="437"/>
        <v>465.66719999999998</v>
      </c>
    </row>
    <row r="27973" spans="1:3" x14ac:dyDescent="0.25">
      <c r="A27973" s="2" t="s">
        <v>16386</v>
      </c>
      <c r="B27973" s="6">
        <v>465683.85</v>
      </c>
      <c r="C27973" s="7">
        <f t="shared" si="437"/>
        <v>465.68384999999995</v>
      </c>
    </row>
    <row r="27974" spans="1:3" x14ac:dyDescent="0.25">
      <c r="A27974" s="2" t="s">
        <v>16387</v>
      </c>
      <c r="B27974" s="6">
        <v>465700.49999999994</v>
      </c>
      <c r="C27974" s="7">
        <f t="shared" si="437"/>
        <v>465.70049999999992</v>
      </c>
    </row>
    <row r="27975" spans="1:3" x14ac:dyDescent="0.25">
      <c r="A27975" s="2" t="s">
        <v>16388</v>
      </c>
      <c r="B27975" s="6">
        <v>465717.14999999997</v>
      </c>
      <c r="C27975" s="7">
        <f t="shared" si="437"/>
        <v>465.71714999999995</v>
      </c>
    </row>
    <row r="27976" spans="1:3" x14ac:dyDescent="0.25">
      <c r="A27976" s="2" t="s">
        <v>16389</v>
      </c>
      <c r="B27976" s="6">
        <v>465733.8</v>
      </c>
      <c r="C27976" s="7">
        <f t="shared" si="437"/>
        <v>465.73379999999997</v>
      </c>
    </row>
    <row r="27977" spans="1:3" x14ac:dyDescent="0.25">
      <c r="A27977" s="2" t="s">
        <v>16390</v>
      </c>
      <c r="B27977" s="6">
        <v>465750.44999999995</v>
      </c>
      <c r="C27977" s="7">
        <f t="shared" si="437"/>
        <v>465.75044999999994</v>
      </c>
    </row>
    <row r="27978" spans="1:3" x14ac:dyDescent="0.25">
      <c r="A27978" s="2" t="s">
        <v>16391</v>
      </c>
      <c r="B27978" s="6">
        <v>465767.1</v>
      </c>
      <c r="C27978" s="7">
        <f t="shared" si="437"/>
        <v>465.76709999999997</v>
      </c>
    </row>
    <row r="27979" spans="1:3" x14ac:dyDescent="0.25">
      <c r="A27979" s="2" t="s">
        <v>16392</v>
      </c>
      <c r="B27979" s="6">
        <v>465783.74999999994</v>
      </c>
      <c r="C27979" s="7">
        <f t="shared" si="437"/>
        <v>465.78374999999994</v>
      </c>
    </row>
    <row r="27980" spans="1:3" x14ac:dyDescent="0.25">
      <c r="A27980" s="2" t="s">
        <v>16393</v>
      </c>
      <c r="B27980" s="6">
        <v>465800.39999999997</v>
      </c>
      <c r="C27980" s="7">
        <f t="shared" si="437"/>
        <v>465.80039999999997</v>
      </c>
    </row>
    <row r="27981" spans="1:3" x14ac:dyDescent="0.25">
      <c r="A27981" s="2" t="s">
        <v>16394</v>
      </c>
      <c r="B27981" s="6">
        <v>465817.05</v>
      </c>
      <c r="C27981" s="7">
        <f t="shared" si="437"/>
        <v>465.81704999999999</v>
      </c>
    </row>
    <row r="27982" spans="1:3" x14ac:dyDescent="0.25">
      <c r="A27982" s="2" t="s">
        <v>16395</v>
      </c>
      <c r="B27982" s="6">
        <v>465833.69999999995</v>
      </c>
      <c r="C27982" s="7">
        <f t="shared" si="437"/>
        <v>465.83369999999996</v>
      </c>
    </row>
    <row r="27983" spans="1:3" x14ac:dyDescent="0.25">
      <c r="A27983" s="2" t="s">
        <v>16396</v>
      </c>
      <c r="B27983" s="6">
        <v>465850.35</v>
      </c>
      <c r="C27983" s="7">
        <f t="shared" si="437"/>
        <v>465.85034999999999</v>
      </c>
    </row>
    <row r="27984" spans="1:3" x14ac:dyDescent="0.25">
      <c r="A27984" s="2" t="s">
        <v>16397</v>
      </c>
      <c r="B27984" s="6">
        <v>465866.99999999994</v>
      </c>
      <c r="C27984" s="7">
        <f t="shared" si="437"/>
        <v>465.86699999999996</v>
      </c>
    </row>
    <row r="27985" spans="1:3" x14ac:dyDescent="0.25">
      <c r="A27985" s="2" t="s">
        <v>16398</v>
      </c>
      <c r="B27985" s="6">
        <v>465883.64999999997</v>
      </c>
      <c r="C27985" s="7">
        <f t="shared" si="437"/>
        <v>465.88364999999999</v>
      </c>
    </row>
    <row r="27986" spans="1:3" x14ac:dyDescent="0.25">
      <c r="A27986" s="2" t="s">
        <v>16399</v>
      </c>
      <c r="B27986" s="6">
        <v>465900.3</v>
      </c>
      <c r="C27986" s="7">
        <f t="shared" si="437"/>
        <v>465.90030000000002</v>
      </c>
    </row>
    <row r="27987" spans="1:3" x14ac:dyDescent="0.25">
      <c r="A27987" s="2" t="s">
        <v>16400</v>
      </c>
      <c r="B27987" s="6">
        <v>465916.94999999995</v>
      </c>
      <c r="C27987" s="7">
        <f t="shared" si="437"/>
        <v>465.91694999999993</v>
      </c>
    </row>
    <row r="27988" spans="1:3" x14ac:dyDescent="0.25">
      <c r="A27988" s="2" t="s">
        <v>16401</v>
      </c>
      <c r="B27988" s="6">
        <v>465933.6</v>
      </c>
      <c r="C27988" s="7">
        <f t="shared" si="437"/>
        <v>465.93359999999996</v>
      </c>
    </row>
    <row r="27989" spans="1:3" x14ac:dyDescent="0.25">
      <c r="A27989" s="2" t="s">
        <v>16402</v>
      </c>
      <c r="B27989" s="6">
        <v>465950.24999999994</v>
      </c>
      <c r="C27989" s="7">
        <f t="shared" si="437"/>
        <v>465.95024999999993</v>
      </c>
    </row>
    <row r="27990" spans="1:3" x14ac:dyDescent="0.25">
      <c r="A27990" s="2" t="s">
        <v>16403</v>
      </c>
      <c r="B27990" s="6">
        <v>465966.89999999997</v>
      </c>
      <c r="C27990" s="7">
        <f t="shared" si="437"/>
        <v>465.96689999999995</v>
      </c>
    </row>
    <row r="27991" spans="1:3" x14ac:dyDescent="0.25">
      <c r="A27991" s="2" t="s">
        <v>16404</v>
      </c>
      <c r="B27991" s="6">
        <v>465983.55</v>
      </c>
      <c r="C27991" s="7">
        <f t="shared" si="437"/>
        <v>465.98354999999998</v>
      </c>
    </row>
    <row r="27992" spans="1:3" x14ac:dyDescent="0.25">
      <c r="A27992" s="2" t="s">
        <v>16405</v>
      </c>
      <c r="B27992" s="6">
        <v>466000.19999999995</v>
      </c>
      <c r="C27992" s="7">
        <f t="shared" si="437"/>
        <v>466.00019999999995</v>
      </c>
    </row>
    <row r="27993" spans="1:3" x14ac:dyDescent="0.25">
      <c r="A27993" s="2" t="s">
        <v>16406</v>
      </c>
      <c r="B27993" s="6">
        <v>466016.85</v>
      </c>
      <c r="C27993" s="7">
        <f t="shared" si="437"/>
        <v>466.01684999999998</v>
      </c>
    </row>
    <row r="27994" spans="1:3" x14ac:dyDescent="0.25">
      <c r="A27994" s="2" t="s">
        <v>16407</v>
      </c>
      <c r="B27994" s="6">
        <v>466033.49999999994</v>
      </c>
      <c r="C27994" s="7">
        <f t="shared" si="437"/>
        <v>466.03349999999995</v>
      </c>
    </row>
    <row r="27995" spans="1:3" x14ac:dyDescent="0.25">
      <c r="A27995" s="2" t="s">
        <v>16408</v>
      </c>
      <c r="B27995" s="6">
        <v>466050.14999999997</v>
      </c>
      <c r="C27995" s="7">
        <f t="shared" si="437"/>
        <v>466.05014999999997</v>
      </c>
    </row>
    <row r="27996" spans="1:3" x14ac:dyDescent="0.25">
      <c r="A27996" s="2" t="s">
        <v>16409</v>
      </c>
      <c r="B27996" s="6">
        <v>466066.8</v>
      </c>
      <c r="C27996" s="7">
        <f t="shared" si="437"/>
        <v>466.0668</v>
      </c>
    </row>
    <row r="27997" spans="1:3" x14ac:dyDescent="0.25">
      <c r="A27997" s="2" t="s">
        <v>16410</v>
      </c>
      <c r="B27997" s="6">
        <v>466083.44999999995</v>
      </c>
      <c r="C27997" s="7">
        <f t="shared" si="437"/>
        <v>466.08344999999997</v>
      </c>
    </row>
    <row r="27998" spans="1:3" x14ac:dyDescent="0.25">
      <c r="A27998" s="2" t="s">
        <v>16411</v>
      </c>
      <c r="B27998" s="6">
        <v>466100.1</v>
      </c>
      <c r="C27998" s="7">
        <f t="shared" si="437"/>
        <v>466.1001</v>
      </c>
    </row>
    <row r="27999" spans="1:3" x14ac:dyDescent="0.25">
      <c r="A27999" s="2" t="s">
        <v>16412</v>
      </c>
      <c r="B27999" s="6">
        <v>466116.74999999994</v>
      </c>
      <c r="C27999" s="7">
        <f t="shared" si="437"/>
        <v>466.11674999999997</v>
      </c>
    </row>
    <row r="28000" spans="1:3" x14ac:dyDescent="0.25">
      <c r="A28000" s="2" t="s">
        <v>16413</v>
      </c>
      <c r="B28000" s="6">
        <v>466133.39999999997</v>
      </c>
      <c r="C28000" s="7">
        <f t="shared" si="437"/>
        <v>466.13339999999994</v>
      </c>
    </row>
    <row r="28001" spans="1:3" x14ac:dyDescent="0.25">
      <c r="A28001" s="2" t="s">
        <v>16414</v>
      </c>
      <c r="B28001" s="6">
        <v>466150.05</v>
      </c>
      <c r="C28001" s="7">
        <f t="shared" si="437"/>
        <v>466.15004999999996</v>
      </c>
    </row>
    <row r="28002" spans="1:3" x14ac:dyDescent="0.25">
      <c r="A28002" s="2" t="s">
        <v>16415</v>
      </c>
      <c r="B28002" s="6">
        <v>466166.69999999995</v>
      </c>
      <c r="C28002" s="7">
        <f t="shared" si="437"/>
        <v>466.16669999999993</v>
      </c>
    </row>
    <row r="28003" spans="1:3" x14ac:dyDescent="0.25">
      <c r="A28003" s="2" t="s">
        <v>16416</v>
      </c>
      <c r="B28003" s="6">
        <v>466183.35</v>
      </c>
      <c r="C28003" s="7">
        <f t="shared" si="437"/>
        <v>466.18334999999996</v>
      </c>
    </row>
    <row r="28004" spans="1:3" x14ac:dyDescent="0.25">
      <c r="A28004" s="2" t="s">
        <v>16417</v>
      </c>
      <c r="B28004" s="6">
        <v>466199.99999999994</v>
      </c>
      <c r="C28004" s="7">
        <f t="shared" si="437"/>
        <v>466.19999999999993</v>
      </c>
    </row>
    <row r="28005" spans="1:3" x14ac:dyDescent="0.25">
      <c r="A28005" s="2" t="s">
        <v>16418</v>
      </c>
      <c r="B28005" s="6">
        <v>466216.64999999997</v>
      </c>
      <c r="C28005" s="7">
        <f t="shared" si="437"/>
        <v>466.21664999999996</v>
      </c>
    </row>
    <row r="28006" spans="1:3" x14ac:dyDescent="0.25">
      <c r="A28006" s="2" t="s">
        <v>16419</v>
      </c>
      <c r="B28006" s="6">
        <v>466233.3</v>
      </c>
      <c r="C28006" s="7">
        <f t="shared" si="437"/>
        <v>466.23329999999999</v>
      </c>
    </row>
    <row r="28007" spans="1:3" x14ac:dyDescent="0.25">
      <c r="A28007" s="2" t="s">
        <v>16420</v>
      </c>
      <c r="B28007" s="6">
        <v>466249.94999999995</v>
      </c>
      <c r="C28007" s="7">
        <f t="shared" si="437"/>
        <v>466.24994999999996</v>
      </c>
    </row>
    <row r="28008" spans="1:3" x14ac:dyDescent="0.25">
      <c r="A28008" s="2" t="s">
        <v>16421</v>
      </c>
      <c r="B28008" s="6">
        <v>466266.6</v>
      </c>
      <c r="C28008" s="7">
        <f t="shared" si="437"/>
        <v>466.26659999999998</v>
      </c>
    </row>
    <row r="28009" spans="1:3" x14ac:dyDescent="0.25">
      <c r="A28009" s="2" t="s">
        <v>16422</v>
      </c>
      <c r="B28009" s="6">
        <v>466283.24999999994</v>
      </c>
      <c r="C28009" s="7">
        <f t="shared" si="437"/>
        <v>466.28324999999995</v>
      </c>
    </row>
    <row r="28010" spans="1:3" x14ac:dyDescent="0.25">
      <c r="A28010" s="2" t="s">
        <v>16423</v>
      </c>
      <c r="B28010" s="6">
        <v>466299.89999999997</v>
      </c>
      <c r="C28010" s="7">
        <f t="shared" si="437"/>
        <v>466.29989999999998</v>
      </c>
    </row>
    <row r="28011" spans="1:3" x14ac:dyDescent="0.25">
      <c r="A28011" s="2" t="s">
        <v>16424</v>
      </c>
      <c r="B28011" s="6">
        <v>466316.55</v>
      </c>
      <c r="C28011" s="7">
        <f t="shared" si="437"/>
        <v>466.31655000000001</v>
      </c>
    </row>
    <row r="28012" spans="1:3" x14ac:dyDescent="0.25">
      <c r="A28012" s="2" t="s">
        <v>16425</v>
      </c>
      <c r="B28012" s="6">
        <v>466333.19999999995</v>
      </c>
      <c r="C28012" s="7">
        <f t="shared" si="437"/>
        <v>466.33319999999998</v>
      </c>
    </row>
    <row r="28013" spans="1:3" x14ac:dyDescent="0.25">
      <c r="A28013" s="2" t="s">
        <v>16426</v>
      </c>
      <c r="B28013" s="6">
        <v>466349.85</v>
      </c>
      <c r="C28013" s="7">
        <f t="shared" si="437"/>
        <v>466.34985</v>
      </c>
    </row>
    <row r="28014" spans="1:3" x14ac:dyDescent="0.25">
      <c r="A28014" s="2" t="s">
        <v>16427</v>
      </c>
      <c r="B28014" s="6">
        <v>466366.49999999994</v>
      </c>
      <c r="C28014" s="7">
        <f t="shared" si="437"/>
        <v>466.36649999999992</v>
      </c>
    </row>
    <row r="28015" spans="1:3" x14ac:dyDescent="0.25">
      <c r="A28015" s="2" t="s">
        <v>16428</v>
      </c>
      <c r="B28015" s="6">
        <v>466383.14999999997</v>
      </c>
      <c r="C28015" s="7">
        <f t="shared" si="437"/>
        <v>466.38314999999994</v>
      </c>
    </row>
    <row r="28016" spans="1:3" x14ac:dyDescent="0.25">
      <c r="A28016" s="2" t="s">
        <v>16429</v>
      </c>
      <c r="B28016" s="6">
        <v>466399.8</v>
      </c>
      <c r="C28016" s="7">
        <f t="shared" si="437"/>
        <v>466.39979999999997</v>
      </c>
    </row>
    <row r="28017" spans="1:3" x14ac:dyDescent="0.25">
      <c r="A28017" s="2" t="s">
        <v>16430</v>
      </c>
      <c r="B28017" s="6">
        <v>466416.44999999995</v>
      </c>
      <c r="C28017" s="7">
        <f t="shared" si="437"/>
        <v>466.41644999999994</v>
      </c>
    </row>
    <row r="28018" spans="1:3" x14ac:dyDescent="0.25">
      <c r="A28018" s="2" t="s">
        <v>16431</v>
      </c>
      <c r="B28018" s="6">
        <v>466433.1</v>
      </c>
      <c r="C28018" s="7">
        <f t="shared" si="437"/>
        <v>466.43309999999997</v>
      </c>
    </row>
    <row r="28019" spans="1:3" x14ac:dyDescent="0.25">
      <c r="A28019" s="2" t="s">
        <v>16432</v>
      </c>
      <c r="B28019" s="6">
        <v>466449.74999999994</v>
      </c>
      <c r="C28019" s="7">
        <f t="shared" si="437"/>
        <v>466.44974999999994</v>
      </c>
    </row>
    <row r="28020" spans="1:3" x14ac:dyDescent="0.25">
      <c r="A28020" s="2" t="s">
        <v>16433</v>
      </c>
      <c r="B28020" s="6">
        <v>466466.39999999997</v>
      </c>
      <c r="C28020" s="7">
        <f t="shared" si="437"/>
        <v>466.46639999999996</v>
      </c>
    </row>
    <row r="28021" spans="1:3" x14ac:dyDescent="0.25">
      <c r="A28021" s="2" t="s">
        <v>16434</v>
      </c>
      <c r="B28021" s="6">
        <v>466483.05</v>
      </c>
      <c r="C28021" s="7">
        <f t="shared" si="437"/>
        <v>466.48304999999999</v>
      </c>
    </row>
    <row r="28022" spans="1:3" x14ac:dyDescent="0.25">
      <c r="A28022" s="2" t="s">
        <v>16435</v>
      </c>
      <c r="B28022" s="6">
        <v>466499.69999999995</v>
      </c>
      <c r="C28022" s="7">
        <f t="shared" si="437"/>
        <v>466.49969999999996</v>
      </c>
    </row>
    <row r="28023" spans="1:3" x14ac:dyDescent="0.25">
      <c r="A28023" s="2" t="s">
        <v>16436</v>
      </c>
      <c r="B28023" s="6">
        <v>466516.35</v>
      </c>
      <c r="C28023" s="7">
        <f t="shared" si="437"/>
        <v>466.51634999999999</v>
      </c>
    </row>
    <row r="28024" spans="1:3" x14ac:dyDescent="0.25">
      <c r="A28024" s="2" t="s">
        <v>16437</v>
      </c>
      <c r="B28024" s="6">
        <v>466532.99999999994</v>
      </c>
      <c r="C28024" s="7">
        <f t="shared" si="437"/>
        <v>466.53299999999996</v>
      </c>
    </row>
    <row r="28025" spans="1:3" x14ac:dyDescent="0.25">
      <c r="A28025" s="2" t="s">
        <v>16438</v>
      </c>
      <c r="B28025" s="6">
        <v>466549.64999999997</v>
      </c>
      <c r="C28025" s="7">
        <f t="shared" si="437"/>
        <v>466.54964999999999</v>
      </c>
    </row>
    <row r="28026" spans="1:3" x14ac:dyDescent="0.25">
      <c r="A28026" s="2" t="s">
        <v>16439</v>
      </c>
      <c r="B28026" s="6">
        <v>466566.3</v>
      </c>
      <c r="C28026" s="7">
        <f t="shared" si="437"/>
        <v>466.56630000000001</v>
      </c>
    </row>
    <row r="28027" spans="1:3" x14ac:dyDescent="0.25">
      <c r="A28027" s="2" t="s">
        <v>16440</v>
      </c>
      <c r="B28027" s="6">
        <v>466582.94999999995</v>
      </c>
      <c r="C28027" s="7">
        <f t="shared" si="437"/>
        <v>466.58294999999993</v>
      </c>
    </row>
    <row r="28028" spans="1:3" x14ac:dyDescent="0.25">
      <c r="A28028" s="2" t="s">
        <v>16441</v>
      </c>
      <c r="B28028" s="6">
        <v>466599.6</v>
      </c>
      <c r="C28028" s="7">
        <f t="shared" si="437"/>
        <v>466.59959999999995</v>
      </c>
    </row>
    <row r="28029" spans="1:3" x14ac:dyDescent="0.25">
      <c r="A28029" s="2" t="s">
        <v>16442</v>
      </c>
      <c r="B28029" s="6">
        <v>466616.24999999994</v>
      </c>
      <c r="C28029" s="7">
        <f t="shared" si="437"/>
        <v>466.61624999999992</v>
      </c>
    </row>
    <row r="28030" spans="1:3" x14ac:dyDescent="0.25">
      <c r="A28030" s="2" t="s">
        <v>16443</v>
      </c>
      <c r="B28030" s="6">
        <v>466632.89999999997</v>
      </c>
      <c r="C28030" s="7">
        <f t="shared" si="437"/>
        <v>466.63289999999995</v>
      </c>
    </row>
    <row r="28031" spans="1:3" x14ac:dyDescent="0.25">
      <c r="A28031" s="2" t="s">
        <v>16444</v>
      </c>
      <c r="B28031" s="6">
        <v>466649.55</v>
      </c>
      <c r="C28031" s="7">
        <f t="shared" si="437"/>
        <v>466.64954999999998</v>
      </c>
    </row>
    <row r="28032" spans="1:3" x14ac:dyDescent="0.25">
      <c r="A28032" s="2" t="s">
        <v>16445</v>
      </c>
      <c r="B28032" s="6">
        <v>466666.19999999995</v>
      </c>
      <c r="C28032" s="7">
        <f t="shared" si="437"/>
        <v>466.66619999999995</v>
      </c>
    </row>
    <row r="28033" spans="1:3" x14ac:dyDescent="0.25">
      <c r="A28033" s="2" t="s">
        <v>16446</v>
      </c>
      <c r="B28033" s="6">
        <v>466682.85</v>
      </c>
      <c r="C28033" s="7">
        <f t="shared" si="437"/>
        <v>466.68284999999997</v>
      </c>
    </row>
    <row r="28034" spans="1:3" x14ac:dyDescent="0.25">
      <c r="A28034" s="2" t="s">
        <v>16447</v>
      </c>
      <c r="B28034" s="6">
        <v>466699.49999999994</v>
      </c>
      <c r="C28034" s="7">
        <f t="shared" si="437"/>
        <v>466.69949999999994</v>
      </c>
    </row>
    <row r="28035" spans="1:3" x14ac:dyDescent="0.25">
      <c r="A28035" s="2" t="s">
        <v>16448</v>
      </c>
      <c r="B28035" s="6">
        <v>466716.14999999997</v>
      </c>
      <c r="C28035" s="7">
        <f t="shared" ref="C28035:C28098" si="438">B28035/1000</f>
        <v>466.71614999999997</v>
      </c>
    </row>
    <row r="28036" spans="1:3" x14ac:dyDescent="0.25">
      <c r="A28036" s="2" t="s">
        <v>16449</v>
      </c>
      <c r="B28036" s="6">
        <v>466732.79999999999</v>
      </c>
      <c r="C28036" s="7">
        <f t="shared" si="438"/>
        <v>466.7328</v>
      </c>
    </row>
    <row r="28037" spans="1:3" x14ac:dyDescent="0.25">
      <c r="A28037" s="2" t="s">
        <v>16450</v>
      </c>
      <c r="B28037" s="6">
        <v>466749.44999999995</v>
      </c>
      <c r="C28037" s="7">
        <f t="shared" si="438"/>
        <v>466.74944999999997</v>
      </c>
    </row>
    <row r="28038" spans="1:3" x14ac:dyDescent="0.25">
      <c r="A28038" s="2" t="s">
        <v>16451</v>
      </c>
      <c r="B28038" s="6">
        <v>466766.1</v>
      </c>
      <c r="C28038" s="7">
        <f t="shared" si="438"/>
        <v>466.76609999999999</v>
      </c>
    </row>
    <row r="28039" spans="1:3" x14ac:dyDescent="0.25">
      <c r="A28039" s="2" t="s">
        <v>16452</v>
      </c>
      <c r="B28039" s="6">
        <v>466782.74999999994</v>
      </c>
      <c r="C28039" s="7">
        <f t="shared" si="438"/>
        <v>466.78274999999996</v>
      </c>
    </row>
    <row r="28040" spans="1:3" x14ac:dyDescent="0.25">
      <c r="A28040" s="2" t="s">
        <v>16453</v>
      </c>
      <c r="B28040" s="6">
        <v>466799.39999999997</v>
      </c>
      <c r="C28040" s="7">
        <f t="shared" si="438"/>
        <v>466.79939999999999</v>
      </c>
    </row>
    <row r="28041" spans="1:3" x14ac:dyDescent="0.25">
      <c r="A28041" s="2" t="s">
        <v>16454</v>
      </c>
      <c r="B28041" s="6">
        <v>466816.05</v>
      </c>
      <c r="C28041" s="7">
        <f t="shared" si="438"/>
        <v>466.81604999999996</v>
      </c>
    </row>
    <row r="28042" spans="1:3" x14ac:dyDescent="0.25">
      <c r="A28042" s="2" t="s">
        <v>16455</v>
      </c>
      <c r="B28042" s="6">
        <v>466832.69999999995</v>
      </c>
      <c r="C28042" s="7">
        <f t="shared" si="438"/>
        <v>466.83269999999993</v>
      </c>
    </row>
    <row r="28043" spans="1:3" x14ac:dyDescent="0.25">
      <c r="A28043" s="2" t="s">
        <v>16456</v>
      </c>
      <c r="B28043" s="6">
        <v>466849.35</v>
      </c>
      <c r="C28043" s="7">
        <f t="shared" si="438"/>
        <v>466.84934999999996</v>
      </c>
    </row>
    <row r="28044" spans="1:3" x14ac:dyDescent="0.25">
      <c r="A28044" s="2" t="s">
        <v>16457</v>
      </c>
      <c r="B28044" s="6">
        <v>466865.99999999994</v>
      </c>
      <c r="C28044" s="7">
        <f t="shared" si="438"/>
        <v>466.86599999999993</v>
      </c>
    </row>
    <row r="28045" spans="1:3" x14ac:dyDescent="0.25">
      <c r="A28045" s="2" t="s">
        <v>16458</v>
      </c>
      <c r="B28045" s="6">
        <v>466882.64999999997</v>
      </c>
      <c r="C28045" s="7">
        <f t="shared" si="438"/>
        <v>466.88264999999996</v>
      </c>
    </row>
    <row r="28046" spans="1:3" x14ac:dyDescent="0.25">
      <c r="A28046" s="2" t="s">
        <v>16459</v>
      </c>
      <c r="B28046" s="6">
        <v>466899.3</v>
      </c>
      <c r="C28046" s="7">
        <f t="shared" si="438"/>
        <v>466.89929999999998</v>
      </c>
    </row>
    <row r="28047" spans="1:3" x14ac:dyDescent="0.25">
      <c r="A28047" s="2" t="s">
        <v>16460</v>
      </c>
      <c r="B28047" s="6">
        <v>466915.94999999995</v>
      </c>
      <c r="C28047" s="7">
        <f t="shared" si="438"/>
        <v>466.91594999999995</v>
      </c>
    </row>
    <row r="28048" spans="1:3" x14ac:dyDescent="0.25">
      <c r="A28048" s="2" t="s">
        <v>16461</v>
      </c>
      <c r="B28048" s="6">
        <v>466932.6</v>
      </c>
      <c r="C28048" s="7">
        <f t="shared" si="438"/>
        <v>466.93259999999998</v>
      </c>
    </row>
    <row r="28049" spans="1:3" x14ac:dyDescent="0.25">
      <c r="A28049" s="2" t="s">
        <v>16462</v>
      </c>
      <c r="B28049" s="6">
        <v>466949.24999999994</v>
      </c>
      <c r="C28049" s="7">
        <f t="shared" si="438"/>
        <v>466.94924999999995</v>
      </c>
    </row>
    <row r="28050" spans="1:3" x14ac:dyDescent="0.25">
      <c r="A28050" s="2" t="s">
        <v>16463</v>
      </c>
      <c r="B28050" s="6">
        <v>466965.89999999997</v>
      </c>
      <c r="C28050" s="7">
        <f t="shared" si="438"/>
        <v>466.96589999999998</v>
      </c>
    </row>
    <row r="28051" spans="1:3" x14ac:dyDescent="0.25">
      <c r="A28051" s="2" t="s">
        <v>16464</v>
      </c>
      <c r="B28051" s="6">
        <v>466982.55</v>
      </c>
      <c r="C28051" s="7">
        <f t="shared" si="438"/>
        <v>466.98255</v>
      </c>
    </row>
    <row r="28052" spans="1:3" x14ac:dyDescent="0.25">
      <c r="A28052" s="2" t="s">
        <v>16465</v>
      </c>
      <c r="B28052" s="6">
        <v>466999.19999999995</v>
      </c>
      <c r="C28052" s="7">
        <f t="shared" si="438"/>
        <v>466.99919999999997</v>
      </c>
    </row>
    <row r="28053" spans="1:3" x14ac:dyDescent="0.25">
      <c r="A28053" s="2" t="s">
        <v>16466</v>
      </c>
      <c r="B28053" s="6">
        <v>467015.85</v>
      </c>
      <c r="C28053" s="7">
        <f t="shared" si="438"/>
        <v>467.01585</v>
      </c>
    </row>
    <row r="28054" spans="1:3" x14ac:dyDescent="0.25">
      <c r="A28054" s="2" t="s">
        <v>16467</v>
      </c>
      <c r="B28054" s="6">
        <v>467032.49999999994</v>
      </c>
      <c r="C28054" s="7">
        <f t="shared" si="438"/>
        <v>467.03249999999991</v>
      </c>
    </row>
    <row r="28055" spans="1:3" x14ac:dyDescent="0.25">
      <c r="A28055" s="2" t="s">
        <v>16468</v>
      </c>
      <c r="B28055" s="6">
        <v>467049.14999999997</v>
      </c>
      <c r="C28055" s="7">
        <f t="shared" si="438"/>
        <v>467.04914999999994</v>
      </c>
    </row>
    <row r="28056" spans="1:3" x14ac:dyDescent="0.25">
      <c r="A28056" s="2" t="s">
        <v>16469</v>
      </c>
      <c r="B28056" s="6">
        <v>467065.8</v>
      </c>
      <c r="C28056" s="7">
        <f t="shared" si="438"/>
        <v>467.06579999999997</v>
      </c>
    </row>
    <row r="28057" spans="1:3" x14ac:dyDescent="0.25">
      <c r="A28057" s="2" t="s">
        <v>16470</v>
      </c>
      <c r="B28057" s="6">
        <v>467082.44999999995</v>
      </c>
      <c r="C28057" s="7">
        <f t="shared" si="438"/>
        <v>467.08244999999994</v>
      </c>
    </row>
    <row r="28058" spans="1:3" x14ac:dyDescent="0.25">
      <c r="A28058" s="2" t="s">
        <v>16471</v>
      </c>
      <c r="B28058" s="6">
        <v>467099.1</v>
      </c>
      <c r="C28058" s="7">
        <f t="shared" si="438"/>
        <v>467.09909999999996</v>
      </c>
    </row>
    <row r="28059" spans="1:3" x14ac:dyDescent="0.25">
      <c r="A28059" s="2" t="s">
        <v>16472</v>
      </c>
      <c r="B28059" s="6">
        <v>467115.74999999994</v>
      </c>
      <c r="C28059" s="7">
        <f t="shared" si="438"/>
        <v>467.11574999999993</v>
      </c>
    </row>
    <row r="28060" spans="1:3" x14ac:dyDescent="0.25">
      <c r="A28060" s="2" t="s">
        <v>16473</v>
      </c>
      <c r="B28060" s="6">
        <v>467132.39999999997</v>
      </c>
      <c r="C28060" s="7">
        <f t="shared" si="438"/>
        <v>467.13239999999996</v>
      </c>
    </row>
    <row r="28061" spans="1:3" x14ac:dyDescent="0.25">
      <c r="A28061" s="2" t="s">
        <v>16474</v>
      </c>
      <c r="B28061" s="6">
        <v>467149.05</v>
      </c>
      <c r="C28061" s="7">
        <f t="shared" si="438"/>
        <v>467.14904999999999</v>
      </c>
    </row>
    <row r="28062" spans="1:3" x14ac:dyDescent="0.25">
      <c r="A28062" s="2" t="s">
        <v>16475</v>
      </c>
      <c r="B28062" s="6">
        <v>467165.69999999995</v>
      </c>
      <c r="C28062" s="7">
        <f t="shared" si="438"/>
        <v>467.16569999999996</v>
      </c>
    </row>
    <row r="28063" spans="1:3" x14ac:dyDescent="0.25">
      <c r="A28063" s="2" t="s">
        <v>16476</v>
      </c>
      <c r="B28063" s="6">
        <v>467182.35</v>
      </c>
      <c r="C28063" s="7">
        <f t="shared" si="438"/>
        <v>467.18234999999999</v>
      </c>
    </row>
    <row r="28064" spans="1:3" x14ac:dyDescent="0.25">
      <c r="A28064" s="2" t="s">
        <v>16477</v>
      </c>
      <c r="B28064" s="6">
        <v>467198.99999999994</v>
      </c>
      <c r="C28064" s="7">
        <f t="shared" si="438"/>
        <v>467.19899999999996</v>
      </c>
    </row>
    <row r="28065" spans="1:3" x14ac:dyDescent="0.25">
      <c r="A28065" s="2" t="s">
        <v>16478</v>
      </c>
      <c r="B28065" s="6">
        <v>467215.64999999997</v>
      </c>
      <c r="C28065" s="7">
        <f t="shared" si="438"/>
        <v>467.21564999999998</v>
      </c>
    </row>
    <row r="28066" spans="1:3" x14ac:dyDescent="0.25">
      <c r="A28066" s="2" t="s">
        <v>16479</v>
      </c>
      <c r="B28066" s="6">
        <v>467232.3</v>
      </c>
      <c r="C28066" s="7">
        <f t="shared" si="438"/>
        <v>467.23230000000001</v>
      </c>
    </row>
    <row r="28067" spans="1:3" x14ac:dyDescent="0.25">
      <c r="A28067" s="2" t="s">
        <v>16480</v>
      </c>
      <c r="B28067" s="6">
        <v>467248.94999999995</v>
      </c>
      <c r="C28067" s="7">
        <f t="shared" si="438"/>
        <v>467.24894999999998</v>
      </c>
    </row>
    <row r="28068" spans="1:3" x14ac:dyDescent="0.25">
      <c r="A28068" s="2" t="s">
        <v>16481</v>
      </c>
      <c r="B28068" s="6">
        <v>467265.6</v>
      </c>
      <c r="C28068" s="7">
        <f t="shared" si="438"/>
        <v>467.26559999999995</v>
      </c>
    </row>
    <row r="28069" spans="1:3" x14ac:dyDescent="0.25">
      <c r="A28069" s="2" t="s">
        <v>16482</v>
      </c>
      <c r="B28069" s="6">
        <v>467282.24999999994</v>
      </c>
      <c r="C28069" s="7">
        <f t="shared" si="438"/>
        <v>467.28224999999992</v>
      </c>
    </row>
    <row r="28070" spans="1:3" x14ac:dyDescent="0.25">
      <c r="A28070" s="2" t="s">
        <v>16483</v>
      </c>
      <c r="B28070" s="6">
        <v>467298.89999999997</v>
      </c>
      <c r="C28070" s="7">
        <f t="shared" si="438"/>
        <v>467.29889999999995</v>
      </c>
    </row>
    <row r="28071" spans="1:3" x14ac:dyDescent="0.25">
      <c r="A28071" s="2" t="s">
        <v>16484</v>
      </c>
      <c r="B28071" s="6">
        <v>467315.55</v>
      </c>
      <c r="C28071" s="7">
        <f t="shared" si="438"/>
        <v>467.31554999999997</v>
      </c>
    </row>
    <row r="28072" spans="1:3" x14ac:dyDescent="0.25">
      <c r="A28072" s="2" t="s">
        <v>16485</v>
      </c>
      <c r="B28072" s="6">
        <v>467332.19999999995</v>
      </c>
      <c r="C28072" s="7">
        <f t="shared" si="438"/>
        <v>467.33219999999994</v>
      </c>
    </row>
    <row r="28073" spans="1:3" x14ac:dyDescent="0.25">
      <c r="A28073" s="2" t="s">
        <v>16486</v>
      </c>
      <c r="B28073" s="6">
        <v>467348.85</v>
      </c>
      <c r="C28073" s="7">
        <f t="shared" si="438"/>
        <v>467.34884999999997</v>
      </c>
    </row>
    <row r="28074" spans="1:3" x14ac:dyDescent="0.25">
      <c r="A28074" s="2" t="s">
        <v>16487</v>
      </c>
      <c r="B28074" s="6">
        <v>467365.49999999994</v>
      </c>
      <c r="C28074" s="7">
        <f t="shared" si="438"/>
        <v>467.36549999999994</v>
      </c>
    </row>
    <row r="28075" spans="1:3" x14ac:dyDescent="0.25">
      <c r="A28075" s="2" t="s">
        <v>16488</v>
      </c>
      <c r="B28075" s="6">
        <v>467382.14999999997</v>
      </c>
      <c r="C28075" s="7">
        <f t="shared" si="438"/>
        <v>467.38214999999997</v>
      </c>
    </row>
    <row r="28076" spans="1:3" x14ac:dyDescent="0.25">
      <c r="A28076" s="2" t="s">
        <v>16489</v>
      </c>
      <c r="B28076" s="6">
        <v>467398.8</v>
      </c>
      <c r="C28076" s="7">
        <f t="shared" si="438"/>
        <v>467.39879999999999</v>
      </c>
    </row>
    <row r="28077" spans="1:3" x14ac:dyDescent="0.25">
      <c r="A28077" s="2" t="s">
        <v>16490</v>
      </c>
      <c r="B28077" s="6">
        <v>467415.44999999995</v>
      </c>
      <c r="C28077" s="7">
        <f t="shared" si="438"/>
        <v>467.41544999999996</v>
      </c>
    </row>
    <row r="28078" spans="1:3" x14ac:dyDescent="0.25">
      <c r="A28078" s="2" t="s">
        <v>16491</v>
      </c>
      <c r="B28078" s="6">
        <v>467432.1</v>
      </c>
      <c r="C28078" s="7">
        <f t="shared" si="438"/>
        <v>467.43209999999999</v>
      </c>
    </row>
    <row r="28079" spans="1:3" x14ac:dyDescent="0.25">
      <c r="A28079" s="2" t="s">
        <v>16492</v>
      </c>
      <c r="B28079" s="6">
        <v>467448.74999999994</v>
      </c>
      <c r="C28079" s="7">
        <f t="shared" si="438"/>
        <v>467.44874999999996</v>
      </c>
    </row>
    <row r="28080" spans="1:3" x14ac:dyDescent="0.25">
      <c r="A28080" s="2" t="s">
        <v>16493</v>
      </c>
      <c r="B28080" s="6">
        <v>467465.39999999997</v>
      </c>
      <c r="C28080" s="7">
        <f t="shared" si="438"/>
        <v>467.46539999999999</v>
      </c>
    </row>
    <row r="28081" spans="1:3" x14ac:dyDescent="0.25">
      <c r="A28081" s="2" t="s">
        <v>16494</v>
      </c>
      <c r="B28081" s="6">
        <v>467482.05</v>
      </c>
      <c r="C28081" s="7">
        <f t="shared" si="438"/>
        <v>467.48205000000002</v>
      </c>
    </row>
    <row r="28082" spans="1:3" x14ac:dyDescent="0.25">
      <c r="A28082" s="2" t="s">
        <v>16495</v>
      </c>
      <c r="B28082" s="6">
        <v>467498.69999999995</v>
      </c>
      <c r="C28082" s="7">
        <f t="shared" si="438"/>
        <v>467.49869999999993</v>
      </c>
    </row>
    <row r="28083" spans="1:3" x14ac:dyDescent="0.25">
      <c r="A28083" s="2" t="s">
        <v>16496</v>
      </c>
      <c r="B28083" s="6">
        <v>467515.35</v>
      </c>
      <c r="C28083" s="7">
        <f t="shared" si="438"/>
        <v>467.51534999999996</v>
      </c>
    </row>
    <row r="28084" spans="1:3" x14ac:dyDescent="0.25">
      <c r="A28084" s="2" t="s">
        <v>16497</v>
      </c>
      <c r="B28084" s="6">
        <v>467531.99999999994</v>
      </c>
      <c r="C28084" s="7">
        <f t="shared" si="438"/>
        <v>467.53199999999993</v>
      </c>
    </row>
    <row r="28085" spans="1:3" x14ac:dyDescent="0.25">
      <c r="A28085" s="2" t="s">
        <v>16498</v>
      </c>
      <c r="B28085" s="6">
        <v>467548.64999999997</v>
      </c>
      <c r="C28085" s="7">
        <f t="shared" si="438"/>
        <v>467.54864999999995</v>
      </c>
    </row>
    <row r="28086" spans="1:3" x14ac:dyDescent="0.25">
      <c r="A28086" s="2" t="s">
        <v>16499</v>
      </c>
      <c r="B28086" s="6">
        <v>467565.3</v>
      </c>
      <c r="C28086" s="7">
        <f t="shared" si="438"/>
        <v>467.56529999999998</v>
      </c>
    </row>
    <row r="28087" spans="1:3" x14ac:dyDescent="0.25">
      <c r="A28087" s="2" t="s">
        <v>16500</v>
      </c>
      <c r="B28087" s="6">
        <v>467581.94999999995</v>
      </c>
      <c r="C28087" s="7">
        <f t="shared" si="438"/>
        <v>467.58194999999995</v>
      </c>
    </row>
    <row r="28088" spans="1:3" x14ac:dyDescent="0.25">
      <c r="A28088" s="2" t="s">
        <v>16501</v>
      </c>
      <c r="B28088" s="6">
        <v>467598.6</v>
      </c>
      <c r="C28088" s="7">
        <f t="shared" si="438"/>
        <v>467.59859999999998</v>
      </c>
    </row>
    <row r="28089" spans="1:3" x14ac:dyDescent="0.25">
      <c r="A28089" s="2" t="s">
        <v>16502</v>
      </c>
      <c r="B28089" s="6">
        <v>467615.24999999994</v>
      </c>
      <c r="C28089" s="7">
        <f t="shared" si="438"/>
        <v>467.61524999999995</v>
      </c>
    </row>
    <row r="28090" spans="1:3" x14ac:dyDescent="0.25">
      <c r="A28090" s="2" t="s">
        <v>16503</v>
      </c>
      <c r="B28090" s="6">
        <v>467631.89999999997</v>
      </c>
      <c r="C28090" s="7">
        <f t="shared" si="438"/>
        <v>467.63189999999997</v>
      </c>
    </row>
    <row r="28091" spans="1:3" x14ac:dyDescent="0.25">
      <c r="A28091" s="2" t="s">
        <v>16504</v>
      </c>
      <c r="B28091" s="6">
        <v>467648.55</v>
      </c>
      <c r="C28091" s="7">
        <f t="shared" si="438"/>
        <v>467.64855</v>
      </c>
    </row>
    <row r="28092" spans="1:3" x14ac:dyDescent="0.25">
      <c r="A28092" s="2" t="s">
        <v>16505</v>
      </c>
      <c r="B28092" s="6">
        <v>467665.19999999995</v>
      </c>
      <c r="C28092" s="7">
        <f t="shared" si="438"/>
        <v>467.66519999999997</v>
      </c>
    </row>
    <row r="28093" spans="1:3" x14ac:dyDescent="0.25">
      <c r="A28093" s="2" t="s">
        <v>16506</v>
      </c>
      <c r="B28093" s="6">
        <v>467681.85</v>
      </c>
      <c r="C28093" s="7">
        <f t="shared" si="438"/>
        <v>467.68185</v>
      </c>
    </row>
    <row r="28094" spans="1:3" x14ac:dyDescent="0.25">
      <c r="A28094" s="2" t="s">
        <v>16507</v>
      </c>
      <c r="B28094" s="6">
        <v>467698.49999999994</v>
      </c>
      <c r="C28094" s="7">
        <f t="shared" si="438"/>
        <v>467.69849999999997</v>
      </c>
    </row>
    <row r="28095" spans="1:3" x14ac:dyDescent="0.25">
      <c r="A28095" s="2" t="s">
        <v>16508</v>
      </c>
      <c r="B28095" s="6">
        <v>467715.14999999997</v>
      </c>
      <c r="C28095" s="7">
        <f t="shared" si="438"/>
        <v>467.71514999999994</v>
      </c>
    </row>
    <row r="28096" spans="1:3" x14ac:dyDescent="0.25">
      <c r="A28096" s="2" t="s">
        <v>16509</v>
      </c>
      <c r="B28096" s="6">
        <v>467731.8</v>
      </c>
      <c r="C28096" s="7">
        <f t="shared" si="438"/>
        <v>467.73179999999996</v>
      </c>
    </row>
    <row r="28097" spans="1:3" x14ac:dyDescent="0.25">
      <c r="A28097" s="2" t="s">
        <v>16510</v>
      </c>
      <c r="B28097" s="6">
        <v>467748.44999999995</v>
      </c>
      <c r="C28097" s="7">
        <f t="shared" si="438"/>
        <v>467.74844999999993</v>
      </c>
    </row>
    <row r="28098" spans="1:3" x14ac:dyDescent="0.25">
      <c r="A28098" s="2" t="s">
        <v>16511</v>
      </c>
      <c r="B28098" s="6">
        <v>467765.1</v>
      </c>
      <c r="C28098" s="7">
        <f t="shared" si="438"/>
        <v>467.76509999999996</v>
      </c>
    </row>
    <row r="28099" spans="1:3" x14ac:dyDescent="0.25">
      <c r="A28099" s="2" t="s">
        <v>16512</v>
      </c>
      <c r="B28099" s="6">
        <v>467781.74999999994</v>
      </c>
      <c r="C28099" s="7">
        <f t="shared" ref="C28099:C28162" si="439">B28099/1000</f>
        <v>467.78174999999993</v>
      </c>
    </row>
    <row r="28100" spans="1:3" x14ac:dyDescent="0.25">
      <c r="A28100" s="2" t="s">
        <v>16513</v>
      </c>
      <c r="B28100" s="6">
        <v>467798.39999999997</v>
      </c>
      <c r="C28100" s="7">
        <f t="shared" si="439"/>
        <v>467.79839999999996</v>
      </c>
    </row>
    <row r="28101" spans="1:3" x14ac:dyDescent="0.25">
      <c r="A28101" s="2" t="s">
        <v>16514</v>
      </c>
      <c r="B28101" s="6">
        <v>467815.05</v>
      </c>
      <c r="C28101" s="7">
        <f t="shared" si="439"/>
        <v>467.81504999999999</v>
      </c>
    </row>
    <row r="28102" spans="1:3" x14ac:dyDescent="0.25">
      <c r="A28102" s="2" t="s">
        <v>16515</v>
      </c>
      <c r="B28102" s="6">
        <v>467831.69999999995</v>
      </c>
      <c r="C28102" s="7">
        <f t="shared" si="439"/>
        <v>467.83169999999996</v>
      </c>
    </row>
    <row r="28103" spans="1:3" x14ac:dyDescent="0.25">
      <c r="A28103" s="2" t="s">
        <v>16516</v>
      </c>
      <c r="B28103" s="6">
        <v>467848.35</v>
      </c>
      <c r="C28103" s="7">
        <f t="shared" si="439"/>
        <v>467.84834999999998</v>
      </c>
    </row>
    <row r="28104" spans="1:3" x14ac:dyDescent="0.25">
      <c r="A28104" s="2" t="s">
        <v>16517</v>
      </c>
      <c r="B28104" s="6">
        <v>467864.99999999994</v>
      </c>
      <c r="C28104" s="7">
        <f t="shared" si="439"/>
        <v>467.86499999999995</v>
      </c>
    </row>
    <row r="28105" spans="1:3" x14ac:dyDescent="0.25">
      <c r="A28105" s="2" t="s">
        <v>16518</v>
      </c>
      <c r="B28105" s="6">
        <v>467881.64999999997</v>
      </c>
      <c r="C28105" s="7">
        <f t="shared" si="439"/>
        <v>467.88164999999998</v>
      </c>
    </row>
    <row r="28106" spans="1:3" x14ac:dyDescent="0.25">
      <c r="A28106" s="2" t="s">
        <v>16519</v>
      </c>
      <c r="B28106" s="6">
        <v>467898.3</v>
      </c>
      <c r="C28106" s="7">
        <f t="shared" si="439"/>
        <v>467.89830000000001</v>
      </c>
    </row>
    <row r="28107" spans="1:3" x14ac:dyDescent="0.25">
      <c r="A28107" s="2" t="s">
        <v>16520</v>
      </c>
      <c r="B28107" s="6">
        <v>467914.94999999995</v>
      </c>
      <c r="C28107" s="7">
        <f t="shared" si="439"/>
        <v>467.91494999999998</v>
      </c>
    </row>
    <row r="28108" spans="1:3" x14ac:dyDescent="0.25">
      <c r="A28108" s="2" t="s">
        <v>16521</v>
      </c>
      <c r="B28108" s="6">
        <v>467931.6</v>
      </c>
      <c r="C28108" s="7">
        <f t="shared" si="439"/>
        <v>467.9316</v>
      </c>
    </row>
    <row r="28109" spans="1:3" x14ac:dyDescent="0.25">
      <c r="A28109" s="2" t="s">
        <v>16522</v>
      </c>
      <c r="B28109" s="6">
        <v>467948.24999999994</v>
      </c>
      <c r="C28109" s="7">
        <f t="shared" si="439"/>
        <v>467.94824999999992</v>
      </c>
    </row>
    <row r="28110" spans="1:3" x14ac:dyDescent="0.25">
      <c r="A28110" s="2" t="s">
        <v>16523</v>
      </c>
      <c r="B28110" s="6">
        <v>467964.89999999997</v>
      </c>
      <c r="C28110" s="7">
        <f t="shared" si="439"/>
        <v>467.96489999999994</v>
      </c>
    </row>
    <row r="28111" spans="1:3" x14ac:dyDescent="0.25">
      <c r="A28111" s="2" t="s">
        <v>16524</v>
      </c>
      <c r="B28111" s="6">
        <v>467981.55</v>
      </c>
      <c r="C28111" s="7">
        <f t="shared" si="439"/>
        <v>467.98154999999997</v>
      </c>
    </row>
    <row r="28112" spans="1:3" x14ac:dyDescent="0.25">
      <c r="A28112" s="2" t="s">
        <v>16525</v>
      </c>
      <c r="B28112" s="6">
        <v>467998.19999999995</v>
      </c>
      <c r="C28112" s="7">
        <f t="shared" si="439"/>
        <v>467.99819999999994</v>
      </c>
    </row>
    <row r="28113" spans="1:3" x14ac:dyDescent="0.25">
      <c r="A28113" s="2" t="s">
        <v>16526</v>
      </c>
      <c r="B28113" s="6">
        <v>468014.85</v>
      </c>
      <c r="C28113" s="7">
        <f t="shared" si="439"/>
        <v>468.01484999999997</v>
      </c>
    </row>
    <row r="28114" spans="1:3" x14ac:dyDescent="0.25">
      <c r="A28114" s="2" t="s">
        <v>16527</v>
      </c>
      <c r="B28114" s="6">
        <v>468031.49999999994</v>
      </c>
      <c r="C28114" s="7">
        <f t="shared" si="439"/>
        <v>468.03149999999994</v>
      </c>
    </row>
    <row r="28115" spans="1:3" x14ac:dyDescent="0.25">
      <c r="A28115" s="2" t="s">
        <v>16528</v>
      </c>
      <c r="B28115" s="6">
        <v>468048.14999999997</v>
      </c>
      <c r="C28115" s="7">
        <f t="shared" si="439"/>
        <v>468.04814999999996</v>
      </c>
    </row>
    <row r="28116" spans="1:3" x14ac:dyDescent="0.25">
      <c r="A28116" s="2" t="s">
        <v>16529</v>
      </c>
      <c r="B28116" s="6">
        <v>468064.8</v>
      </c>
      <c r="C28116" s="7">
        <f t="shared" si="439"/>
        <v>468.06479999999999</v>
      </c>
    </row>
    <row r="28117" spans="1:3" x14ac:dyDescent="0.25">
      <c r="A28117" s="2" t="s">
        <v>16530</v>
      </c>
      <c r="B28117" s="6">
        <v>468081.44999999995</v>
      </c>
      <c r="C28117" s="7">
        <f t="shared" si="439"/>
        <v>468.08144999999996</v>
      </c>
    </row>
    <row r="28118" spans="1:3" x14ac:dyDescent="0.25">
      <c r="A28118" s="2" t="s">
        <v>16531</v>
      </c>
      <c r="B28118" s="6">
        <v>468098.1</v>
      </c>
      <c r="C28118" s="7">
        <f t="shared" si="439"/>
        <v>468.09809999999999</v>
      </c>
    </row>
    <row r="28119" spans="1:3" x14ac:dyDescent="0.25">
      <c r="A28119" s="2" t="s">
        <v>16532</v>
      </c>
      <c r="B28119" s="6">
        <v>468114.74999999994</v>
      </c>
      <c r="C28119" s="7">
        <f t="shared" si="439"/>
        <v>468.11474999999996</v>
      </c>
    </row>
    <row r="28120" spans="1:3" x14ac:dyDescent="0.25">
      <c r="A28120" s="2" t="s">
        <v>16533</v>
      </c>
      <c r="B28120" s="6">
        <v>468131.39999999997</v>
      </c>
      <c r="C28120" s="7">
        <f t="shared" si="439"/>
        <v>468.13139999999999</v>
      </c>
    </row>
    <row r="28121" spans="1:3" x14ac:dyDescent="0.25">
      <c r="A28121" s="2" t="s">
        <v>16534</v>
      </c>
      <c r="B28121" s="6">
        <v>468148.05</v>
      </c>
      <c r="C28121" s="7">
        <f t="shared" si="439"/>
        <v>468.14805000000001</v>
      </c>
    </row>
    <row r="28122" spans="1:3" x14ac:dyDescent="0.25">
      <c r="A28122" s="2" t="s">
        <v>16535</v>
      </c>
      <c r="B28122" s="6">
        <v>468164.69999999995</v>
      </c>
      <c r="C28122" s="7">
        <f t="shared" si="439"/>
        <v>468.16469999999993</v>
      </c>
    </row>
    <row r="28123" spans="1:3" x14ac:dyDescent="0.25">
      <c r="A28123" s="2" t="s">
        <v>16536</v>
      </c>
      <c r="B28123" s="6">
        <v>468181.35</v>
      </c>
      <c r="C28123" s="7">
        <f t="shared" si="439"/>
        <v>468.18134999999995</v>
      </c>
    </row>
    <row r="28124" spans="1:3" x14ac:dyDescent="0.25">
      <c r="A28124" s="2" t="s">
        <v>16537</v>
      </c>
      <c r="B28124" s="6">
        <v>468197.99999999994</v>
      </c>
      <c r="C28124" s="7">
        <f t="shared" si="439"/>
        <v>468.19799999999992</v>
      </c>
    </row>
    <row r="28125" spans="1:3" x14ac:dyDescent="0.25">
      <c r="A28125" s="2" t="s">
        <v>16538</v>
      </c>
      <c r="B28125" s="6">
        <v>468214.64999999997</v>
      </c>
      <c r="C28125" s="7">
        <f t="shared" si="439"/>
        <v>468.21464999999995</v>
      </c>
    </row>
    <row r="28126" spans="1:3" x14ac:dyDescent="0.25">
      <c r="A28126" s="2" t="s">
        <v>16539</v>
      </c>
      <c r="B28126" s="6">
        <v>468231.3</v>
      </c>
      <c r="C28126" s="7">
        <f t="shared" si="439"/>
        <v>468.23129999999998</v>
      </c>
    </row>
    <row r="28127" spans="1:3" x14ac:dyDescent="0.25">
      <c r="A28127" s="2" t="s">
        <v>16540</v>
      </c>
      <c r="B28127" s="6">
        <v>468247.94999999995</v>
      </c>
      <c r="C28127" s="7">
        <f t="shared" si="439"/>
        <v>468.24794999999995</v>
      </c>
    </row>
    <row r="28128" spans="1:3" x14ac:dyDescent="0.25">
      <c r="A28128" s="2" t="s">
        <v>16541</v>
      </c>
      <c r="B28128" s="6">
        <v>468264.6</v>
      </c>
      <c r="C28128" s="7">
        <f t="shared" si="439"/>
        <v>468.26459999999997</v>
      </c>
    </row>
    <row r="28129" spans="1:3" x14ac:dyDescent="0.25">
      <c r="A28129" s="2" t="s">
        <v>16542</v>
      </c>
      <c r="B28129" s="6">
        <v>468281.24999999994</v>
      </c>
      <c r="C28129" s="7">
        <f t="shared" si="439"/>
        <v>468.28124999999994</v>
      </c>
    </row>
    <row r="28130" spans="1:3" x14ac:dyDescent="0.25">
      <c r="A28130" s="2" t="s">
        <v>16543</v>
      </c>
      <c r="B28130" s="6">
        <v>468297.89999999997</v>
      </c>
      <c r="C28130" s="7">
        <f t="shared" si="439"/>
        <v>468.29789999999997</v>
      </c>
    </row>
    <row r="28131" spans="1:3" x14ac:dyDescent="0.25">
      <c r="A28131" s="2" t="s">
        <v>16544</v>
      </c>
      <c r="B28131" s="6">
        <v>468314.55</v>
      </c>
      <c r="C28131" s="7">
        <f t="shared" si="439"/>
        <v>468.31455</v>
      </c>
    </row>
    <row r="28132" spans="1:3" x14ac:dyDescent="0.25">
      <c r="A28132" s="2" t="s">
        <v>16545</v>
      </c>
      <c r="B28132" s="6">
        <v>468331.19999999995</v>
      </c>
      <c r="C28132" s="7">
        <f t="shared" si="439"/>
        <v>468.33119999999997</v>
      </c>
    </row>
    <row r="28133" spans="1:3" x14ac:dyDescent="0.25">
      <c r="A28133" s="2" t="s">
        <v>16546</v>
      </c>
      <c r="B28133" s="6">
        <v>468347.85</v>
      </c>
      <c r="C28133" s="7">
        <f t="shared" si="439"/>
        <v>468.34784999999999</v>
      </c>
    </row>
    <row r="28134" spans="1:3" x14ac:dyDescent="0.25">
      <c r="A28134" s="2" t="s">
        <v>16547</v>
      </c>
      <c r="B28134" s="6">
        <v>468364.49999999994</v>
      </c>
      <c r="C28134" s="7">
        <f t="shared" si="439"/>
        <v>468.36449999999996</v>
      </c>
    </row>
    <row r="28135" spans="1:3" x14ac:dyDescent="0.25">
      <c r="A28135" s="2" t="s">
        <v>16548</v>
      </c>
      <c r="B28135" s="6">
        <v>468381.14999999997</v>
      </c>
      <c r="C28135" s="7">
        <f t="shared" si="439"/>
        <v>468.38114999999999</v>
      </c>
    </row>
    <row r="28136" spans="1:3" x14ac:dyDescent="0.25">
      <c r="A28136" s="2" t="s">
        <v>16549</v>
      </c>
      <c r="B28136" s="6">
        <v>468397.8</v>
      </c>
      <c r="C28136" s="7">
        <f t="shared" si="439"/>
        <v>468.39779999999996</v>
      </c>
    </row>
    <row r="28137" spans="1:3" x14ac:dyDescent="0.25">
      <c r="A28137" s="2" t="s">
        <v>16550</v>
      </c>
      <c r="B28137" s="6">
        <v>468414.44999999995</v>
      </c>
      <c r="C28137" s="7">
        <f t="shared" si="439"/>
        <v>468.41444999999993</v>
      </c>
    </row>
    <row r="28138" spans="1:3" x14ac:dyDescent="0.25">
      <c r="A28138" s="2" t="s">
        <v>16551</v>
      </c>
      <c r="B28138" s="6">
        <v>468431.1</v>
      </c>
      <c r="C28138" s="7">
        <f t="shared" si="439"/>
        <v>468.43109999999996</v>
      </c>
    </row>
    <row r="28139" spans="1:3" x14ac:dyDescent="0.25">
      <c r="A28139" s="2" t="s">
        <v>16552</v>
      </c>
      <c r="B28139" s="6">
        <v>468447.74999999994</v>
      </c>
      <c r="C28139" s="7">
        <f t="shared" si="439"/>
        <v>468.44774999999993</v>
      </c>
    </row>
    <row r="28140" spans="1:3" x14ac:dyDescent="0.25">
      <c r="A28140" s="2" t="s">
        <v>16553</v>
      </c>
      <c r="B28140" s="6">
        <v>468464.39999999997</v>
      </c>
      <c r="C28140" s="7">
        <f t="shared" si="439"/>
        <v>468.46439999999996</v>
      </c>
    </row>
    <row r="28141" spans="1:3" x14ac:dyDescent="0.25">
      <c r="A28141" s="2" t="s">
        <v>16554</v>
      </c>
      <c r="B28141" s="6">
        <v>468481.05</v>
      </c>
      <c r="C28141" s="7">
        <f t="shared" si="439"/>
        <v>468.48104999999998</v>
      </c>
    </row>
    <row r="28142" spans="1:3" x14ac:dyDescent="0.25">
      <c r="A28142" s="2" t="s">
        <v>16555</v>
      </c>
      <c r="B28142" s="6">
        <v>468497.69999999995</v>
      </c>
      <c r="C28142" s="7">
        <f t="shared" si="439"/>
        <v>468.49769999999995</v>
      </c>
    </row>
    <row r="28143" spans="1:3" x14ac:dyDescent="0.25">
      <c r="A28143" s="2" t="s">
        <v>16556</v>
      </c>
      <c r="B28143" s="6">
        <v>468514.35</v>
      </c>
      <c r="C28143" s="7">
        <f t="shared" si="439"/>
        <v>468.51434999999998</v>
      </c>
    </row>
    <row r="28144" spans="1:3" x14ac:dyDescent="0.25">
      <c r="A28144" s="2" t="s">
        <v>16557</v>
      </c>
      <c r="B28144" s="6">
        <v>468530.99999999994</v>
      </c>
      <c r="C28144" s="7">
        <f t="shared" si="439"/>
        <v>468.53099999999995</v>
      </c>
    </row>
    <row r="28145" spans="1:3" x14ac:dyDescent="0.25">
      <c r="A28145" s="2" t="s">
        <v>16558</v>
      </c>
      <c r="B28145" s="6">
        <v>468547.64999999997</v>
      </c>
      <c r="C28145" s="7">
        <f t="shared" si="439"/>
        <v>468.54764999999998</v>
      </c>
    </row>
    <row r="28146" spans="1:3" x14ac:dyDescent="0.25">
      <c r="A28146" s="2" t="s">
        <v>16559</v>
      </c>
      <c r="B28146" s="6">
        <v>468564.3</v>
      </c>
      <c r="C28146" s="7">
        <f t="shared" si="439"/>
        <v>468.5643</v>
      </c>
    </row>
    <row r="28147" spans="1:3" x14ac:dyDescent="0.25">
      <c r="A28147" s="2" t="s">
        <v>16560</v>
      </c>
      <c r="B28147" s="6">
        <v>468580.94999999995</v>
      </c>
      <c r="C28147" s="7">
        <f t="shared" si="439"/>
        <v>468.58094999999997</v>
      </c>
    </row>
    <row r="28148" spans="1:3" x14ac:dyDescent="0.25">
      <c r="A28148" s="2" t="s">
        <v>16561</v>
      </c>
      <c r="B28148" s="6">
        <v>468597.6</v>
      </c>
      <c r="C28148" s="7">
        <f t="shared" si="439"/>
        <v>468.5976</v>
      </c>
    </row>
    <row r="28149" spans="1:3" x14ac:dyDescent="0.25">
      <c r="A28149" s="2" t="s">
        <v>16562</v>
      </c>
      <c r="B28149" s="6">
        <v>468614.24999999994</v>
      </c>
      <c r="C28149" s="7">
        <f t="shared" si="439"/>
        <v>468.61424999999997</v>
      </c>
    </row>
    <row r="28150" spans="1:3" x14ac:dyDescent="0.25">
      <c r="A28150" s="2" t="s">
        <v>16563</v>
      </c>
      <c r="B28150" s="6">
        <v>468630.89999999997</v>
      </c>
      <c r="C28150" s="7">
        <f t="shared" si="439"/>
        <v>468.63089999999994</v>
      </c>
    </row>
    <row r="28151" spans="1:3" x14ac:dyDescent="0.25">
      <c r="A28151" s="2" t="s">
        <v>16564</v>
      </c>
      <c r="B28151" s="6">
        <v>468647.55</v>
      </c>
      <c r="C28151" s="7">
        <f t="shared" si="439"/>
        <v>468.64754999999997</v>
      </c>
    </row>
    <row r="28152" spans="1:3" x14ac:dyDescent="0.25">
      <c r="A28152" s="2" t="s">
        <v>16565</v>
      </c>
      <c r="B28152" s="6">
        <v>468664.19999999995</v>
      </c>
      <c r="C28152" s="7">
        <f t="shared" si="439"/>
        <v>468.66419999999994</v>
      </c>
    </row>
    <row r="28153" spans="1:3" x14ac:dyDescent="0.25">
      <c r="A28153" s="2" t="s">
        <v>16566</v>
      </c>
      <c r="B28153" s="6">
        <v>468680.85</v>
      </c>
      <c r="C28153" s="7">
        <f t="shared" si="439"/>
        <v>468.68084999999996</v>
      </c>
    </row>
    <row r="28154" spans="1:3" x14ac:dyDescent="0.25">
      <c r="A28154" s="2" t="s">
        <v>16567</v>
      </c>
      <c r="B28154" s="6">
        <v>468697.49999999994</v>
      </c>
      <c r="C28154" s="7">
        <f t="shared" si="439"/>
        <v>468.69749999999993</v>
      </c>
    </row>
    <row r="28155" spans="1:3" x14ac:dyDescent="0.25">
      <c r="A28155" s="2" t="s">
        <v>16568</v>
      </c>
      <c r="B28155" s="6">
        <v>468714.14999999997</v>
      </c>
      <c r="C28155" s="7">
        <f t="shared" si="439"/>
        <v>468.71414999999996</v>
      </c>
    </row>
    <row r="28156" spans="1:3" x14ac:dyDescent="0.25">
      <c r="A28156" s="2" t="s">
        <v>16569</v>
      </c>
      <c r="B28156" s="6">
        <v>468730.8</v>
      </c>
      <c r="C28156" s="7">
        <f t="shared" si="439"/>
        <v>468.73079999999999</v>
      </c>
    </row>
    <row r="28157" spans="1:3" x14ac:dyDescent="0.25">
      <c r="A28157" s="2" t="s">
        <v>16570</v>
      </c>
      <c r="B28157" s="6">
        <v>468747.44999999995</v>
      </c>
      <c r="C28157" s="7">
        <f t="shared" si="439"/>
        <v>468.74744999999996</v>
      </c>
    </row>
    <row r="28158" spans="1:3" x14ac:dyDescent="0.25">
      <c r="A28158" s="2" t="s">
        <v>16571</v>
      </c>
      <c r="B28158" s="6">
        <v>468764.1</v>
      </c>
      <c r="C28158" s="7">
        <f t="shared" si="439"/>
        <v>468.76409999999998</v>
      </c>
    </row>
    <row r="28159" spans="1:3" x14ac:dyDescent="0.25">
      <c r="A28159" s="2" t="s">
        <v>16572</v>
      </c>
      <c r="B28159" s="6">
        <v>468780.74999999994</v>
      </c>
      <c r="C28159" s="7">
        <f t="shared" si="439"/>
        <v>468.78074999999995</v>
      </c>
    </row>
    <row r="28160" spans="1:3" x14ac:dyDescent="0.25">
      <c r="A28160" s="2" t="s">
        <v>16573</v>
      </c>
      <c r="B28160" s="6">
        <v>468797.39999999997</v>
      </c>
      <c r="C28160" s="7">
        <f t="shared" si="439"/>
        <v>468.79739999999998</v>
      </c>
    </row>
    <row r="28161" spans="1:3" x14ac:dyDescent="0.25">
      <c r="A28161" s="2" t="s">
        <v>16574</v>
      </c>
      <c r="B28161" s="6">
        <v>468814.05</v>
      </c>
      <c r="C28161" s="7">
        <f t="shared" si="439"/>
        <v>468.81405000000001</v>
      </c>
    </row>
    <row r="28162" spans="1:3" x14ac:dyDescent="0.25">
      <c r="A28162" s="2" t="s">
        <v>16575</v>
      </c>
      <c r="B28162" s="6">
        <v>468830.69999999995</v>
      </c>
      <c r="C28162" s="7">
        <f t="shared" si="439"/>
        <v>468.83069999999998</v>
      </c>
    </row>
    <row r="28163" spans="1:3" x14ac:dyDescent="0.25">
      <c r="A28163" s="2" t="s">
        <v>16576</v>
      </c>
      <c r="B28163" s="6">
        <v>468847.35</v>
      </c>
      <c r="C28163" s="7">
        <f t="shared" ref="C28163:C28226" si="440">B28163/1000</f>
        <v>468.84734999999995</v>
      </c>
    </row>
    <row r="28164" spans="1:3" x14ac:dyDescent="0.25">
      <c r="A28164" s="2" t="s">
        <v>16577</v>
      </c>
      <c r="B28164" s="6">
        <v>468863.99999999994</v>
      </c>
      <c r="C28164" s="7">
        <f t="shared" si="440"/>
        <v>468.86399999999992</v>
      </c>
    </row>
    <row r="28165" spans="1:3" x14ac:dyDescent="0.25">
      <c r="A28165" s="2" t="s">
        <v>16578</v>
      </c>
      <c r="B28165" s="6">
        <v>468880.64999999997</v>
      </c>
      <c r="C28165" s="7">
        <f t="shared" si="440"/>
        <v>468.88064999999995</v>
      </c>
    </row>
    <row r="28166" spans="1:3" x14ac:dyDescent="0.25">
      <c r="A28166" s="2" t="s">
        <v>16579</v>
      </c>
      <c r="B28166" s="6">
        <v>468897.3</v>
      </c>
      <c r="C28166" s="7">
        <f t="shared" si="440"/>
        <v>468.89729999999997</v>
      </c>
    </row>
    <row r="28167" spans="1:3" x14ac:dyDescent="0.25">
      <c r="A28167" s="2" t="s">
        <v>16580</v>
      </c>
      <c r="B28167" s="6">
        <v>468913.94999999995</v>
      </c>
      <c r="C28167" s="7">
        <f t="shared" si="440"/>
        <v>468.91394999999994</v>
      </c>
    </row>
    <row r="28168" spans="1:3" x14ac:dyDescent="0.25">
      <c r="A28168" s="2" t="s">
        <v>16581</v>
      </c>
      <c r="B28168" s="6">
        <v>468930.6</v>
      </c>
      <c r="C28168" s="7">
        <f t="shared" si="440"/>
        <v>468.93059999999997</v>
      </c>
    </row>
    <row r="28169" spans="1:3" x14ac:dyDescent="0.25">
      <c r="A28169" s="2" t="s">
        <v>16582</v>
      </c>
      <c r="B28169" s="6">
        <v>468947.24999999994</v>
      </c>
      <c r="C28169" s="7">
        <f t="shared" si="440"/>
        <v>468.94724999999994</v>
      </c>
    </row>
    <row r="28170" spans="1:3" x14ac:dyDescent="0.25">
      <c r="A28170" s="2" t="s">
        <v>16583</v>
      </c>
      <c r="B28170" s="6">
        <v>468963.89999999997</v>
      </c>
      <c r="C28170" s="7">
        <f t="shared" si="440"/>
        <v>468.96389999999997</v>
      </c>
    </row>
    <row r="28171" spans="1:3" x14ac:dyDescent="0.25">
      <c r="A28171" s="2" t="s">
        <v>16584</v>
      </c>
      <c r="B28171" s="6">
        <v>468980.55</v>
      </c>
      <c r="C28171" s="7">
        <f t="shared" si="440"/>
        <v>468.98054999999999</v>
      </c>
    </row>
    <row r="28172" spans="1:3" x14ac:dyDescent="0.25">
      <c r="A28172" s="2" t="s">
        <v>16585</v>
      </c>
      <c r="B28172" s="6">
        <v>468997.19999999995</v>
      </c>
      <c r="C28172" s="7">
        <f t="shared" si="440"/>
        <v>468.99719999999996</v>
      </c>
    </row>
    <row r="28173" spans="1:3" x14ac:dyDescent="0.25">
      <c r="A28173" s="2" t="s">
        <v>16586</v>
      </c>
      <c r="B28173" s="6">
        <v>469013.85</v>
      </c>
      <c r="C28173" s="7">
        <f t="shared" si="440"/>
        <v>469.01384999999999</v>
      </c>
    </row>
    <row r="28174" spans="1:3" x14ac:dyDescent="0.25">
      <c r="A28174" s="2" t="s">
        <v>16587</v>
      </c>
      <c r="B28174" s="6">
        <v>469030.49999999994</v>
      </c>
      <c r="C28174" s="7">
        <f t="shared" si="440"/>
        <v>469.03049999999996</v>
      </c>
    </row>
    <row r="28175" spans="1:3" x14ac:dyDescent="0.25">
      <c r="A28175" s="2" t="s">
        <v>16588</v>
      </c>
      <c r="B28175" s="6">
        <v>469047.14999999997</v>
      </c>
      <c r="C28175" s="7">
        <f t="shared" si="440"/>
        <v>469.04714999999999</v>
      </c>
    </row>
    <row r="28176" spans="1:3" x14ac:dyDescent="0.25">
      <c r="A28176" s="2" t="s">
        <v>16589</v>
      </c>
      <c r="B28176" s="6">
        <v>469063.8</v>
      </c>
      <c r="C28176" s="7">
        <f t="shared" si="440"/>
        <v>469.06380000000001</v>
      </c>
    </row>
    <row r="28177" spans="1:3" x14ac:dyDescent="0.25">
      <c r="A28177" s="2" t="s">
        <v>16590</v>
      </c>
      <c r="B28177" s="6">
        <v>469080.44999999995</v>
      </c>
      <c r="C28177" s="7">
        <f t="shared" si="440"/>
        <v>469.08044999999993</v>
      </c>
    </row>
    <row r="28178" spans="1:3" x14ac:dyDescent="0.25">
      <c r="A28178" s="2" t="s">
        <v>16591</v>
      </c>
      <c r="B28178" s="6">
        <v>469097.1</v>
      </c>
      <c r="C28178" s="7">
        <f t="shared" si="440"/>
        <v>469.09709999999995</v>
      </c>
    </row>
    <row r="28179" spans="1:3" x14ac:dyDescent="0.25">
      <c r="A28179" s="2" t="s">
        <v>16592</v>
      </c>
      <c r="B28179" s="6">
        <v>469113.74999999994</v>
      </c>
      <c r="C28179" s="7">
        <f t="shared" si="440"/>
        <v>469.11374999999992</v>
      </c>
    </row>
    <row r="28180" spans="1:3" x14ac:dyDescent="0.25">
      <c r="A28180" s="2" t="s">
        <v>16593</v>
      </c>
      <c r="B28180" s="6">
        <v>469130.39999999997</v>
      </c>
      <c r="C28180" s="7">
        <f t="shared" si="440"/>
        <v>469.13039999999995</v>
      </c>
    </row>
    <row r="28181" spans="1:3" x14ac:dyDescent="0.25">
      <c r="A28181" s="2" t="s">
        <v>16594</v>
      </c>
      <c r="B28181" s="6">
        <v>469147.05</v>
      </c>
      <c r="C28181" s="7">
        <f t="shared" si="440"/>
        <v>469.14704999999998</v>
      </c>
    </row>
    <row r="28182" spans="1:3" x14ac:dyDescent="0.25">
      <c r="A28182" s="2" t="s">
        <v>16595</v>
      </c>
      <c r="B28182" s="6">
        <v>469163.69999999995</v>
      </c>
      <c r="C28182" s="7">
        <f t="shared" si="440"/>
        <v>469.16369999999995</v>
      </c>
    </row>
    <row r="28183" spans="1:3" x14ac:dyDescent="0.25">
      <c r="A28183" s="2" t="s">
        <v>16596</v>
      </c>
      <c r="B28183" s="6">
        <v>469180.35</v>
      </c>
      <c r="C28183" s="7">
        <f t="shared" si="440"/>
        <v>469.18034999999998</v>
      </c>
    </row>
    <row r="28184" spans="1:3" x14ac:dyDescent="0.25">
      <c r="A28184" s="2" t="s">
        <v>16597</v>
      </c>
      <c r="B28184" s="6">
        <v>469196.99999999994</v>
      </c>
      <c r="C28184" s="7">
        <f t="shared" si="440"/>
        <v>469.19699999999995</v>
      </c>
    </row>
    <row r="28185" spans="1:3" x14ac:dyDescent="0.25">
      <c r="A28185" s="2" t="s">
        <v>16598</v>
      </c>
      <c r="B28185" s="6">
        <v>469213.64999999997</v>
      </c>
      <c r="C28185" s="7">
        <f t="shared" si="440"/>
        <v>469.21364999999997</v>
      </c>
    </row>
    <row r="28186" spans="1:3" x14ac:dyDescent="0.25">
      <c r="A28186" s="2" t="s">
        <v>16599</v>
      </c>
      <c r="B28186" s="6">
        <v>469230.3</v>
      </c>
      <c r="C28186" s="7">
        <f t="shared" si="440"/>
        <v>469.2303</v>
      </c>
    </row>
    <row r="28187" spans="1:3" x14ac:dyDescent="0.25">
      <c r="A28187" s="2" t="s">
        <v>16600</v>
      </c>
      <c r="B28187" s="6">
        <v>469246.94999999995</v>
      </c>
      <c r="C28187" s="7">
        <f t="shared" si="440"/>
        <v>469.24694999999997</v>
      </c>
    </row>
    <row r="28188" spans="1:3" x14ac:dyDescent="0.25">
      <c r="A28188" s="2" t="s">
        <v>16601</v>
      </c>
      <c r="B28188" s="6">
        <v>469263.6</v>
      </c>
      <c r="C28188" s="7">
        <f t="shared" si="440"/>
        <v>469.2636</v>
      </c>
    </row>
    <row r="28189" spans="1:3" x14ac:dyDescent="0.25">
      <c r="A28189" s="2" t="s">
        <v>16602</v>
      </c>
      <c r="B28189" s="6">
        <v>469280.24999999994</v>
      </c>
      <c r="C28189" s="7">
        <f t="shared" si="440"/>
        <v>469.28024999999997</v>
      </c>
    </row>
    <row r="28190" spans="1:3" x14ac:dyDescent="0.25">
      <c r="A28190" s="2" t="s">
        <v>16603</v>
      </c>
      <c r="B28190" s="6">
        <v>469296.89999999997</v>
      </c>
      <c r="C28190" s="7">
        <f t="shared" si="440"/>
        <v>469.29689999999994</v>
      </c>
    </row>
    <row r="28191" spans="1:3" x14ac:dyDescent="0.25">
      <c r="A28191" s="2" t="s">
        <v>16604</v>
      </c>
      <c r="B28191" s="6">
        <v>469313.55</v>
      </c>
      <c r="C28191" s="7">
        <f t="shared" si="440"/>
        <v>469.31354999999996</v>
      </c>
    </row>
    <row r="28192" spans="1:3" x14ac:dyDescent="0.25">
      <c r="A28192" s="2" t="s">
        <v>16605</v>
      </c>
      <c r="B28192" s="6">
        <v>469330.19999999995</v>
      </c>
      <c r="C28192" s="7">
        <f t="shared" si="440"/>
        <v>469.33019999999993</v>
      </c>
    </row>
    <row r="28193" spans="1:3" x14ac:dyDescent="0.25">
      <c r="A28193" s="2" t="s">
        <v>16606</v>
      </c>
      <c r="B28193" s="6">
        <v>469346.85</v>
      </c>
      <c r="C28193" s="7">
        <f t="shared" si="440"/>
        <v>469.34684999999996</v>
      </c>
    </row>
    <row r="28194" spans="1:3" x14ac:dyDescent="0.25">
      <c r="A28194" s="2" t="s">
        <v>16607</v>
      </c>
      <c r="B28194" s="6">
        <v>469363.49999999994</v>
      </c>
      <c r="C28194" s="7">
        <f t="shared" si="440"/>
        <v>469.36349999999993</v>
      </c>
    </row>
    <row r="28195" spans="1:3" x14ac:dyDescent="0.25">
      <c r="A28195" s="2" t="s">
        <v>16608</v>
      </c>
      <c r="B28195" s="6">
        <v>469380.14999999997</v>
      </c>
      <c r="C28195" s="7">
        <f t="shared" si="440"/>
        <v>469.38014999999996</v>
      </c>
    </row>
    <row r="28196" spans="1:3" x14ac:dyDescent="0.25">
      <c r="A28196" s="2" t="s">
        <v>16609</v>
      </c>
      <c r="B28196" s="6">
        <v>469396.8</v>
      </c>
      <c r="C28196" s="7">
        <f t="shared" si="440"/>
        <v>469.39679999999998</v>
      </c>
    </row>
    <row r="28197" spans="1:3" x14ac:dyDescent="0.25">
      <c r="A28197" s="2" t="s">
        <v>16610</v>
      </c>
      <c r="B28197" s="6">
        <v>469413.44999999995</v>
      </c>
      <c r="C28197" s="7">
        <f t="shared" si="440"/>
        <v>469.41344999999995</v>
      </c>
    </row>
    <row r="28198" spans="1:3" x14ac:dyDescent="0.25">
      <c r="A28198" s="2" t="s">
        <v>16611</v>
      </c>
      <c r="B28198" s="6">
        <v>469430.1</v>
      </c>
      <c r="C28198" s="7">
        <f t="shared" si="440"/>
        <v>469.43009999999998</v>
      </c>
    </row>
    <row r="28199" spans="1:3" x14ac:dyDescent="0.25">
      <c r="A28199" s="2" t="s">
        <v>16612</v>
      </c>
      <c r="B28199" s="6">
        <v>469446.74999999994</v>
      </c>
      <c r="C28199" s="7">
        <f t="shared" si="440"/>
        <v>469.44674999999995</v>
      </c>
    </row>
    <row r="28200" spans="1:3" x14ac:dyDescent="0.25">
      <c r="A28200" s="2" t="s">
        <v>16613</v>
      </c>
      <c r="B28200" s="6">
        <v>469463.39999999997</v>
      </c>
      <c r="C28200" s="7">
        <f t="shared" si="440"/>
        <v>469.46339999999998</v>
      </c>
    </row>
    <row r="28201" spans="1:3" x14ac:dyDescent="0.25">
      <c r="A28201" s="2" t="s">
        <v>16614</v>
      </c>
      <c r="B28201" s="6">
        <v>469480.05</v>
      </c>
      <c r="C28201" s="7">
        <f t="shared" si="440"/>
        <v>469.48005000000001</v>
      </c>
    </row>
    <row r="28202" spans="1:3" x14ac:dyDescent="0.25">
      <c r="A28202" s="2" t="s">
        <v>16615</v>
      </c>
      <c r="B28202" s="6">
        <v>469496.69999999995</v>
      </c>
      <c r="C28202" s="7">
        <f t="shared" si="440"/>
        <v>469.49669999999998</v>
      </c>
    </row>
    <row r="28203" spans="1:3" x14ac:dyDescent="0.25">
      <c r="A28203" s="2" t="s">
        <v>16616</v>
      </c>
      <c r="B28203" s="6">
        <v>469513.35</v>
      </c>
      <c r="C28203" s="7">
        <f t="shared" si="440"/>
        <v>469.51335</v>
      </c>
    </row>
    <row r="28204" spans="1:3" x14ac:dyDescent="0.25">
      <c r="A28204" s="2" t="s">
        <v>16617</v>
      </c>
      <c r="B28204" s="6">
        <v>469529.99999999994</v>
      </c>
      <c r="C28204" s="7">
        <f t="shared" si="440"/>
        <v>469.52999999999992</v>
      </c>
    </row>
    <row r="28205" spans="1:3" x14ac:dyDescent="0.25">
      <c r="A28205" s="2" t="s">
        <v>16618</v>
      </c>
      <c r="B28205" s="6">
        <v>469546.64999999997</v>
      </c>
      <c r="C28205" s="7">
        <f t="shared" si="440"/>
        <v>469.54664999999994</v>
      </c>
    </row>
    <row r="28206" spans="1:3" x14ac:dyDescent="0.25">
      <c r="A28206" s="2" t="s">
        <v>16619</v>
      </c>
      <c r="B28206" s="6">
        <v>469563.3</v>
      </c>
      <c r="C28206" s="7">
        <f t="shared" si="440"/>
        <v>469.56329999999997</v>
      </c>
    </row>
    <row r="28207" spans="1:3" x14ac:dyDescent="0.25">
      <c r="A28207" s="2" t="s">
        <v>16620</v>
      </c>
      <c r="B28207" s="6">
        <v>469579.94999999995</v>
      </c>
      <c r="C28207" s="7">
        <f t="shared" si="440"/>
        <v>469.57994999999994</v>
      </c>
    </row>
    <row r="28208" spans="1:3" x14ac:dyDescent="0.25">
      <c r="A28208" s="2" t="s">
        <v>16621</v>
      </c>
      <c r="B28208" s="6">
        <v>469596.6</v>
      </c>
      <c r="C28208" s="7">
        <f t="shared" si="440"/>
        <v>469.59659999999997</v>
      </c>
    </row>
    <row r="28209" spans="1:3" x14ac:dyDescent="0.25">
      <c r="A28209" s="2" t="s">
        <v>16622</v>
      </c>
      <c r="B28209" s="6">
        <v>469613.24999999994</v>
      </c>
      <c r="C28209" s="7">
        <f t="shared" si="440"/>
        <v>469.61324999999994</v>
      </c>
    </row>
    <row r="28210" spans="1:3" x14ac:dyDescent="0.25">
      <c r="A28210" s="2" t="s">
        <v>16623</v>
      </c>
      <c r="B28210" s="6">
        <v>469629.89999999997</v>
      </c>
      <c r="C28210" s="7">
        <f t="shared" si="440"/>
        <v>469.62989999999996</v>
      </c>
    </row>
    <row r="28211" spans="1:3" x14ac:dyDescent="0.25">
      <c r="A28211" s="2" t="s">
        <v>16624</v>
      </c>
      <c r="B28211" s="6">
        <v>469646.55</v>
      </c>
      <c r="C28211" s="7">
        <f t="shared" si="440"/>
        <v>469.64654999999999</v>
      </c>
    </row>
    <row r="28212" spans="1:3" x14ac:dyDescent="0.25">
      <c r="A28212" s="2" t="s">
        <v>16625</v>
      </c>
      <c r="B28212" s="6">
        <v>469663.19999999995</v>
      </c>
      <c r="C28212" s="7">
        <f t="shared" si="440"/>
        <v>469.66319999999996</v>
      </c>
    </row>
    <row r="28213" spans="1:3" x14ac:dyDescent="0.25">
      <c r="A28213" s="2" t="s">
        <v>16626</v>
      </c>
      <c r="B28213" s="6">
        <v>469679.85</v>
      </c>
      <c r="C28213" s="7">
        <f t="shared" si="440"/>
        <v>469.67984999999999</v>
      </c>
    </row>
    <row r="28214" spans="1:3" x14ac:dyDescent="0.25">
      <c r="A28214" s="2" t="s">
        <v>16627</v>
      </c>
      <c r="B28214" s="6">
        <v>469696.49999999994</v>
      </c>
      <c r="C28214" s="7">
        <f t="shared" si="440"/>
        <v>469.69649999999996</v>
      </c>
    </row>
    <row r="28215" spans="1:3" x14ac:dyDescent="0.25">
      <c r="A28215" s="2" t="s">
        <v>16628</v>
      </c>
      <c r="B28215" s="6">
        <v>469713.14999999997</v>
      </c>
      <c r="C28215" s="7">
        <f t="shared" si="440"/>
        <v>469.71314999999998</v>
      </c>
    </row>
    <row r="28216" spans="1:3" x14ac:dyDescent="0.25">
      <c r="A28216" s="2" t="s">
        <v>16629</v>
      </c>
      <c r="B28216" s="6">
        <v>469729.8</v>
      </c>
      <c r="C28216" s="7">
        <f t="shared" si="440"/>
        <v>469.72980000000001</v>
      </c>
    </row>
    <row r="28217" spans="1:3" x14ac:dyDescent="0.25">
      <c r="A28217" s="2" t="s">
        <v>16630</v>
      </c>
      <c r="B28217" s="6">
        <v>469746.44999999995</v>
      </c>
      <c r="C28217" s="7">
        <f t="shared" si="440"/>
        <v>469.74644999999998</v>
      </c>
    </row>
    <row r="28218" spans="1:3" x14ac:dyDescent="0.25">
      <c r="A28218" s="2" t="s">
        <v>16631</v>
      </c>
      <c r="B28218" s="6">
        <v>469763.1</v>
      </c>
      <c r="C28218" s="7">
        <f t="shared" si="440"/>
        <v>469.76309999999995</v>
      </c>
    </row>
    <row r="28219" spans="1:3" x14ac:dyDescent="0.25">
      <c r="A28219" s="2" t="s">
        <v>16632</v>
      </c>
      <c r="B28219" s="6">
        <v>469779.74999999994</v>
      </c>
      <c r="C28219" s="7">
        <f t="shared" si="440"/>
        <v>469.77974999999992</v>
      </c>
    </row>
    <row r="28220" spans="1:3" x14ac:dyDescent="0.25">
      <c r="A28220" s="2" t="s">
        <v>16633</v>
      </c>
      <c r="B28220" s="6">
        <v>469796.39999999997</v>
      </c>
      <c r="C28220" s="7">
        <f t="shared" si="440"/>
        <v>469.79639999999995</v>
      </c>
    </row>
    <row r="28221" spans="1:3" x14ac:dyDescent="0.25">
      <c r="A28221" s="2" t="s">
        <v>16634</v>
      </c>
      <c r="B28221" s="6">
        <v>469813.05</v>
      </c>
      <c r="C28221" s="7">
        <f t="shared" si="440"/>
        <v>469.81304999999998</v>
      </c>
    </row>
    <row r="28222" spans="1:3" x14ac:dyDescent="0.25">
      <c r="A28222" s="2" t="s">
        <v>16635</v>
      </c>
      <c r="B28222" s="6">
        <v>469829.69999999995</v>
      </c>
      <c r="C28222" s="7">
        <f t="shared" si="440"/>
        <v>469.82969999999995</v>
      </c>
    </row>
    <row r="28223" spans="1:3" x14ac:dyDescent="0.25">
      <c r="A28223" s="2" t="s">
        <v>16636</v>
      </c>
      <c r="B28223" s="6">
        <v>469846.35</v>
      </c>
      <c r="C28223" s="7">
        <f t="shared" si="440"/>
        <v>469.84634999999997</v>
      </c>
    </row>
    <row r="28224" spans="1:3" x14ac:dyDescent="0.25">
      <c r="A28224" s="2" t="s">
        <v>16637</v>
      </c>
      <c r="B28224" s="6">
        <v>469862.99999999994</v>
      </c>
      <c r="C28224" s="7">
        <f t="shared" si="440"/>
        <v>469.86299999999994</v>
      </c>
    </row>
    <row r="28225" spans="1:3" x14ac:dyDescent="0.25">
      <c r="A28225" s="2" t="s">
        <v>16638</v>
      </c>
      <c r="B28225" s="6">
        <v>469879.64999999997</v>
      </c>
      <c r="C28225" s="7">
        <f t="shared" si="440"/>
        <v>469.87964999999997</v>
      </c>
    </row>
    <row r="28226" spans="1:3" x14ac:dyDescent="0.25">
      <c r="A28226" s="2" t="s">
        <v>16639</v>
      </c>
      <c r="B28226" s="6">
        <v>469896.3</v>
      </c>
      <c r="C28226" s="7">
        <f t="shared" si="440"/>
        <v>469.8963</v>
      </c>
    </row>
    <row r="28227" spans="1:3" x14ac:dyDescent="0.25">
      <c r="A28227" s="2" t="s">
        <v>16640</v>
      </c>
      <c r="B28227" s="6">
        <v>469912.94999999995</v>
      </c>
      <c r="C28227" s="7">
        <f t="shared" ref="C28227:C28290" si="441">B28227/1000</f>
        <v>469.91294999999997</v>
      </c>
    </row>
    <row r="28228" spans="1:3" x14ac:dyDescent="0.25">
      <c r="A28228" s="2" t="s">
        <v>16641</v>
      </c>
      <c r="B28228" s="6">
        <v>469929.6</v>
      </c>
      <c r="C28228" s="7">
        <f t="shared" si="441"/>
        <v>469.92959999999999</v>
      </c>
    </row>
    <row r="28229" spans="1:3" x14ac:dyDescent="0.25">
      <c r="A28229" s="2" t="s">
        <v>16642</v>
      </c>
      <c r="B28229" s="6">
        <v>469946.24999999994</v>
      </c>
      <c r="C28229" s="7">
        <f t="shared" si="441"/>
        <v>469.94624999999996</v>
      </c>
    </row>
    <row r="28230" spans="1:3" x14ac:dyDescent="0.25">
      <c r="A28230" s="2" t="s">
        <v>16643</v>
      </c>
      <c r="B28230" s="6">
        <v>469962.89999999997</v>
      </c>
      <c r="C28230" s="7">
        <f t="shared" si="441"/>
        <v>469.96289999999999</v>
      </c>
    </row>
    <row r="28231" spans="1:3" x14ac:dyDescent="0.25">
      <c r="A28231" s="2" t="s">
        <v>16644</v>
      </c>
      <c r="B28231" s="6">
        <v>469979.55</v>
      </c>
      <c r="C28231" s="7">
        <f t="shared" si="441"/>
        <v>469.97954999999996</v>
      </c>
    </row>
    <row r="28232" spans="1:3" x14ac:dyDescent="0.25">
      <c r="A28232" s="2" t="s">
        <v>16645</v>
      </c>
      <c r="B28232" s="6">
        <v>469996.19999999995</v>
      </c>
      <c r="C28232" s="7">
        <f t="shared" si="441"/>
        <v>469.99619999999993</v>
      </c>
    </row>
    <row r="28233" spans="1:3" x14ac:dyDescent="0.25">
      <c r="A28233" s="2" t="s">
        <v>16646</v>
      </c>
      <c r="B28233" s="6">
        <v>470012.85</v>
      </c>
      <c r="C28233" s="7">
        <f t="shared" si="441"/>
        <v>470.01284999999996</v>
      </c>
    </row>
    <row r="28234" spans="1:3" x14ac:dyDescent="0.25">
      <c r="A28234" s="2" t="s">
        <v>16647</v>
      </c>
      <c r="B28234" s="6">
        <v>470029.49999999994</v>
      </c>
      <c r="C28234" s="7">
        <f t="shared" si="441"/>
        <v>470.02949999999993</v>
      </c>
    </row>
    <row r="28235" spans="1:3" x14ac:dyDescent="0.25">
      <c r="A28235" s="2" t="s">
        <v>16648</v>
      </c>
      <c r="B28235" s="6">
        <v>470046.14999999997</v>
      </c>
      <c r="C28235" s="7">
        <f t="shared" si="441"/>
        <v>470.04614999999995</v>
      </c>
    </row>
    <row r="28236" spans="1:3" x14ac:dyDescent="0.25">
      <c r="A28236" s="2" t="s">
        <v>16649</v>
      </c>
      <c r="B28236" s="6">
        <v>470062.8</v>
      </c>
      <c r="C28236" s="7">
        <f t="shared" si="441"/>
        <v>470.06279999999998</v>
      </c>
    </row>
    <row r="28237" spans="1:3" x14ac:dyDescent="0.25">
      <c r="A28237" s="2" t="s">
        <v>16650</v>
      </c>
      <c r="B28237" s="6">
        <v>470079.44999999995</v>
      </c>
      <c r="C28237" s="7">
        <f t="shared" si="441"/>
        <v>470.07944999999995</v>
      </c>
    </row>
    <row r="28238" spans="1:3" x14ac:dyDescent="0.25">
      <c r="A28238" s="2" t="s">
        <v>16651</v>
      </c>
      <c r="B28238" s="6">
        <v>470096.1</v>
      </c>
      <c r="C28238" s="7">
        <f t="shared" si="441"/>
        <v>470.09609999999998</v>
      </c>
    </row>
    <row r="28239" spans="1:3" x14ac:dyDescent="0.25">
      <c r="A28239" s="2" t="s">
        <v>16652</v>
      </c>
      <c r="B28239" s="6">
        <v>470112.74999999994</v>
      </c>
      <c r="C28239" s="7">
        <f t="shared" si="441"/>
        <v>470.11274999999995</v>
      </c>
    </row>
    <row r="28240" spans="1:3" x14ac:dyDescent="0.25">
      <c r="A28240" s="2" t="s">
        <v>16653</v>
      </c>
      <c r="B28240" s="6">
        <v>470129.39999999997</v>
      </c>
      <c r="C28240" s="7">
        <f t="shared" si="441"/>
        <v>470.12939999999998</v>
      </c>
    </row>
    <row r="28241" spans="1:3" x14ac:dyDescent="0.25">
      <c r="A28241" s="2" t="s">
        <v>16654</v>
      </c>
      <c r="B28241" s="6">
        <v>470146.05</v>
      </c>
      <c r="C28241" s="7">
        <f t="shared" si="441"/>
        <v>470.14605</v>
      </c>
    </row>
    <row r="28242" spans="1:3" x14ac:dyDescent="0.25">
      <c r="A28242" s="2" t="s">
        <v>16655</v>
      </c>
      <c r="B28242" s="6">
        <v>470162.69999999995</v>
      </c>
      <c r="C28242" s="7">
        <f t="shared" si="441"/>
        <v>470.16269999999997</v>
      </c>
    </row>
    <row r="28243" spans="1:3" x14ac:dyDescent="0.25">
      <c r="A28243" s="2" t="s">
        <v>16656</v>
      </c>
      <c r="B28243" s="6">
        <v>470179.35</v>
      </c>
      <c r="C28243" s="7">
        <f t="shared" si="441"/>
        <v>470.17935</v>
      </c>
    </row>
    <row r="28244" spans="1:3" x14ac:dyDescent="0.25">
      <c r="A28244" s="2" t="s">
        <v>16657</v>
      </c>
      <c r="B28244" s="6">
        <v>470195.99999999994</v>
      </c>
      <c r="C28244" s="7">
        <f t="shared" si="441"/>
        <v>470.19599999999997</v>
      </c>
    </row>
    <row r="28245" spans="1:3" x14ac:dyDescent="0.25">
      <c r="A28245" s="2" t="s">
        <v>16658</v>
      </c>
      <c r="B28245" s="6">
        <v>470212.64999999997</v>
      </c>
      <c r="C28245" s="7">
        <f t="shared" si="441"/>
        <v>470.21264999999994</v>
      </c>
    </row>
    <row r="28246" spans="1:3" x14ac:dyDescent="0.25">
      <c r="A28246" s="2" t="s">
        <v>16659</v>
      </c>
      <c r="B28246" s="6">
        <v>470229.3</v>
      </c>
      <c r="C28246" s="7">
        <f t="shared" si="441"/>
        <v>470.22929999999997</v>
      </c>
    </row>
    <row r="28247" spans="1:3" x14ac:dyDescent="0.25">
      <c r="A28247" s="2" t="s">
        <v>16660</v>
      </c>
      <c r="B28247" s="6">
        <v>470245.94999999995</v>
      </c>
      <c r="C28247" s="7">
        <f t="shared" si="441"/>
        <v>470.24594999999994</v>
      </c>
    </row>
    <row r="28248" spans="1:3" x14ac:dyDescent="0.25">
      <c r="A28248" s="2" t="s">
        <v>16661</v>
      </c>
      <c r="B28248" s="6">
        <v>470262.6</v>
      </c>
      <c r="C28248" s="7">
        <f t="shared" si="441"/>
        <v>470.26259999999996</v>
      </c>
    </row>
    <row r="28249" spans="1:3" x14ac:dyDescent="0.25">
      <c r="A28249" s="2" t="s">
        <v>16662</v>
      </c>
      <c r="B28249" s="6">
        <v>470279.24999999994</v>
      </c>
      <c r="C28249" s="7">
        <f t="shared" si="441"/>
        <v>470.27924999999993</v>
      </c>
    </row>
    <row r="28250" spans="1:3" x14ac:dyDescent="0.25">
      <c r="A28250" s="2" t="s">
        <v>16663</v>
      </c>
      <c r="B28250" s="6">
        <v>470295.89999999997</v>
      </c>
      <c r="C28250" s="7">
        <f t="shared" si="441"/>
        <v>470.29589999999996</v>
      </c>
    </row>
    <row r="28251" spans="1:3" x14ac:dyDescent="0.25">
      <c r="A28251" s="2" t="s">
        <v>16664</v>
      </c>
      <c r="B28251" s="6">
        <v>470312.55</v>
      </c>
      <c r="C28251" s="7">
        <f t="shared" si="441"/>
        <v>470.31254999999999</v>
      </c>
    </row>
    <row r="28252" spans="1:3" x14ac:dyDescent="0.25">
      <c r="A28252" s="2" t="s">
        <v>16665</v>
      </c>
      <c r="B28252" s="6">
        <v>470329.19999999995</v>
      </c>
      <c r="C28252" s="7">
        <f t="shared" si="441"/>
        <v>470.32919999999996</v>
      </c>
    </row>
    <row r="28253" spans="1:3" x14ac:dyDescent="0.25">
      <c r="A28253" s="2" t="s">
        <v>16666</v>
      </c>
      <c r="B28253" s="6">
        <v>470345.85</v>
      </c>
      <c r="C28253" s="7">
        <f t="shared" si="441"/>
        <v>470.34584999999998</v>
      </c>
    </row>
    <row r="28254" spans="1:3" x14ac:dyDescent="0.25">
      <c r="A28254" s="2" t="s">
        <v>16667</v>
      </c>
      <c r="B28254" s="6">
        <v>470362.49999999994</v>
      </c>
      <c r="C28254" s="7">
        <f t="shared" si="441"/>
        <v>470.36249999999995</v>
      </c>
    </row>
    <row r="28255" spans="1:3" x14ac:dyDescent="0.25">
      <c r="A28255" s="2" t="s">
        <v>16668</v>
      </c>
      <c r="B28255" s="6">
        <v>470379.14999999997</v>
      </c>
      <c r="C28255" s="7">
        <f t="shared" si="441"/>
        <v>470.37914999999998</v>
      </c>
    </row>
    <row r="28256" spans="1:3" x14ac:dyDescent="0.25">
      <c r="A28256" s="2" t="s">
        <v>16669</v>
      </c>
      <c r="B28256" s="6">
        <v>470395.8</v>
      </c>
      <c r="C28256" s="7">
        <f t="shared" si="441"/>
        <v>470.39580000000001</v>
      </c>
    </row>
    <row r="28257" spans="1:3" x14ac:dyDescent="0.25">
      <c r="A28257" s="2" t="s">
        <v>16670</v>
      </c>
      <c r="B28257" s="6">
        <v>470412.44999999995</v>
      </c>
      <c r="C28257" s="7">
        <f t="shared" si="441"/>
        <v>470.41244999999998</v>
      </c>
    </row>
    <row r="28258" spans="1:3" x14ac:dyDescent="0.25">
      <c r="A28258" s="2" t="s">
        <v>16671</v>
      </c>
      <c r="B28258" s="6">
        <v>470429.1</v>
      </c>
      <c r="C28258" s="7">
        <f t="shared" si="441"/>
        <v>470.42909999999995</v>
      </c>
    </row>
    <row r="28259" spans="1:3" x14ac:dyDescent="0.25">
      <c r="A28259" s="2" t="s">
        <v>16672</v>
      </c>
      <c r="B28259" s="6">
        <v>470445.74999999994</v>
      </c>
      <c r="C28259" s="7">
        <f t="shared" si="441"/>
        <v>470.44574999999992</v>
      </c>
    </row>
    <row r="28260" spans="1:3" x14ac:dyDescent="0.25">
      <c r="A28260" s="2" t="s">
        <v>16673</v>
      </c>
      <c r="B28260" s="6">
        <v>470462.39999999997</v>
      </c>
      <c r="C28260" s="7">
        <f t="shared" si="441"/>
        <v>470.46239999999995</v>
      </c>
    </row>
    <row r="28261" spans="1:3" x14ac:dyDescent="0.25">
      <c r="A28261" s="2" t="s">
        <v>16674</v>
      </c>
      <c r="B28261" s="6">
        <v>470479.05</v>
      </c>
      <c r="C28261" s="7">
        <f t="shared" si="441"/>
        <v>470.47904999999997</v>
      </c>
    </row>
    <row r="28262" spans="1:3" x14ac:dyDescent="0.25">
      <c r="A28262" s="2" t="s">
        <v>16675</v>
      </c>
      <c r="B28262" s="6">
        <v>470495.69999999995</v>
      </c>
      <c r="C28262" s="7">
        <f t="shared" si="441"/>
        <v>470.49569999999994</v>
      </c>
    </row>
    <row r="28263" spans="1:3" x14ac:dyDescent="0.25">
      <c r="A28263" s="2" t="s">
        <v>16676</v>
      </c>
      <c r="B28263" s="6">
        <v>470512.35</v>
      </c>
      <c r="C28263" s="7">
        <f t="shared" si="441"/>
        <v>470.51234999999997</v>
      </c>
    </row>
    <row r="28264" spans="1:3" x14ac:dyDescent="0.25">
      <c r="A28264" s="2" t="s">
        <v>16677</v>
      </c>
      <c r="B28264" s="6">
        <v>470528.99999999994</v>
      </c>
      <c r="C28264" s="7">
        <f t="shared" si="441"/>
        <v>470.52899999999994</v>
      </c>
    </row>
    <row r="28265" spans="1:3" x14ac:dyDescent="0.25">
      <c r="A28265" s="2" t="s">
        <v>16678</v>
      </c>
      <c r="B28265" s="6">
        <v>470545.64999999997</v>
      </c>
      <c r="C28265" s="7">
        <f t="shared" si="441"/>
        <v>470.54564999999997</v>
      </c>
    </row>
    <row r="28266" spans="1:3" x14ac:dyDescent="0.25">
      <c r="A28266" s="2" t="s">
        <v>16679</v>
      </c>
      <c r="B28266" s="6">
        <v>470562.3</v>
      </c>
      <c r="C28266" s="7">
        <f t="shared" si="441"/>
        <v>470.56229999999999</v>
      </c>
    </row>
    <row r="28267" spans="1:3" x14ac:dyDescent="0.25">
      <c r="A28267" s="2" t="s">
        <v>16680</v>
      </c>
      <c r="B28267" s="6">
        <v>470578.94999999995</v>
      </c>
      <c r="C28267" s="7">
        <f t="shared" si="441"/>
        <v>470.57894999999996</v>
      </c>
    </row>
    <row r="28268" spans="1:3" x14ac:dyDescent="0.25">
      <c r="A28268" s="2" t="s">
        <v>16681</v>
      </c>
      <c r="B28268" s="6">
        <v>470595.6</v>
      </c>
      <c r="C28268" s="7">
        <f t="shared" si="441"/>
        <v>470.59559999999999</v>
      </c>
    </row>
    <row r="28269" spans="1:3" x14ac:dyDescent="0.25">
      <c r="A28269" s="2" t="s">
        <v>16682</v>
      </c>
      <c r="B28269" s="6">
        <v>470612.24999999994</v>
      </c>
      <c r="C28269" s="7">
        <f t="shared" si="441"/>
        <v>470.61224999999996</v>
      </c>
    </row>
    <row r="28270" spans="1:3" x14ac:dyDescent="0.25">
      <c r="A28270" s="2" t="s">
        <v>16683</v>
      </c>
      <c r="B28270" s="6">
        <v>470628.89999999997</v>
      </c>
      <c r="C28270" s="7">
        <f t="shared" si="441"/>
        <v>470.62889999999999</v>
      </c>
    </row>
    <row r="28271" spans="1:3" x14ac:dyDescent="0.25">
      <c r="A28271" s="2" t="s">
        <v>16684</v>
      </c>
      <c r="B28271" s="6">
        <v>470645.55</v>
      </c>
      <c r="C28271" s="7">
        <f t="shared" si="441"/>
        <v>470.64555000000001</v>
      </c>
    </row>
    <row r="28272" spans="1:3" x14ac:dyDescent="0.25">
      <c r="A28272" s="2" t="s">
        <v>16685</v>
      </c>
      <c r="B28272" s="6">
        <v>470662.19999999995</v>
      </c>
      <c r="C28272" s="7">
        <f t="shared" si="441"/>
        <v>470.66219999999993</v>
      </c>
    </row>
    <row r="28273" spans="1:3" x14ac:dyDescent="0.25">
      <c r="A28273" s="2" t="s">
        <v>16686</v>
      </c>
      <c r="B28273" s="6">
        <v>470678.85</v>
      </c>
      <c r="C28273" s="7">
        <f t="shared" si="441"/>
        <v>470.67884999999995</v>
      </c>
    </row>
    <row r="28274" spans="1:3" x14ac:dyDescent="0.25">
      <c r="A28274" s="2" t="s">
        <v>16687</v>
      </c>
      <c r="B28274" s="6">
        <v>470695.49999999994</v>
      </c>
      <c r="C28274" s="7">
        <f t="shared" si="441"/>
        <v>470.69549999999992</v>
      </c>
    </row>
    <row r="28275" spans="1:3" x14ac:dyDescent="0.25">
      <c r="A28275" s="2" t="s">
        <v>16688</v>
      </c>
      <c r="B28275" s="6">
        <v>470712.14999999997</v>
      </c>
      <c r="C28275" s="7">
        <f t="shared" si="441"/>
        <v>470.71214999999995</v>
      </c>
    </row>
    <row r="28276" spans="1:3" x14ac:dyDescent="0.25">
      <c r="A28276" s="2" t="s">
        <v>16689</v>
      </c>
      <c r="B28276" s="6">
        <v>470728.8</v>
      </c>
      <c r="C28276" s="7">
        <f t="shared" si="441"/>
        <v>470.72879999999998</v>
      </c>
    </row>
    <row r="28277" spans="1:3" x14ac:dyDescent="0.25">
      <c r="A28277" s="2" t="s">
        <v>16690</v>
      </c>
      <c r="B28277" s="6">
        <v>470745.44999999995</v>
      </c>
      <c r="C28277" s="7">
        <f t="shared" si="441"/>
        <v>470.74544999999995</v>
      </c>
    </row>
    <row r="28278" spans="1:3" x14ac:dyDescent="0.25">
      <c r="A28278" s="2" t="s">
        <v>16691</v>
      </c>
      <c r="B28278" s="6">
        <v>470762.1</v>
      </c>
      <c r="C28278" s="7">
        <f t="shared" si="441"/>
        <v>470.76209999999998</v>
      </c>
    </row>
    <row r="28279" spans="1:3" x14ac:dyDescent="0.25">
      <c r="A28279" s="2" t="s">
        <v>16692</v>
      </c>
      <c r="B28279" s="6">
        <v>470778.74999999994</v>
      </c>
      <c r="C28279" s="7">
        <f t="shared" si="441"/>
        <v>470.77874999999995</v>
      </c>
    </row>
    <row r="28280" spans="1:3" x14ac:dyDescent="0.25">
      <c r="A28280" s="2" t="s">
        <v>16693</v>
      </c>
      <c r="B28280" s="6">
        <v>470795.39999999997</v>
      </c>
      <c r="C28280" s="7">
        <f t="shared" si="441"/>
        <v>470.79539999999997</v>
      </c>
    </row>
    <row r="28281" spans="1:3" x14ac:dyDescent="0.25">
      <c r="A28281" s="2" t="s">
        <v>16694</v>
      </c>
      <c r="B28281" s="6">
        <v>470812.05</v>
      </c>
      <c r="C28281" s="7">
        <f t="shared" si="441"/>
        <v>470.81205</v>
      </c>
    </row>
    <row r="28282" spans="1:3" x14ac:dyDescent="0.25">
      <c r="A28282" s="2" t="s">
        <v>16695</v>
      </c>
      <c r="B28282" s="6">
        <v>470828.69999999995</v>
      </c>
      <c r="C28282" s="7">
        <f t="shared" si="441"/>
        <v>470.82869999999997</v>
      </c>
    </row>
    <row r="28283" spans="1:3" x14ac:dyDescent="0.25">
      <c r="A28283" s="2" t="s">
        <v>16696</v>
      </c>
      <c r="B28283" s="6">
        <v>470845.35</v>
      </c>
      <c r="C28283" s="7">
        <f t="shared" si="441"/>
        <v>470.84535</v>
      </c>
    </row>
    <row r="28284" spans="1:3" x14ac:dyDescent="0.25">
      <c r="A28284" s="2" t="s">
        <v>16697</v>
      </c>
      <c r="B28284" s="6">
        <v>470861.99999999994</v>
      </c>
      <c r="C28284" s="7">
        <f t="shared" si="441"/>
        <v>470.86199999999997</v>
      </c>
    </row>
    <row r="28285" spans="1:3" x14ac:dyDescent="0.25">
      <c r="A28285" s="2" t="s">
        <v>16698</v>
      </c>
      <c r="B28285" s="6">
        <v>470878.64999999997</v>
      </c>
      <c r="C28285" s="7">
        <f t="shared" si="441"/>
        <v>470.87864999999999</v>
      </c>
    </row>
    <row r="28286" spans="1:3" x14ac:dyDescent="0.25">
      <c r="A28286" s="2" t="s">
        <v>16699</v>
      </c>
      <c r="B28286" s="6">
        <v>470895.3</v>
      </c>
      <c r="C28286" s="7">
        <f t="shared" si="441"/>
        <v>470.89529999999996</v>
      </c>
    </row>
    <row r="28287" spans="1:3" x14ac:dyDescent="0.25">
      <c r="A28287" s="2" t="s">
        <v>16700</v>
      </c>
      <c r="B28287" s="6">
        <v>470911.94999999995</v>
      </c>
      <c r="C28287" s="7">
        <f t="shared" si="441"/>
        <v>470.91194999999993</v>
      </c>
    </row>
    <row r="28288" spans="1:3" x14ac:dyDescent="0.25">
      <c r="A28288" s="2" t="s">
        <v>16701</v>
      </c>
      <c r="B28288" s="6">
        <v>470928.6</v>
      </c>
      <c r="C28288" s="7">
        <f t="shared" si="441"/>
        <v>470.92859999999996</v>
      </c>
    </row>
    <row r="28289" spans="1:3" x14ac:dyDescent="0.25">
      <c r="A28289" s="2" t="s">
        <v>16702</v>
      </c>
      <c r="B28289" s="6">
        <v>470945.24999999994</v>
      </c>
      <c r="C28289" s="7">
        <f t="shared" si="441"/>
        <v>470.94524999999993</v>
      </c>
    </row>
    <row r="28290" spans="1:3" x14ac:dyDescent="0.25">
      <c r="A28290" s="2" t="s">
        <v>16703</v>
      </c>
      <c r="B28290" s="6">
        <v>470961.89999999997</v>
      </c>
      <c r="C28290" s="7">
        <f t="shared" si="441"/>
        <v>470.96189999999996</v>
      </c>
    </row>
    <row r="28291" spans="1:3" x14ac:dyDescent="0.25">
      <c r="A28291" s="2" t="s">
        <v>16704</v>
      </c>
      <c r="B28291" s="6">
        <v>470978.55</v>
      </c>
      <c r="C28291" s="7">
        <f t="shared" ref="C28291:C28354" si="442">B28291/1000</f>
        <v>470.97854999999998</v>
      </c>
    </row>
    <row r="28292" spans="1:3" x14ac:dyDescent="0.25">
      <c r="A28292" s="2" t="s">
        <v>16705</v>
      </c>
      <c r="B28292" s="6">
        <v>470995.19999999995</v>
      </c>
      <c r="C28292" s="7">
        <f t="shared" si="442"/>
        <v>470.99519999999995</v>
      </c>
    </row>
    <row r="28293" spans="1:3" x14ac:dyDescent="0.25">
      <c r="A28293" s="2" t="s">
        <v>16706</v>
      </c>
      <c r="B28293" s="6">
        <v>471011.85</v>
      </c>
      <c r="C28293" s="7">
        <f t="shared" si="442"/>
        <v>471.01184999999998</v>
      </c>
    </row>
    <row r="28294" spans="1:3" x14ac:dyDescent="0.25">
      <c r="A28294" s="2" t="s">
        <v>16707</v>
      </c>
      <c r="B28294" s="6">
        <v>471028.49999999994</v>
      </c>
      <c r="C28294" s="7">
        <f t="shared" si="442"/>
        <v>471.02849999999995</v>
      </c>
    </row>
    <row r="28295" spans="1:3" x14ac:dyDescent="0.25">
      <c r="A28295" s="2" t="s">
        <v>16708</v>
      </c>
      <c r="B28295" s="6">
        <v>471045.14999999997</v>
      </c>
      <c r="C28295" s="7">
        <f t="shared" si="442"/>
        <v>471.04514999999998</v>
      </c>
    </row>
    <row r="28296" spans="1:3" x14ac:dyDescent="0.25">
      <c r="A28296" s="2" t="s">
        <v>16709</v>
      </c>
      <c r="B28296" s="6">
        <v>471061.8</v>
      </c>
      <c r="C28296" s="7">
        <f t="shared" si="442"/>
        <v>471.06180000000001</v>
      </c>
    </row>
    <row r="28297" spans="1:3" x14ac:dyDescent="0.25">
      <c r="A28297" s="2" t="s">
        <v>16710</v>
      </c>
      <c r="B28297" s="6">
        <v>471078.44999999995</v>
      </c>
      <c r="C28297" s="7">
        <f t="shared" si="442"/>
        <v>471.07844999999998</v>
      </c>
    </row>
    <row r="28298" spans="1:3" x14ac:dyDescent="0.25">
      <c r="A28298" s="2" t="s">
        <v>16711</v>
      </c>
      <c r="B28298" s="6">
        <v>471095.1</v>
      </c>
      <c r="C28298" s="7">
        <f t="shared" si="442"/>
        <v>471.0951</v>
      </c>
    </row>
    <row r="28299" spans="1:3" x14ac:dyDescent="0.25">
      <c r="A28299" s="2" t="s">
        <v>16712</v>
      </c>
      <c r="B28299" s="6">
        <v>471111.74999999994</v>
      </c>
      <c r="C28299" s="7">
        <f t="shared" si="442"/>
        <v>471.11174999999992</v>
      </c>
    </row>
    <row r="28300" spans="1:3" x14ac:dyDescent="0.25">
      <c r="A28300" s="2" t="s">
        <v>16713</v>
      </c>
      <c r="B28300" s="6">
        <v>471128.39999999997</v>
      </c>
      <c r="C28300" s="7">
        <f t="shared" si="442"/>
        <v>471.12839999999994</v>
      </c>
    </row>
    <row r="28301" spans="1:3" x14ac:dyDescent="0.25">
      <c r="A28301" s="2" t="s">
        <v>16714</v>
      </c>
      <c r="B28301" s="6">
        <v>471145.05</v>
      </c>
      <c r="C28301" s="7">
        <f t="shared" si="442"/>
        <v>471.14504999999997</v>
      </c>
    </row>
    <row r="28302" spans="1:3" x14ac:dyDescent="0.25">
      <c r="A28302" s="2" t="s">
        <v>16715</v>
      </c>
      <c r="B28302" s="6">
        <v>471161.69999999995</v>
      </c>
      <c r="C28302" s="7">
        <f t="shared" si="442"/>
        <v>471.16169999999994</v>
      </c>
    </row>
    <row r="28303" spans="1:3" x14ac:dyDescent="0.25">
      <c r="A28303" s="2" t="s">
        <v>16716</v>
      </c>
      <c r="B28303" s="6">
        <v>471178.35</v>
      </c>
      <c r="C28303" s="7">
        <f t="shared" si="442"/>
        <v>471.17834999999997</v>
      </c>
    </row>
    <row r="28304" spans="1:3" x14ac:dyDescent="0.25">
      <c r="A28304" s="2" t="s">
        <v>16717</v>
      </c>
      <c r="B28304" s="6">
        <v>471194.99999999994</v>
      </c>
      <c r="C28304" s="7">
        <f t="shared" si="442"/>
        <v>471.19499999999994</v>
      </c>
    </row>
    <row r="28305" spans="1:3" x14ac:dyDescent="0.25">
      <c r="A28305" s="2" t="s">
        <v>16718</v>
      </c>
      <c r="B28305" s="6">
        <v>471211.64999999997</v>
      </c>
      <c r="C28305" s="7">
        <f t="shared" si="442"/>
        <v>471.21164999999996</v>
      </c>
    </row>
    <row r="28306" spans="1:3" x14ac:dyDescent="0.25">
      <c r="A28306" s="2" t="s">
        <v>16719</v>
      </c>
      <c r="B28306" s="6">
        <v>471228.3</v>
      </c>
      <c r="C28306" s="7">
        <f t="shared" si="442"/>
        <v>471.22829999999999</v>
      </c>
    </row>
    <row r="28307" spans="1:3" x14ac:dyDescent="0.25">
      <c r="A28307" s="2" t="s">
        <v>16720</v>
      </c>
      <c r="B28307" s="6">
        <v>471244.94999999995</v>
      </c>
      <c r="C28307" s="7">
        <f t="shared" si="442"/>
        <v>471.24494999999996</v>
      </c>
    </row>
    <row r="28308" spans="1:3" x14ac:dyDescent="0.25">
      <c r="A28308" s="2" t="s">
        <v>16721</v>
      </c>
      <c r="B28308" s="6">
        <v>471261.6</v>
      </c>
      <c r="C28308" s="7">
        <f t="shared" si="442"/>
        <v>471.26159999999999</v>
      </c>
    </row>
    <row r="28309" spans="1:3" x14ac:dyDescent="0.25">
      <c r="A28309" s="2" t="s">
        <v>16722</v>
      </c>
      <c r="B28309" s="6">
        <v>471278.24999999994</v>
      </c>
      <c r="C28309" s="7">
        <f t="shared" si="442"/>
        <v>471.27824999999996</v>
      </c>
    </row>
    <row r="28310" spans="1:3" x14ac:dyDescent="0.25">
      <c r="A28310" s="2" t="s">
        <v>16723</v>
      </c>
      <c r="B28310" s="6">
        <v>471294.89999999997</v>
      </c>
      <c r="C28310" s="7">
        <f t="shared" si="442"/>
        <v>471.29489999999998</v>
      </c>
    </row>
    <row r="28311" spans="1:3" x14ac:dyDescent="0.25">
      <c r="A28311" s="2" t="s">
        <v>16724</v>
      </c>
      <c r="B28311" s="6">
        <v>471311.55</v>
      </c>
      <c r="C28311" s="7">
        <f t="shared" si="442"/>
        <v>471.31155000000001</v>
      </c>
    </row>
    <row r="28312" spans="1:3" x14ac:dyDescent="0.25">
      <c r="A28312" s="2" t="s">
        <v>16725</v>
      </c>
      <c r="B28312" s="6">
        <v>471328.19999999995</v>
      </c>
      <c r="C28312" s="7">
        <f t="shared" si="442"/>
        <v>471.32819999999998</v>
      </c>
    </row>
    <row r="28313" spans="1:3" x14ac:dyDescent="0.25">
      <c r="A28313" s="2" t="s">
        <v>16726</v>
      </c>
      <c r="B28313" s="6">
        <v>471344.85</v>
      </c>
      <c r="C28313" s="7">
        <f t="shared" si="442"/>
        <v>471.34484999999995</v>
      </c>
    </row>
    <row r="28314" spans="1:3" x14ac:dyDescent="0.25">
      <c r="A28314" s="2" t="s">
        <v>16727</v>
      </c>
      <c r="B28314" s="6">
        <v>471361.49999999994</v>
      </c>
      <c r="C28314" s="7">
        <f t="shared" si="442"/>
        <v>471.36149999999992</v>
      </c>
    </row>
    <row r="28315" spans="1:3" x14ac:dyDescent="0.25">
      <c r="A28315" s="2" t="s">
        <v>16728</v>
      </c>
      <c r="B28315" s="6">
        <v>471378.14999999997</v>
      </c>
      <c r="C28315" s="7">
        <f t="shared" si="442"/>
        <v>471.37814999999995</v>
      </c>
    </row>
    <row r="28316" spans="1:3" x14ac:dyDescent="0.25">
      <c r="A28316" s="2" t="s">
        <v>16729</v>
      </c>
      <c r="B28316" s="6">
        <v>471394.8</v>
      </c>
      <c r="C28316" s="7">
        <f t="shared" si="442"/>
        <v>471.39479999999998</v>
      </c>
    </row>
    <row r="28317" spans="1:3" x14ac:dyDescent="0.25">
      <c r="A28317" s="2" t="s">
        <v>16730</v>
      </c>
      <c r="B28317" s="6">
        <v>471411.44999999995</v>
      </c>
      <c r="C28317" s="7">
        <f t="shared" si="442"/>
        <v>471.41144999999995</v>
      </c>
    </row>
    <row r="28318" spans="1:3" x14ac:dyDescent="0.25">
      <c r="A28318" s="2" t="s">
        <v>16731</v>
      </c>
      <c r="B28318" s="6">
        <v>471428.1</v>
      </c>
      <c r="C28318" s="7">
        <f t="shared" si="442"/>
        <v>471.42809999999997</v>
      </c>
    </row>
    <row r="28319" spans="1:3" x14ac:dyDescent="0.25">
      <c r="A28319" s="2" t="s">
        <v>16732</v>
      </c>
      <c r="B28319" s="6">
        <v>471444.74999999994</v>
      </c>
      <c r="C28319" s="7">
        <f t="shared" si="442"/>
        <v>471.44474999999994</v>
      </c>
    </row>
    <row r="28320" spans="1:3" x14ac:dyDescent="0.25">
      <c r="A28320" s="2" t="s">
        <v>16733</v>
      </c>
      <c r="B28320" s="6">
        <v>471461.39999999997</v>
      </c>
      <c r="C28320" s="7">
        <f t="shared" si="442"/>
        <v>471.46139999999997</v>
      </c>
    </row>
    <row r="28321" spans="1:3" x14ac:dyDescent="0.25">
      <c r="A28321" s="2" t="s">
        <v>16734</v>
      </c>
      <c r="B28321" s="6">
        <v>471478.05</v>
      </c>
      <c r="C28321" s="7">
        <f t="shared" si="442"/>
        <v>471.47805</v>
      </c>
    </row>
    <row r="28322" spans="1:3" x14ac:dyDescent="0.25">
      <c r="A28322" s="2" t="s">
        <v>16735</v>
      </c>
      <c r="B28322" s="6">
        <v>471494.69999999995</v>
      </c>
      <c r="C28322" s="7">
        <f t="shared" si="442"/>
        <v>471.49469999999997</v>
      </c>
    </row>
    <row r="28323" spans="1:3" x14ac:dyDescent="0.25">
      <c r="A28323" s="2" t="s">
        <v>16736</v>
      </c>
      <c r="B28323" s="6">
        <v>471511.35</v>
      </c>
      <c r="C28323" s="7">
        <f t="shared" si="442"/>
        <v>471.51134999999999</v>
      </c>
    </row>
    <row r="28324" spans="1:3" x14ac:dyDescent="0.25">
      <c r="A28324" s="2" t="s">
        <v>16737</v>
      </c>
      <c r="B28324" s="6">
        <v>471527.99999999994</v>
      </c>
      <c r="C28324" s="7">
        <f t="shared" si="442"/>
        <v>471.52799999999996</v>
      </c>
    </row>
    <row r="28325" spans="1:3" x14ac:dyDescent="0.25">
      <c r="A28325" s="2" t="s">
        <v>16738</v>
      </c>
      <c r="B28325" s="6">
        <v>471544.64999999997</v>
      </c>
      <c r="C28325" s="7">
        <f t="shared" si="442"/>
        <v>471.54464999999999</v>
      </c>
    </row>
    <row r="28326" spans="1:3" x14ac:dyDescent="0.25">
      <c r="A28326" s="2" t="s">
        <v>16739</v>
      </c>
      <c r="B28326" s="6">
        <v>471561.3</v>
      </c>
      <c r="C28326" s="7">
        <f t="shared" si="442"/>
        <v>471.56129999999996</v>
      </c>
    </row>
    <row r="28327" spans="1:3" x14ac:dyDescent="0.25">
      <c r="A28327" s="2" t="s">
        <v>16740</v>
      </c>
      <c r="B28327" s="6">
        <v>471577.94999999995</v>
      </c>
      <c r="C28327" s="7">
        <f t="shared" si="442"/>
        <v>471.57794999999993</v>
      </c>
    </row>
    <row r="28328" spans="1:3" x14ac:dyDescent="0.25">
      <c r="A28328" s="2" t="s">
        <v>16741</v>
      </c>
      <c r="B28328" s="6">
        <v>471594.6</v>
      </c>
      <c r="C28328" s="7">
        <f t="shared" si="442"/>
        <v>471.59459999999996</v>
      </c>
    </row>
    <row r="28329" spans="1:3" x14ac:dyDescent="0.25">
      <c r="A28329" s="2" t="s">
        <v>16742</v>
      </c>
      <c r="B28329" s="6">
        <v>471611.24999999994</v>
      </c>
      <c r="C28329" s="7">
        <f t="shared" si="442"/>
        <v>471.61124999999993</v>
      </c>
    </row>
    <row r="28330" spans="1:3" x14ac:dyDescent="0.25">
      <c r="A28330" s="2" t="s">
        <v>16743</v>
      </c>
      <c r="B28330" s="6">
        <v>471627.89999999997</v>
      </c>
      <c r="C28330" s="7">
        <f t="shared" si="442"/>
        <v>471.62789999999995</v>
      </c>
    </row>
    <row r="28331" spans="1:3" x14ac:dyDescent="0.25">
      <c r="A28331" s="2" t="s">
        <v>16744</v>
      </c>
      <c r="B28331" s="6">
        <v>471644.55</v>
      </c>
      <c r="C28331" s="7">
        <f t="shared" si="442"/>
        <v>471.64454999999998</v>
      </c>
    </row>
    <row r="28332" spans="1:3" x14ac:dyDescent="0.25">
      <c r="A28332" s="2" t="s">
        <v>16745</v>
      </c>
      <c r="B28332" s="6">
        <v>471661.19999999995</v>
      </c>
      <c r="C28332" s="7">
        <f t="shared" si="442"/>
        <v>471.66119999999995</v>
      </c>
    </row>
    <row r="28333" spans="1:3" x14ac:dyDescent="0.25">
      <c r="A28333" s="2" t="s">
        <v>16746</v>
      </c>
      <c r="B28333" s="6">
        <v>471677.85</v>
      </c>
      <c r="C28333" s="7">
        <f t="shared" si="442"/>
        <v>471.67784999999998</v>
      </c>
    </row>
    <row r="28334" spans="1:3" x14ac:dyDescent="0.25">
      <c r="A28334" s="2" t="s">
        <v>16747</v>
      </c>
      <c r="B28334" s="6">
        <v>471694.49999999994</v>
      </c>
      <c r="C28334" s="7">
        <f t="shared" si="442"/>
        <v>471.69449999999995</v>
      </c>
    </row>
    <row r="28335" spans="1:3" x14ac:dyDescent="0.25">
      <c r="A28335" s="2" t="s">
        <v>16748</v>
      </c>
      <c r="B28335" s="6">
        <v>471711.14999999997</v>
      </c>
      <c r="C28335" s="7">
        <f t="shared" si="442"/>
        <v>471.71114999999998</v>
      </c>
    </row>
    <row r="28336" spans="1:3" x14ac:dyDescent="0.25">
      <c r="A28336" s="2" t="s">
        <v>16749</v>
      </c>
      <c r="B28336" s="6">
        <v>471727.8</v>
      </c>
      <c r="C28336" s="7">
        <f t="shared" si="442"/>
        <v>471.7278</v>
      </c>
    </row>
    <row r="28337" spans="1:3" x14ac:dyDescent="0.25">
      <c r="A28337" s="2" t="s">
        <v>16750</v>
      </c>
      <c r="B28337" s="6">
        <v>471744.44999999995</v>
      </c>
      <c r="C28337" s="7">
        <f t="shared" si="442"/>
        <v>471.74444999999997</v>
      </c>
    </row>
    <row r="28338" spans="1:3" x14ac:dyDescent="0.25">
      <c r="A28338" s="2" t="s">
        <v>16751</v>
      </c>
      <c r="B28338" s="6">
        <v>471761.1</v>
      </c>
      <c r="C28338" s="7">
        <f t="shared" si="442"/>
        <v>471.7611</v>
      </c>
    </row>
    <row r="28339" spans="1:3" x14ac:dyDescent="0.25">
      <c r="A28339" s="2" t="s">
        <v>16752</v>
      </c>
      <c r="B28339" s="6">
        <v>471777.74999999994</v>
      </c>
      <c r="C28339" s="7">
        <f t="shared" si="442"/>
        <v>471.77774999999997</v>
      </c>
    </row>
    <row r="28340" spans="1:3" x14ac:dyDescent="0.25">
      <c r="A28340" s="2" t="s">
        <v>16753</v>
      </c>
      <c r="B28340" s="6">
        <v>471794.39999999997</v>
      </c>
      <c r="C28340" s="7">
        <f t="shared" si="442"/>
        <v>471.79439999999994</v>
      </c>
    </row>
    <row r="28341" spans="1:3" x14ac:dyDescent="0.25">
      <c r="A28341" s="2" t="s">
        <v>16754</v>
      </c>
      <c r="B28341" s="6">
        <v>471811.05</v>
      </c>
      <c r="C28341" s="7">
        <f t="shared" si="442"/>
        <v>471.81104999999997</v>
      </c>
    </row>
    <row r="28342" spans="1:3" x14ac:dyDescent="0.25">
      <c r="A28342" s="2" t="s">
        <v>16755</v>
      </c>
      <c r="B28342" s="6">
        <v>471827.69999999995</v>
      </c>
      <c r="C28342" s="7">
        <f t="shared" si="442"/>
        <v>471.82769999999994</v>
      </c>
    </row>
    <row r="28343" spans="1:3" x14ac:dyDescent="0.25">
      <c r="A28343" s="2" t="s">
        <v>16756</v>
      </c>
      <c r="B28343" s="6">
        <v>471844.35</v>
      </c>
      <c r="C28343" s="7">
        <f t="shared" si="442"/>
        <v>471.84434999999996</v>
      </c>
    </row>
    <row r="28344" spans="1:3" x14ac:dyDescent="0.25">
      <c r="A28344" s="2" t="s">
        <v>16757</v>
      </c>
      <c r="B28344" s="6">
        <v>471860.99999999994</v>
      </c>
      <c r="C28344" s="7">
        <f t="shared" si="442"/>
        <v>471.86099999999993</v>
      </c>
    </row>
    <row r="28345" spans="1:3" x14ac:dyDescent="0.25">
      <c r="A28345" s="2" t="s">
        <v>16758</v>
      </c>
      <c r="B28345" s="6">
        <v>471877.64999999997</v>
      </c>
      <c r="C28345" s="7">
        <f t="shared" si="442"/>
        <v>471.87764999999996</v>
      </c>
    </row>
    <row r="28346" spans="1:3" x14ac:dyDescent="0.25">
      <c r="A28346" s="2" t="s">
        <v>16759</v>
      </c>
      <c r="B28346" s="6">
        <v>471894.3</v>
      </c>
      <c r="C28346" s="7">
        <f t="shared" si="442"/>
        <v>471.89429999999999</v>
      </c>
    </row>
    <row r="28347" spans="1:3" x14ac:dyDescent="0.25">
      <c r="A28347" s="2" t="s">
        <v>16760</v>
      </c>
      <c r="B28347" s="6">
        <v>471910.94999999995</v>
      </c>
      <c r="C28347" s="7">
        <f t="shared" si="442"/>
        <v>471.91094999999996</v>
      </c>
    </row>
    <row r="28348" spans="1:3" x14ac:dyDescent="0.25">
      <c r="A28348" s="2" t="s">
        <v>16761</v>
      </c>
      <c r="B28348" s="6">
        <v>471927.6</v>
      </c>
      <c r="C28348" s="7">
        <f t="shared" si="442"/>
        <v>471.92759999999998</v>
      </c>
    </row>
    <row r="28349" spans="1:3" x14ac:dyDescent="0.25">
      <c r="A28349" s="2" t="s">
        <v>16762</v>
      </c>
      <c r="B28349" s="6">
        <v>471944.24999999994</v>
      </c>
      <c r="C28349" s="7">
        <f t="shared" si="442"/>
        <v>471.94424999999995</v>
      </c>
    </row>
    <row r="28350" spans="1:3" x14ac:dyDescent="0.25">
      <c r="A28350" s="2" t="s">
        <v>16763</v>
      </c>
      <c r="B28350" s="6">
        <v>471960.89999999997</v>
      </c>
      <c r="C28350" s="7">
        <f t="shared" si="442"/>
        <v>471.96089999999998</v>
      </c>
    </row>
    <row r="28351" spans="1:3" x14ac:dyDescent="0.25">
      <c r="A28351" s="2" t="s">
        <v>16764</v>
      </c>
      <c r="B28351" s="6">
        <v>471977.55</v>
      </c>
      <c r="C28351" s="7">
        <f t="shared" si="442"/>
        <v>471.97755000000001</v>
      </c>
    </row>
    <row r="28352" spans="1:3" x14ac:dyDescent="0.25">
      <c r="A28352" s="2" t="s">
        <v>16765</v>
      </c>
      <c r="B28352" s="6">
        <v>471994.19999999995</v>
      </c>
      <c r="C28352" s="7">
        <f t="shared" si="442"/>
        <v>471.99419999999998</v>
      </c>
    </row>
    <row r="28353" spans="1:3" x14ac:dyDescent="0.25">
      <c r="A28353" s="2" t="s">
        <v>16766</v>
      </c>
      <c r="B28353" s="6">
        <v>472010.85</v>
      </c>
      <c r="C28353" s="7">
        <f t="shared" si="442"/>
        <v>472.01085</v>
      </c>
    </row>
    <row r="28354" spans="1:3" x14ac:dyDescent="0.25">
      <c r="A28354" s="2" t="s">
        <v>16767</v>
      </c>
      <c r="B28354" s="6">
        <v>472027.49999999994</v>
      </c>
      <c r="C28354" s="7">
        <f t="shared" si="442"/>
        <v>472.02749999999992</v>
      </c>
    </row>
    <row r="28355" spans="1:3" x14ac:dyDescent="0.25">
      <c r="A28355" s="2" t="s">
        <v>16768</v>
      </c>
      <c r="B28355" s="6">
        <v>472044.14999999997</v>
      </c>
      <c r="C28355" s="7">
        <f t="shared" ref="C28355:C28418" si="443">B28355/1000</f>
        <v>472.04414999999995</v>
      </c>
    </row>
    <row r="28356" spans="1:3" x14ac:dyDescent="0.25">
      <c r="A28356" s="2" t="s">
        <v>16769</v>
      </c>
      <c r="B28356" s="6">
        <v>472060.8</v>
      </c>
      <c r="C28356" s="7">
        <f t="shared" si="443"/>
        <v>472.06079999999997</v>
      </c>
    </row>
    <row r="28357" spans="1:3" x14ac:dyDescent="0.25">
      <c r="A28357" s="2" t="s">
        <v>16770</v>
      </c>
      <c r="B28357" s="6">
        <v>472077.44999999995</v>
      </c>
      <c r="C28357" s="7">
        <f t="shared" si="443"/>
        <v>472.07744999999994</v>
      </c>
    </row>
    <row r="28358" spans="1:3" x14ac:dyDescent="0.25">
      <c r="A28358" s="2" t="s">
        <v>16771</v>
      </c>
      <c r="B28358" s="6">
        <v>472094.1</v>
      </c>
      <c r="C28358" s="7">
        <f t="shared" si="443"/>
        <v>472.09409999999997</v>
      </c>
    </row>
    <row r="28359" spans="1:3" x14ac:dyDescent="0.25">
      <c r="A28359" s="2" t="s">
        <v>16772</v>
      </c>
      <c r="B28359" s="6">
        <v>472110.74999999994</v>
      </c>
      <c r="C28359" s="7">
        <f t="shared" si="443"/>
        <v>472.11074999999994</v>
      </c>
    </row>
    <row r="28360" spans="1:3" x14ac:dyDescent="0.25">
      <c r="A28360" s="2" t="s">
        <v>16773</v>
      </c>
      <c r="B28360" s="6">
        <v>472127.39999999997</v>
      </c>
      <c r="C28360" s="7">
        <f t="shared" si="443"/>
        <v>472.12739999999997</v>
      </c>
    </row>
    <row r="28361" spans="1:3" x14ac:dyDescent="0.25">
      <c r="A28361" s="2" t="s">
        <v>16774</v>
      </c>
      <c r="B28361" s="6">
        <v>472144.05</v>
      </c>
      <c r="C28361" s="7">
        <f t="shared" si="443"/>
        <v>472.14404999999999</v>
      </c>
    </row>
    <row r="28362" spans="1:3" x14ac:dyDescent="0.25">
      <c r="A28362" s="2" t="s">
        <v>16775</v>
      </c>
      <c r="B28362" s="6">
        <v>472160.69999999995</v>
      </c>
      <c r="C28362" s="7">
        <f t="shared" si="443"/>
        <v>472.16069999999996</v>
      </c>
    </row>
    <row r="28363" spans="1:3" x14ac:dyDescent="0.25">
      <c r="A28363" s="2" t="s">
        <v>16776</v>
      </c>
      <c r="B28363" s="6">
        <v>472177.35</v>
      </c>
      <c r="C28363" s="7">
        <f t="shared" si="443"/>
        <v>472.17734999999999</v>
      </c>
    </row>
    <row r="28364" spans="1:3" x14ac:dyDescent="0.25">
      <c r="A28364" s="2" t="s">
        <v>16777</v>
      </c>
      <c r="B28364" s="6">
        <v>472193.99999999994</v>
      </c>
      <c r="C28364" s="7">
        <f t="shared" si="443"/>
        <v>472.19399999999996</v>
      </c>
    </row>
    <row r="28365" spans="1:3" x14ac:dyDescent="0.25">
      <c r="A28365" s="2" t="s">
        <v>16778</v>
      </c>
      <c r="B28365" s="6">
        <v>472210.64999999997</v>
      </c>
      <c r="C28365" s="7">
        <f t="shared" si="443"/>
        <v>472.21064999999999</v>
      </c>
    </row>
    <row r="28366" spans="1:3" x14ac:dyDescent="0.25">
      <c r="A28366" s="2" t="s">
        <v>16779</v>
      </c>
      <c r="B28366" s="6">
        <v>472227.3</v>
      </c>
      <c r="C28366" s="7">
        <f t="shared" si="443"/>
        <v>472.22730000000001</v>
      </c>
    </row>
    <row r="28367" spans="1:3" x14ac:dyDescent="0.25">
      <c r="A28367" s="2" t="s">
        <v>16780</v>
      </c>
      <c r="B28367" s="6">
        <v>472243.94999999995</v>
      </c>
      <c r="C28367" s="7">
        <f t="shared" si="443"/>
        <v>472.24394999999993</v>
      </c>
    </row>
    <row r="28368" spans="1:3" x14ac:dyDescent="0.25">
      <c r="A28368" s="2" t="s">
        <v>16781</v>
      </c>
      <c r="B28368" s="6">
        <v>472260.6</v>
      </c>
      <c r="C28368" s="7">
        <f t="shared" si="443"/>
        <v>472.26059999999995</v>
      </c>
    </row>
    <row r="28369" spans="1:3" x14ac:dyDescent="0.25">
      <c r="A28369" s="2" t="s">
        <v>16782</v>
      </c>
      <c r="B28369" s="6">
        <v>472277.24999999994</v>
      </c>
      <c r="C28369" s="7">
        <f t="shared" si="443"/>
        <v>472.27724999999992</v>
      </c>
    </row>
    <row r="28370" spans="1:3" x14ac:dyDescent="0.25">
      <c r="A28370" s="2" t="s">
        <v>16783</v>
      </c>
      <c r="B28370" s="6">
        <v>472293.89999999997</v>
      </c>
      <c r="C28370" s="7">
        <f t="shared" si="443"/>
        <v>472.29389999999995</v>
      </c>
    </row>
    <row r="28371" spans="1:3" x14ac:dyDescent="0.25">
      <c r="A28371" s="2" t="s">
        <v>16784</v>
      </c>
      <c r="B28371" s="6">
        <v>472310.55</v>
      </c>
      <c r="C28371" s="7">
        <f t="shared" si="443"/>
        <v>472.31054999999998</v>
      </c>
    </row>
    <row r="28372" spans="1:3" x14ac:dyDescent="0.25">
      <c r="A28372" s="2" t="s">
        <v>16785</v>
      </c>
      <c r="B28372" s="6">
        <v>472327.19999999995</v>
      </c>
      <c r="C28372" s="7">
        <f t="shared" si="443"/>
        <v>472.32719999999995</v>
      </c>
    </row>
    <row r="28373" spans="1:3" x14ac:dyDescent="0.25">
      <c r="A28373" s="2" t="s">
        <v>16786</v>
      </c>
      <c r="B28373" s="6">
        <v>472343.85</v>
      </c>
      <c r="C28373" s="7">
        <f t="shared" si="443"/>
        <v>472.34384999999997</v>
      </c>
    </row>
    <row r="28374" spans="1:3" x14ac:dyDescent="0.25">
      <c r="A28374" s="2" t="s">
        <v>16787</v>
      </c>
      <c r="B28374" s="6">
        <v>472360.49999999994</v>
      </c>
      <c r="C28374" s="7">
        <f t="shared" si="443"/>
        <v>472.36049999999994</v>
      </c>
    </row>
    <row r="28375" spans="1:3" x14ac:dyDescent="0.25">
      <c r="A28375" s="2" t="s">
        <v>16788</v>
      </c>
      <c r="B28375" s="6">
        <v>472377.14999999997</v>
      </c>
      <c r="C28375" s="7">
        <f t="shared" si="443"/>
        <v>472.37714999999997</v>
      </c>
    </row>
    <row r="28376" spans="1:3" x14ac:dyDescent="0.25">
      <c r="A28376" s="2" t="s">
        <v>16789</v>
      </c>
      <c r="B28376" s="6">
        <v>472393.8</v>
      </c>
      <c r="C28376" s="7">
        <f t="shared" si="443"/>
        <v>472.3938</v>
      </c>
    </row>
    <row r="28377" spans="1:3" x14ac:dyDescent="0.25">
      <c r="A28377" s="2" t="s">
        <v>16790</v>
      </c>
      <c r="B28377" s="6">
        <v>472410.44999999995</v>
      </c>
      <c r="C28377" s="7">
        <f t="shared" si="443"/>
        <v>472.41044999999997</v>
      </c>
    </row>
    <row r="28378" spans="1:3" x14ac:dyDescent="0.25">
      <c r="A28378" s="2" t="s">
        <v>16791</v>
      </c>
      <c r="B28378" s="6">
        <v>472427.1</v>
      </c>
      <c r="C28378" s="7">
        <f t="shared" si="443"/>
        <v>472.4271</v>
      </c>
    </row>
    <row r="28379" spans="1:3" x14ac:dyDescent="0.25">
      <c r="A28379" s="2" t="s">
        <v>16792</v>
      </c>
      <c r="B28379" s="6">
        <v>472443.74999999994</v>
      </c>
      <c r="C28379" s="7">
        <f t="shared" si="443"/>
        <v>472.44374999999997</v>
      </c>
    </row>
    <row r="28380" spans="1:3" x14ac:dyDescent="0.25">
      <c r="A28380" s="2" t="s">
        <v>16793</v>
      </c>
      <c r="B28380" s="6">
        <v>472460.39999999997</v>
      </c>
      <c r="C28380" s="7">
        <f t="shared" si="443"/>
        <v>472.46039999999999</v>
      </c>
    </row>
    <row r="28381" spans="1:3" x14ac:dyDescent="0.25">
      <c r="A28381" s="2" t="s">
        <v>16794</v>
      </c>
      <c r="B28381" s="6">
        <v>472477.05</v>
      </c>
      <c r="C28381" s="7">
        <f t="shared" si="443"/>
        <v>472.47704999999996</v>
      </c>
    </row>
    <row r="28382" spans="1:3" x14ac:dyDescent="0.25">
      <c r="A28382" s="2" t="s">
        <v>16795</v>
      </c>
      <c r="B28382" s="6">
        <v>472493.69999999995</v>
      </c>
      <c r="C28382" s="7">
        <f t="shared" si="443"/>
        <v>472.49369999999993</v>
      </c>
    </row>
    <row r="28383" spans="1:3" x14ac:dyDescent="0.25">
      <c r="A28383" s="2" t="s">
        <v>16796</v>
      </c>
      <c r="B28383" s="6">
        <v>472510.35</v>
      </c>
      <c r="C28383" s="7">
        <f t="shared" si="443"/>
        <v>472.51034999999996</v>
      </c>
    </row>
    <row r="28384" spans="1:3" x14ac:dyDescent="0.25">
      <c r="A28384" s="2" t="s">
        <v>16797</v>
      </c>
      <c r="B28384" s="6">
        <v>472526.99999999994</v>
      </c>
      <c r="C28384" s="7">
        <f t="shared" si="443"/>
        <v>472.52699999999993</v>
      </c>
    </row>
    <row r="28385" spans="1:3" x14ac:dyDescent="0.25">
      <c r="A28385" s="2" t="s">
        <v>16798</v>
      </c>
      <c r="B28385" s="6">
        <v>472543.64999999997</v>
      </c>
      <c r="C28385" s="7">
        <f t="shared" si="443"/>
        <v>472.54364999999996</v>
      </c>
    </row>
    <row r="28386" spans="1:3" x14ac:dyDescent="0.25">
      <c r="A28386" s="2" t="s">
        <v>16799</v>
      </c>
      <c r="B28386" s="6">
        <v>472560.3</v>
      </c>
      <c r="C28386" s="7">
        <f t="shared" si="443"/>
        <v>472.56029999999998</v>
      </c>
    </row>
    <row r="28387" spans="1:3" x14ac:dyDescent="0.25">
      <c r="A28387" s="2" t="s">
        <v>16800</v>
      </c>
      <c r="B28387" s="6">
        <v>472576.94999999995</v>
      </c>
      <c r="C28387" s="7">
        <f t="shared" si="443"/>
        <v>472.57694999999995</v>
      </c>
    </row>
    <row r="28388" spans="1:3" x14ac:dyDescent="0.25">
      <c r="A28388" s="2" t="s">
        <v>16801</v>
      </c>
      <c r="B28388" s="6">
        <v>472593.6</v>
      </c>
      <c r="C28388" s="7">
        <f t="shared" si="443"/>
        <v>472.59359999999998</v>
      </c>
    </row>
    <row r="28389" spans="1:3" x14ac:dyDescent="0.25">
      <c r="A28389" s="2" t="s">
        <v>16802</v>
      </c>
      <c r="B28389" s="6">
        <v>472610.24999999994</v>
      </c>
      <c r="C28389" s="7">
        <f t="shared" si="443"/>
        <v>472.61024999999995</v>
      </c>
    </row>
    <row r="28390" spans="1:3" x14ac:dyDescent="0.25">
      <c r="A28390" s="2" t="s">
        <v>16803</v>
      </c>
      <c r="B28390" s="6">
        <v>472626.89999999997</v>
      </c>
      <c r="C28390" s="7">
        <f t="shared" si="443"/>
        <v>472.62689999999998</v>
      </c>
    </row>
    <row r="28391" spans="1:3" x14ac:dyDescent="0.25">
      <c r="A28391" s="2" t="s">
        <v>16804</v>
      </c>
      <c r="B28391" s="6">
        <v>472643.55</v>
      </c>
      <c r="C28391" s="7">
        <f t="shared" si="443"/>
        <v>472.64355</v>
      </c>
    </row>
    <row r="28392" spans="1:3" x14ac:dyDescent="0.25">
      <c r="A28392" s="2" t="s">
        <v>16805</v>
      </c>
      <c r="B28392" s="6">
        <v>472660.19999999995</v>
      </c>
      <c r="C28392" s="7">
        <f t="shared" si="443"/>
        <v>472.66019999999997</v>
      </c>
    </row>
    <row r="28393" spans="1:3" x14ac:dyDescent="0.25">
      <c r="A28393" s="2" t="s">
        <v>16806</v>
      </c>
      <c r="B28393" s="6">
        <v>472676.85</v>
      </c>
      <c r="C28393" s="7">
        <f t="shared" si="443"/>
        <v>472.67685</v>
      </c>
    </row>
    <row r="28394" spans="1:3" x14ac:dyDescent="0.25">
      <c r="A28394" s="2" t="s">
        <v>16807</v>
      </c>
      <c r="B28394" s="6">
        <v>472693.49999999994</v>
      </c>
      <c r="C28394" s="7">
        <f t="shared" si="443"/>
        <v>472.69349999999991</v>
      </c>
    </row>
    <row r="28395" spans="1:3" x14ac:dyDescent="0.25">
      <c r="A28395" s="2" t="s">
        <v>16808</v>
      </c>
      <c r="B28395" s="6">
        <v>472710.14999999997</v>
      </c>
      <c r="C28395" s="7">
        <f t="shared" si="443"/>
        <v>472.71014999999994</v>
      </c>
    </row>
    <row r="28396" spans="1:3" x14ac:dyDescent="0.25">
      <c r="A28396" s="2" t="s">
        <v>16809</v>
      </c>
      <c r="B28396" s="6">
        <v>472726.8</v>
      </c>
      <c r="C28396" s="7">
        <f t="shared" si="443"/>
        <v>472.72679999999997</v>
      </c>
    </row>
    <row r="28397" spans="1:3" x14ac:dyDescent="0.25">
      <c r="A28397" s="2" t="s">
        <v>16810</v>
      </c>
      <c r="B28397" s="6">
        <v>472743.44999999995</v>
      </c>
      <c r="C28397" s="7">
        <f t="shared" si="443"/>
        <v>472.74344999999994</v>
      </c>
    </row>
    <row r="28398" spans="1:3" x14ac:dyDescent="0.25">
      <c r="A28398" s="2" t="s">
        <v>16811</v>
      </c>
      <c r="B28398" s="6">
        <v>472760.1</v>
      </c>
      <c r="C28398" s="7">
        <f t="shared" si="443"/>
        <v>472.76009999999997</v>
      </c>
    </row>
    <row r="28399" spans="1:3" x14ac:dyDescent="0.25">
      <c r="A28399" s="2" t="s">
        <v>16812</v>
      </c>
      <c r="B28399" s="6">
        <v>472776.74999999994</v>
      </c>
      <c r="C28399" s="7">
        <f t="shared" si="443"/>
        <v>472.77674999999994</v>
      </c>
    </row>
    <row r="28400" spans="1:3" x14ac:dyDescent="0.25">
      <c r="A28400" s="2" t="s">
        <v>16813</v>
      </c>
      <c r="B28400" s="6">
        <v>472793.39999999997</v>
      </c>
      <c r="C28400" s="7">
        <f t="shared" si="443"/>
        <v>472.79339999999996</v>
      </c>
    </row>
    <row r="28401" spans="1:3" x14ac:dyDescent="0.25">
      <c r="A28401" s="2" t="s">
        <v>16814</v>
      </c>
      <c r="B28401" s="6">
        <v>472810.05</v>
      </c>
      <c r="C28401" s="7">
        <f t="shared" si="443"/>
        <v>472.81004999999999</v>
      </c>
    </row>
    <row r="28402" spans="1:3" x14ac:dyDescent="0.25">
      <c r="A28402" s="2" t="s">
        <v>16815</v>
      </c>
      <c r="B28402" s="6">
        <v>472826.69999999995</v>
      </c>
      <c r="C28402" s="7">
        <f t="shared" si="443"/>
        <v>472.82669999999996</v>
      </c>
    </row>
    <row r="28403" spans="1:3" x14ac:dyDescent="0.25">
      <c r="A28403" s="2" t="s">
        <v>16816</v>
      </c>
      <c r="B28403" s="6">
        <v>472843.35</v>
      </c>
      <c r="C28403" s="7">
        <f t="shared" si="443"/>
        <v>472.84334999999999</v>
      </c>
    </row>
    <row r="28404" spans="1:3" x14ac:dyDescent="0.25">
      <c r="A28404" s="2" t="s">
        <v>16817</v>
      </c>
      <c r="B28404" s="6">
        <v>472859.99999999994</v>
      </c>
      <c r="C28404" s="7">
        <f t="shared" si="443"/>
        <v>472.85999999999996</v>
      </c>
    </row>
    <row r="28405" spans="1:3" x14ac:dyDescent="0.25">
      <c r="A28405" s="2" t="s">
        <v>16818</v>
      </c>
      <c r="B28405" s="6">
        <v>472876.64999999997</v>
      </c>
      <c r="C28405" s="7">
        <f t="shared" si="443"/>
        <v>472.87664999999998</v>
      </c>
    </row>
    <row r="28406" spans="1:3" x14ac:dyDescent="0.25">
      <c r="A28406" s="2" t="s">
        <v>16819</v>
      </c>
      <c r="B28406" s="6">
        <v>472893.3</v>
      </c>
      <c r="C28406" s="7">
        <f t="shared" si="443"/>
        <v>472.89330000000001</v>
      </c>
    </row>
    <row r="28407" spans="1:3" x14ac:dyDescent="0.25">
      <c r="A28407" s="2" t="s">
        <v>16820</v>
      </c>
      <c r="B28407" s="6">
        <v>472909.94999999995</v>
      </c>
      <c r="C28407" s="7">
        <f t="shared" si="443"/>
        <v>472.90994999999998</v>
      </c>
    </row>
    <row r="28408" spans="1:3" x14ac:dyDescent="0.25">
      <c r="A28408" s="2" t="s">
        <v>16821</v>
      </c>
      <c r="B28408" s="6">
        <v>472926.6</v>
      </c>
      <c r="C28408" s="7">
        <f t="shared" si="443"/>
        <v>472.92659999999995</v>
      </c>
    </row>
    <row r="28409" spans="1:3" x14ac:dyDescent="0.25">
      <c r="A28409" s="2" t="s">
        <v>16822</v>
      </c>
      <c r="B28409" s="6">
        <v>472943.24999999994</v>
      </c>
      <c r="C28409" s="7">
        <f t="shared" si="443"/>
        <v>472.94324999999992</v>
      </c>
    </row>
    <row r="28410" spans="1:3" x14ac:dyDescent="0.25">
      <c r="A28410" s="2" t="s">
        <v>16823</v>
      </c>
      <c r="B28410" s="6">
        <v>472959.89999999997</v>
      </c>
      <c r="C28410" s="7">
        <f t="shared" si="443"/>
        <v>472.95989999999995</v>
      </c>
    </row>
    <row r="28411" spans="1:3" x14ac:dyDescent="0.25">
      <c r="A28411" s="2" t="s">
        <v>16824</v>
      </c>
      <c r="B28411" s="6">
        <v>472976.55</v>
      </c>
      <c r="C28411" s="7">
        <f t="shared" si="443"/>
        <v>472.97654999999997</v>
      </c>
    </row>
    <row r="28412" spans="1:3" x14ac:dyDescent="0.25">
      <c r="A28412" s="2" t="s">
        <v>16825</v>
      </c>
      <c r="B28412" s="6">
        <v>472993.19999999995</v>
      </c>
      <c r="C28412" s="7">
        <f t="shared" si="443"/>
        <v>472.99319999999994</v>
      </c>
    </row>
    <row r="28413" spans="1:3" x14ac:dyDescent="0.25">
      <c r="A28413" s="2" t="s">
        <v>16826</v>
      </c>
      <c r="B28413" s="6">
        <v>473009.85</v>
      </c>
      <c r="C28413" s="7">
        <f t="shared" si="443"/>
        <v>473.00984999999997</v>
      </c>
    </row>
    <row r="28414" spans="1:3" x14ac:dyDescent="0.25">
      <c r="A28414" s="2" t="s">
        <v>16827</v>
      </c>
      <c r="B28414" s="6">
        <v>473026.49999999994</v>
      </c>
      <c r="C28414" s="7">
        <f t="shared" si="443"/>
        <v>473.02649999999994</v>
      </c>
    </row>
    <row r="28415" spans="1:3" x14ac:dyDescent="0.25">
      <c r="A28415" s="2" t="s">
        <v>16828</v>
      </c>
      <c r="B28415" s="6">
        <v>473043.14999999997</v>
      </c>
      <c r="C28415" s="7">
        <f t="shared" si="443"/>
        <v>473.04314999999997</v>
      </c>
    </row>
    <row r="28416" spans="1:3" x14ac:dyDescent="0.25">
      <c r="A28416" s="2" t="s">
        <v>16829</v>
      </c>
      <c r="B28416" s="6">
        <v>473059.8</v>
      </c>
      <c r="C28416" s="7">
        <f t="shared" si="443"/>
        <v>473.0598</v>
      </c>
    </row>
    <row r="28417" spans="1:3" x14ac:dyDescent="0.25">
      <c r="A28417" s="2" t="s">
        <v>16830</v>
      </c>
      <c r="B28417" s="6">
        <v>473076.44999999995</v>
      </c>
      <c r="C28417" s="7">
        <f t="shared" si="443"/>
        <v>473.07644999999997</v>
      </c>
    </row>
    <row r="28418" spans="1:3" x14ac:dyDescent="0.25">
      <c r="A28418" s="2" t="s">
        <v>16831</v>
      </c>
      <c r="B28418" s="6">
        <v>473093.1</v>
      </c>
      <c r="C28418" s="7">
        <f t="shared" si="443"/>
        <v>473.09309999999999</v>
      </c>
    </row>
    <row r="28419" spans="1:3" x14ac:dyDescent="0.25">
      <c r="A28419" s="2" t="s">
        <v>16832</v>
      </c>
      <c r="B28419" s="6">
        <v>473109.74999999994</v>
      </c>
      <c r="C28419" s="7">
        <f t="shared" ref="C28419:C28482" si="444">B28419/1000</f>
        <v>473.10974999999996</v>
      </c>
    </row>
    <row r="28420" spans="1:3" x14ac:dyDescent="0.25">
      <c r="A28420" s="2" t="s">
        <v>16833</v>
      </c>
      <c r="B28420" s="6">
        <v>473126.39999999997</v>
      </c>
      <c r="C28420" s="7">
        <f t="shared" si="444"/>
        <v>473.12639999999999</v>
      </c>
    </row>
    <row r="28421" spans="1:3" x14ac:dyDescent="0.25">
      <c r="A28421" s="2" t="s">
        <v>16834</v>
      </c>
      <c r="B28421" s="6">
        <v>473143.05</v>
      </c>
      <c r="C28421" s="7">
        <f t="shared" si="444"/>
        <v>473.14305000000002</v>
      </c>
    </row>
    <row r="28422" spans="1:3" x14ac:dyDescent="0.25">
      <c r="A28422" s="2" t="s">
        <v>16835</v>
      </c>
      <c r="B28422" s="6">
        <v>473159.69999999995</v>
      </c>
      <c r="C28422" s="7">
        <f t="shared" si="444"/>
        <v>473.15969999999993</v>
      </c>
    </row>
    <row r="28423" spans="1:3" x14ac:dyDescent="0.25">
      <c r="A28423" s="2" t="s">
        <v>16836</v>
      </c>
      <c r="B28423" s="6">
        <v>473176.35</v>
      </c>
      <c r="C28423" s="7">
        <f t="shared" si="444"/>
        <v>473.17634999999996</v>
      </c>
    </row>
    <row r="28424" spans="1:3" x14ac:dyDescent="0.25">
      <c r="A28424" s="2" t="s">
        <v>16837</v>
      </c>
      <c r="B28424" s="6">
        <v>473192.99999999994</v>
      </c>
      <c r="C28424" s="7">
        <f t="shared" si="444"/>
        <v>473.19299999999993</v>
      </c>
    </row>
    <row r="28425" spans="1:3" x14ac:dyDescent="0.25">
      <c r="A28425" s="2" t="s">
        <v>16838</v>
      </c>
      <c r="B28425" s="6">
        <v>473209.64999999997</v>
      </c>
      <c r="C28425" s="7">
        <f t="shared" si="444"/>
        <v>473.20964999999995</v>
      </c>
    </row>
    <row r="28426" spans="1:3" x14ac:dyDescent="0.25">
      <c r="A28426" s="2" t="s">
        <v>16839</v>
      </c>
      <c r="B28426" s="6">
        <v>473226.3</v>
      </c>
      <c r="C28426" s="7">
        <f t="shared" si="444"/>
        <v>473.22629999999998</v>
      </c>
    </row>
    <row r="28427" spans="1:3" x14ac:dyDescent="0.25">
      <c r="A28427" s="2" t="s">
        <v>16840</v>
      </c>
      <c r="B28427" s="6">
        <v>473242.94999999995</v>
      </c>
      <c r="C28427" s="7">
        <f t="shared" si="444"/>
        <v>473.24294999999995</v>
      </c>
    </row>
    <row r="28428" spans="1:3" x14ac:dyDescent="0.25">
      <c r="A28428" s="2" t="s">
        <v>16841</v>
      </c>
      <c r="B28428" s="6">
        <v>473259.6</v>
      </c>
      <c r="C28428" s="7">
        <f t="shared" si="444"/>
        <v>473.25959999999998</v>
      </c>
    </row>
    <row r="28429" spans="1:3" x14ac:dyDescent="0.25">
      <c r="A28429" s="2" t="s">
        <v>16842</v>
      </c>
      <c r="B28429" s="6">
        <v>473276.24999999994</v>
      </c>
      <c r="C28429" s="7">
        <f t="shared" si="444"/>
        <v>473.27624999999995</v>
      </c>
    </row>
    <row r="28430" spans="1:3" x14ac:dyDescent="0.25">
      <c r="A28430" s="2" t="s">
        <v>16843</v>
      </c>
      <c r="B28430" s="6">
        <v>473292.89999999997</v>
      </c>
      <c r="C28430" s="7">
        <f t="shared" si="444"/>
        <v>473.29289999999997</v>
      </c>
    </row>
    <row r="28431" spans="1:3" x14ac:dyDescent="0.25">
      <c r="A28431" s="2" t="s">
        <v>16844</v>
      </c>
      <c r="B28431" s="6">
        <v>473309.55</v>
      </c>
      <c r="C28431" s="7">
        <f t="shared" si="444"/>
        <v>473.30955</v>
      </c>
    </row>
    <row r="28432" spans="1:3" x14ac:dyDescent="0.25">
      <c r="A28432" s="2" t="s">
        <v>16845</v>
      </c>
      <c r="B28432" s="6">
        <v>473326.19999999995</v>
      </c>
      <c r="C28432" s="7">
        <f t="shared" si="444"/>
        <v>473.32619999999997</v>
      </c>
    </row>
    <row r="28433" spans="1:3" x14ac:dyDescent="0.25">
      <c r="A28433" s="2" t="s">
        <v>16846</v>
      </c>
      <c r="B28433" s="6">
        <v>473342.85</v>
      </c>
      <c r="C28433" s="7">
        <f t="shared" si="444"/>
        <v>473.34285</v>
      </c>
    </row>
    <row r="28434" spans="1:3" x14ac:dyDescent="0.25">
      <c r="A28434" s="2" t="s">
        <v>16847</v>
      </c>
      <c r="B28434" s="6">
        <v>473359.49999999994</v>
      </c>
      <c r="C28434" s="7">
        <f t="shared" si="444"/>
        <v>473.35949999999997</v>
      </c>
    </row>
    <row r="28435" spans="1:3" x14ac:dyDescent="0.25">
      <c r="A28435" s="2" t="s">
        <v>16848</v>
      </c>
      <c r="B28435" s="6">
        <v>473376.14999999997</v>
      </c>
      <c r="C28435" s="7">
        <f t="shared" si="444"/>
        <v>473.37614999999994</v>
      </c>
    </row>
    <row r="28436" spans="1:3" x14ac:dyDescent="0.25">
      <c r="A28436" s="2" t="s">
        <v>16849</v>
      </c>
      <c r="B28436" s="6">
        <v>473392.8</v>
      </c>
      <c r="C28436" s="7">
        <f t="shared" si="444"/>
        <v>473.39279999999997</v>
      </c>
    </row>
    <row r="28437" spans="1:3" x14ac:dyDescent="0.25">
      <c r="A28437" s="2" t="s">
        <v>16850</v>
      </c>
      <c r="B28437" s="6">
        <v>473409.44999999995</v>
      </c>
      <c r="C28437" s="7">
        <f t="shared" si="444"/>
        <v>473.40944999999994</v>
      </c>
    </row>
    <row r="28438" spans="1:3" x14ac:dyDescent="0.25">
      <c r="A28438" s="2" t="s">
        <v>16851</v>
      </c>
      <c r="B28438" s="6">
        <v>473426.1</v>
      </c>
      <c r="C28438" s="7">
        <f t="shared" si="444"/>
        <v>473.42609999999996</v>
      </c>
    </row>
    <row r="28439" spans="1:3" x14ac:dyDescent="0.25">
      <c r="A28439" s="2" t="s">
        <v>16852</v>
      </c>
      <c r="B28439" s="6">
        <v>473442.74999999994</v>
      </c>
      <c r="C28439" s="7">
        <f t="shared" si="444"/>
        <v>473.44274999999993</v>
      </c>
    </row>
    <row r="28440" spans="1:3" x14ac:dyDescent="0.25">
      <c r="A28440" s="2" t="s">
        <v>16853</v>
      </c>
      <c r="B28440" s="6">
        <v>473459.39999999997</v>
      </c>
      <c r="C28440" s="7">
        <f t="shared" si="444"/>
        <v>473.45939999999996</v>
      </c>
    </row>
    <row r="28441" spans="1:3" x14ac:dyDescent="0.25">
      <c r="A28441" s="2" t="s">
        <v>16854</v>
      </c>
      <c r="B28441" s="6">
        <v>473476.05</v>
      </c>
      <c r="C28441" s="7">
        <f t="shared" si="444"/>
        <v>473.47604999999999</v>
      </c>
    </row>
    <row r="28442" spans="1:3" x14ac:dyDescent="0.25">
      <c r="A28442" s="2" t="s">
        <v>16855</v>
      </c>
      <c r="B28442" s="6">
        <v>473492.69999999995</v>
      </c>
      <c r="C28442" s="7">
        <f t="shared" si="444"/>
        <v>473.49269999999996</v>
      </c>
    </row>
    <row r="28443" spans="1:3" x14ac:dyDescent="0.25">
      <c r="A28443" s="2" t="s">
        <v>16856</v>
      </c>
      <c r="B28443" s="6">
        <v>473509.35</v>
      </c>
      <c r="C28443" s="7">
        <f t="shared" si="444"/>
        <v>473.50934999999998</v>
      </c>
    </row>
    <row r="28444" spans="1:3" x14ac:dyDescent="0.25">
      <c r="A28444" s="2" t="s">
        <v>16857</v>
      </c>
      <c r="B28444" s="6">
        <v>473525.99999999994</v>
      </c>
      <c r="C28444" s="7">
        <f t="shared" si="444"/>
        <v>473.52599999999995</v>
      </c>
    </row>
    <row r="28445" spans="1:3" x14ac:dyDescent="0.25">
      <c r="A28445" s="2" t="s">
        <v>16858</v>
      </c>
      <c r="B28445" s="6">
        <v>473542.64999999997</v>
      </c>
      <c r="C28445" s="7">
        <f t="shared" si="444"/>
        <v>473.54264999999998</v>
      </c>
    </row>
    <row r="28446" spans="1:3" x14ac:dyDescent="0.25">
      <c r="A28446" s="2" t="s">
        <v>16859</v>
      </c>
      <c r="B28446" s="6">
        <v>473559.3</v>
      </c>
      <c r="C28446" s="7">
        <f t="shared" si="444"/>
        <v>473.55930000000001</v>
      </c>
    </row>
    <row r="28447" spans="1:3" x14ac:dyDescent="0.25">
      <c r="A28447" s="2" t="s">
        <v>16860</v>
      </c>
      <c r="B28447" s="6">
        <v>473575.94999999995</v>
      </c>
      <c r="C28447" s="7">
        <f t="shared" si="444"/>
        <v>473.57594999999998</v>
      </c>
    </row>
    <row r="28448" spans="1:3" x14ac:dyDescent="0.25">
      <c r="A28448" s="2" t="s">
        <v>16861</v>
      </c>
      <c r="B28448" s="6">
        <v>473592.6</v>
      </c>
      <c r="C28448" s="7">
        <f t="shared" si="444"/>
        <v>473.5926</v>
      </c>
    </row>
    <row r="28449" spans="1:3" x14ac:dyDescent="0.25">
      <c r="A28449" s="2" t="s">
        <v>16862</v>
      </c>
      <c r="B28449" s="6">
        <v>473609.24999999994</v>
      </c>
      <c r="C28449" s="7">
        <f t="shared" si="444"/>
        <v>473.60924999999992</v>
      </c>
    </row>
    <row r="28450" spans="1:3" x14ac:dyDescent="0.25">
      <c r="A28450" s="2" t="s">
        <v>16863</v>
      </c>
      <c r="B28450" s="6">
        <v>473625.89999999997</v>
      </c>
      <c r="C28450" s="7">
        <f t="shared" si="444"/>
        <v>473.62589999999994</v>
      </c>
    </row>
    <row r="28451" spans="1:3" x14ac:dyDescent="0.25">
      <c r="A28451" s="2" t="s">
        <v>16864</v>
      </c>
      <c r="B28451" s="6">
        <v>473642.55</v>
      </c>
      <c r="C28451" s="7">
        <f t="shared" si="444"/>
        <v>473.64254999999997</v>
      </c>
    </row>
    <row r="28452" spans="1:3" x14ac:dyDescent="0.25">
      <c r="A28452" s="2" t="s">
        <v>16865</v>
      </c>
      <c r="B28452" s="6">
        <v>473659.19999999995</v>
      </c>
      <c r="C28452" s="7">
        <f t="shared" si="444"/>
        <v>473.65919999999994</v>
      </c>
    </row>
    <row r="28453" spans="1:3" x14ac:dyDescent="0.25">
      <c r="A28453" s="2" t="s">
        <v>16866</v>
      </c>
      <c r="B28453" s="6">
        <v>473675.85</v>
      </c>
      <c r="C28453" s="7">
        <f t="shared" si="444"/>
        <v>473.67584999999997</v>
      </c>
    </row>
    <row r="28454" spans="1:3" x14ac:dyDescent="0.25">
      <c r="A28454" s="2" t="s">
        <v>16867</v>
      </c>
      <c r="B28454" s="6">
        <v>473692.49999999994</v>
      </c>
      <c r="C28454" s="7">
        <f t="shared" si="444"/>
        <v>473.69249999999994</v>
      </c>
    </row>
    <row r="28455" spans="1:3" x14ac:dyDescent="0.25">
      <c r="A28455" s="2" t="s">
        <v>16868</v>
      </c>
      <c r="B28455" s="6">
        <v>473709.14999999997</v>
      </c>
      <c r="C28455" s="7">
        <f t="shared" si="444"/>
        <v>473.70914999999997</v>
      </c>
    </row>
    <row r="28456" spans="1:3" x14ac:dyDescent="0.25">
      <c r="A28456" s="2" t="s">
        <v>16869</v>
      </c>
      <c r="B28456" s="6">
        <v>473725.8</v>
      </c>
      <c r="C28456" s="7">
        <f t="shared" si="444"/>
        <v>473.72579999999999</v>
      </c>
    </row>
    <row r="28457" spans="1:3" x14ac:dyDescent="0.25">
      <c r="A28457" s="2" t="s">
        <v>16870</v>
      </c>
      <c r="B28457" s="6">
        <v>473742.44999999995</v>
      </c>
      <c r="C28457" s="7">
        <f t="shared" si="444"/>
        <v>473.74244999999996</v>
      </c>
    </row>
    <row r="28458" spans="1:3" x14ac:dyDescent="0.25">
      <c r="A28458" s="2" t="s">
        <v>16871</v>
      </c>
      <c r="B28458" s="6">
        <v>473759.1</v>
      </c>
      <c r="C28458" s="7">
        <f t="shared" si="444"/>
        <v>473.75909999999999</v>
      </c>
    </row>
    <row r="28459" spans="1:3" x14ac:dyDescent="0.25">
      <c r="A28459" s="2" t="s">
        <v>16872</v>
      </c>
      <c r="B28459" s="6">
        <v>473775.74999999994</v>
      </c>
      <c r="C28459" s="7">
        <f t="shared" si="444"/>
        <v>473.77574999999996</v>
      </c>
    </row>
    <row r="28460" spans="1:3" x14ac:dyDescent="0.25">
      <c r="A28460" s="2" t="s">
        <v>16873</v>
      </c>
      <c r="B28460" s="6">
        <v>473792.39999999997</v>
      </c>
      <c r="C28460" s="7">
        <f t="shared" si="444"/>
        <v>473.79239999999999</v>
      </c>
    </row>
    <row r="28461" spans="1:3" x14ac:dyDescent="0.25">
      <c r="A28461" s="2" t="s">
        <v>16874</v>
      </c>
      <c r="B28461" s="6">
        <v>473809.05</v>
      </c>
      <c r="C28461" s="7">
        <f t="shared" si="444"/>
        <v>473.80905000000001</v>
      </c>
    </row>
    <row r="28462" spans="1:3" x14ac:dyDescent="0.25">
      <c r="A28462" s="2" t="s">
        <v>16875</v>
      </c>
      <c r="B28462" s="6">
        <v>473825.69999999995</v>
      </c>
      <c r="C28462" s="7">
        <f t="shared" si="444"/>
        <v>473.82569999999993</v>
      </c>
    </row>
    <row r="28463" spans="1:3" x14ac:dyDescent="0.25">
      <c r="A28463" s="2" t="s">
        <v>16876</v>
      </c>
      <c r="B28463" s="6">
        <v>473842.35</v>
      </c>
      <c r="C28463" s="7">
        <f t="shared" si="444"/>
        <v>473.84234999999995</v>
      </c>
    </row>
    <row r="28464" spans="1:3" x14ac:dyDescent="0.25">
      <c r="A28464" s="2" t="s">
        <v>16877</v>
      </c>
      <c r="B28464" s="6">
        <v>473858.99999999994</v>
      </c>
      <c r="C28464" s="7">
        <f t="shared" si="444"/>
        <v>473.85899999999992</v>
      </c>
    </row>
    <row r="28465" spans="1:3" x14ac:dyDescent="0.25">
      <c r="A28465" s="2" t="s">
        <v>16878</v>
      </c>
      <c r="B28465" s="6">
        <v>473875.64999999997</v>
      </c>
      <c r="C28465" s="7">
        <f t="shared" si="444"/>
        <v>473.87564999999995</v>
      </c>
    </row>
    <row r="28466" spans="1:3" x14ac:dyDescent="0.25">
      <c r="A28466" s="2" t="s">
        <v>16879</v>
      </c>
      <c r="B28466" s="6">
        <v>473892.3</v>
      </c>
      <c r="C28466" s="7">
        <f t="shared" si="444"/>
        <v>473.89229999999998</v>
      </c>
    </row>
    <row r="28467" spans="1:3" x14ac:dyDescent="0.25">
      <c r="A28467" s="2" t="s">
        <v>16880</v>
      </c>
      <c r="B28467" s="6">
        <v>473908.94999999995</v>
      </c>
      <c r="C28467" s="7">
        <f t="shared" si="444"/>
        <v>473.90894999999995</v>
      </c>
    </row>
    <row r="28468" spans="1:3" x14ac:dyDescent="0.25">
      <c r="A28468" s="2" t="s">
        <v>16881</v>
      </c>
      <c r="B28468" s="6">
        <v>473925.6</v>
      </c>
      <c r="C28468" s="7">
        <f t="shared" si="444"/>
        <v>473.92559999999997</v>
      </c>
    </row>
    <row r="28469" spans="1:3" x14ac:dyDescent="0.25">
      <c r="A28469" s="2" t="s">
        <v>16882</v>
      </c>
      <c r="B28469" s="6">
        <v>473942.24999999994</v>
      </c>
      <c r="C28469" s="7">
        <f t="shared" si="444"/>
        <v>473.94224999999994</v>
      </c>
    </row>
    <row r="28470" spans="1:3" x14ac:dyDescent="0.25">
      <c r="A28470" s="2" t="s">
        <v>16883</v>
      </c>
      <c r="B28470" s="6">
        <v>473958.89999999997</v>
      </c>
      <c r="C28470" s="7">
        <f t="shared" si="444"/>
        <v>473.95889999999997</v>
      </c>
    </row>
    <row r="28471" spans="1:3" x14ac:dyDescent="0.25">
      <c r="A28471" s="2" t="s">
        <v>16884</v>
      </c>
      <c r="B28471" s="6">
        <v>473975.55</v>
      </c>
      <c r="C28471" s="7">
        <f t="shared" si="444"/>
        <v>473.97555</v>
      </c>
    </row>
    <row r="28472" spans="1:3" x14ac:dyDescent="0.25">
      <c r="A28472" s="2" t="s">
        <v>16885</v>
      </c>
      <c r="B28472" s="6">
        <v>473992.19999999995</v>
      </c>
      <c r="C28472" s="7">
        <f t="shared" si="444"/>
        <v>473.99219999999997</v>
      </c>
    </row>
    <row r="28473" spans="1:3" x14ac:dyDescent="0.25">
      <c r="A28473" s="2" t="s">
        <v>16886</v>
      </c>
      <c r="B28473" s="6">
        <v>474008.85</v>
      </c>
      <c r="C28473" s="7">
        <f t="shared" si="444"/>
        <v>474.00885</v>
      </c>
    </row>
    <row r="28474" spans="1:3" x14ac:dyDescent="0.25">
      <c r="A28474" s="2" t="s">
        <v>16887</v>
      </c>
      <c r="B28474" s="6">
        <v>474025.49999999994</v>
      </c>
      <c r="C28474" s="7">
        <f t="shared" si="444"/>
        <v>474.02549999999997</v>
      </c>
    </row>
    <row r="28475" spans="1:3" x14ac:dyDescent="0.25">
      <c r="A28475" s="2" t="s">
        <v>16888</v>
      </c>
      <c r="B28475" s="6">
        <v>474042.14999999997</v>
      </c>
      <c r="C28475" s="7">
        <f t="shared" si="444"/>
        <v>474.04214999999999</v>
      </c>
    </row>
    <row r="28476" spans="1:3" x14ac:dyDescent="0.25">
      <c r="A28476" s="2" t="s">
        <v>16889</v>
      </c>
      <c r="B28476" s="6">
        <v>474058.8</v>
      </c>
      <c r="C28476" s="7">
        <f t="shared" si="444"/>
        <v>474.05879999999996</v>
      </c>
    </row>
    <row r="28477" spans="1:3" x14ac:dyDescent="0.25">
      <c r="A28477" s="2" t="s">
        <v>16890</v>
      </c>
      <c r="B28477" s="6">
        <v>474075.44999999995</v>
      </c>
      <c r="C28477" s="7">
        <f t="shared" si="444"/>
        <v>474.07544999999993</v>
      </c>
    </row>
    <row r="28478" spans="1:3" x14ac:dyDescent="0.25">
      <c r="A28478" s="2" t="s">
        <v>16891</v>
      </c>
      <c r="B28478" s="6">
        <v>474092.1</v>
      </c>
      <c r="C28478" s="7">
        <f t="shared" si="444"/>
        <v>474.09209999999996</v>
      </c>
    </row>
    <row r="28479" spans="1:3" x14ac:dyDescent="0.25">
      <c r="A28479" s="2" t="s">
        <v>16892</v>
      </c>
      <c r="B28479" s="6">
        <v>474108.74999999994</v>
      </c>
      <c r="C28479" s="7">
        <f t="shared" si="444"/>
        <v>474.10874999999993</v>
      </c>
    </row>
    <row r="28480" spans="1:3" x14ac:dyDescent="0.25">
      <c r="A28480" s="2" t="s">
        <v>16893</v>
      </c>
      <c r="B28480" s="6">
        <v>474125.39999999997</v>
      </c>
      <c r="C28480" s="7">
        <f t="shared" si="444"/>
        <v>474.12539999999996</v>
      </c>
    </row>
    <row r="28481" spans="1:3" x14ac:dyDescent="0.25">
      <c r="A28481" s="2" t="s">
        <v>16894</v>
      </c>
      <c r="B28481" s="6">
        <v>474142.05</v>
      </c>
      <c r="C28481" s="7">
        <f t="shared" si="444"/>
        <v>474.14204999999998</v>
      </c>
    </row>
    <row r="28482" spans="1:3" x14ac:dyDescent="0.25">
      <c r="A28482" s="2" t="s">
        <v>16895</v>
      </c>
      <c r="B28482" s="6">
        <v>474158.69999999995</v>
      </c>
      <c r="C28482" s="7">
        <f t="shared" si="444"/>
        <v>474.15869999999995</v>
      </c>
    </row>
    <row r="28483" spans="1:3" x14ac:dyDescent="0.25">
      <c r="A28483" s="2" t="s">
        <v>16896</v>
      </c>
      <c r="B28483" s="6">
        <v>474175.35</v>
      </c>
      <c r="C28483" s="7">
        <f t="shared" ref="C28483:C28546" si="445">B28483/1000</f>
        <v>474.17534999999998</v>
      </c>
    </row>
    <row r="28484" spans="1:3" x14ac:dyDescent="0.25">
      <c r="A28484" s="2" t="s">
        <v>16897</v>
      </c>
      <c r="B28484" s="6">
        <v>474191.99999999994</v>
      </c>
      <c r="C28484" s="7">
        <f t="shared" si="445"/>
        <v>474.19199999999995</v>
      </c>
    </row>
    <row r="28485" spans="1:3" x14ac:dyDescent="0.25">
      <c r="A28485" s="2" t="s">
        <v>16898</v>
      </c>
      <c r="B28485" s="6">
        <v>474208.64999999997</v>
      </c>
      <c r="C28485" s="7">
        <f t="shared" si="445"/>
        <v>474.20864999999998</v>
      </c>
    </row>
    <row r="28486" spans="1:3" x14ac:dyDescent="0.25">
      <c r="A28486" s="2" t="s">
        <v>16899</v>
      </c>
      <c r="B28486" s="6">
        <v>474225.3</v>
      </c>
      <c r="C28486" s="7">
        <f t="shared" si="445"/>
        <v>474.2253</v>
      </c>
    </row>
    <row r="28487" spans="1:3" x14ac:dyDescent="0.25">
      <c r="A28487" s="2" t="s">
        <v>16900</v>
      </c>
      <c r="B28487" s="6">
        <v>474241.94999999995</v>
      </c>
      <c r="C28487" s="7">
        <f t="shared" si="445"/>
        <v>474.24194999999997</v>
      </c>
    </row>
    <row r="28488" spans="1:3" x14ac:dyDescent="0.25">
      <c r="A28488" s="2" t="s">
        <v>16901</v>
      </c>
      <c r="B28488" s="6">
        <v>474258.6</v>
      </c>
      <c r="C28488" s="7">
        <f t="shared" si="445"/>
        <v>474.2586</v>
      </c>
    </row>
    <row r="28489" spans="1:3" x14ac:dyDescent="0.25">
      <c r="A28489" s="2" t="s">
        <v>16902</v>
      </c>
      <c r="B28489" s="6">
        <v>474275.24999999994</v>
      </c>
      <c r="C28489" s="7">
        <f t="shared" si="445"/>
        <v>474.27524999999991</v>
      </c>
    </row>
    <row r="28490" spans="1:3" x14ac:dyDescent="0.25">
      <c r="A28490" s="2" t="s">
        <v>16903</v>
      </c>
      <c r="B28490" s="6">
        <v>474291.89999999997</v>
      </c>
      <c r="C28490" s="7">
        <f t="shared" si="445"/>
        <v>474.29189999999994</v>
      </c>
    </row>
    <row r="28491" spans="1:3" x14ac:dyDescent="0.25">
      <c r="A28491" s="2" t="s">
        <v>16904</v>
      </c>
      <c r="B28491" s="6">
        <v>474308.55</v>
      </c>
      <c r="C28491" s="7">
        <f t="shared" si="445"/>
        <v>474.30854999999997</v>
      </c>
    </row>
    <row r="28492" spans="1:3" x14ac:dyDescent="0.25">
      <c r="A28492" s="2" t="s">
        <v>16905</v>
      </c>
      <c r="B28492" s="6">
        <v>474325.19999999995</v>
      </c>
      <c r="C28492" s="7">
        <f t="shared" si="445"/>
        <v>474.32519999999994</v>
      </c>
    </row>
    <row r="28493" spans="1:3" x14ac:dyDescent="0.25">
      <c r="A28493" s="2" t="s">
        <v>16906</v>
      </c>
      <c r="B28493" s="6">
        <v>474341.85</v>
      </c>
      <c r="C28493" s="7">
        <f t="shared" si="445"/>
        <v>474.34184999999997</v>
      </c>
    </row>
    <row r="28494" spans="1:3" x14ac:dyDescent="0.25">
      <c r="A28494" s="2" t="s">
        <v>16907</v>
      </c>
      <c r="B28494" s="6">
        <v>474358.49999999994</v>
      </c>
      <c r="C28494" s="7">
        <f t="shared" si="445"/>
        <v>474.35849999999994</v>
      </c>
    </row>
    <row r="28495" spans="1:3" x14ac:dyDescent="0.25">
      <c r="A28495" s="2" t="s">
        <v>16908</v>
      </c>
      <c r="B28495" s="6">
        <v>474375.14999999997</v>
      </c>
      <c r="C28495" s="7">
        <f t="shared" si="445"/>
        <v>474.37514999999996</v>
      </c>
    </row>
    <row r="28496" spans="1:3" x14ac:dyDescent="0.25">
      <c r="A28496" s="2" t="s">
        <v>16909</v>
      </c>
      <c r="B28496" s="6">
        <v>474391.8</v>
      </c>
      <c r="C28496" s="7">
        <f t="shared" si="445"/>
        <v>474.39179999999999</v>
      </c>
    </row>
    <row r="28497" spans="1:3" x14ac:dyDescent="0.25">
      <c r="A28497" s="2" t="s">
        <v>16910</v>
      </c>
      <c r="B28497" s="6">
        <v>474408.44999999995</v>
      </c>
      <c r="C28497" s="7">
        <f t="shared" si="445"/>
        <v>474.40844999999996</v>
      </c>
    </row>
    <row r="28498" spans="1:3" x14ac:dyDescent="0.25">
      <c r="A28498" s="2" t="s">
        <v>16911</v>
      </c>
      <c r="B28498" s="6">
        <v>474425.1</v>
      </c>
      <c r="C28498" s="7">
        <f t="shared" si="445"/>
        <v>474.42509999999999</v>
      </c>
    </row>
    <row r="28499" spans="1:3" x14ac:dyDescent="0.25">
      <c r="A28499" s="2" t="s">
        <v>16912</v>
      </c>
      <c r="B28499" s="6">
        <v>474441.74999999994</v>
      </c>
      <c r="C28499" s="7">
        <f t="shared" si="445"/>
        <v>474.44174999999996</v>
      </c>
    </row>
    <row r="28500" spans="1:3" x14ac:dyDescent="0.25">
      <c r="A28500" s="2" t="s">
        <v>16913</v>
      </c>
      <c r="B28500" s="6">
        <v>474458.39999999997</v>
      </c>
      <c r="C28500" s="7">
        <f t="shared" si="445"/>
        <v>474.45839999999998</v>
      </c>
    </row>
    <row r="28501" spans="1:3" x14ac:dyDescent="0.25">
      <c r="A28501" s="2" t="s">
        <v>16914</v>
      </c>
      <c r="B28501" s="6">
        <v>474475.05</v>
      </c>
      <c r="C28501" s="7">
        <f t="shared" si="445"/>
        <v>474.47505000000001</v>
      </c>
    </row>
    <row r="28502" spans="1:3" x14ac:dyDescent="0.25">
      <c r="A28502" s="2" t="s">
        <v>16915</v>
      </c>
      <c r="B28502" s="6">
        <v>474491.69999999995</v>
      </c>
      <c r="C28502" s="7">
        <f t="shared" si="445"/>
        <v>474.49169999999998</v>
      </c>
    </row>
    <row r="28503" spans="1:3" x14ac:dyDescent="0.25">
      <c r="A28503" s="2" t="s">
        <v>16916</v>
      </c>
      <c r="B28503" s="6">
        <v>474508.35</v>
      </c>
      <c r="C28503" s="7">
        <f t="shared" si="445"/>
        <v>474.50834999999995</v>
      </c>
    </row>
    <row r="28504" spans="1:3" x14ac:dyDescent="0.25">
      <c r="A28504" s="2" t="s">
        <v>16917</v>
      </c>
      <c r="B28504" s="6">
        <v>474524.99999999994</v>
      </c>
      <c r="C28504" s="7">
        <f t="shared" si="445"/>
        <v>474.52499999999992</v>
      </c>
    </row>
    <row r="28505" spans="1:3" x14ac:dyDescent="0.25">
      <c r="A28505" s="2" t="s">
        <v>16918</v>
      </c>
      <c r="B28505" s="6">
        <v>474541.64999999997</v>
      </c>
      <c r="C28505" s="7">
        <f t="shared" si="445"/>
        <v>474.54164999999995</v>
      </c>
    </row>
    <row r="28506" spans="1:3" x14ac:dyDescent="0.25">
      <c r="A28506" s="2" t="s">
        <v>16919</v>
      </c>
      <c r="B28506" s="6">
        <v>474558.3</v>
      </c>
      <c r="C28506" s="7">
        <f t="shared" si="445"/>
        <v>474.55829999999997</v>
      </c>
    </row>
    <row r="28507" spans="1:3" x14ac:dyDescent="0.25">
      <c r="A28507" s="2" t="s">
        <v>16920</v>
      </c>
      <c r="B28507" s="6">
        <v>474574.94999999995</v>
      </c>
      <c r="C28507" s="7">
        <f t="shared" si="445"/>
        <v>474.57494999999994</v>
      </c>
    </row>
    <row r="28508" spans="1:3" x14ac:dyDescent="0.25">
      <c r="A28508" s="2" t="s">
        <v>16921</v>
      </c>
      <c r="B28508" s="6">
        <v>474591.6</v>
      </c>
      <c r="C28508" s="7">
        <f t="shared" si="445"/>
        <v>474.59159999999997</v>
      </c>
    </row>
    <row r="28509" spans="1:3" x14ac:dyDescent="0.25">
      <c r="A28509" s="2" t="s">
        <v>16922</v>
      </c>
      <c r="B28509" s="6">
        <v>474608.24999999994</v>
      </c>
      <c r="C28509" s="7">
        <f t="shared" si="445"/>
        <v>474.60824999999994</v>
      </c>
    </row>
    <row r="28510" spans="1:3" x14ac:dyDescent="0.25">
      <c r="A28510" s="2" t="s">
        <v>16923</v>
      </c>
      <c r="B28510" s="6">
        <v>474624.89999999997</v>
      </c>
      <c r="C28510" s="7">
        <f t="shared" si="445"/>
        <v>474.62489999999997</v>
      </c>
    </row>
    <row r="28511" spans="1:3" x14ac:dyDescent="0.25">
      <c r="A28511" s="2" t="s">
        <v>16924</v>
      </c>
      <c r="B28511" s="6">
        <v>474641.55</v>
      </c>
      <c r="C28511" s="7">
        <f t="shared" si="445"/>
        <v>474.64155</v>
      </c>
    </row>
    <row r="28512" spans="1:3" x14ac:dyDescent="0.25">
      <c r="A28512" s="2" t="s">
        <v>16925</v>
      </c>
      <c r="B28512" s="6">
        <v>474658.19999999995</v>
      </c>
      <c r="C28512" s="7">
        <f t="shared" si="445"/>
        <v>474.65819999999997</v>
      </c>
    </row>
    <row r="28513" spans="1:3" x14ac:dyDescent="0.25">
      <c r="A28513" s="2" t="s">
        <v>16926</v>
      </c>
      <c r="B28513" s="6">
        <v>474674.85</v>
      </c>
      <c r="C28513" s="7">
        <f t="shared" si="445"/>
        <v>474.67484999999999</v>
      </c>
    </row>
    <row r="28514" spans="1:3" x14ac:dyDescent="0.25">
      <c r="A28514" s="2" t="s">
        <v>16927</v>
      </c>
      <c r="B28514" s="6">
        <v>474691.49999999994</v>
      </c>
      <c r="C28514" s="7">
        <f t="shared" si="445"/>
        <v>474.69149999999996</v>
      </c>
    </row>
    <row r="28515" spans="1:3" x14ac:dyDescent="0.25">
      <c r="A28515" s="2" t="s">
        <v>16928</v>
      </c>
      <c r="B28515" s="6">
        <v>474708.14999999997</v>
      </c>
      <c r="C28515" s="7">
        <f t="shared" si="445"/>
        <v>474.70814999999999</v>
      </c>
    </row>
    <row r="28516" spans="1:3" x14ac:dyDescent="0.25">
      <c r="A28516" s="2" t="s">
        <v>16929</v>
      </c>
      <c r="B28516" s="6">
        <v>474724.8</v>
      </c>
      <c r="C28516" s="7">
        <f t="shared" si="445"/>
        <v>474.72480000000002</v>
      </c>
    </row>
    <row r="28517" spans="1:3" x14ac:dyDescent="0.25">
      <c r="A28517" s="2" t="s">
        <v>16930</v>
      </c>
      <c r="B28517" s="6">
        <v>474741.44999999995</v>
      </c>
      <c r="C28517" s="7">
        <f t="shared" si="445"/>
        <v>474.74144999999993</v>
      </c>
    </row>
    <row r="28518" spans="1:3" x14ac:dyDescent="0.25">
      <c r="A28518" s="2" t="s">
        <v>16931</v>
      </c>
      <c r="B28518" s="6">
        <v>474758.1</v>
      </c>
      <c r="C28518" s="7">
        <f t="shared" si="445"/>
        <v>474.75809999999996</v>
      </c>
    </row>
    <row r="28519" spans="1:3" x14ac:dyDescent="0.25">
      <c r="A28519" s="2" t="s">
        <v>16932</v>
      </c>
      <c r="B28519" s="6">
        <v>474774.74999999994</v>
      </c>
      <c r="C28519" s="7">
        <f t="shared" si="445"/>
        <v>474.77474999999993</v>
      </c>
    </row>
    <row r="28520" spans="1:3" x14ac:dyDescent="0.25">
      <c r="A28520" s="2" t="s">
        <v>16933</v>
      </c>
      <c r="B28520" s="6">
        <v>474791.39999999997</v>
      </c>
      <c r="C28520" s="7">
        <f t="shared" si="445"/>
        <v>474.79139999999995</v>
      </c>
    </row>
    <row r="28521" spans="1:3" x14ac:dyDescent="0.25">
      <c r="A28521" s="2" t="s">
        <v>16934</v>
      </c>
      <c r="B28521" s="6">
        <v>474808.05</v>
      </c>
      <c r="C28521" s="7">
        <f t="shared" si="445"/>
        <v>474.80804999999998</v>
      </c>
    </row>
    <row r="28522" spans="1:3" x14ac:dyDescent="0.25">
      <c r="A28522" s="2" t="s">
        <v>16935</v>
      </c>
      <c r="B28522" s="6">
        <v>474824.69999999995</v>
      </c>
      <c r="C28522" s="7">
        <f t="shared" si="445"/>
        <v>474.82469999999995</v>
      </c>
    </row>
    <row r="28523" spans="1:3" x14ac:dyDescent="0.25">
      <c r="A28523" s="2" t="s">
        <v>16936</v>
      </c>
      <c r="B28523" s="6">
        <v>474841.35</v>
      </c>
      <c r="C28523" s="7">
        <f t="shared" si="445"/>
        <v>474.84134999999998</v>
      </c>
    </row>
    <row r="28524" spans="1:3" x14ac:dyDescent="0.25">
      <c r="A28524" s="2" t="s">
        <v>16937</v>
      </c>
      <c r="B28524" s="6">
        <v>474857.99999999994</v>
      </c>
      <c r="C28524" s="7">
        <f t="shared" si="445"/>
        <v>474.85799999999995</v>
      </c>
    </row>
    <row r="28525" spans="1:3" x14ac:dyDescent="0.25">
      <c r="A28525" s="2" t="s">
        <v>16938</v>
      </c>
      <c r="B28525" s="6">
        <v>474874.64999999997</v>
      </c>
      <c r="C28525" s="7">
        <f t="shared" si="445"/>
        <v>474.87464999999997</v>
      </c>
    </row>
    <row r="28526" spans="1:3" x14ac:dyDescent="0.25">
      <c r="A28526" s="2" t="s">
        <v>16939</v>
      </c>
      <c r="B28526" s="6">
        <v>474891.3</v>
      </c>
      <c r="C28526" s="7">
        <f t="shared" si="445"/>
        <v>474.8913</v>
      </c>
    </row>
    <row r="28527" spans="1:3" x14ac:dyDescent="0.25">
      <c r="A28527" s="2" t="s">
        <v>16940</v>
      </c>
      <c r="B28527" s="6">
        <v>474907.94999999995</v>
      </c>
      <c r="C28527" s="7">
        <f t="shared" si="445"/>
        <v>474.90794999999997</v>
      </c>
    </row>
    <row r="28528" spans="1:3" x14ac:dyDescent="0.25">
      <c r="A28528" s="2" t="s">
        <v>16941</v>
      </c>
      <c r="B28528" s="6">
        <v>474924.6</v>
      </c>
      <c r="C28528" s="7">
        <f t="shared" si="445"/>
        <v>474.9246</v>
      </c>
    </row>
    <row r="28529" spans="1:3" x14ac:dyDescent="0.25">
      <c r="A28529" s="2" t="s">
        <v>16942</v>
      </c>
      <c r="B28529" s="6">
        <v>474941.24999999994</v>
      </c>
      <c r="C28529" s="7">
        <f t="shared" si="445"/>
        <v>474.94124999999997</v>
      </c>
    </row>
    <row r="28530" spans="1:3" x14ac:dyDescent="0.25">
      <c r="A28530" s="2" t="s">
        <v>16943</v>
      </c>
      <c r="B28530" s="6">
        <v>474957.89999999997</v>
      </c>
      <c r="C28530" s="7">
        <f t="shared" si="445"/>
        <v>474.95789999999994</v>
      </c>
    </row>
    <row r="28531" spans="1:3" x14ac:dyDescent="0.25">
      <c r="A28531" s="2" t="s">
        <v>16944</v>
      </c>
      <c r="B28531" s="6">
        <v>474974.55</v>
      </c>
      <c r="C28531" s="7">
        <f t="shared" si="445"/>
        <v>474.97454999999997</v>
      </c>
    </row>
    <row r="28532" spans="1:3" x14ac:dyDescent="0.25">
      <c r="A28532" s="2" t="s">
        <v>16945</v>
      </c>
      <c r="B28532" s="6">
        <v>474991.19999999995</v>
      </c>
      <c r="C28532" s="7">
        <f t="shared" si="445"/>
        <v>474.99119999999994</v>
      </c>
    </row>
    <row r="28533" spans="1:3" x14ac:dyDescent="0.25">
      <c r="A28533" s="2" t="s">
        <v>16946</v>
      </c>
      <c r="B28533" s="6">
        <v>475007.85</v>
      </c>
      <c r="C28533" s="7">
        <f t="shared" si="445"/>
        <v>475.00784999999996</v>
      </c>
    </row>
    <row r="28534" spans="1:3" x14ac:dyDescent="0.25">
      <c r="A28534" s="2" t="s">
        <v>16947</v>
      </c>
      <c r="B28534" s="6">
        <v>475024.49999999994</v>
      </c>
      <c r="C28534" s="7">
        <f t="shared" si="445"/>
        <v>475.02449999999993</v>
      </c>
    </row>
    <row r="28535" spans="1:3" x14ac:dyDescent="0.25">
      <c r="A28535" s="2" t="s">
        <v>16948</v>
      </c>
      <c r="B28535" s="6">
        <v>475041.14999999997</v>
      </c>
      <c r="C28535" s="7">
        <f t="shared" si="445"/>
        <v>475.04114999999996</v>
      </c>
    </row>
    <row r="28536" spans="1:3" x14ac:dyDescent="0.25">
      <c r="A28536" s="2" t="s">
        <v>16949</v>
      </c>
      <c r="B28536" s="6">
        <v>475057.8</v>
      </c>
      <c r="C28536" s="7">
        <f t="shared" si="445"/>
        <v>475.05779999999999</v>
      </c>
    </row>
    <row r="28537" spans="1:3" x14ac:dyDescent="0.25">
      <c r="A28537" s="2" t="s">
        <v>16950</v>
      </c>
      <c r="B28537" s="6">
        <v>475074.44999999995</v>
      </c>
      <c r="C28537" s="7">
        <f t="shared" si="445"/>
        <v>475.07444999999996</v>
      </c>
    </row>
    <row r="28538" spans="1:3" x14ac:dyDescent="0.25">
      <c r="A28538" s="2" t="s">
        <v>16951</v>
      </c>
      <c r="B28538" s="6">
        <v>475091.1</v>
      </c>
      <c r="C28538" s="7">
        <f t="shared" si="445"/>
        <v>475.09109999999998</v>
      </c>
    </row>
    <row r="28539" spans="1:3" x14ac:dyDescent="0.25">
      <c r="A28539" s="2" t="s">
        <v>16952</v>
      </c>
      <c r="B28539" s="6">
        <v>475107.74999999994</v>
      </c>
      <c r="C28539" s="7">
        <f t="shared" si="445"/>
        <v>475.10774999999995</v>
      </c>
    </row>
    <row r="28540" spans="1:3" x14ac:dyDescent="0.25">
      <c r="A28540" s="2" t="s">
        <v>16953</v>
      </c>
      <c r="B28540" s="6">
        <v>475124.39999999997</v>
      </c>
      <c r="C28540" s="7">
        <f t="shared" si="445"/>
        <v>475.12439999999998</v>
      </c>
    </row>
    <row r="28541" spans="1:3" x14ac:dyDescent="0.25">
      <c r="A28541" s="2" t="s">
        <v>16954</v>
      </c>
      <c r="B28541" s="6">
        <v>475141.05</v>
      </c>
      <c r="C28541" s="7">
        <f t="shared" si="445"/>
        <v>475.14105000000001</v>
      </c>
    </row>
    <row r="28542" spans="1:3" x14ac:dyDescent="0.25">
      <c r="A28542" s="2" t="s">
        <v>16955</v>
      </c>
      <c r="B28542" s="6">
        <v>475157.69999999995</v>
      </c>
      <c r="C28542" s="7">
        <f t="shared" si="445"/>
        <v>475.15769999999998</v>
      </c>
    </row>
    <row r="28543" spans="1:3" x14ac:dyDescent="0.25">
      <c r="A28543" s="2" t="s">
        <v>16956</v>
      </c>
      <c r="B28543" s="6">
        <v>475174.35</v>
      </c>
      <c r="C28543" s="7">
        <f t="shared" si="445"/>
        <v>475.17435</v>
      </c>
    </row>
    <row r="28544" spans="1:3" x14ac:dyDescent="0.25">
      <c r="A28544" s="2" t="s">
        <v>16957</v>
      </c>
      <c r="B28544" s="6">
        <v>475190.99999999994</v>
      </c>
      <c r="C28544" s="7">
        <f t="shared" si="445"/>
        <v>475.19099999999992</v>
      </c>
    </row>
    <row r="28545" spans="1:3" x14ac:dyDescent="0.25">
      <c r="A28545" s="2" t="s">
        <v>16958</v>
      </c>
      <c r="B28545" s="6">
        <v>475207.64999999997</v>
      </c>
      <c r="C28545" s="7">
        <f t="shared" si="445"/>
        <v>475.20764999999994</v>
      </c>
    </row>
    <row r="28546" spans="1:3" x14ac:dyDescent="0.25">
      <c r="A28546" s="2" t="s">
        <v>16959</v>
      </c>
      <c r="B28546" s="6">
        <v>475224.3</v>
      </c>
      <c r="C28546" s="7">
        <f t="shared" si="445"/>
        <v>475.22429999999997</v>
      </c>
    </row>
    <row r="28547" spans="1:3" x14ac:dyDescent="0.25">
      <c r="A28547" s="2" t="s">
        <v>16960</v>
      </c>
      <c r="B28547" s="6">
        <v>475240.94999999995</v>
      </c>
      <c r="C28547" s="7">
        <f t="shared" ref="C28547:C28610" si="446">B28547/1000</f>
        <v>475.24094999999994</v>
      </c>
    </row>
    <row r="28548" spans="1:3" x14ac:dyDescent="0.25">
      <c r="A28548" s="2" t="s">
        <v>16961</v>
      </c>
      <c r="B28548" s="6">
        <v>475257.59999999998</v>
      </c>
      <c r="C28548" s="7">
        <f t="shared" si="446"/>
        <v>475.25759999999997</v>
      </c>
    </row>
    <row r="28549" spans="1:3" x14ac:dyDescent="0.25">
      <c r="A28549" s="2" t="s">
        <v>16962</v>
      </c>
      <c r="B28549" s="6">
        <v>475274.24999999994</v>
      </c>
      <c r="C28549" s="7">
        <f t="shared" si="446"/>
        <v>475.27424999999994</v>
      </c>
    </row>
    <row r="28550" spans="1:3" x14ac:dyDescent="0.25">
      <c r="A28550" s="2" t="s">
        <v>16963</v>
      </c>
      <c r="B28550" s="6">
        <v>475290.89999999997</v>
      </c>
      <c r="C28550" s="7">
        <f t="shared" si="446"/>
        <v>475.29089999999997</v>
      </c>
    </row>
    <row r="28551" spans="1:3" x14ac:dyDescent="0.25">
      <c r="A28551" s="2" t="s">
        <v>16964</v>
      </c>
      <c r="B28551" s="6">
        <v>475307.55</v>
      </c>
      <c r="C28551" s="7">
        <f t="shared" si="446"/>
        <v>475.30754999999999</v>
      </c>
    </row>
    <row r="28552" spans="1:3" x14ac:dyDescent="0.25">
      <c r="A28552" s="2" t="s">
        <v>16965</v>
      </c>
      <c r="B28552" s="6">
        <v>475324.19999999995</v>
      </c>
      <c r="C28552" s="7">
        <f t="shared" si="446"/>
        <v>475.32419999999996</v>
      </c>
    </row>
    <row r="28553" spans="1:3" x14ac:dyDescent="0.25">
      <c r="A28553" s="2" t="s">
        <v>16966</v>
      </c>
      <c r="B28553" s="6">
        <v>475340.85</v>
      </c>
      <c r="C28553" s="7">
        <f t="shared" si="446"/>
        <v>475.34084999999999</v>
      </c>
    </row>
    <row r="28554" spans="1:3" x14ac:dyDescent="0.25">
      <c r="A28554" s="2" t="s">
        <v>16967</v>
      </c>
      <c r="B28554" s="6">
        <v>475357.49999999994</v>
      </c>
      <c r="C28554" s="7">
        <f t="shared" si="446"/>
        <v>475.35749999999996</v>
      </c>
    </row>
    <row r="28555" spans="1:3" x14ac:dyDescent="0.25">
      <c r="A28555" s="2" t="s">
        <v>16968</v>
      </c>
      <c r="B28555" s="6">
        <v>475374.14999999997</v>
      </c>
      <c r="C28555" s="7">
        <f t="shared" si="446"/>
        <v>475.37414999999999</v>
      </c>
    </row>
    <row r="28556" spans="1:3" x14ac:dyDescent="0.25">
      <c r="A28556" s="2" t="s">
        <v>16969</v>
      </c>
      <c r="B28556" s="6">
        <v>475390.8</v>
      </c>
      <c r="C28556" s="7">
        <f t="shared" si="446"/>
        <v>475.39080000000001</v>
      </c>
    </row>
    <row r="28557" spans="1:3" x14ac:dyDescent="0.25">
      <c r="A28557" s="2" t="s">
        <v>16970</v>
      </c>
      <c r="B28557" s="6">
        <v>475407.44999999995</v>
      </c>
      <c r="C28557" s="7">
        <f t="shared" si="446"/>
        <v>475.40744999999993</v>
      </c>
    </row>
    <row r="28558" spans="1:3" x14ac:dyDescent="0.25">
      <c r="A28558" s="2" t="s">
        <v>16971</v>
      </c>
      <c r="B28558" s="6">
        <v>475424.1</v>
      </c>
      <c r="C28558" s="7">
        <f t="shared" si="446"/>
        <v>475.42409999999995</v>
      </c>
    </row>
    <row r="28559" spans="1:3" x14ac:dyDescent="0.25">
      <c r="A28559" s="2" t="s">
        <v>16972</v>
      </c>
      <c r="B28559" s="6">
        <v>475440.74999999994</v>
      </c>
      <c r="C28559" s="7">
        <f t="shared" si="446"/>
        <v>475.44074999999992</v>
      </c>
    </row>
    <row r="28560" spans="1:3" x14ac:dyDescent="0.25">
      <c r="A28560" s="2" t="s">
        <v>16973</v>
      </c>
      <c r="B28560" s="6">
        <v>475457.39999999997</v>
      </c>
      <c r="C28560" s="7">
        <f t="shared" si="446"/>
        <v>475.45739999999995</v>
      </c>
    </row>
    <row r="28561" spans="1:3" x14ac:dyDescent="0.25">
      <c r="A28561" s="2" t="s">
        <v>16974</v>
      </c>
      <c r="B28561" s="6">
        <v>475474.05</v>
      </c>
      <c r="C28561" s="7">
        <f t="shared" si="446"/>
        <v>475.47404999999998</v>
      </c>
    </row>
    <row r="28562" spans="1:3" x14ac:dyDescent="0.25">
      <c r="A28562" s="2" t="s">
        <v>16975</v>
      </c>
      <c r="B28562" s="6">
        <v>475490.69999999995</v>
      </c>
      <c r="C28562" s="7">
        <f t="shared" si="446"/>
        <v>475.49069999999995</v>
      </c>
    </row>
    <row r="28563" spans="1:3" x14ac:dyDescent="0.25">
      <c r="A28563" s="2" t="s">
        <v>16976</v>
      </c>
      <c r="B28563" s="6">
        <v>475507.35</v>
      </c>
      <c r="C28563" s="7">
        <f t="shared" si="446"/>
        <v>475.50734999999997</v>
      </c>
    </row>
    <row r="28564" spans="1:3" x14ac:dyDescent="0.25">
      <c r="A28564" s="2" t="s">
        <v>16977</v>
      </c>
      <c r="B28564" s="6">
        <v>475523.99999999994</v>
      </c>
      <c r="C28564" s="7">
        <f t="shared" si="446"/>
        <v>475.52399999999994</v>
      </c>
    </row>
    <row r="28565" spans="1:3" x14ac:dyDescent="0.25">
      <c r="A28565" s="2" t="s">
        <v>16978</v>
      </c>
      <c r="B28565" s="6">
        <v>475540.64999999997</v>
      </c>
      <c r="C28565" s="7">
        <f t="shared" si="446"/>
        <v>475.54064999999997</v>
      </c>
    </row>
    <row r="28566" spans="1:3" x14ac:dyDescent="0.25">
      <c r="A28566" s="2" t="s">
        <v>16979</v>
      </c>
      <c r="B28566" s="6">
        <v>475557.3</v>
      </c>
      <c r="C28566" s="7">
        <f t="shared" si="446"/>
        <v>475.5573</v>
      </c>
    </row>
    <row r="28567" spans="1:3" x14ac:dyDescent="0.25">
      <c r="A28567" s="2" t="s">
        <v>16980</v>
      </c>
      <c r="B28567" s="6">
        <v>475573.94999999995</v>
      </c>
      <c r="C28567" s="7">
        <f t="shared" si="446"/>
        <v>475.57394999999997</v>
      </c>
    </row>
    <row r="28568" spans="1:3" x14ac:dyDescent="0.25">
      <c r="A28568" s="2" t="s">
        <v>16981</v>
      </c>
      <c r="B28568" s="6">
        <v>475590.6</v>
      </c>
      <c r="C28568" s="7">
        <f t="shared" si="446"/>
        <v>475.59059999999999</v>
      </c>
    </row>
    <row r="28569" spans="1:3" x14ac:dyDescent="0.25">
      <c r="A28569" s="2" t="s">
        <v>16982</v>
      </c>
      <c r="B28569" s="6">
        <v>475607.24999999994</v>
      </c>
      <c r="C28569" s="7">
        <f t="shared" si="446"/>
        <v>475.60724999999996</v>
      </c>
    </row>
    <row r="28570" spans="1:3" x14ac:dyDescent="0.25">
      <c r="A28570" s="2" t="s">
        <v>16983</v>
      </c>
      <c r="B28570" s="6">
        <v>475623.89999999997</v>
      </c>
      <c r="C28570" s="7">
        <f t="shared" si="446"/>
        <v>475.62389999999999</v>
      </c>
    </row>
    <row r="28571" spans="1:3" x14ac:dyDescent="0.25">
      <c r="A28571" s="2" t="s">
        <v>16984</v>
      </c>
      <c r="B28571" s="6">
        <v>475640.55</v>
      </c>
      <c r="C28571" s="7">
        <f t="shared" si="446"/>
        <v>475.64054999999996</v>
      </c>
    </row>
    <row r="28572" spans="1:3" x14ac:dyDescent="0.25">
      <c r="A28572" s="2" t="s">
        <v>16985</v>
      </c>
      <c r="B28572" s="6">
        <v>475657.19999999995</v>
      </c>
      <c r="C28572" s="7">
        <f t="shared" si="446"/>
        <v>475.65719999999993</v>
      </c>
    </row>
    <row r="28573" spans="1:3" x14ac:dyDescent="0.25">
      <c r="A28573" s="2" t="s">
        <v>16986</v>
      </c>
      <c r="B28573" s="6">
        <v>475673.85</v>
      </c>
      <c r="C28573" s="7">
        <f t="shared" si="446"/>
        <v>475.67384999999996</v>
      </c>
    </row>
    <row r="28574" spans="1:3" x14ac:dyDescent="0.25">
      <c r="A28574" s="2" t="s">
        <v>16987</v>
      </c>
      <c r="B28574" s="6">
        <v>475690.49999999994</v>
      </c>
      <c r="C28574" s="7">
        <f t="shared" si="446"/>
        <v>475.69049999999993</v>
      </c>
    </row>
    <row r="28575" spans="1:3" x14ac:dyDescent="0.25">
      <c r="A28575" s="2" t="s">
        <v>16988</v>
      </c>
      <c r="B28575" s="6">
        <v>475707.14999999997</v>
      </c>
      <c r="C28575" s="7">
        <f t="shared" si="446"/>
        <v>475.70714999999996</v>
      </c>
    </row>
    <row r="28576" spans="1:3" x14ac:dyDescent="0.25">
      <c r="A28576" s="2" t="s">
        <v>16989</v>
      </c>
      <c r="B28576" s="6">
        <v>475723.8</v>
      </c>
      <c r="C28576" s="7">
        <f t="shared" si="446"/>
        <v>475.72379999999998</v>
      </c>
    </row>
    <row r="28577" spans="1:3" x14ac:dyDescent="0.25">
      <c r="A28577" s="2" t="s">
        <v>16990</v>
      </c>
      <c r="B28577" s="6">
        <v>475740.44999999995</v>
      </c>
      <c r="C28577" s="7">
        <f t="shared" si="446"/>
        <v>475.74044999999995</v>
      </c>
    </row>
    <row r="28578" spans="1:3" x14ac:dyDescent="0.25">
      <c r="A28578" s="2" t="s">
        <v>16991</v>
      </c>
      <c r="B28578" s="6">
        <v>475757.1</v>
      </c>
      <c r="C28578" s="7">
        <f t="shared" si="446"/>
        <v>475.75709999999998</v>
      </c>
    </row>
    <row r="28579" spans="1:3" x14ac:dyDescent="0.25">
      <c r="A28579" s="2" t="s">
        <v>16992</v>
      </c>
      <c r="B28579" s="6">
        <v>475773.74999999994</v>
      </c>
      <c r="C28579" s="7">
        <f t="shared" si="446"/>
        <v>475.77374999999995</v>
      </c>
    </row>
    <row r="28580" spans="1:3" x14ac:dyDescent="0.25">
      <c r="A28580" s="2" t="s">
        <v>16993</v>
      </c>
      <c r="B28580" s="6">
        <v>475790.39999999997</v>
      </c>
      <c r="C28580" s="7">
        <f t="shared" si="446"/>
        <v>475.79039999999998</v>
      </c>
    </row>
    <row r="28581" spans="1:3" x14ac:dyDescent="0.25">
      <c r="A28581" s="2" t="s">
        <v>16994</v>
      </c>
      <c r="B28581" s="6">
        <v>475807.05</v>
      </c>
      <c r="C28581" s="7">
        <f t="shared" si="446"/>
        <v>475.80705</v>
      </c>
    </row>
    <row r="28582" spans="1:3" x14ac:dyDescent="0.25">
      <c r="A28582" s="2" t="s">
        <v>16995</v>
      </c>
      <c r="B28582" s="6">
        <v>475823.69999999995</v>
      </c>
      <c r="C28582" s="7">
        <f t="shared" si="446"/>
        <v>475.82369999999997</v>
      </c>
    </row>
    <row r="28583" spans="1:3" x14ac:dyDescent="0.25">
      <c r="A28583" s="2" t="s">
        <v>16996</v>
      </c>
      <c r="B28583" s="6">
        <v>475840.35</v>
      </c>
      <c r="C28583" s="7">
        <f t="shared" si="446"/>
        <v>475.84035</v>
      </c>
    </row>
    <row r="28584" spans="1:3" x14ac:dyDescent="0.25">
      <c r="A28584" s="2" t="s">
        <v>16997</v>
      </c>
      <c r="B28584" s="6">
        <v>475856.99999999994</v>
      </c>
      <c r="C28584" s="7">
        <f t="shared" si="446"/>
        <v>475.85699999999991</v>
      </c>
    </row>
    <row r="28585" spans="1:3" x14ac:dyDescent="0.25">
      <c r="A28585" s="2" t="s">
        <v>16998</v>
      </c>
      <c r="B28585" s="6">
        <v>475873.64999999997</v>
      </c>
      <c r="C28585" s="7">
        <f t="shared" si="446"/>
        <v>475.87364999999994</v>
      </c>
    </row>
    <row r="28586" spans="1:3" x14ac:dyDescent="0.25">
      <c r="A28586" s="2" t="s">
        <v>16999</v>
      </c>
      <c r="B28586" s="6">
        <v>475890.3</v>
      </c>
      <c r="C28586" s="7">
        <f t="shared" si="446"/>
        <v>475.89029999999997</v>
      </c>
    </row>
    <row r="28587" spans="1:3" x14ac:dyDescent="0.25">
      <c r="A28587" s="2" t="s">
        <v>17000</v>
      </c>
      <c r="B28587" s="6">
        <v>475906.94999999995</v>
      </c>
      <c r="C28587" s="7">
        <f t="shared" si="446"/>
        <v>475.90694999999994</v>
      </c>
    </row>
    <row r="28588" spans="1:3" x14ac:dyDescent="0.25">
      <c r="A28588" s="2" t="s">
        <v>17001</v>
      </c>
      <c r="B28588" s="6">
        <v>475923.6</v>
      </c>
      <c r="C28588" s="7">
        <f t="shared" si="446"/>
        <v>475.92359999999996</v>
      </c>
    </row>
    <row r="28589" spans="1:3" x14ac:dyDescent="0.25">
      <c r="A28589" s="2" t="s">
        <v>17002</v>
      </c>
      <c r="B28589" s="6">
        <v>475940.24999999994</v>
      </c>
      <c r="C28589" s="7">
        <f t="shared" si="446"/>
        <v>475.94024999999993</v>
      </c>
    </row>
    <row r="28590" spans="1:3" x14ac:dyDescent="0.25">
      <c r="A28590" s="2" t="s">
        <v>17003</v>
      </c>
      <c r="B28590" s="6">
        <v>475956.89999999997</v>
      </c>
      <c r="C28590" s="7">
        <f t="shared" si="446"/>
        <v>475.95689999999996</v>
      </c>
    </row>
    <row r="28591" spans="1:3" x14ac:dyDescent="0.25">
      <c r="A28591" s="2" t="s">
        <v>17004</v>
      </c>
      <c r="B28591" s="6">
        <v>475973.55</v>
      </c>
      <c r="C28591" s="7">
        <f t="shared" si="446"/>
        <v>475.97354999999999</v>
      </c>
    </row>
    <row r="28592" spans="1:3" x14ac:dyDescent="0.25">
      <c r="A28592" s="2" t="s">
        <v>17005</v>
      </c>
      <c r="B28592" s="6">
        <v>475990.19999999995</v>
      </c>
      <c r="C28592" s="7">
        <f t="shared" si="446"/>
        <v>475.99019999999996</v>
      </c>
    </row>
    <row r="28593" spans="1:3" x14ac:dyDescent="0.25">
      <c r="A28593" s="2" t="s">
        <v>17006</v>
      </c>
      <c r="B28593" s="6">
        <v>476006.85</v>
      </c>
      <c r="C28593" s="7">
        <f t="shared" si="446"/>
        <v>476.00684999999999</v>
      </c>
    </row>
    <row r="28594" spans="1:3" x14ac:dyDescent="0.25">
      <c r="A28594" s="2" t="s">
        <v>17007</v>
      </c>
      <c r="B28594" s="6">
        <v>476023.49999999994</v>
      </c>
      <c r="C28594" s="7">
        <f t="shared" si="446"/>
        <v>476.02349999999996</v>
      </c>
    </row>
    <row r="28595" spans="1:3" x14ac:dyDescent="0.25">
      <c r="A28595" s="2" t="s">
        <v>17008</v>
      </c>
      <c r="B28595" s="6">
        <v>476040.14999999997</v>
      </c>
      <c r="C28595" s="7">
        <f t="shared" si="446"/>
        <v>476.04014999999998</v>
      </c>
    </row>
    <row r="28596" spans="1:3" x14ac:dyDescent="0.25">
      <c r="A28596" s="2" t="s">
        <v>17009</v>
      </c>
      <c r="B28596" s="6">
        <v>476056.8</v>
      </c>
      <c r="C28596" s="7">
        <f t="shared" si="446"/>
        <v>476.05680000000001</v>
      </c>
    </row>
    <row r="28597" spans="1:3" x14ac:dyDescent="0.25">
      <c r="A28597" s="2" t="s">
        <v>17010</v>
      </c>
      <c r="B28597" s="6">
        <v>476073.44999999995</v>
      </c>
      <c r="C28597" s="7">
        <f t="shared" si="446"/>
        <v>476.07344999999998</v>
      </c>
    </row>
    <row r="28598" spans="1:3" x14ac:dyDescent="0.25">
      <c r="A28598" s="2" t="s">
        <v>17011</v>
      </c>
      <c r="B28598" s="6">
        <v>476090.1</v>
      </c>
      <c r="C28598" s="7">
        <f t="shared" si="446"/>
        <v>476.09009999999995</v>
      </c>
    </row>
    <row r="28599" spans="1:3" x14ac:dyDescent="0.25">
      <c r="A28599" s="2" t="s">
        <v>17012</v>
      </c>
      <c r="B28599" s="6">
        <v>476106.74999999994</v>
      </c>
      <c r="C28599" s="7">
        <f t="shared" si="446"/>
        <v>476.10674999999992</v>
      </c>
    </row>
    <row r="28600" spans="1:3" x14ac:dyDescent="0.25">
      <c r="A28600" s="2" t="s">
        <v>17013</v>
      </c>
      <c r="B28600" s="6">
        <v>476123.39999999997</v>
      </c>
      <c r="C28600" s="7">
        <f t="shared" si="446"/>
        <v>476.12339999999995</v>
      </c>
    </row>
    <row r="28601" spans="1:3" x14ac:dyDescent="0.25">
      <c r="A28601" s="2" t="s">
        <v>17014</v>
      </c>
      <c r="B28601" s="6">
        <v>476140.05</v>
      </c>
      <c r="C28601" s="7">
        <f t="shared" si="446"/>
        <v>476.14004999999997</v>
      </c>
    </row>
    <row r="28602" spans="1:3" x14ac:dyDescent="0.25">
      <c r="A28602" s="2" t="s">
        <v>17015</v>
      </c>
      <c r="B28602" s="6">
        <v>476156.69999999995</v>
      </c>
      <c r="C28602" s="7">
        <f t="shared" si="446"/>
        <v>476.15669999999994</v>
      </c>
    </row>
    <row r="28603" spans="1:3" x14ac:dyDescent="0.25">
      <c r="A28603" s="2" t="s">
        <v>17016</v>
      </c>
      <c r="B28603" s="6">
        <v>476173.35</v>
      </c>
      <c r="C28603" s="7">
        <f t="shared" si="446"/>
        <v>476.17334999999997</v>
      </c>
    </row>
    <row r="28604" spans="1:3" x14ac:dyDescent="0.25">
      <c r="A28604" s="2" t="s">
        <v>17017</v>
      </c>
      <c r="B28604" s="6">
        <v>476189.99999999994</v>
      </c>
      <c r="C28604" s="7">
        <f t="shared" si="446"/>
        <v>476.18999999999994</v>
      </c>
    </row>
    <row r="28605" spans="1:3" x14ac:dyDescent="0.25">
      <c r="A28605" s="2" t="s">
        <v>17018</v>
      </c>
      <c r="B28605" s="6">
        <v>476206.64999999997</v>
      </c>
      <c r="C28605" s="7">
        <f t="shared" si="446"/>
        <v>476.20664999999997</v>
      </c>
    </row>
    <row r="28606" spans="1:3" x14ac:dyDescent="0.25">
      <c r="A28606" s="2" t="s">
        <v>17019</v>
      </c>
      <c r="B28606" s="6">
        <v>476223.3</v>
      </c>
      <c r="C28606" s="7">
        <f t="shared" si="446"/>
        <v>476.22329999999999</v>
      </c>
    </row>
    <row r="28607" spans="1:3" x14ac:dyDescent="0.25">
      <c r="A28607" s="2" t="s">
        <v>17020</v>
      </c>
      <c r="B28607" s="6">
        <v>476239.94999999995</v>
      </c>
      <c r="C28607" s="7">
        <f t="shared" si="446"/>
        <v>476.23994999999996</v>
      </c>
    </row>
    <row r="28608" spans="1:3" x14ac:dyDescent="0.25">
      <c r="A28608" s="2" t="s">
        <v>17021</v>
      </c>
      <c r="B28608" s="6">
        <v>476256.6</v>
      </c>
      <c r="C28608" s="7">
        <f t="shared" si="446"/>
        <v>476.25659999999999</v>
      </c>
    </row>
    <row r="28609" spans="1:3" x14ac:dyDescent="0.25">
      <c r="A28609" s="2" t="s">
        <v>17022</v>
      </c>
      <c r="B28609" s="6">
        <v>476273.24999999994</v>
      </c>
      <c r="C28609" s="7">
        <f t="shared" si="446"/>
        <v>476.27324999999996</v>
      </c>
    </row>
    <row r="28610" spans="1:3" x14ac:dyDescent="0.25">
      <c r="A28610" s="2" t="s">
        <v>17023</v>
      </c>
      <c r="B28610" s="6">
        <v>476289.89999999997</v>
      </c>
      <c r="C28610" s="7">
        <f t="shared" si="446"/>
        <v>476.28989999999999</v>
      </c>
    </row>
    <row r="28611" spans="1:3" x14ac:dyDescent="0.25">
      <c r="A28611" s="2" t="s">
        <v>17024</v>
      </c>
      <c r="B28611" s="6">
        <v>476306.55</v>
      </c>
      <c r="C28611" s="7">
        <f t="shared" ref="C28611:C28674" si="447">B28611/1000</f>
        <v>476.30655000000002</v>
      </c>
    </row>
    <row r="28612" spans="1:3" x14ac:dyDescent="0.25">
      <c r="A28612" s="2" t="s">
        <v>17025</v>
      </c>
      <c r="B28612" s="6">
        <v>476323.19999999995</v>
      </c>
      <c r="C28612" s="7">
        <f t="shared" si="447"/>
        <v>476.32319999999993</v>
      </c>
    </row>
    <row r="28613" spans="1:3" x14ac:dyDescent="0.25">
      <c r="A28613" s="2" t="s">
        <v>17026</v>
      </c>
      <c r="B28613" s="6">
        <v>476339.85</v>
      </c>
      <c r="C28613" s="7">
        <f t="shared" si="447"/>
        <v>476.33984999999996</v>
      </c>
    </row>
    <row r="28614" spans="1:3" x14ac:dyDescent="0.25">
      <c r="A28614" s="2" t="s">
        <v>17027</v>
      </c>
      <c r="B28614" s="6">
        <v>476356.49999999994</v>
      </c>
      <c r="C28614" s="7">
        <f t="shared" si="447"/>
        <v>476.35649999999993</v>
      </c>
    </row>
    <row r="28615" spans="1:3" x14ac:dyDescent="0.25">
      <c r="A28615" s="2" t="s">
        <v>17028</v>
      </c>
      <c r="B28615" s="6">
        <v>476373.14999999997</v>
      </c>
      <c r="C28615" s="7">
        <f t="shared" si="447"/>
        <v>476.37314999999995</v>
      </c>
    </row>
    <row r="28616" spans="1:3" x14ac:dyDescent="0.25">
      <c r="A28616" s="2" t="s">
        <v>17029</v>
      </c>
      <c r="B28616" s="6">
        <v>476389.8</v>
      </c>
      <c r="C28616" s="7">
        <f t="shared" si="447"/>
        <v>476.38979999999998</v>
      </c>
    </row>
    <row r="28617" spans="1:3" x14ac:dyDescent="0.25">
      <c r="A28617" s="2" t="s">
        <v>17030</v>
      </c>
      <c r="B28617" s="6">
        <v>476406.44999999995</v>
      </c>
      <c r="C28617" s="7">
        <f t="shared" si="447"/>
        <v>476.40644999999995</v>
      </c>
    </row>
    <row r="28618" spans="1:3" x14ac:dyDescent="0.25">
      <c r="A28618" s="2" t="s">
        <v>17031</v>
      </c>
      <c r="B28618" s="6">
        <v>476423.1</v>
      </c>
      <c r="C28618" s="7">
        <f t="shared" si="447"/>
        <v>476.42309999999998</v>
      </c>
    </row>
    <row r="28619" spans="1:3" x14ac:dyDescent="0.25">
      <c r="A28619" s="2" t="s">
        <v>17032</v>
      </c>
      <c r="B28619" s="6">
        <v>476439.74999999994</v>
      </c>
      <c r="C28619" s="7">
        <f t="shared" si="447"/>
        <v>476.43974999999995</v>
      </c>
    </row>
    <row r="28620" spans="1:3" x14ac:dyDescent="0.25">
      <c r="A28620" s="2" t="s">
        <v>17033</v>
      </c>
      <c r="B28620" s="6">
        <v>476456.39999999997</v>
      </c>
      <c r="C28620" s="7">
        <f t="shared" si="447"/>
        <v>476.45639999999997</v>
      </c>
    </row>
    <row r="28621" spans="1:3" x14ac:dyDescent="0.25">
      <c r="A28621" s="2" t="s">
        <v>17034</v>
      </c>
      <c r="B28621" s="6">
        <v>476473.05</v>
      </c>
      <c r="C28621" s="7">
        <f t="shared" si="447"/>
        <v>476.47305</v>
      </c>
    </row>
    <row r="28622" spans="1:3" x14ac:dyDescent="0.25">
      <c r="A28622" s="2" t="s">
        <v>17035</v>
      </c>
      <c r="B28622" s="6">
        <v>476489.69999999995</v>
      </c>
      <c r="C28622" s="7">
        <f t="shared" si="447"/>
        <v>476.48969999999997</v>
      </c>
    </row>
    <row r="28623" spans="1:3" x14ac:dyDescent="0.25">
      <c r="A28623" s="2" t="s">
        <v>17036</v>
      </c>
      <c r="B28623" s="6">
        <v>476506.35</v>
      </c>
      <c r="C28623" s="7">
        <f t="shared" si="447"/>
        <v>476.50635</v>
      </c>
    </row>
    <row r="28624" spans="1:3" x14ac:dyDescent="0.25">
      <c r="A28624" s="2" t="s">
        <v>17037</v>
      </c>
      <c r="B28624" s="6">
        <v>476522.99999999994</v>
      </c>
      <c r="C28624" s="7">
        <f t="shared" si="447"/>
        <v>476.52299999999997</v>
      </c>
    </row>
    <row r="28625" spans="1:3" x14ac:dyDescent="0.25">
      <c r="A28625" s="2" t="s">
        <v>17038</v>
      </c>
      <c r="B28625" s="6">
        <v>476539.64999999997</v>
      </c>
      <c r="C28625" s="7">
        <f t="shared" si="447"/>
        <v>476.53964999999994</v>
      </c>
    </row>
    <row r="28626" spans="1:3" x14ac:dyDescent="0.25">
      <c r="A28626" s="2" t="s">
        <v>17039</v>
      </c>
      <c r="B28626" s="6">
        <v>476556.3</v>
      </c>
      <c r="C28626" s="7">
        <f t="shared" si="447"/>
        <v>476.55629999999996</v>
      </c>
    </row>
    <row r="28627" spans="1:3" x14ac:dyDescent="0.25">
      <c r="A28627" s="2" t="s">
        <v>17040</v>
      </c>
      <c r="B28627" s="6">
        <v>476572.94999999995</v>
      </c>
      <c r="C28627" s="7">
        <f t="shared" si="447"/>
        <v>476.57294999999993</v>
      </c>
    </row>
    <row r="28628" spans="1:3" x14ac:dyDescent="0.25">
      <c r="A28628" s="2" t="s">
        <v>17041</v>
      </c>
      <c r="B28628" s="6">
        <v>476589.6</v>
      </c>
      <c r="C28628" s="7">
        <f t="shared" si="447"/>
        <v>476.58959999999996</v>
      </c>
    </row>
    <row r="28629" spans="1:3" x14ac:dyDescent="0.25">
      <c r="A28629" s="2" t="s">
        <v>17042</v>
      </c>
      <c r="B28629" s="6">
        <v>476606.24999999994</v>
      </c>
      <c r="C28629" s="7">
        <f t="shared" si="447"/>
        <v>476.60624999999993</v>
      </c>
    </row>
    <row r="28630" spans="1:3" x14ac:dyDescent="0.25">
      <c r="A28630" s="2" t="s">
        <v>17043</v>
      </c>
      <c r="B28630" s="6">
        <v>476622.89999999997</v>
      </c>
      <c r="C28630" s="7">
        <f t="shared" si="447"/>
        <v>476.62289999999996</v>
      </c>
    </row>
    <row r="28631" spans="1:3" x14ac:dyDescent="0.25">
      <c r="A28631" s="2" t="s">
        <v>17044</v>
      </c>
      <c r="B28631" s="6">
        <v>476639.55</v>
      </c>
      <c r="C28631" s="7">
        <f t="shared" si="447"/>
        <v>476.63954999999999</v>
      </c>
    </row>
    <row r="28632" spans="1:3" x14ac:dyDescent="0.25">
      <c r="A28632" s="2" t="s">
        <v>17045</v>
      </c>
      <c r="B28632" s="6">
        <v>476656.19999999995</v>
      </c>
      <c r="C28632" s="7">
        <f t="shared" si="447"/>
        <v>476.65619999999996</v>
      </c>
    </row>
    <row r="28633" spans="1:3" x14ac:dyDescent="0.25">
      <c r="A28633" s="2" t="s">
        <v>17046</v>
      </c>
      <c r="B28633" s="6">
        <v>476672.85</v>
      </c>
      <c r="C28633" s="7">
        <f t="shared" si="447"/>
        <v>476.67284999999998</v>
      </c>
    </row>
    <row r="28634" spans="1:3" x14ac:dyDescent="0.25">
      <c r="A28634" s="2" t="s">
        <v>17047</v>
      </c>
      <c r="B28634" s="6">
        <v>476689.49999999994</v>
      </c>
      <c r="C28634" s="7">
        <f t="shared" si="447"/>
        <v>476.68949999999995</v>
      </c>
    </row>
    <row r="28635" spans="1:3" x14ac:dyDescent="0.25">
      <c r="A28635" s="2" t="s">
        <v>17048</v>
      </c>
      <c r="B28635" s="6">
        <v>476706.14999999997</v>
      </c>
      <c r="C28635" s="7">
        <f t="shared" si="447"/>
        <v>476.70614999999998</v>
      </c>
    </row>
    <row r="28636" spans="1:3" x14ac:dyDescent="0.25">
      <c r="A28636" s="2" t="s">
        <v>17049</v>
      </c>
      <c r="B28636" s="6">
        <v>476722.8</v>
      </c>
      <c r="C28636" s="7">
        <f t="shared" si="447"/>
        <v>476.72280000000001</v>
      </c>
    </row>
    <row r="28637" spans="1:3" x14ac:dyDescent="0.25">
      <c r="A28637" s="2" t="s">
        <v>17050</v>
      </c>
      <c r="B28637" s="6">
        <v>476739.44999999995</v>
      </c>
      <c r="C28637" s="7">
        <f t="shared" si="447"/>
        <v>476.73944999999998</v>
      </c>
    </row>
    <row r="28638" spans="1:3" x14ac:dyDescent="0.25">
      <c r="A28638" s="2" t="s">
        <v>17051</v>
      </c>
      <c r="B28638" s="6">
        <v>476756.1</v>
      </c>
      <c r="C28638" s="7">
        <f t="shared" si="447"/>
        <v>476.7561</v>
      </c>
    </row>
    <row r="28639" spans="1:3" x14ac:dyDescent="0.25">
      <c r="A28639" s="2" t="s">
        <v>17052</v>
      </c>
      <c r="B28639" s="6">
        <v>476772.74999999994</v>
      </c>
      <c r="C28639" s="7">
        <f t="shared" si="447"/>
        <v>476.77274999999992</v>
      </c>
    </row>
    <row r="28640" spans="1:3" x14ac:dyDescent="0.25">
      <c r="A28640" s="2" t="s">
        <v>17053</v>
      </c>
      <c r="B28640" s="6">
        <v>476789.39999999997</v>
      </c>
      <c r="C28640" s="7">
        <f t="shared" si="447"/>
        <v>476.78939999999994</v>
      </c>
    </row>
    <row r="28641" spans="1:3" x14ac:dyDescent="0.25">
      <c r="A28641" s="2" t="s">
        <v>17054</v>
      </c>
      <c r="B28641" s="6">
        <v>476806.05</v>
      </c>
      <c r="C28641" s="7">
        <f t="shared" si="447"/>
        <v>476.80604999999997</v>
      </c>
    </row>
    <row r="28642" spans="1:3" x14ac:dyDescent="0.25">
      <c r="A28642" s="2" t="s">
        <v>17055</v>
      </c>
      <c r="B28642" s="6">
        <v>476822.69999999995</v>
      </c>
      <c r="C28642" s="7">
        <f t="shared" si="447"/>
        <v>476.82269999999994</v>
      </c>
    </row>
    <row r="28643" spans="1:3" x14ac:dyDescent="0.25">
      <c r="A28643" s="2" t="s">
        <v>17056</v>
      </c>
      <c r="B28643" s="6">
        <v>476839.35</v>
      </c>
      <c r="C28643" s="7">
        <f t="shared" si="447"/>
        <v>476.83934999999997</v>
      </c>
    </row>
    <row r="28644" spans="1:3" x14ac:dyDescent="0.25">
      <c r="A28644" s="2" t="s">
        <v>17057</v>
      </c>
      <c r="B28644" s="6">
        <v>476855.99999999994</v>
      </c>
      <c r="C28644" s="7">
        <f t="shared" si="447"/>
        <v>476.85599999999994</v>
      </c>
    </row>
    <row r="28645" spans="1:3" x14ac:dyDescent="0.25">
      <c r="A28645" s="2" t="s">
        <v>17058</v>
      </c>
      <c r="B28645" s="6">
        <v>476872.64999999997</v>
      </c>
      <c r="C28645" s="7">
        <f t="shared" si="447"/>
        <v>476.87264999999996</v>
      </c>
    </row>
    <row r="28646" spans="1:3" x14ac:dyDescent="0.25">
      <c r="A28646" s="2" t="s">
        <v>17059</v>
      </c>
      <c r="B28646" s="6">
        <v>476889.3</v>
      </c>
      <c r="C28646" s="7">
        <f t="shared" si="447"/>
        <v>476.88929999999999</v>
      </c>
    </row>
    <row r="28647" spans="1:3" x14ac:dyDescent="0.25">
      <c r="A28647" s="2" t="s">
        <v>17060</v>
      </c>
      <c r="B28647" s="6">
        <v>476905.94999999995</v>
      </c>
      <c r="C28647" s="7">
        <f t="shared" si="447"/>
        <v>476.90594999999996</v>
      </c>
    </row>
    <row r="28648" spans="1:3" x14ac:dyDescent="0.25">
      <c r="A28648" s="2" t="s">
        <v>17061</v>
      </c>
      <c r="B28648" s="6">
        <v>476922.6</v>
      </c>
      <c r="C28648" s="7">
        <f t="shared" si="447"/>
        <v>476.92259999999999</v>
      </c>
    </row>
    <row r="28649" spans="1:3" x14ac:dyDescent="0.25">
      <c r="A28649" s="2" t="s">
        <v>17062</v>
      </c>
      <c r="B28649" s="6">
        <v>476939.24999999994</v>
      </c>
      <c r="C28649" s="7">
        <f t="shared" si="447"/>
        <v>476.93924999999996</v>
      </c>
    </row>
    <row r="28650" spans="1:3" x14ac:dyDescent="0.25">
      <c r="A28650" s="2" t="s">
        <v>17063</v>
      </c>
      <c r="B28650" s="6">
        <v>476955.89999999997</v>
      </c>
      <c r="C28650" s="7">
        <f t="shared" si="447"/>
        <v>476.95589999999999</v>
      </c>
    </row>
    <row r="28651" spans="1:3" x14ac:dyDescent="0.25">
      <c r="A28651" s="2" t="s">
        <v>17064</v>
      </c>
      <c r="B28651" s="6">
        <v>476972.55</v>
      </c>
      <c r="C28651" s="7">
        <f t="shared" si="447"/>
        <v>476.97255000000001</v>
      </c>
    </row>
    <row r="28652" spans="1:3" x14ac:dyDescent="0.25">
      <c r="A28652" s="2" t="s">
        <v>17065</v>
      </c>
      <c r="B28652" s="6">
        <v>476989.19999999995</v>
      </c>
      <c r="C28652" s="7">
        <f t="shared" si="447"/>
        <v>476.98919999999993</v>
      </c>
    </row>
    <row r="28653" spans="1:3" x14ac:dyDescent="0.25">
      <c r="A28653" s="2" t="s">
        <v>17066</v>
      </c>
      <c r="B28653" s="6">
        <v>477005.85</v>
      </c>
      <c r="C28653" s="7">
        <f t="shared" si="447"/>
        <v>477.00584999999995</v>
      </c>
    </row>
    <row r="28654" spans="1:3" x14ac:dyDescent="0.25">
      <c r="A28654" s="2" t="s">
        <v>17067</v>
      </c>
      <c r="B28654" s="6">
        <v>477022.49999999994</v>
      </c>
      <c r="C28654" s="7">
        <f t="shared" si="447"/>
        <v>477.02249999999992</v>
      </c>
    </row>
    <row r="28655" spans="1:3" x14ac:dyDescent="0.25">
      <c r="A28655" s="2" t="s">
        <v>17068</v>
      </c>
      <c r="B28655" s="6">
        <v>477039.14999999997</v>
      </c>
      <c r="C28655" s="7">
        <f t="shared" si="447"/>
        <v>477.03914999999995</v>
      </c>
    </row>
    <row r="28656" spans="1:3" x14ac:dyDescent="0.25">
      <c r="A28656" s="2" t="s">
        <v>17069</v>
      </c>
      <c r="B28656" s="6">
        <v>477055.8</v>
      </c>
      <c r="C28656" s="7">
        <f t="shared" si="447"/>
        <v>477.05579999999998</v>
      </c>
    </row>
    <row r="28657" spans="1:3" x14ac:dyDescent="0.25">
      <c r="A28657" s="2" t="s">
        <v>17070</v>
      </c>
      <c r="B28657" s="6">
        <v>477072.44999999995</v>
      </c>
      <c r="C28657" s="7">
        <f t="shared" si="447"/>
        <v>477.07244999999995</v>
      </c>
    </row>
    <row r="28658" spans="1:3" x14ac:dyDescent="0.25">
      <c r="A28658" s="2" t="s">
        <v>17071</v>
      </c>
      <c r="B28658" s="6">
        <v>477089.1</v>
      </c>
      <c r="C28658" s="7">
        <f t="shared" si="447"/>
        <v>477.08909999999997</v>
      </c>
    </row>
    <row r="28659" spans="1:3" x14ac:dyDescent="0.25">
      <c r="A28659" s="2" t="s">
        <v>17072</v>
      </c>
      <c r="B28659" s="6">
        <v>477105.74999999994</v>
      </c>
      <c r="C28659" s="7">
        <f t="shared" si="447"/>
        <v>477.10574999999994</v>
      </c>
    </row>
    <row r="28660" spans="1:3" x14ac:dyDescent="0.25">
      <c r="A28660" s="2" t="s">
        <v>17073</v>
      </c>
      <c r="B28660" s="6">
        <v>477122.39999999997</v>
      </c>
      <c r="C28660" s="7">
        <f t="shared" si="447"/>
        <v>477.12239999999997</v>
      </c>
    </row>
    <row r="28661" spans="1:3" x14ac:dyDescent="0.25">
      <c r="A28661" s="2" t="s">
        <v>17074</v>
      </c>
      <c r="B28661" s="6">
        <v>477139.05</v>
      </c>
      <c r="C28661" s="7">
        <f t="shared" si="447"/>
        <v>477.13905</v>
      </c>
    </row>
    <row r="28662" spans="1:3" x14ac:dyDescent="0.25">
      <c r="A28662" s="2" t="s">
        <v>17075</v>
      </c>
      <c r="B28662" s="6">
        <v>477155.69999999995</v>
      </c>
      <c r="C28662" s="7">
        <f t="shared" si="447"/>
        <v>477.15569999999997</v>
      </c>
    </row>
    <row r="28663" spans="1:3" x14ac:dyDescent="0.25">
      <c r="A28663" s="2" t="s">
        <v>17076</v>
      </c>
      <c r="B28663" s="6">
        <v>477172.35</v>
      </c>
      <c r="C28663" s="7">
        <f t="shared" si="447"/>
        <v>477.17234999999999</v>
      </c>
    </row>
    <row r="28664" spans="1:3" x14ac:dyDescent="0.25">
      <c r="A28664" s="2" t="s">
        <v>17077</v>
      </c>
      <c r="B28664" s="6">
        <v>477188.99999999994</v>
      </c>
      <c r="C28664" s="7">
        <f t="shared" si="447"/>
        <v>477.18899999999996</v>
      </c>
    </row>
    <row r="28665" spans="1:3" x14ac:dyDescent="0.25">
      <c r="A28665" s="2" t="s">
        <v>17078</v>
      </c>
      <c r="B28665" s="6">
        <v>477205.64999999997</v>
      </c>
      <c r="C28665" s="7">
        <f t="shared" si="447"/>
        <v>477.20564999999999</v>
      </c>
    </row>
    <row r="28666" spans="1:3" x14ac:dyDescent="0.25">
      <c r="A28666" s="2" t="s">
        <v>17079</v>
      </c>
      <c r="B28666" s="6">
        <v>477222.29999999993</v>
      </c>
      <c r="C28666" s="7">
        <f t="shared" si="447"/>
        <v>477.2222999999999</v>
      </c>
    </row>
    <row r="28667" spans="1:3" x14ac:dyDescent="0.25">
      <c r="A28667" s="2" t="s">
        <v>17080</v>
      </c>
      <c r="B28667" s="6">
        <v>477238.94999999995</v>
      </c>
      <c r="C28667" s="7">
        <f t="shared" si="447"/>
        <v>477.23894999999993</v>
      </c>
    </row>
    <row r="28668" spans="1:3" x14ac:dyDescent="0.25">
      <c r="A28668" s="2" t="s">
        <v>17081</v>
      </c>
      <c r="B28668" s="6">
        <v>477255.6</v>
      </c>
      <c r="C28668" s="7">
        <f t="shared" si="447"/>
        <v>477.25559999999996</v>
      </c>
    </row>
    <row r="28669" spans="1:3" x14ac:dyDescent="0.25">
      <c r="A28669" s="2" t="s">
        <v>17082</v>
      </c>
      <c r="B28669" s="6">
        <v>477272.24999999994</v>
      </c>
      <c r="C28669" s="7">
        <f t="shared" si="447"/>
        <v>477.27224999999993</v>
      </c>
    </row>
    <row r="28670" spans="1:3" x14ac:dyDescent="0.25">
      <c r="A28670" s="2" t="s">
        <v>17083</v>
      </c>
      <c r="B28670" s="6">
        <v>477288.89999999997</v>
      </c>
      <c r="C28670" s="7">
        <f t="shared" si="447"/>
        <v>477.28889999999996</v>
      </c>
    </row>
    <row r="28671" spans="1:3" x14ac:dyDescent="0.25">
      <c r="A28671" s="2" t="s">
        <v>17084</v>
      </c>
      <c r="B28671" s="6">
        <v>477305.54999999993</v>
      </c>
      <c r="C28671" s="7">
        <f t="shared" si="447"/>
        <v>477.30554999999993</v>
      </c>
    </row>
    <row r="28672" spans="1:3" x14ac:dyDescent="0.25">
      <c r="A28672" s="2" t="s">
        <v>17085</v>
      </c>
      <c r="B28672" s="6">
        <v>477322.19999999995</v>
      </c>
      <c r="C28672" s="7">
        <f t="shared" si="447"/>
        <v>477.32219999999995</v>
      </c>
    </row>
    <row r="28673" spans="1:3" x14ac:dyDescent="0.25">
      <c r="A28673" s="2" t="s">
        <v>17086</v>
      </c>
      <c r="B28673" s="6">
        <v>477338.85</v>
      </c>
      <c r="C28673" s="7">
        <f t="shared" si="447"/>
        <v>477.33884999999998</v>
      </c>
    </row>
    <row r="28674" spans="1:3" x14ac:dyDescent="0.25">
      <c r="A28674" s="2" t="s">
        <v>17087</v>
      </c>
      <c r="B28674" s="6">
        <v>477355.49999999994</v>
      </c>
      <c r="C28674" s="7">
        <f t="shared" si="447"/>
        <v>477.35549999999995</v>
      </c>
    </row>
    <row r="28675" spans="1:3" x14ac:dyDescent="0.25">
      <c r="A28675" s="2" t="s">
        <v>17088</v>
      </c>
      <c r="B28675" s="6">
        <v>477372.14999999997</v>
      </c>
      <c r="C28675" s="7">
        <f t="shared" ref="C28675:C28738" si="448">B28675/1000</f>
        <v>477.37214999999998</v>
      </c>
    </row>
    <row r="28676" spans="1:3" x14ac:dyDescent="0.25">
      <c r="A28676" s="2" t="s">
        <v>17089</v>
      </c>
      <c r="B28676" s="6">
        <v>477388.79999999993</v>
      </c>
      <c r="C28676" s="7">
        <f t="shared" si="448"/>
        <v>477.38879999999995</v>
      </c>
    </row>
    <row r="28677" spans="1:3" x14ac:dyDescent="0.25">
      <c r="A28677" s="2" t="s">
        <v>17090</v>
      </c>
      <c r="B28677" s="6">
        <v>477405.44999999995</v>
      </c>
      <c r="C28677" s="7">
        <f t="shared" si="448"/>
        <v>477.40544999999997</v>
      </c>
    </row>
    <row r="28678" spans="1:3" x14ac:dyDescent="0.25">
      <c r="A28678" s="2" t="s">
        <v>17091</v>
      </c>
      <c r="B28678" s="6">
        <v>477422.1</v>
      </c>
      <c r="C28678" s="7">
        <f t="shared" si="448"/>
        <v>477.4221</v>
      </c>
    </row>
    <row r="28679" spans="1:3" x14ac:dyDescent="0.25">
      <c r="A28679" s="2" t="s">
        <v>17092</v>
      </c>
      <c r="B28679" s="6">
        <v>477438.74999999994</v>
      </c>
      <c r="C28679" s="7">
        <f t="shared" si="448"/>
        <v>477.43874999999991</v>
      </c>
    </row>
    <row r="28680" spans="1:3" x14ac:dyDescent="0.25">
      <c r="A28680" s="2" t="s">
        <v>17093</v>
      </c>
      <c r="B28680" s="6">
        <v>477455.39999999997</v>
      </c>
      <c r="C28680" s="7">
        <f t="shared" si="448"/>
        <v>477.45539999999994</v>
      </c>
    </row>
    <row r="28681" spans="1:3" x14ac:dyDescent="0.25">
      <c r="A28681" s="2" t="s">
        <v>17094</v>
      </c>
      <c r="B28681" s="6">
        <v>477472.04999999993</v>
      </c>
      <c r="C28681" s="7">
        <f t="shared" si="448"/>
        <v>477.47204999999991</v>
      </c>
    </row>
    <row r="28682" spans="1:3" x14ac:dyDescent="0.25">
      <c r="A28682" s="2" t="s">
        <v>17095</v>
      </c>
      <c r="B28682" s="6">
        <v>477488.69999999995</v>
      </c>
      <c r="C28682" s="7">
        <f t="shared" si="448"/>
        <v>477.48869999999994</v>
      </c>
    </row>
    <row r="28683" spans="1:3" x14ac:dyDescent="0.25">
      <c r="A28683" s="2" t="s">
        <v>17096</v>
      </c>
      <c r="B28683" s="6">
        <v>477505.35</v>
      </c>
      <c r="C28683" s="7">
        <f t="shared" si="448"/>
        <v>477.50534999999996</v>
      </c>
    </row>
    <row r="28684" spans="1:3" x14ac:dyDescent="0.25">
      <c r="A28684" s="2" t="s">
        <v>17097</v>
      </c>
      <c r="B28684" s="6">
        <v>477521.99999999994</v>
      </c>
      <c r="C28684" s="7">
        <f t="shared" si="448"/>
        <v>477.52199999999993</v>
      </c>
    </row>
    <row r="28685" spans="1:3" x14ac:dyDescent="0.25">
      <c r="A28685" s="2" t="s">
        <v>17098</v>
      </c>
      <c r="B28685" s="6">
        <v>477538.64999999997</v>
      </c>
      <c r="C28685" s="7">
        <f t="shared" si="448"/>
        <v>477.53864999999996</v>
      </c>
    </row>
    <row r="28686" spans="1:3" x14ac:dyDescent="0.25">
      <c r="A28686" s="2" t="s">
        <v>17099</v>
      </c>
      <c r="B28686" s="6">
        <v>477555.29999999993</v>
      </c>
      <c r="C28686" s="7">
        <f t="shared" si="448"/>
        <v>477.55529999999993</v>
      </c>
    </row>
    <row r="28687" spans="1:3" x14ac:dyDescent="0.25">
      <c r="A28687" s="2" t="s">
        <v>17100</v>
      </c>
      <c r="B28687" s="6">
        <v>477571.94999999995</v>
      </c>
      <c r="C28687" s="7">
        <f t="shared" si="448"/>
        <v>477.57194999999996</v>
      </c>
    </row>
    <row r="28688" spans="1:3" x14ac:dyDescent="0.25">
      <c r="A28688" s="2" t="s">
        <v>17101</v>
      </c>
      <c r="B28688" s="6">
        <v>477588.6</v>
      </c>
      <c r="C28688" s="7">
        <f t="shared" si="448"/>
        <v>477.58859999999999</v>
      </c>
    </row>
    <row r="28689" spans="1:3" x14ac:dyDescent="0.25">
      <c r="A28689" s="2" t="s">
        <v>17102</v>
      </c>
      <c r="B28689" s="6">
        <v>477605.24999999994</v>
      </c>
      <c r="C28689" s="7">
        <f t="shared" si="448"/>
        <v>477.60524999999996</v>
      </c>
    </row>
    <row r="28690" spans="1:3" x14ac:dyDescent="0.25">
      <c r="A28690" s="2" t="s">
        <v>17103</v>
      </c>
      <c r="B28690" s="6">
        <v>477621.89999999997</v>
      </c>
      <c r="C28690" s="7">
        <f t="shared" si="448"/>
        <v>477.62189999999998</v>
      </c>
    </row>
    <row r="28691" spans="1:3" x14ac:dyDescent="0.25">
      <c r="A28691" s="2" t="s">
        <v>17104</v>
      </c>
      <c r="B28691" s="6">
        <v>477638.54999999993</v>
      </c>
      <c r="C28691" s="7">
        <f t="shared" si="448"/>
        <v>477.63854999999995</v>
      </c>
    </row>
    <row r="28692" spans="1:3" x14ac:dyDescent="0.25">
      <c r="A28692" s="2" t="s">
        <v>17105</v>
      </c>
      <c r="B28692" s="6">
        <v>477655.19999999995</v>
      </c>
      <c r="C28692" s="7">
        <f t="shared" si="448"/>
        <v>477.65519999999998</v>
      </c>
    </row>
    <row r="28693" spans="1:3" x14ac:dyDescent="0.25">
      <c r="A28693" s="2" t="s">
        <v>17106</v>
      </c>
      <c r="B28693" s="6">
        <v>477671.85</v>
      </c>
      <c r="C28693" s="7">
        <f t="shared" si="448"/>
        <v>477.67184999999995</v>
      </c>
    </row>
    <row r="28694" spans="1:3" x14ac:dyDescent="0.25">
      <c r="A28694" s="2" t="s">
        <v>17107</v>
      </c>
      <c r="B28694" s="6">
        <v>477688.49999999994</v>
      </c>
      <c r="C28694" s="7">
        <f t="shared" si="448"/>
        <v>477.68849999999992</v>
      </c>
    </row>
    <row r="28695" spans="1:3" x14ac:dyDescent="0.25">
      <c r="A28695" s="2" t="s">
        <v>17108</v>
      </c>
      <c r="B28695" s="6">
        <v>477705.14999999997</v>
      </c>
      <c r="C28695" s="7">
        <f t="shared" si="448"/>
        <v>477.70514999999995</v>
      </c>
    </row>
    <row r="28696" spans="1:3" x14ac:dyDescent="0.25">
      <c r="A28696" s="2" t="s">
        <v>17109</v>
      </c>
      <c r="B28696" s="6">
        <v>477721.79999999993</v>
      </c>
      <c r="C28696" s="7">
        <f t="shared" si="448"/>
        <v>477.72179999999992</v>
      </c>
    </row>
    <row r="28697" spans="1:3" x14ac:dyDescent="0.25">
      <c r="A28697" s="2" t="s">
        <v>17110</v>
      </c>
      <c r="B28697" s="6">
        <v>477738.44999999995</v>
      </c>
      <c r="C28697" s="7">
        <f t="shared" si="448"/>
        <v>477.73844999999994</v>
      </c>
    </row>
    <row r="28698" spans="1:3" x14ac:dyDescent="0.25">
      <c r="A28698" s="2" t="s">
        <v>17111</v>
      </c>
      <c r="B28698" s="6">
        <v>477755.1</v>
      </c>
      <c r="C28698" s="7">
        <f t="shared" si="448"/>
        <v>477.75509999999997</v>
      </c>
    </row>
    <row r="28699" spans="1:3" x14ac:dyDescent="0.25">
      <c r="A28699" s="2" t="s">
        <v>17112</v>
      </c>
      <c r="B28699" s="6">
        <v>477771.74999999994</v>
      </c>
      <c r="C28699" s="7">
        <f t="shared" si="448"/>
        <v>477.77174999999994</v>
      </c>
    </row>
    <row r="28700" spans="1:3" x14ac:dyDescent="0.25">
      <c r="A28700" s="2" t="s">
        <v>17113</v>
      </c>
      <c r="B28700" s="6">
        <v>477788.39999999997</v>
      </c>
      <c r="C28700" s="7">
        <f t="shared" si="448"/>
        <v>477.78839999999997</v>
      </c>
    </row>
    <row r="28701" spans="1:3" x14ac:dyDescent="0.25">
      <c r="A28701" s="2" t="s">
        <v>17114</v>
      </c>
      <c r="B28701" s="6">
        <v>477805.04999999993</v>
      </c>
      <c r="C28701" s="7">
        <f t="shared" si="448"/>
        <v>477.80504999999994</v>
      </c>
    </row>
    <row r="28702" spans="1:3" x14ac:dyDescent="0.25">
      <c r="A28702" s="2" t="s">
        <v>17115</v>
      </c>
      <c r="B28702" s="6">
        <v>477821.69999999995</v>
      </c>
      <c r="C28702" s="7">
        <f t="shared" si="448"/>
        <v>477.82169999999996</v>
      </c>
    </row>
    <row r="28703" spans="1:3" x14ac:dyDescent="0.25">
      <c r="A28703" s="2" t="s">
        <v>17116</v>
      </c>
      <c r="B28703" s="6">
        <v>477838.35</v>
      </c>
      <c r="C28703" s="7">
        <f t="shared" si="448"/>
        <v>477.83834999999999</v>
      </c>
    </row>
    <row r="28704" spans="1:3" x14ac:dyDescent="0.25">
      <c r="A28704" s="2" t="s">
        <v>17117</v>
      </c>
      <c r="B28704" s="6">
        <v>477854.99999999994</v>
      </c>
      <c r="C28704" s="7">
        <f t="shared" si="448"/>
        <v>477.85499999999996</v>
      </c>
    </row>
    <row r="28705" spans="1:3" x14ac:dyDescent="0.25">
      <c r="A28705" s="2" t="s">
        <v>17118</v>
      </c>
      <c r="B28705" s="6">
        <v>477871.64999999997</v>
      </c>
      <c r="C28705" s="7">
        <f t="shared" si="448"/>
        <v>477.87164999999999</v>
      </c>
    </row>
    <row r="28706" spans="1:3" x14ac:dyDescent="0.25">
      <c r="A28706" s="2" t="s">
        <v>17119</v>
      </c>
      <c r="B28706" s="6">
        <v>477888.29999999993</v>
      </c>
      <c r="C28706" s="7">
        <f t="shared" si="448"/>
        <v>477.88829999999996</v>
      </c>
    </row>
    <row r="28707" spans="1:3" x14ac:dyDescent="0.25">
      <c r="A28707" s="2" t="s">
        <v>17120</v>
      </c>
      <c r="B28707" s="6">
        <v>477904.94999999995</v>
      </c>
      <c r="C28707" s="7">
        <f t="shared" si="448"/>
        <v>477.90494999999993</v>
      </c>
    </row>
    <row r="28708" spans="1:3" x14ac:dyDescent="0.25">
      <c r="A28708" s="2" t="s">
        <v>17121</v>
      </c>
      <c r="B28708" s="6">
        <v>477921.6</v>
      </c>
      <c r="C28708" s="7">
        <f t="shared" si="448"/>
        <v>477.92159999999996</v>
      </c>
    </row>
    <row r="28709" spans="1:3" x14ac:dyDescent="0.25">
      <c r="A28709" s="2" t="s">
        <v>17122</v>
      </c>
      <c r="B28709" s="6">
        <v>477938.24999999994</v>
      </c>
      <c r="C28709" s="7">
        <f t="shared" si="448"/>
        <v>477.93824999999993</v>
      </c>
    </row>
    <row r="28710" spans="1:3" x14ac:dyDescent="0.25">
      <c r="A28710" s="2" t="s">
        <v>17123</v>
      </c>
      <c r="B28710" s="6">
        <v>477954.89999999997</v>
      </c>
      <c r="C28710" s="7">
        <f t="shared" si="448"/>
        <v>477.95489999999995</v>
      </c>
    </row>
    <row r="28711" spans="1:3" x14ac:dyDescent="0.25">
      <c r="A28711" s="2" t="s">
        <v>17124</v>
      </c>
      <c r="B28711" s="6">
        <v>477971.54999999993</v>
      </c>
      <c r="C28711" s="7">
        <f t="shared" si="448"/>
        <v>477.97154999999992</v>
      </c>
    </row>
    <row r="28712" spans="1:3" x14ac:dyDescent="0.25">
      <c r="A28712" s="2" t="s">
        <v>17125</v>
      </c>
      <c r="B28712" s="6">
        <v>477988.19999999995</v>
      </c>
      <c r="C28712" s="7">
        <f t="shared" si="448"/>
        <v>477.98819999999995</v>
      </c>
    </row>
    <row r="28713" spans="1:3" x14ac:dyDescent="0.25">
      <c r="A28713" s="2" t="s">
        <v>17126</v>
      </c>
      <c r="B28713" s="6">
        <v>478004.85</v>
      </c>
      <c r="C28713" s="7">
        <f t="shared" si="448"/>
        <v>478.00484999999998</v>
      </c>
    </row>
    <row r="28714" spans="1:3" x14ac:dyDescent="0.25">
      <c r="A28714" s="2" t="s">
        <v>17127</v>
      </c>
      <c r="B28714" s="6">
        <v>478021.49999999994</v>
      </c>
      <c r="C28714" s="7">
        <f t="shared" si="448"/>
        <v>478.02149999999995</v>
      </c>
    </row>
    <row r="28715" spans="1:3" x14ac:dyDescent="0.25">
      <c r="A28715" s="2" t="s">
        <v>17128</v>
      </c>
      <c r="B28715" s="6">
        <v>478038.14999999997</v>
      </c>
      <c r="C28715" s="7">
        <f t="shared" si="448"/>
        <v>478.03814999999997</v>
      </c>
    </row>
    <row r="28716" spans="1:3" x14ac:dyDescent="0.25">
      <c r="A28716" s="2" t="s">
        <v>17129</v>
      </c>
      <c r="B28716" s="6">
        <v>478054.79999999993</v>
      </c>
      <c r="C28716" s="7">
        <f t="shared" si="448"/>
        <v>478.05479999999994</v>
      </c>
    </row>
    <row r="28717" spans="1:3" x14ac:dyDescent="0.25">
      <c r="A28717" s="2" t="s">
        <v>17130</v>
      </c>
      <c r="B28717" s="6">
        <v>478071.44999999995</v>
      </c>
      <c r="C28717" s="7">
        <f t="shared" si="448"/>
        <v>478.07144999999997</v>
      </c>
    </row>
    <row r="28718" spans="1:3" x14ac:dyDescent="0.25">
      <c r="A28718" s="2" t="s">
        <v>17131</v>
      </c>
      <c r="B28718" s="6">
        <v>478088.1</v>
      </c>
      <c r="C28718" s="7">
        <f t="shared" si="448"/>
        <v>478.0881</v>
      </c>
    </row>
    <row r="28719" spans="1:3" x14ac:dyDescent="0.25">
      <c r="A28719" s="2" t="s">
        <v>17132</v>
      </c>
      <c r="B28719" s="6">
        <v>478104.74999999994</v>
      </c>
      <c r="C28719" s="7">
        <f t="shared" si="448"/>
        <v>478.10474999999997</v>
      </c>
    </row>
    <row r="28720" spans="1:3" x14ac:dyDescent="0.25">
      <c r="A28720" s="2" t="s">
        <v>17133</v>
      </c>
      <c r="B28720" s="6">
        <v>478121.39999999997</v>
      </c>
      <c r="C28720" s="7">
        <f t="shared" si="448"/>
        <v>478.12139999999994</v>
      </c>
    </row>
    <row r="28721" spans="1:3" x14ac:dyDescent="0.25">
      <c r="A28721" s="2" t="s">
        <v>17134</v>
      </c>
      <c r="B28721" s="6">
        <v>478138.04999999993</v>
      </c>
      <c r="C28721" s="7">
        <f t="shared" si="448"/>
        <v>478.13804999999991</v>
      </c>
    </row>
    <row r="28722" spans="1:3" x14ac:dyDescent="0.25">
      <c r="A28722" s="2" t="s">
        <v>17135</v>
      </c>
      <c r="B28722" s="6">
        <v>478154.69999999995</v>
      </c>
      <c r="C28722" s="7">
        <f t="shared" si="448"/>
        <v>478.15469999999993</v>
      </c>
    </row>
    <row r="28723" spans="1:3" x14ac:dyDescent="0.25">
      <c r="A28723" s="2" t="s">
        <v>17136</v>
      </c>
      <c r="B28723" s="6">
        <v>478171.35</v>
      </c>
      <c r="C28723" s="7">
        <f t="shared" si="448"/>
        <v>478.17134999999996</v>
      </c>
    </row>
    <row r="28724" spans="1:3" x14ac:dyDescent="0.25">
      <c r="A28724" s="2" t="s">
        <v>17137</v>
      </c>
      <c r="B28724" s="6">
        <v>478187.99999999994</v>
      </c>
      <c r="C28724" s="7">
        <f t="shared" si="448"/>
        <v>478.18799999999993</v>
      </c>
    </row>
    <row r="28725" spans="1:3" x14ac:dyDescent="0.25">
      <c r="A28725" s="2" t="s">
        <v>17138</v>
      </c>
      <c r="B28725" s="6">
        <v>478204.64999999997</v>
      </c>
      <c r="C28725" s="7">
        <f t="shared" si="448"/>
        <v>478.20464999999996</v>
      </c>
    </row>
    <row r="28726" spans="1:3" x14ac:dyDescent="0.25">
      <c r="A28726" s="2" t="s">
        <v>17139</v>
      </c>
      <c r="B28726" s="6">
        <v>478221.29999999993</v>
      </c>
      <c r="C28726" s="7">
        <f t="shared" si="448"/>
        <v>478.22129999999993</v>
      </c>
    </row>
    <row r="28727" spans="1:3" x14ac:dyDescent="0.25">
      <c r="A28727" s="2" t="s">
        <v>17140</v>
      </c>
      <c r="B28727" s="6">
        <v>478237.94999999995</v>
      </c>
      <c r="C28727" s="7">
        <f t="shared" si="448"/>
        <v>478.23794999999996</v>
      </c>
    </row>
    <row r="28728" spans="1:3" x14ac:dyDescent="0.25">
      <c r="A28728" s="2" t="s">
        <v>17141</v>
      </c>
      <c r="B28728" s="6">
        <v>478254.6</v>
      </c>
      <c r="C28728" s="7">
        <f t="shared" si="448"/>
        <v>478.25459999999998</v>
      </c>
    </row>
    <row r="28729" spans="1:3" x14ac:dyDescent="0.25">
      <c r="A28729" s="2" t="s">
        <v>17142</v>
      </c>
      <c r="B28729" s="6">
        <v>478271.24999999994</v>
      </c>
      <c r="C28729" s="7">
        <f t="shared" si="448"/>
        <v>478.27124999999995</v>
      </c>
    </row>
    <row r="28730" spans="1:3" x14ac:dyDescent="0.25">
      <c r="A28730" s="2" t="s">
        <v>17143</v>
      </c>
      <c r="B28730" s="6">
        <v>478287.89999999997</v>
      </c>
      <c r="C28730" s="7">
        <f t="shared" si="448"/>
        <v>478.28789999999998</v>
      </c>
    </row>
    <row r="28731" spans="1:3" x14ac:dyDescent="0.25">
      <c r="A28731" s="2" t="s">
        <v>17144</v>
      </c>
      <c r="B28731" s="6">
        <v>478304.54999999993</v>
      </c>
      <c r="C28731" s="7">
        <f t="shared" si="448"/>
        <v>478.30454999999995</v>
      </c>
    </row>
    <row r="28732" spans="1:3" x14ac:dyDescent="0.25">
      <c r="A28732" s="2" t="s">
        <v>17145</v>
      </c>
      <c r="B28732" s="6">
        <v>478321.19999999995</v>
      </c>
      <c r="C28732" s="7">
        <f t="shared" si="448"/>
        <v>478.32119999999998</v>
      </c>
    </row>
    <row r="28733" spans="1:3" x14ac:dyDescent="0.25">
      <c r="A28733" s="2" t="s">
        <v>17146</v>
      </c>
      <c r="B28733" s="6">
        <v>478337.85</v>
      </c>
      <c r="C28733" s="7">
        <f t="shared" si="448"/>
        <v>478.33785</v>
      </c>
    </row>
    <row r="28734" spans="1:3" x14ac:dyDescent="0.25">
      <c r="A28734" s="2" t="s">
        <v>17147</v>
      </c>
      <c r="B28734" s="6">
        <v>478354.49999999994</v>
      </c>
      <c r="C28734" s="7">
        <f t="shared" si="448"/>
        <v>478.35449999999992</v>
      </c>
    </row>
    <row r="28735" spans="1:3" x14ac:dyDescent="0.25">
      <c r="A28735" s="2" t="s">
        <v>17148</v>
      </c>
      <c r="B28735" s="6">
        <v>478371.14999999997</v>
      </c>
      <c r="C28735" s="7">
        <f t="shared" si="448"/>
        <v>478.37114999999994</v>
      </c>
    </row>
    <row r="28736" spans="1:3" x14ac:dyDescent="0.25">
      <c r="A28736" s="2" t="s">
        <v>17149</v>
      </c>
      <c r="B28736" s="6">
        <v>478387.79999999993</v>
      </c>
      <c r="C28736" s="7">
        <f t="shared" si="448"/>
        <v>478.38779999999991</v>
      </c>
    </row>
    <row r="28737" spans="1:3" x14ac:dyDescent="0.25">
      <c r="A28737" s="2" t="s">
        <v>17150</v>
      </c>
      <c r="B28737" s="6">
        <v>478404.44999999995</v>
      </c>
      <c r="C28737" s="7">
        <f t="shared" si="448"/>
        <v>478.40444999999994</v>
      </c>
    </row>
    <row r="28738" spans="1:3" x14ac:dyDescent="0.25">
      <c r="A28738" s="2" t="s">
        <v>17151</v>
      </c>
      <c r="B28738" s="6">
        <v>478421.1</v>
      </c>
      <c r="C28738" s="7">
        <f t="shared" si="448"/>
        <v>478.42109999999997</v>
      </c>
    </row>
    <row r="28739" spans="1:3" x14ac:dyDescent="0.25">
      <c r="A28739" s="2" t="s">
        <v>17152</v>
      </c>
      <c r="B28739" s="6">
        <v>478437.74999999994</v>
      </c>
      <c r="C28739" s="7">
        <f t="shared" ref="C28739:C28802" si="449">B28739/1000</f>
        <v>478.43774999999994</v>
      </c>
    </row>
    <row r="28740" spans="1:3" x14ac:dyDescent="0.25">
      <c r="A28740" s="2" t="s">
        <v>17153</v>
      </c>
      <c r="B28740" s="6">
        <v>478454.39999999997</v>
      </c>
      <c r="C28740" s="7">
        <f t="shared" si="449"/>
        <v>478.45439999999996</v>
      </c>
    </row>
    <row r="28741" spans="1:3" x14ac:dyDescent="0.25">
      <c r="A28741" s="2" t="s">
        <v>17154</v>
      </c>
      <c r="B28741" s="6">
        <v>478471.04999999993</v>
      </c>
      <c r="C28741" s="7">
        <f t="shared" si="449"/>
        <v>478.47104999999993</v>
      </c>
    </row>
    <row r="28742" spans="1:3" x14ac:dyDescent="0.25">
      <c r="A28742" s="2" t="s">
        <v>17155</v>
      </c>
      <c r="B28742" s="6">
        <v>478487.69999999995</v>
      </c>
      <c r="C28742" s="7">
        <f t="shared" si="449"/>
        <v>478.48769999999996</v>
      </c>
    </row>
    <row r="28743" spans="1:3" x14ac:dyDescent="0.25">
      <c r="A28743" s="2" t="s">
        <v>17156</v>
      </c>
      <c r="B28743" s="6">
        <v>478504.35</v>
      </c>
      <c r="C28743" s="7">
        <f t="shared" si="449"/>
        <v>478.50434999999999</v>
      </c>
    </row>
    <row r="28744" spans="1:3" x14ac:dyDescent="0.25">
      <c r="A28744" s="2" t="s">
        <v>17157</v>
      </c>
      <c r="B28744" s="6">
        <v>478520.99999999994</v>
      </c>
      <c r="C28744" s="7">
        <f t="shared" si="449"/>
        <v>478.52099999999996</v>
      </c>
    </row>
    <row r="28745" spans="1:3" x14ac:dyDescent="0.25">
      <c r="A28745" s="2" t="s">
        <v>17158</v>
      </c>
      <c r="B28745" s="6">
        <v>478537.64999999997</v>
      </c>
      <c r="C28745" s="7">
        <f t="shared" si="449"/>
        <v>478.53764999999999</v>
      </c>
    </row>
    <row r="28746" spans="1:3" x14ac:dyDescent="0.25">
      <c r="A28746" s="2" t="s">
        <v>17159</v>
      </c>
      <c r="B28746" s="6">
        <v>478554.29999999993</v>
      </c>
      <c r="C28746" s="7">
        <f t="shared" si="449"/>
        <v>478.55429999999996</v>
      </c>
    </row>
    <row r="28747" spans="1:3" x14ac:dyDescent="0.25">
      <c r="A28747" s="2" t="s">
        <v>17160</v>
      </c>
      <c r="B28747" s="6">
        <v>478570.94999999995</v>
      </c>
      <c r="C28747" s="7">
        <f t="shared" si="449"/>
        <v>478.57094999999993</v>
      </c>
    </row>
    <row r="28748" spans="1:3" x14ac:dyDescent="0.25">
      <c r="A28748" s="2" t="s">
        <v>17161</v>
      </c>
      <c r="B28748" s="6">
        <v>478587.6</v>
      </c>
      <c r="C28748" s="7">
        <f t="shared" si="449"/>
        <v>478.58759999999995</v>
      </c>
    </row>
    <row r="28749" spans="1:3" x14ac:dyDescent="0.25">
      <c r="A28749" s="2" t="s">
        <v>17162</v>
      </c>
      <c r="B28749" s="6">
        <v>478604.24999999994</v>
      </c>
      <c r="C28749" s="7">
        <f t="shared" si="449"/>
        <v>478.60424999999992</v>
      </c>
    </row>
    <row r="28750" spans="1:3" x14ac:dyDescent="0.25">
      <c r="A28750" s="2" t="s">
        <v>17163</v>
      </c>
      <c r="B28750" s="6">
        <v>478620.89999999997</v>
      </c>
      <c r="C28750" s="7">
        <f t="shared" si="449"/>
        <v>478.62089999999995</v>
      </c>
    </row>
    <row r="28751" spans="1:3" x14ac:dyDescent="0.25">
      <c r="A28751" s="2" t="s">
        <v>17164</v>
      </c>
      <c r="B28751" s="6">
        <v>478637.54999999993</v>
      </c>
      <c r="C28751" s="7">
        <f t="shared" si="449"/>
        <v>478.63754999999992</v>
      </c>
    </row>
    <row r="28752" spans="1:3" x14ac:dyDescent="0.25">
      <c r="A28752" s="2" t="s">
        <v>17165</v>
      </c>
      <c r="B28752" s="6">
        <v>478654.19999999995</v>
      </c>
      <c r="C28752" s="7">
        <f t="shared" si="449"/>
        <v>478.65419999999995</v>
      </c>
    </row>
    <row r="28753" spans="1:3" x14ac:dyDescent="0.25">
      <c r="A28753" s="2" t="s">
        <v>17166</v>
      </c>
      <c r="B28753" s="6">
        <v>478670.85</v>
      </c>
      <c r="C28753" s="7">
        <f t="shared" si="449"/>
        <v>478.67084999999997</v>
      </c>
    </row>
    <row r="28754" spans="1:3" x14ac:dyDescent="0.25">
      <c r="A28754" s="2" t="s">
        <v>17167</v>
      </c>
      <c r="B28754" s="6">
        <v>478687.49999999994</v>
      </c>
      <c r="C28754" s="7">
        <f t="shared" si="449"/>
        <v>478.68749999999994</v>
      </c>
    </row>
    <row r="28755" spans="1:3" x14ac:dyDescent="0.25">
      <c r="A28755" s="2" t="s">
        <v>17168</v>
      </c>
      <c r="B28755" s="6">
        <v>478704.14999999997</v>
      </c>
      <c r="C28755" s="7">
        <f t="shared" si="449"/>
        <v>478.70414999999997</v>
      </c>
    </row>
    <row r="28756" spans="1:3" x14ac:dyDescent="0.25">
      <c r="A28756" s="2" t="s">
        <v>17169</v>
      </c>
      <c r="B28756" s="6">
        <v>478720.79999999993</v>
      </c>
      <c r="C28756" s="7">
        <f t="shared" si="449"/>
        <v>478.72079999999994</v>
      </c>
    </row>
    <row r="28757" spans="1:3" x14ac:dyDescent="0.25">
      <c r="A28757" s="2" t="s">
        <v>17170</v>
      </c>
      <c r="B28757" s="6">
        <v>478737.44999999995</v>
      </c>
      <c r="C28757" s="7">
        <f t="shared" si="449"/>
        <v>478.73744999999997</v>
      </c>
    </row>
    <row r="28758" spans="1:3" x14ac:dyDescent="0.25">
      <c r="A28758" s="2" t="s">
        <v>17171</v>
      </c>
      <c r="B28758" s="6">
        <v>478754.1</v>
      </c>
      <c r="C28758" s="7">
        <f t="shared" si="449"/>
        <v>478.75409999999999</v>
      </c>
    </row>
    <row r="28759" spans="1:3" x14ac:dyDescent="0.25">
      <c r="A28759" s="2" t="s">
        <v>17172</v>
      </c>
      <c r="B28759" s="6">
        <v>478770.74999999994</v>
      </c>
      <c r="C28759" s="7">
        <f t="shared" si="449"/>
        <v>478.77074999999996</v>
      </c>
    </row>
    <row r="28760" spans="1:3" x14ac:dyDescent="0.25">
      <c r="A28760" s="2" t="s">
        <v>17173</v>
      </c>
      <c r="B28760" s="6">
        <v>478787.39999999997</v>
      </c>
      <c r="C28760" s="7">
        <f t="shared" si="449"/>
        <v>478.78739999999999</v>
      </c>
    </row>
    <row r="28761" spans="1:3" x14ac:dyDescent="0.25">
      <c r="A28761" s="2" t="s">
        <v>17174</v>
      </c>
      <c r="B28761" s="6">
        <v>478804.04999999993</v>
      </c>
      <c r="C28761" s="7">
        <f t="shared" si="449"/>
        <v>478.8040499999999</v>
      </c>
    </row>
    <row r="28762" spans="1:3" x14ac:dyDescent="0.25">
      <c r="A28762" s="2" t="s">
        <v>17175</v>
      </c>
      <c r="B28762" s="6">
        <v>478820.69999999995</v>
      </c>
      <c r="C28762" s="7">
        <f t="shared" si="449"/>
        <v>478.82069999999993</v>
      </c>
    </row>
    <row r="28763" spans="1:3" x14ac:dyDescent="0.25">
      <c r="A28763" s="2" t="s">
        <v>17176</v>
      </c>
      <c r="B28763" s="6">
        <v>478837.35</v>
      </c>
      <c r="C28763" s="7">
        <f t="shared" si="449"/>
        <v>478.83734999999996</v>
      </c>
    </row>
    <row r="28764" spans="1:3" x14ac:dyDescent="0.25">
      <c r="A28764" s="2" t="s">
        <v>17177</v>
      </c>
      <c r="B28764" s="6">
        <v>478853.99999999994</v>
      </c>
      <c r="C28764" s="7">
        <f t="shared" si="449"/>
        <v>478.85399999999993</v>
      </c>
    </row>
    <row r="28765" spans="1:3" x14ac:dyDescent="0.25">
      <c r="A28765" s="2" t="s">
        <v>17178</v>
      </c>
      <c r="B28765" s="6">
        <v>478870.64999999997</v>
      </c>
      <c r="C28765" s="7">
        <f t="shared" si="449"/>
        <v>478.87064999999996</v>
      </c>
    </row>
    <row r="28766" spans="1:3" x14ac:dyDescent="0.25">
      <c r="A28766" s="2" t="s">
        <v>17179</v>
      </c>
      <c r="B28766" s="6">
        <v>478887.29999999993</v>
      </c>
      <c r="C28766" s="7">
        <f t="shared" si="449"/>
        <v>478.88729999999993</v>
      </c>
    </row>
    <row r="28767" spans="1:3" x14ac:dyDescent="0.25">
      <c r="A28767" s="2" t="s">
        <v>17180</v>
      </c>
      <c r="B28767" s="6">
        <v>478903.94999999995</v>
      </c>
      <c r="C28767" s="7">
        <f t="shared" si="449"/>
        <v>478.90394999999995</v>
      </c>
    </row>
    <row r="28768" spans="1:3" x14ac:dyDescent="0.25">
      <c r="A28768" s="2" t="s">
        <v>17181</v>
      </c>
      <c r="B28768" s="6">
        <v>478920.6</v>
      </c>
      <c r="C28768" s="7">
        <f t="shared" si="449"/>
        <v>478.92059999999998</v>
      </c>
    </row>
    <row r="28769" spans="1:3" x14ac:dyDescent="0.25">
      <c r="A28769" s="2" t="s">
        <v>17182</v>
      </c>
      <c r="B28769" s="6">
        <v>478937.24999999994</v>
      </c>
      <c r="C28769" s="7">
        <f t="shared" si="449"/>
        <v>478.93724999999995</v>
      </c>
    </row>
    <row r="28770" spans="1:3" x14ac:dyDescent="0.25">
      <c r="A28770" s="2" t="s">
        <v>17183</v>
      </c>
      <c r="B28770" s="6">
        <v>478953.89999999997</v>
      </c>
      <c r="C28770" s="7">
        <f t="shared" si="449"/>
        <v>478.95389999999998</v>
      </c>
    </row>
    <row r="28771" spans="1:3" x14ac:dyDescent="0.25">
      <c r="A28771" s="2" t="s">
        <v>17184</v>
      </c>
      <c r="B28771" s="6">
        <v>478970.54999999993</v>
      </c>
      <c r="C28771" s="7">
        <f t="shared" si="449"/>
        <v>478.97054999999995</v>
      </c>
    </row>
    <row r="28772" spans="1:3" x14ac:dyDescent="0.25">
      <c r="A28772" s="2" t="s">
        <v>17185</v>
      </c>
      <c r="B28772" s="6">
        <v>478987.19999999995</v>
      </c>
      <c r="C28772" s="7">
        <f t="shared" si="449"/>
        <v>478.98719999999997</v>
      </c>
    </row>
    <row r="28773" spans="1:3" x14ac:dyDescent="0.25">
      <c r="A28773" s="2" t="s">
        <v>17186</v>
      </c>
      <c r="B28773" s="6">
        <v>479003.85</v>
      </c>
      <c r="C28773" s="7">
        <f t="shared" si="449"/>
        <v>479.00385</v>
      </c>
    </row>
    <row r="28774" spans="1:3" x14ac:dyDescent="0.25">
      <c r="A28774" s="2" t="s">
        <v>17187</v>
      </c>
      <c r="B28774" s="6">
        <v>479020.49999999994</v>
      </c>
      <c r="C28774" s="7">
        <f t="shared" si="449"/>
        <v>479.02049999999997</v>
      </c>
    </row>
    <row r="28775" spans="1:3" x14ac:dyDescent="0.25">
      <c r="A28775" s="2" t="s">
        <v>17188</v>
      </c>
      <c r="B28775" s="6">
        <v>479037.14999999997</v>
      </c>
      <c r="C28775" s="7">
        <f t="shared" si="449"/>
        <v>479.03714999999994</v>
      </c>
    </row>
    <row r="28776" spans="1:3" x14ac:dyDescent="0.25">
      <c r="A28776" s="2" t="s">
        <v>17189</v>
      </c>
      <c r="B28776" s="6">
        <v>479053.79999999993</v>
      </c>
      <c r="C28776" s="7">
        <f t="shared" si="449"/>
        <v>479.05379999999991</v>
      </c>
    </row>
    <row r="28777" spans="1:3" x14ac:dyDescent="0.25">
      <c r="A28777" s="2" t="s">
        <v>17190</v>
      </c>
      <c r="B28777" s="6">
        <v>479070.44999999995</v>
      </c>
      <c r="C28777" s="7">
        <f t="shared" si="449"/>
        <v>479.07044999999994</v>
      </c>
    </row>
    <row r="28778" spans="1:3" x14ac:dyDescent="0.25">
      <c r="A28778" s="2" t="s">
        <v>17191</v>
      </c>
      <c r="B28778" s="6">
        <v>479087.1</v>
      </c>
      <c r="C28778" s="7">
        <f t="shared" si="449"/>
        <v>479.08709999999996</v>
      </c>
    </row>
    <row r="28779" spans="1:3" x14ac:dyDescent="0.25">
      <c r="A28779" s="2" t="s">
        <v>17192</v>
      </c>
      <c r="B28779" s="6">
        <v>479103.74999999994</v>
      </c>
      <c r="C28779" s="7">
        <f t="shared" si="449"/>
        <v>479.10374999999993</v>
      </c>
    </row>
    <row r="28780" spans="1:3" x14ac:dyDescent="0.25">
      <c r="A28780" s="2" t="s">
        <v>17193</v>
      </c>
      <c r="B28780" s="6">
        <v>479120.39999999997</v>
      </c>
      <c r="C28780" s="7">
        <f t="shared" si="449"/>
        <v>479.12039999999996</v>
      </c>
    </row>
    <row r="28781" spans="1:3" x14ac:dyDescent="0.25">
      <c r="A28781" s="2" t="s">
        <v>17194</v>
      </c>
      <c r="B28781" s="6">
        <v>479137.04999999993</v>
      </c>
      <c r="C28781" s="7">
        <f t="shared" si="449"/>
        <v>479.13704999999993</v>
      </c>
    </row>
    <row r="28782" spans="1:3" x14ac:dyDescent="0.25">
      <c r="A28782" s="2" t="s">
        <v>17195</v>
      </c>
      <c r="B28782" s="6">
        <v>479153.69999999995</v>
      </c>
      <c r="C28782" s="7">
        <f t="shared" si="449"/>
        <v>479.15369999999996</v>
      </c>
    </row>
    <row r="28783" spans="1:3" x14ac:dyDescent="0.25">
      <c r="A28783" s="2" t="s">
        <v>17196</v>
      </c>
      <c r="B28783" s="6">
        <v>479170.35</v>
      </c>
      <c r="C28783" s="7">
        <f t="shared" si="449"/>
        <v>479.17034999999998</v>
      </c>
    </row>
    <row r="28784" spans="1:3" x14ac:dyDescent="0.25">
      <c r="A28784" s="2" t="s">
        <v>17197</v>
      </c>
      <c r="B28784" s="6">
        <v>479186.99999999994</v>
      </c>
      <c r="C28784" s="7">
        <f t="shared" si="449"/>
        <v>479.18699999999995</v>
      </c>
    </row>
    <row r="28785" spans="1:3" x14ac:dyDescent="0.25">
      <c r="A28785" s="2" t="s">
        <v>17198</v>
      </c>
      <c r="B28785" s="6">
        <v>479203.64999999997</v>
      </c>
      <c r="C28785" s="7">
        <f t="shared" si="449"/>
        <v>479.20364999999998</v>
      </c>
    </row>
    <row r="28786" spans="1:3" x14ac:dyDescent="0.25">
      <c r="A28786" s="2" t="s">
        <v>17199</v>
      </c>
      <c r="B28786" s="6">
        <v>479220.29999999993</v>
      </c>
      <c r="C28786" s="7">
        <f t="shared" si="449"/>
        <v>479.22029999999995</v>
      </c>
    </row>
    <row r="28787" spans="1:3" x14ac:dyDescent="0.25">
      <c r="A28787" s="2" t="s">
        <v>17200</v>
      </c>
      <c r="B28787" s="6">
        <v>479236.94999999995</v>
      </c>
      <c r="C28787" s="7">
        <f t="shared" si="449"/>
        <v>479.23694999999998</v>
      </c>
    </row>
    <row r="28788" spans="1:3" x14ac:dyDescent="0.25">
      <c r="A28788" s="2" t="s">
        <v>17201</v>
      </c>
      <c r="B28788" s="6">
        <v>479253.6</v>
      </c>
      <c r="C28788" s="7">
        <f t="shared" si="449"/>
        <v>479.25359999999995</v>
      </c>
    </row>
    <row r="28789" spans="1:3" x14ac:dyDescent="0.25">
      <c r="A28789" s="2" t="s">
        <v>17202</v>
      </c>
      <c r="B28789" s="6">
        <v>479270.24999999994</v>
      </c>
      <c r="C28789" s="7">
        <f t="shared" si="449"/>
        <v>479.27024999999992</v>
      </c>
    </row>
    <row r="28790" spans="1:3" x14ac:dyDescent="0.25">
      <c r="A28790" s="2" t="s">
        <v>17203</v>
      </c>
      <c r="B28790" s="6">
        <v>479286.89999999997</v>
      </c>
      <c r="C28790" s="7">
        <f t="shared" si="449"/>
        <v>479.28689999999995</v>
      </c>
    </row>
    <row r="28791" spans="1:3" x14ac:dyDescent="0.25">
      <c r="A28791" s="2" t="s">
        <v>17204</v>
      </c>
      <c r="B28791" s="6">
        <v>479303.54999999993</v>
      </c>
      <c r="C28791" s="7">
        <f t="shared" si="449"/>
        <v>479.30354999999992</v>
      </c>
    </row>
    <row r="28792" spans="1:3" x14ac:dyDescent="0.25">
      <c r="A28792" s="2" t="s">
        <v>17205</v>
      </c>
      <c r="B28792" s="6">
        <v>479320.19999999995</v>
      </c>
      <c r="C28792" s="7">
        <f t="shared" si="449"/>
        <v>479.32019999999994</v>
      </c>
    </row>
    <row r="28793" spans="1:3" x14ac:dyDescent="0.25">
      <c r="A28793" s="2" t="s">
        <v>17206</v>
      </c>
      <c r="B28793" s="6">
        <v>479336.85</v>
      </c>
      <c r="C28793" s="7">
        <f t="shared" si="449"/>
        <v>479.33684999999997</v>
      </c>
    </row>
    <row r="28794" spans="1:3" x14ac:dyDescent="0.25">
      <c r="A28794" s="2" t="s">
        <v>17207</v>
      </c>
      <c r="B28794" s="6">
        <v>479353.49999999994</v>
      </c>
      <c r="C28794" s="7">
        <f t="shared" si="449"/>
        <v>479.35349999999994</v>
      </c>
    </row>
    <row r="28795" spans="1:3" x14ac:dyDescent="0.25">
      <c r="A28795" s="2" t="s">
        <v>17208</v>
      </c>
      <c r="B28795" s="6">
        <v>479370.14999999997</v>
      </c>
      <c r="C28795" s="7">
        <f t="shared" si="449"/>
        <v>479.37014999999997</v>
      </c>
    </row>
    <row r="28796" spans="1:3" x14ac:dyDescent="0.25">
      <c r="A28796" s="2" t="s">
        <v>17209</v>
      </c>
      <c r="B28796" s="6">
        <v>479386.79999999993</v>
      </c>
      <c r="C28796" s="7">
        <f t="shared" si="449"/>
        <v>479.38679999999994</v>
      </c>
    </row>
    <row r="28797" spans="1:3" x14ac:dyDescent="0.25">
      <c r="A28797" s="2" t="s">
        <v>17210</v>
      </c>
      <c r="B28797" s="6">
        <v>479403.44999999995</v>
      </c>
      <c r="C28797" s="7">
        <f t="shared" si="449"/>
        <v>479.40344999999996</v>
      </c>
    </row>
    <row r="28798" spans="1:3" x14ac:dyDescent="0.25">
      <c r="A28798" s="2" t="s">
        <v>17211</v>
      </c>
      <c r="B28798" s="6">
        <v>479420.1</v>
      </c>
      <c r="C28798" s="7">
        <f t="shared" si="449"/>
        <v>479.42009999999999</v>
      </c>
    </row>
    <row r="28799" spans="1:3" x14ac:dyDescent="0.25">
      <c r="A28799" s="2" t="s">
        <v>17212</v>
      </c>
      <c r="B28799" s="6">
        <v>479436.74999999994</v>
      </c>
      <c r="C28799" s="7">
        <f t="shared" si="449"/>
        <v>479.43674999999996</v>
      </c>
    </row>
    <row r="28800" spans="1:3" x14ac:dyDescent="0.25">
      <c r="A28800" s="2" t="s">
        <v>17213</v>
      </c>
      <c r="B28800" s="6">
        <v>479453.39999999997</v>
      </c>
      <c r="C28800" s="7">
        <f t="shared" si="449"/>
        <v>479.45339999999999</v>
      </c>
    </row>
    <row r="28801" spans="1:3" x14ac:dyDescent="0.25">
      <c r="A28801" s="2" t="s">
        <v>17214</v>
      </c>
      <c r="B28801" s="6">
        <v>479470.04999999993</v>
      </c>
      <c r="C28801" s="7">
        <f t="shared" si="449"/>
        <v>479.47004999999996</v>
      </c>
    </row>
    <row r="28802" spans="1:3" x14ac:dyDescent="0.25">
      <c r="A28802" s="2" t="s">
        <v>17215</v>
      </c>
      <c r="B28802" s="6">
        <v>479486.69999999995</v>
      </c>
      <c r="C28802" s="7">
        <f t="shared" si="449"/>
        <v>479.48669999999993</v>
      </c>
    </row>
    <row r="28803" spans="1:3" x14ac:dyDescent="0.25">
      <c r="A28803" s="2" t="s">
        <v>17216</v>
      </c>
      <c r="B28803" s="6">
        <v>479503.35</v>
      </c>
      <c r="C28803" s="7">
        <f t="shared" ref="C28803:C28866" si="450">B28803/1000</f>
        <v>479.50334999999995</v>
      </c>
    </row>
    <row r="28804" spans="1:3" x14ac:dyDescent="0.25">
      <c r="A28804" s="2" t="s">
        <v>17217</v>
      </c>
      <c r="B28804" s="6">
        <v>479519.99999999994</v>
      </c>
      <c r="C28804" s="7">
        <f t="shared" si="450"/>
        <v>479.51999999999992</v>
      </c>
    </row>
    <row r="28805" spans="1:3" x14ac:dyDescent="0.25">
      <c r="A28805" s="2" t="s">
        <v>17218</v>
      </c>
      <c r="B28805" s="6">
        <v>479536.64999999997</v>
      </c>
      <c r="C28805" s="7">
        <f t="shared" si="450"/>
        <v>479.53664999999995</v>
      </c>
    </row>
    <row r="28806" spans="1:3" x14ac:dyDescent="0.25">
      <c r="A28806" s="2" t="s">
        <v>17219</v>
      </c>
      <c r="B28806" s="6">
        <v>479553.29999999993</v>
      </c>
      <c r="C28806" s="7">
        <f t="shared" si="450"/>
        <v>479.55329999999992</v>
      </c>
    </row>
    <row r="28807" spans="1:3" x14ac:dyDescent="0.25">
      <c r="A28807" s="2" t="s">
        <v>17220</v>
      </c>
      <c r="B28807" s="6">
        <v>479569.94999999995</v>
      </c>
      <c r="C28807" s="7">
        <f t="shared" si="450"/>
        <v>479.56994999999995</v>
      </c>
    </row>
    <row r="28808" spans="1:3" x14ac:dyDescent="0.25">
      <c r="A28808" s="2" t="s">
        <v>17221</v>
      </c>
      <c r="B28808" s="6">
        <v>479586.6</v>
      </c>
      <c r="C28808" s="7">
        <f t="shared" si="450"/>
        <v>479.58659999999998</v>
      </c>
    </row>
    <row r="28809" spans="1:3" x14ac:dyDescent="0.25">
      <c r="A28809" s="2" t="s">
        <v>17222</v>
      </c>
      <c r="B28809" s="6">
        <v>479603.24999999994</v>
      </c>
      <c r="C28809" s="7">
        <f t="shared" si="450"/>
        <v>479.60324999999995</v>
      </c>
    </row>
    <row r="28810" spans="1:3" x14ac:dyDescent="0.25">
      <c r="A28810" s="2" t="s">
        <v>17223</v>
      </c>
      <c r="B28810" s="6">
        <v>479619.89999999997</v>
      </c>
      <c r="C28810" s="7">
        <f t="shared" si="450"/>
        <v>479.61989999999997</v>
      </c>
    </row>
    <row r="28811" spans="1:3" x14ac:dyDescent="0.25">
      <c r="A28811" s="2" t="s">
        <v>17224</v>
      </c>
      <c r="B28811" s="6">
        <v>479636.54999999993</v>
      </c>
      <c r="C28811" s="7">
        <f t="shared" si="450"/>
        <v>479.63654999999994</v>
      </c>
    </row>
    <row r="28812" spans="1:3" x14ac:dyDescent="0.25">
      <c r="A28812" s="2" t="s">
        <v>17225</v>
      </c>
      <c r="B28812" s="6">
        <v>479653.19999999995</v>
      </c>
      <c r="C28812" s="7">
        <f t="shared" si="450"/>
        <v>479.65319999999997</v>
      </c>
    </row>
    <row r="28813" spans="1:3" x14ac:dyDescent="0.25">
      <c r="A28813" s="2" t="s">
        <v>17226</v>
      </c>
      <c r="B28813" s="6">
        <v>479669.85</v>
      </c>
      <c r="C28813" s="7">
        <f t="shared" si="450"/>
        <v>479.66985</v>
      </c>
    </row>
    <row r="28814" spans="1:3" x14ac:dyDescent="0.25">
      <c r="A28814" s="2" t="s">
        <v>17227</v>
      </c>
      <c r="B28814" s="6">
        <v>479686.49999999994</v>
      </c>
      <c r="C28814" s="7">
        <f t="shared" si="450"/>
        <v>479.68649999999997</v>
      </c>
    </row>
    <row r="28815" spans="1:3" x14ac:dyDescent="0.25">
      <c r="A28815" s="2" t="s">
        <v>17228</v>
      </c>
      <c r="B28815" s="6">
        <v>479703.14999999997</v>
      </c>
      <c r="C28815" s="7">
        <f t="shared" si="450"/>
        <v>479.70314999999994</v>
      </c>
    </row>
    <row r="28816" spans="1:3" x14ac:dyDescent="0.25">
      <c r="A28816" s="2" t="s">
        <v>17229</v>
      </c>
      <c r="B28816" s="6">
        <v>479719.79999999993</v>
      </c>
      <c r="C28816" s="7">
        <f t="shared" si="450"/>
        <v>479.71979999999991</v>
      </c>
    </row>
    <row r="28817" spans="1:3" x14ac:dyDescent="0.25">
      <c r="A28817" s="2" t="s">
        <v>17230</v>
      </c>
      <c r="B28817" s="6">
        <v>479736.44999999995</v>
      </c>
      <c r="C28817" s="7">
        <f t="shared" si="450"/>
        <v>479.73644999999993</v>
      </c>
    </row>
    <row r="28818" spans="1:3" x14ac:dyDescent="0.25">
      <c r="A28818" s="2" t="s">
        <v>17231</v>
      </c>
      <c r="B28818" s="6">
        <v>479753.1</v>
      </c>
      <c r="C28818" s="7">
        <f t="shared" si="450"/>
        <v>479.75309999999996</v>
      </c>
    </row>
    <row r="28819" spans="1:3" x14ac:dyDescent="0.25">
      <c r="A28819" s="2" t="s">
        <v>17232</v>
      </c>
      <c r="B28819" s="6">
        <v>479769.74999999994</v>
      </c>
      <c r="C28819" s="7">
        <f t="shared" si="450"/>
        <v>479.76974999999993</v>
      </c>
    </row>
    <row r="28820" spans="1:3" x14ac:dyDescent="0.25">
      <c r="A28820" s="2" t="s">
        <v>17233</v>
      </c>
      <c r="B28820" s="6">
        <v>479786.39999999997</v>
      </c>
      <c r="C28820" s="7">
        <f t="shared" si="450"/>
        <v>479.78639999999996</v>
      </c>
    </row>
    <row r="28821" spans="1:3" x14ac:dyDescent="0.25">
      <c r="A28821" s="2" t="s">
        <v>17234</v>
      </c>
      <c r="B28821" s="6">
        <v>479803.04999999993</v>
      </c>
      <c r="C28821" s="7">
        <f t="shared" si="450"/>
        <v>479.80304999999993</v>
      </c>
    </row>
    <row r="28822" spans="1:3" x14ac:dyDescent="0.25">
      <c r="A28822" s="2" t="s">
        <v>17235</v>
      </c>
      <c r="B28822" s="6">
        <v>479819.69999999995</v>
      </c>
      <c r="C28822" s="7">
        <f t="shared" si="450"/>
        <v>479.81969999999995</v>
      </c>
    </row>
    <row r="28823" spans="1:3" x14ac:dyDescent="0.25">
      <c r="A28823" s="2" t="s">
        <v>17236</v>
      </c>
      <c r="B28823" s="6">
        <v>479836.35</v>
      </c>
      <c r="C28823" s="7">
        <f t="shared" si="450"/>
        <v>479.83634999999998</v>
      </c>
    </row>
    <row r="28824" spans="1:3" x14ac:dyDescent="0.25">
      <c r="A28824" s="2" t="s">
        <v>17237</v>
      </c>
      <c r="B28824" s="6">
        <v>479852.99999999994</v>
      </c>
      <c r="C28824" s="7">
        <f t="shared" si="450"/>
        <v>479.85299999999995</v>
      </c>
    </row>
    <row r="28825" spans="1:3" x14ac:dyDescent="0.25">
      <c r="A28825" s="2" t="s">
        <v>17238</v>
      </c>
      <c r="B28825" s="6">
        <v>479869.64999999997</v>
      </c>
      <c r="C28825" s="7">
        <f t="shared" si="450"/>
        <v>479.86964999999998</v>
      </c>
    </row>
    <row r="28826" spans="1:3" x14ac:dyDescent="0.25">
      <c r="A28826" s="2" t="s">
        <v>17239</v>
      </c>
      <c r="B28826" s="6">
        <v>479886.29999999993</v>
      </c>
      <c r="C28826" s="7">
        <f t="shared" si="450"/>
        <v>479.88629999999995</v>
      </c>
    </row>
    <row r="28827" spans="1:3" x14ac:dyDescent="0.25">
      <c r="A28827" s="2" t="s">
        <v>17240</v>
      </c>
      <c r="B28827" s="6">
        <v>479902.94999999995</v>
      </c>
      <c r="C28827" s="7">
        <f t="shared" si="450"/>
        <v>479.90294999999998</v>
      </c>
    </row>
    <row r="28828" spans="1:3" x14ac:dyDescent="0.25">
      <c r="A28828" s="2" t="s">
        <v>17241</v>
      </c>
      <c r="B28828" s="6">
        <v>479919.6</v>
      </c>
      <c r="C28828" s="7">
        <f t="shared" si="450"/>
        <v>479.9196</v>
      </c>
    </row>
    <row r="28829" spans="1:3" x14ac:dyDescent="0.25">
      <c r="A28829" s="2" t="s">
        <v>17242</v>
      </c>
      <c r="B28829" s="6">
        <v>479936.24999999994</v>
      </c>
      <c r="C28829" s="7">
        <f t="shared" si="450"/>
        <v>479.93624999999992</v>
      </c>
    </row>
    <row r="28830" spans="1:3" x14ac:dyDescent="0.25">
      <c r="A28830" s="2" t="s">
        <v>17243</v>
      </c>
      <c r="B28830" s="6">
        <v>479952.89999999997</v>
      </c>
      <c r="C28830" s="7">
        <f t="shared" si="450"/>
        <v>479.95289999999994</v>
      </c>
    </row>
    <row r="28831" spans="1:3" x14ac:dyDescent="0.25">
      <c r="A28831" s="2" t="s">
        <v>17244</v>
      </c>
      <c r="B28831" s="6">
        <v>479969.54999999993</v>
      </c>
      <c r="C28831" s="7">
        <f t="shared" si="450"/>
        <v>479.96954999999991</v>
      </c>
    </row>
    <row r="28832" spans="1:3" x14ac:dyDescent="0.25">
      <c r="A28832" s="2" t="s">
        <v>17245</v>
      </c>
      <c r="B28832" s="6">
        <v>479986.19999999995</v>
      </c>
      <c r="C28832" s="7">
        <f t="shared" si="450"/>
        <v>479.98619999999994</v>
      </c>
    </row>
    <row r="28833" spans="1:3" x14ac:dyDescent="0.25">
      <c r="A28833" s="2" t="s">
        <v>17246</v>
      </c>
      <c r="B28833" s="6">
        <v>480002.85</v>
      </c>
      <c r="C28833" s="7">
        <f t="shared" si="450"/>
        <v>480.00284999999997</v>
      </c>
    </row>
    <row r="28834" spans="1:3" x14ac:dyDescent="0.25">
      <c r="A28834" s="2" t="s">
        <v>17247</v>
      </c>
      <c r="B28834" s="6">
        <v>480019.49999999994</v>
      </c>
      <c r="C28834" s="7">
        <f t="shared" si="450"/>
        <v>480.01949999999994</v>
      </c>
    </row>
    <row r="28835" spans="1:3" x14ac:dyDescent="0.25">
      <c r="A28835" s="2" t="s">
        <v>17248</v>
      </c>
      <c r="B28835" s="6">
        <v>480036.14999999997</v>
      </c>
      <c r="C28835" s="7">
        <f t="shared" si="450"/>
        <v>480.03614999999996</v>
      </c>
    </row>
    <row r="28836" spans="1:3" x14ac:dyDescent="0.25">
      <c r="A28836" s="2" t="s">
        <v>17249</v>
      </c>
      <c r="B28836" s="6">
        <v>480052.79999999993</v>
      </c>
      <c r="C28836" s="7">
        <f t="shared" si="450"/>
        <v>480.05279999999993</v>
      </c>
    </row>
    <row r="28837" spans="1:3" x14ac:dyDescent="0.25">
      <c r="A28837" s="2" t="s">
        <v>17250</v>
      </c>
      <c r="B28837" s="6">
        <v>480069.44999999995</v>
      </c>
      <c r="C28837" s="7">
        <f t="shared" si="450"/>
        <v>480.06944999999996</v>
      </c>
    </row>
    <row r="28838" spans="1:3" x14ac:dyDescent="0.25">
      <c r="A28838" s="2" t="s">
        <v>17251</v>
      </c>
      <c r="B28838" s="6">
        <v>480086.1</v>
      </c>
      <c r="C28838" s="7">
        <f t="shared" si="450"/>
        <v>480.08609999999999</v>
      </c>
    </row>
    <row r="28839" spans="1:3" x14ac:dyDescent="0.25">
      <c r="A28839" s="2" t="s">
        <v>17252</v>
      </c>
      <c r="B28839" s="6">
        <v>480102.74999999994</v>
      </c>
      <c r="C28839" s="7">
        <f t="shared" si="450"/>
        <v>480.10274999999996</v>
      </c>
    </row>
    <row r="28840" spans="1:3" x14ac:dyDescent="0.25">
      <c r="A28840" s="2" t="s">
        <v>17253</v>
      </c>
      <c r="B28840" s="6">
        <v>480119.39999999997</v>
      </c>
      <c r="C28840" s="7">
        <f t="shared" si="450"/>
        <v>480.11939999999998</v>
      </c>
    </row>
    <row r="28841" spans="1:3" x14ac:dyDescent="0.25">
      <c r="A28841" s="2" t="s">
        <v>17254</v>
      </c>
      <c r="B28841" s="6">
        <v>480136.04999999993</v>
      </c>
      <c r="C28841" s="7">
        <f t="shared" si="450"/>
        <v>480.13604999999995</v>
      </c>
    </row>
    <row r="28842" spans="1:3" x14ac:dyDescent="0.25">
      <c r="A28842" s="2" t="s">
        <v>17255</v>
      </c>
      <c r="B28842" s="6">
        <v>480152.69999999995</v>
      </c>
      <c r="C28842" s="7">
        <f t="shared" si="450"/>
        <v>480.15269999999998</v>
      </c>
    </row>
    <row r="28843" spans="1:3" x14ac:dyDescent="0.25">
      <c r="A28843" s="2" t="s">
        <v>17256</v>
      </c>
      <c r="B28843" s="6">
        <v>480169.35</v>
      </c>
      <c r="C28843" s="7">
        <f t="shared" si="450"/>
        <v>480.16934999999995</v>
      </c>
    </row>
    <row r="28844" spans="1:3" x14ac:dyDescent="0.25">
      <c r="A28844" s="2" t="s">
        <v>17257</v>
      </c>
      <c r="B28844" s="6">
        <v>480185.99999999994</v>
      </c>
      <c r="C28844" s="7">
        <f t="shared" si="450"/>
        <v>480.18599999999992</v>
      </c>
    </row>
    <row r="28845" spans="1:3" x14ac:dyDescent="0.25">
      <c r="A28845" s="2" t="s">
        <v>17258</v>
      </c>
      <c r="B28845" s="6">
        <v>480202.64999999997</v>
      </c>
      <c r="C28845" s="7">
        <f t="shared" si="450"/>
        <v>480.20264999999995</v>
      </c>
    </row>
    <row r="28846" spans="1:3" x14ac:dyDescent="0.25">
      <c r="A28846" s="2" t="s">
        <v>17259</v>
      </c>
      <c r="B28846" s="6">
        <v>480219.29999999993</v>
      </c>
      <c r="C28846" s="7">
        <f t="shared" si="450"/>
        <v>480.21929999999992</v>
      </c>
    </row>
    <row r="28847" spans="1:3" x14ac:dyDescent="0.25">
      <c r="A28847" s="2" t="s">
        <v>17260</v>
      </c>
      <c r="B28847" s="6">
        <v>480235.94999999995</v>
      </c>
      <c r="C28847" s="7">
        <f t="shared" si="450"/>
        <v>480.23594999999995</v>
      </c>
    </row>
    <row r="28848" spans="1:3" x14ac:dyDescent="0.25">
      <c r="A28848" s="2" t="s">
        <v>17261</v>
      </c>
      <c r="B28848" s="6">
        <v>480252.6</v>
      </c>
      <c r="C28848" s="7">
        <f t="shared" si="450"/>
        <v>480.25259999999997</v>
      </c>
    </row>
    <row r="28849" spans="1:3" x14ac:dyDescent="0.25">
      <c r="A28849" s="2" t="s">
        <v>17262</v>
      </c>
      <c r="B28849" s="6">
        <v>480269.24999999994</v>
      </c>
      <c r="C28849" s="7">
        <f t="shared" si="450"/>
        <v>480.26924999999994</v>
      </c>
    </row>
    <row r="28850" spans="1:3" x14ac:dyDescent="0.25">
      <c r="A28850" s="2" t="s">
        <v>17263</v>
      </c>
      <c r="B28850" s="6">
        <v>480285.89999999997</v>
      </c>
      <c r="C28850" s="7">
        <f t="shared" si="450"/>
        <v>480.28589999999997</v>
      </c>
    </row>
    <row r="28851" spans="1:3" x14ac:dyDescent="0.25">
      <c r="A28851" s="2" t="s">
        <v>17264</v>
      </c>
      <c r="B28851" s="6">
        <v>480302.54999999993</v>
      </c>
      <c r="C28851" s="7">
        <f t="shared" si="450"/>
        <v>480.30254999999994</v>
      </c>
    </row>
    <row r="28852" spans="1:3" x14ac:dyDescent="0.25">
      <c r="A28852" s="2" t="s">
        <v>17265</v>
      </c>
      <c r="B28852" s="6">
        <v>480319.19999999995</v>
      </c>
      <c r="C28852" s="7">
        <f t="shared" si="450"/>
        <v>480.31919999999997</v>
      </c>
    </row>
    <row r="28853" spans="1:3" x14ac:dyDescent="0.25">
      <c r="A28853" s="2" t="s">
        <v>17266</v>
      </c>
      <c r="B28853" s="6">
        <v>480335.85</v>
      </c>
      <c r="C28853" s="7">
        <f t="shared" si="450"/>
        <v>480.33584999999999</v>
      </c>
    </row>
    <row r="28854" spans="1:3" x14ac:dyDescent="0.25">
      <c r="A28854" s="2" t="s">
        <v>17267</v>
      </c>
      <c r="B28854" s="6">
        <v>480352.49999999994</v>
      </c>
      <c r="C28854" s="7">
        <f t="shared" si="450"/>
        <v>480.35249999999996</v>
      </c>
    </row>
    <row r="28855" spans="1:3" x14ac:dyDescent="0.25">
      <c r="A28855" s="2" t="s">
        <v>17268</v>
      </c>
      <c r="B28855" s="6">
        <v>480369.14999999997</v>
      </c>
      <c r="C28855" s="7">
        <f t="shared" si="450"/>
        <v>480.36914999999999</v>
      </c>
    </row>
    <row r="28856" spans="1:3" x14ac:dyDescent="0.25">
      <c r="A28856" s="2" t="s">
        <v>17269</v>
      </c>
      <c r="B28856" s="6">
        <v>480385.79999999993</v>
      </c>
      <c r="C28856" s="7">
        <f t="shared" si="450"/>
        <v>480.3857999999999</v>
      </c>
    </row>
    <row r="28857" spans="1:3" x14ac:dyDescent="0.25">
      <c r="A28857" s="2" t="s">
        <v>17270</v>
      </c>
      <c r="B28857" s="6">
        <v>480402.44999999995</v>
      </c>
      <c r="C28857" s="7">
        <f t="shared" si="450"/>
        <v>480.40244999999993</v>
      </c>
    </row>
    <row r="28858" spans="1:3" x14ac:dyDescent="0.25">
      <c r="A28858" s="2" t="s">
        <v>17271</v>
      </c>
      <c r="B28858" s="6">
        <v>480419.1</v>
      </c>
      <c r="C28858" s="7">
        <f t="shared" si="450"/>
        <v>480.41909999999996</v>
      </c>
    </row>
    <row r="28859" spans="1:3" x14ac:dyDescent="0.25">
      <c r="A28859" s="2" t="s">
        <v>17272</v>
      </c>
      <c r="B28859" s="6">
        <v>480435.74999999994</v>
      </c>
      <c r="C28859" s="7">
        <f t="shared" si="450"/>
        <v>480.43574999999993</v>
      </c>
    </row>
    <row r="28860" spans="1:3" x14ac:dyDescent="0.25">
      <c r="A28860" s="2" t="s">
        <v>17273</v>
      </c>
      <c r="B28860" s="6">
        <v>480452.39999999997</v>
      </c>
      <c r="C28860" s="7">
        <f t="shared" si="450"/>
        <v>480.45239999999995</v>
      </c>
    </row>
    <row r="28861" spans="1:3" x14ac:dyDescent="0.25">
      <c r="A28861" s="2" t="s">
        <v>17274</v>
      </c>
      <c r="B28861" s="6">
        <v>480469.04999999993</v>
      </c>
      <c r="C28861" s="7">
        <f t="shared" si="450"/>
        <v>480.46904999999992</v>
      </c>
    </row>
    <row r="28862" spans="1:3" x14ac:dyDescent="0.25">
      <c r="A28862" s="2" t="s">
        <v>17275</v>
      </c>
      <c r="B28862" s="6">
        <v>480485.69999999995</v>
      </c>
      <c r="C28862" s="7">
        <f t="shared" si="450"/>
        <v>480.48569999999995</v>
      </c>
    </row>
    <row r="28863" spans="1:3" x14ac:dyDescent="0.25">
      <c r="A28863" s="2" t="s">
        <v>17276</v>
      </c>
      <c r="B28863" s="6">
        <v>480502.35</v>
      </c>
      <c r="C28863" s="7">
        <f t="shared" si="450"/>
        <v>480.50234999999998</v>
      </c>
    </row>
    <row r="28864" spans="1:3" x14ac:dyDescent="0.25">
      <c r="A28864" s="2" t="s">
        <v>17277</v>
      </c>
      <c r="B28864" s="6">
        <v>480518.99999999994</v>
      </c>
      <c r="C28864" s="7">
        <f t="shared" si="450"/>
        <v>480.51899999999995</v>
      </c>
    </row>
    <row r="28865" spans="1:3" x14ac:dyDescent="0.25">
      <c r="A28865" s="2" t="s">
        <v>17278</v>
      </c>
      <c r="B28865" s="6">
        <v>480535.64999999997</v>
      </c>
      <c r="C28865" s="7">
        <f t="shared" si="450"/>
        <v>480.53564999999998</v>
      </c>
    </row>
    <row r="28866" spans="1:3" x14ac:dyDescent="0.25">
      <c r="A28866" s="2" t="s">
        <v>17279</v>
      </c>
      <c r="B28866" s="6">
        <v>480552.29999999993</v>
      </c>
      <c r="C28866" s="7">
        <f t="shared" si="450"/>
        <v>480.55229999999995</v>
      </c>
    </row>
    <row r="28867" spans="1:3" x14ac:dyDescent="0.25">
      <c r="A28867" s="2" t="s">
        <v>17280</v>
      </c>
      <c r="B28867" s="6">
        <v>480568.94999999995</v>
      </c>
      <c r="C28867" s="7">
        <f t="shared" ref="C28867:C28930" si="451">B28867/1000</f>
        <v>480.56894999999997</v>
      </c>
    </row>
    <row r="28868" spans="1:3" x14ac:dyDescent="0.25">
      <c r="A28868" s="2" t="s">
        <v>17281</v>
      </c>
      <c r="B28868" s="6">
        <v>480585.6</v>
      </c>
      <c r="C28868" s="7">
        <f t="shared" si="451"/>
        <v>480.5856</v>
      </c>
    </row>
    <row r="28869" spans="1:3" x14ac:dyDescent="0.25">
      <c r="A28869" s="2" t="s">
        <v>17282</v>
      </c>
      <c r="B28869" s="6">
        <v>480602.24999999994</v>
      </c>
      <c r="C28869" s="7">
        <f t="shared" si="451"/>
        <v>480.60224999999997</v>
      </c>
    </row>
    <row r="28870" spans="1:3" x14ac:dyDescent="0.25">
      <c r="A28870" s="2" t="s">
        <v>17283</v>
      </c>
      <c r="B28870" s="6">
        <v>480618.89999999997</v>
      </c>
      <c r="C28870" s="7">
        <f t="shared" si="451"/>
        <v>480.61889999999994</v>
      </c>
    </row>
    <row r="28871" spans="1:3" x14ac:dyDescent="0.25">
      <c r="A28871" s="2" t="s">
        <v>17284</v>
      </c>
      <c r="B28871" s="6">
        <v>480635.54999999993</v>
      </c>
      <c r="C28871" s="7">
        <f t="shared" si="451"/>
        <v>480.63554999999991</v>
      </c>
    </row>
    <row r="28872" spans="1:3" x14ac:dyDescent="0.25">
      <c r="A28872" s="2" t="s">
        <v>17285</v>
      </c>
      <c r="B28872" s="6">
        <v>480652.19999999995</v>
      </c>
      <c r="C28872" s="7">
        <f t="shared" si="451"/>
        <v>480.65219999999994</v>
      </c>
    </row>
    <row r="28873" spans="1:3" x14ac:dyDescent="0.25">
      <c r="A28873" s="2" t="s">
        <v>17286</v>
      </c>
      <c r="B28873" s="6">
        <v>480668.85</v>
      </c>
      <c r="C28873" s="7">
        <f t="shared" si="451"/>
        <v>480.66884999999996</v>
      </c>
    </row>
    <row r="28874" spans="1:3" x14ac:dyDescent="0.25">
      <c r="A28874" s="2" t="s">
        <v>17287</v>
      </c>
      <c r="B28874" s="6">
        <v>480685.49999999994</v>
      </c>
      <c r="C28874" s="7">
        <f t="shared" si="451"/>
        <v>480.68549999999993</v>
      </c>
    </row>
    <row r="28875" spans="1:3" x14ac:dyDescent="0.25">
      <c r="A28875" s="2" t="s">
        <v>17288</v>
      </c>
      <c r="B28875" s="6">
        <v>480702.14999999997</v>
      </c>
      <c r="C28875" s="7">
        <f t="shared" si="451"/>
        <v>480.70214999999996</v>
      </c>
    </row>
    <row r="28876" spans="1:3" x14ac:dyDescent="0.25">
      <c r="A28876" s="2" t="s">
        <v>17289</v>
      </c>
      <c r="B28876" s="6">
        <v>480718.79999999993</v>
      </c>
      <c r="C28876" s="7">
        <f t="shared" si="451"/>
        <v>480.71879999999993</v>
      </c>
    </row>
    <row r="28877" spans="1:3" x14ac:dyDescent="0.25">
      <c r="A28877" s="2" t="s">
        <v>17290</v>
      </c>
      <c r="B28877" s="6">
        <v>480735.44999999995</v>
      </c>
      <c r="C28877" s="7">
        <f t="shared" si="451"/>
        <v>480.73544999999996</v>
      </c>
    </row>
    <row r="28878" spans="1:3" x14ac:dyDescent="0.25">
      <c r="A28878" s="2" t="s">
        <v>17291</v>
      </c>
      <c r="B28878" s="6">
        <v>480752.1</v>
      </c>
      <c r="C28878" s="7">
        <f t="shared" si="451"/>
        <v>480.75209999999998</v>
      </c>
    </row>
    <row r="28879" spans="1:3" x14ac:dyDescent="0.25">
      <c r="A28879" s="2" t="s">
        <v>17292</v>
      </c>
      <c r="B28879" s="6">
        <v>480768.74999999994</v>
      </c>
      <c r="C28879" s="7">
        <f t="shared" si="451"/>
        <v>480.76874999999995</v>
      </c>
    </row>
    <row r="28880" spans="1:3" x14ac:dyDescent="0.25">
      <c r="A28880" s="2" t="s">
        <v>17293</v>
      </c>
      <c r="B28880" s="6">
        <v>480785.39999999997</v>
      </c>
      <c r="C28880" s="7">
        <f t="shared" si="451"/>
        <v>480.78539999999998</v>
      </c>
    </row>
    <row r="28881" spans="1:3" x14ac:dyDescent="0.25">
      <c r="A28881" s="2" t="s">
        <v>17294</v>
      </c>
      <c r="B28881" s="6">
        <v>480802.04999999993</v>
      </c>
      <c r="C28881" s="7">
        <f t="shared" si="451"/>
        <v>480.80204999999995</v>
      </c>
    </row>
    <row r="28882" spans="1:3" x14ac:dyDescent="0.25">
      <c r="A28882" s="2" t="s">
        <v>17295</v>
      </c>
      <c r="B28882" s="6">
        <v>480818.69999999995</v>
      </c>
      <c r="C28882" s="7">
        <f t="shared" si="451"/>
        <v>480.81869999999998</v>
      </c>
    </row>
    <row r="28883" spans="1:3" x14ac:dyDescent="0.25">
      <c r="A28883" s="2" t="s">
        <v>17296</v>
      </c>
      <c r="B28883" s="6">
        <v>480835.35</v>
      </c>
      <c r="C28883" s="7">
        <f t="shared" si="451"/>
        <v>480.83534999999995</v>
      </c>
    </row>
    <row r="28884" spans="1:3" x14ac:dyDescent="0.25">
      <c r="A28884" s="2" t="s">
        <v>17297</v>
      </c>
      <c r="B28884" s="6">
        <v>480851.99999999994</v>
      </c>
      <c r="C28884" s="7">
        <f t="shared" si="451"/>
        <v>480.85199999999992</v>
      </c>
    </row>
    <row r="28885" spans="1:3" x14ac:dyDescent="0.25">
      <c r="A28885" s="2" t="s">
        <v>17298</v>
      </c>
      <c r="B28885" s="6">
        <v>480868.64999999997</v>
      </c>
      <c r="C28885" s="7">
        <f t="shared" si="451"/>
        <v>480.86864999999995</v>
      </c>
    </row>
    <row r="28886" spans="1:3" x14ac:dyDescent="0.25">
      <c r="A28886" s="2" t="s">
        <v>17299</v>
      </c>
      <c r="B28886" s="6">
        <v>480885.29999999993</v>
      </c>
      <c r="C28886" s="7">
        <f t="shared" si="451"/>
        <v>480.88529999999992</v>
      </c>
    </row>
    <row r="28887" spans="1:3" x14ac:dyDescent="0.25">
      <c r="A28887" s="2" t="s">
        <v>17300</v>
      </c>
      <c r="B28887" s="6">
        <v>480901.94999999995</v>
      </c>
      <c r="C28887" s="7">
        <f t="shared" si="451"/>
        <v>480.90194999999994</v>
      </c>
    </row>
    <row r="28888" spans="1:3" x14ac:dyDescent="0.25">
      <c r="A28888" s="2" t="s">
        <v>17301</v>
      </c>
      <c r="B28888" s="6">
        <v>480918.6</v>
      </c>
      <c r="C28888" s="7">
        <f t="shared" si="451"/>
        <v>480.91859999999997</v>
      </c>
    </row>
    <row r="28889" spans="1:3" x14ac:dyDescent="0.25">
      <c r="A28889" s="2" t="s">
        <v>17302</v>
      </c>
      <c r="B28889" s="6">
        <v>480935.24999999994</v>
      </c>
      <c r="C28889" s="7">
        <f t="shared" si="451"/>
        <v>480.93524999999994</v>
      </c>
    </row>
    <row r="28890" spans="1:3" x14ac:dyDescent="0.25">
      <c r="A28890" s="2" t="s">
        <v>17303</v>
      </c>
      <c r="B28890" s="6">
        <v>480951.89999999997</v>
      </c>
      <c r="C28890" s="7">
        <f t="shared" si="451"/>
        <v>480.95189999999997</v>
      </c>
    </row>
    <row r="28891" spans="1:3" x14ac:dyDescent="0.25">
      <c r="A28891" s="2" t="s">
        <v>17304</v>
      </c>
      <c r="B28891" s="6">
        <v>480968.54999999993</v>
      </c>
      <c r="C28891" s="7">
        <f t="shared" si="451"/>
        <v>480.96854999999994</v>
      </c>
    </row>
    <row r="28892" spans="1:3" x14ac:dyDescent="0.25">
      <c r="A28892" s="2" t="s">
        <v>17305</v>
      </c>
      <c r="B28892" s="6">
        <v>480985.19999999995</v>
      </c>
      <c r="C28892" s="7">
        <f t="shared" si="451"/>
        <v>480.98519999999996</v>
      </c>
    </row>
    <row r="28893" spans="1:3" x14ac:dyDescent="0.25">
      <c r="A28893" s="2" t="s">
        <v>17306</v>
      </c>
      <c r="B28893" s="6">
        <v>481001.85</v>
      </c>
      <c r="C28893" s="7">
        <f t="shared" si="451"/>
        <v>481.00184999999999</v>
      </c>
    </row>
    <row r="28894" spans="1:3" x14ac:dyDescent="0.25">
      <c r="A28894" s="2" t="s">
        <v>17307</v>
      </c>
      <c r="B28894" s="6">
        <v>481018.49999999994</v>
      </c>
      <c r="C28894" s="7">
        <f t="shared" si="451"/>
        <v>481.01849999999996</v>
      </c>
    </row>
    <row r="28895" spans="1:3" x14ac:dyDescent="0.25">
      <c r="A28895" s="2" t="s">
        <v>17308</v>
      </c>
      <c r="B28895" s="6">
        <v>481035.14999999997</v>
      </c>
      <c r="C28895" s="7">
        <f t="shared" si="451"/>
        <v>481.03514999999999</v>
      </c>
    </row>
    <row r="28896" spans="1:3" x14ac:dyDescent="0.25">
      <c r="A28896" s="2" t="s">
        <v>17309</v>
      </c>
      <c r="B28896" s="6">
        <v>481051.79999999993</v>
      </c>
      <c r="C28896" s="7">
        <f t="shared" si="451"/>
        <v>481.05179999999996</v>
      </c>
    </row>
    <row r="28897" spans="1:3" x14ac:dyDescent="0.25">
      <c r="A28897" s="2" t="s">
        <v>17310</v>
      </c>
      <c r="B28897" s="6">
        <v>481068.44999999995</v>
      </c>
      <c r="C28897" s="7">
        <f t="shared" si="451"/>
        <v>481.06844999999993</v>
      </c>
    </row>
    <row r="28898" spans="1:3" x14ac:dyDescent="0.25">
      <c r="A28898" s="2" t="s">
        <v>17311</v>
      </c>
      <c r="B28898" s="6">
        <v>481085.1</v>
      </c>
      <c r="C28898" s="7">
        <f t="shared" si="451"/>
        <v>481.08509999999995</v>
      </c>
    </row>
    <row r="28899" spans="1:3" x14ac:dyDescent="0.25">
      <c r="A28899" s="2" t="s">
        <v>17312</v>
      </c>
      <c r="B28899" s="6">
        <v>481101.74999999994</v>
      </c>
      <c r="C28899" s="7">
        <f t="shared" si="451"/>
        <v>481.10174999999992</v>
      </c>
    </row>
    <row r="28900" spans="1:3" x14ac:dyDescent="0.25">
      <c r="A28900" s="2" t="s">
        <v>17313</v>
      </c>
      <c r="B28900" s="6">
        <v>481118.39999999997</v>
      </c>
      <c r="C28900" s="7">
        <f t="shared" si="451"/>
        <v>481.11839999999995</v>
      </c>
    </row>
    <row r="28901" spans="1:3" x14ac:dyDescent="0.25">
      <c r="A28901" s="2" t="s">
        <v>17314</v>
      </c>
      <c r="B28901" s="6">
        <v>481135.04999999993</v>
      </c>
      <c r="C28901" s="7">
        <f t="shared" si="451"/>
        <v>481.13504999999992</v>
      </c>
    </row>
    <row r="28902" spans="1:3" x14ac:dyDescent="0.25">
      <c r="A28902" s="2" t="s">
        <v>17315</v>
      </c>
      <c r="B28902" s="6">
        <v>481151.69999999995</v>
      </c>
      <c r="C28902" s="7">
        <f t="shared" si="451"/>
        <v>481.15169999999995</v>
      </c>
    </row>
    <row r="28903" spans="1:3" x14ac:dyDescent="0.25">
      <c r="A28903" s="2" t="s">
        <v>17316</v>
      </c>
      <c r="B28903" s="6">
        <v>481168.35</v>
      </c>
      <c r="C28903" s="7">
        <f t="shared" si="451"/>
        <v>481.16834999999998</v>
      </c>
    </row>
    <row r="28904" spans="1:3" x14ac:dyDescent="0.25">
      <c r="A28904" s="2" t="s">
        <v>17317</v>
      </c>
      <c r="B28904" s="6">
        <v>481184.99999999994</v>
      </c>
      <c r="C28904" s="7">
        <f t="shared" si="451"/>
        <v>481.18499999999995</v>
      </c>
    </row>
    <row r="28905" spans="1:3" x14ac:dyDescent="0.25">
      <c r="A28905" s="2" t="s">
        <v>17318</v>
      </c>
      <c r="B28905" s="6">
        <v>481201.64999999997</v>
      </c>
      <c r="C28905" s="7">
        <f t="shared" si="451"/>
        <v>481.20164999999997</v>
      </c>
    </row>
    <row r="28906" spans="1:3" x14ac:dyDescent="0.25">
      <c r="A28906" s="2" t="s">
        <v>17319</v>
      </c>
      <c r="B28906" s="6">
        <v>481218.29999999993</v>
      </c>
      <c r="C28906" s="7">
        <f t="shared" si="451"/>
        <v>481.21829999999994</v>
      </c>
    </row>
    <row r="28907" spans="1:3" x14ac:dyDescent="0.25">
      <c r="A28907" s="2" t="s">
        <v>17320</v>
      </c>
      <c r="B28907" s="6">
        <v>481234.94999999995</v>
      </c>
      <c r="C28907" s="7">
        <f t="shared" si="451"/>
        <v>481.23494999999997</v>
      </c>
    </row>
    <row r="28908" spans="1:3" x14ac:dyDescent="0.25">
      <c r="A28908" s="2" t="s">
        <v>17321</v>
      </c>
      <c r="B28908" s="6">
        <v>481251.6</v>
      </c>
      <c r="C28908" s="7">
        <f t="shared" si="451"/>
        <v>481.2516</v>
      </c>
    </row>
    <row r="28909" spans="1:3" x14ac:dyDescent="0.25">
      <c r="A28909" s="2" t="s">
        <v>17322</v>
      </c>
      <c r="B28909" s="6">
        <v>481268.24999999994</v>
      </c>
      <c r="C28909" s="7">
        <f t="shared" si="451"/>
        <v>481.26824999999997</v>
      </c>
    </row>
    <row r="28910" spans="1:3" x14ac:dyDescent="0.25">
      <c r="A28910" s="2" t="s">
        <v>17323</v>
      </c>
      <c r="B28910" s="6">
        <v>481284.89999999997</v>
      </c>
      <c r="C28910" s="7">
        <f t="shared" si="451"/>
        <v>481.28489999999999</v>
      </c>
    </row>
    <row r="28911" spans="1:3" x14ac:dyDescent="0.25">
      <c r="A28911" s="2" t="s">
        <v>17324</v>
      </c>
      <c r="B28911" s="6">
        <v>481301.54999999993</v>
      </c>
      <c r="C28911" s="7">
        <f t="shared" si="451"/>
        <v>481.30154999999991</v>
      </c>
    </row>
    <row r="28912" spans="1:3" x14ac:dyDescent="0.25">
      <c r="A28912" s="2" t="s">
        <v>17325</v>
      </c>
      <c r="B28912" s="6">
        <v>481318.19999999995</v>
      </c>
      <c r="C28912" s="7">
        <f t="shared" si="451"/>
        <v>481.31819999999993</v>
      </c>
    </row>
    <row r="28913" spans="1:3" x14ac:dyDescent="0.25">
      <c r="A28913" s="2" t="s">
        <v>17326</v>
      </c>
      <c r="B28913" s="6">
        <v>481334.85</v>
      </c>
      <c r="C28913" s="7">
        <f t="shared" si="451"/>
        <v>481.33484999999996</v>
      </c>
    </row>
    <row r="28914" spans="1:3" x14ac:dyDescent="0.25">
      <c r="A28914" s="2" t="s">
        <v>17327</v>
      </c>
      <c r="B28914" s="6">
        <v>481351.49999999994</v>
      </c>
      <c r="C28914" s="7">
        <f t="shared" si="451"/>
        <v>481.35149999999993</v>
      </c>
    </row>
    <row r="28915" spans="1:3" x14ac:dyDescent="0.25">
      <c r="A28915" s="2" t="s">
        <v>17328</v>
      </c>
      <c r="B28915" s="6">
        <v>481368.14999999997</v>
      </c>
      <c r="C28915" s="7">
        <f t="shared" si="451"/>
        <v>481.36814999999996</v>
      </c>
    </row>
    <row r="28916" spans="1:3" x14ac:dyDescent="0.25">
      <c r="A28916" s="2" t="s">
        <v>17329</v>
      </c>
      <c r="B28916" s="6">
        <v>481384.79999999993</v>
      </c>
      <c r="C28916" s="7">
        <f t="shared" si="451"/>
        <v>481.38479999999993</v>
      </c>
    </row>
    <row r="28917" spans="1:3" x14ac:dyDescent="0.25">
      <c r="A28917" s="2" t="s">
        <v>17330</v>
      </c>
      <c r="B28917" s="6">
        <v>481401.44999999995</v>
      </c>
      <c r="C28917" s="7">
        <f t="shared" si="451"/>
        <v>481.40144999999995</v>
      </c>
    </row>
    <row r="28918" spans="1:3" x14ac:dyDescent="0.25">
      <c r="A28918" s="2" t="s">
        <v>17331</v>
      </c>
      <c r="B28918" s="6">
        <v>481418.1</v>
      </c>
      <c r="C28918" s="7">
        <f t="shared" si="451"/>
        <v>481.41809999999998</v>
      </c>
    </row>
    <row r="28919" spans="1:3" x14ac:dyDescent="0.25">
      <c r="A28919" s="2" t="s">
        <v>17332</v>
      </c>
      <c r="B28919" s="6">
        <v>481434.74999999994</v>
      </c>
      <c r="C28919" s="7">
        <f t="shared" si="451"/>
        <v>481.43474999999995</v>
      </c>
    </row>
    <row r="28920" spans="1:3" x14ac:dyDescent="0.25">
      <c r="A28920" s="2" t="s">
        <v>17333</v>
      </c>
      <c r="B28920" s="6">
        <v>481451.39999999997</v>
      </c>
      <c r="C28920" s="7">
        <f t="shared" si="451"/>
        <v>481.45139999999998</v>
      </c>
    </row>
    <row r="28921" spans="1:3" x14ac:dyDescent="0.25">
      <c r="A28921" s="2" t="s">
        <v>17334</v>
      </c>
      <c r="B28921" s="6">
        <v>481468.04999999993</v>
      </c>
      <c r="C28921" s="7">
        <f t="shared" si="451"/>
        <v>481.46804999999995</v>
      </c>
    </row>
    <row r="28922" spans="1:3" x14ac:dyDescent="0.25">
      <c r="A28922" s="2" t="s">
        <v>17335</v>
      </c>
      <c r="B28922" s="6">
        <v>481484.69999999995</v>
      </c>
      <c r="C28922" s="7">
        <f t="shared" si="451"/>
        <v>481.48469999999998</v>
      </c>
    </row>
    <row r="28923" spans="1:3" x14ac:dyDescent="0.25">
      <c r="A28923" s="2" t="s">
        <v>17336</v>
      </c>
      <c r="B28923" s="6">
        <v>481501.35</v>
      </c>
      <c r="C28923" s="7">
        <f t="shared" si="451"/>
        <v>481.50135</v>
      </c>
    </row>
    <row r="28924" spans="1:3" x14ac:dyDescent="0.25">
      <c r="A28924" s="2" t="s">
        <v>17337</v>
      </c>
      <c r="B28924" s="6">
        <v>481517.99999999994</v>
      </c>
      <c r="C28924" s="7">
        <f t="shared" si="451"/>
        <v>481.51799999999992</v>
      </c>
    </row>
    <row r="28925" spans="1:3" x14ac:dyDescent="0.25">
      <c r="A28925" s="2" t="s">
        <v>17338</v>
      </c>
      <c r="B28925" s="6">
        <v>481534.64999999997</v>
      </c>
      <c r="C28925" s="7">
        <f t="shared" si="451"/>
        <v>481.53464999999994</v>
      </c>
    </row>
    <row r="28926" spans="1:3" x14ac:dyDescent="0.25">
      <c r="A28926" s="2" t="s">
        <v>17339</v>
      </c>
      <c r="B28926" s="6">
        <v>481551.29999999993</v>
      </c>
      <c r="C28926" s="7">
        <f t="shared" si="451"/>
        <v>481.55129999999991</v>
      </c>
    </row>
    <row r="28927" spans="1:3" x14ac:dyDescent="0.25">
      <c r="A28927" s="2" t="s">
        <v>17340</v>
      </c>
      <c r="B28927" s="6">
        <v>481567.94999999995</v>
      </c>
      <c r="C28927" s="7">
        <f t="shared" si="451"/>
        <v>481.56794999999994</v>
      </c>
    </row>
    <row r="28928" spans="1:3" x14ac:dyDescent="0.25">
      <c r="A28928" s="2" t="s">
        <v>17341</v>
      </c>
      <c r="B28928" s="6">
        <v>481584.6</v>
      </c>
      <c r="C28928" s="7">
        <f t="shared" si="451"/>
        <v>481.58459999999997</v>
      </c>
    </row>
    <row r="28929" spans="1:3" x14ac:dyDescent="0.25">
      <c r="A28929" s="2" t="s">
        <v>17342</v>
      </c>
      <c r="B28929" s="6">
        <v>481601.24999999994</v>
      </c>
      <c r="C28929" s="7">
        <f t="shared" si="451"/>
        <v>481.60124999999994</v>
      </c>
    </row>
    <row r="28930" spans="1:3" x14ac:dyDescent="0.25">
      <c r="A28930" s="2" t="s">
        <v>17343</v>
      </c>
      <c r="B28930" s="6">
        <v>481617.89999999997</v>
      </c>
      <c r="C28930" s="7">
        <f t="shared" si="451"/>
        <v>481.61789999999996</v>
      </c>
    </row>
    <row r="28931" spans="1:3" x14ac:dyDescent="0.25">
      <c r="A28931" s="2" t="s">
        <v>17344</v>
      </c>
      <c r="B28931" s="6">
        <v>481634.54999999993</v>
      </c>
      <c r="C28931" s="7">
        <f t="shared" ref="C28931:C28994" si="452">B28931/1000</f>
        <v>481.63454999999993</v>
      </c>
    </row>
    <row r="28932" spans="1:3" x14ac:dyDescent="0.25">
      <c r="A28932" s="2" t="s">
        <v>17345</v>
      </c>
      <c r="B28932" s="6">
        <v>481651.19999999995</v>
      </c>
      <c r="C28932" s="7">
        <f t="shared" si="452"/>
        <v>481.65119999999996</v>
      </c>
    </row>
    <row r="28933" spans="1:3" x14ac:dyDescent="0.25">
      <c r="A28933" s="2" t="s">
        <v>17346</v>
      </c>
      <c r="B28933" s="6">
        <v>481667.85</v>
      </c>
      <c r="C28933" s="7">
        <f t="shared" si="452"/>
        <v>481.66784999999999</v>
      </c>
    </row>
    <row r="28934" spans="1:3" x14ac:dyDescent="0.25">
      <c r="A28934" s="2" t="s">
        <v>17347</v>
      </c>
      <c r="B28934" s="6">
        <v>481684.49999999994</v>
      </c>
      <c r="C28934" s="7">
        <f t="shared" si="452"/>
        <v>481.68449999999996</v>
      </c>
    </row>
    <row r="28935" spans="1:3" x14ac:dyDescent="0.25">
      <c r="A28935" s="2" t="s">
        <v>17348</v>
      </c>
      <c r="B28935" s="6">
        <v>481701.14999999997</v>
      </c>
      <c r="C28935" s="7">
        <f t="shared" si="452"/>
        <v>481.70114999999998</v>
      </c>
    </row>
    <row r="28936" spans="1:3" x14ac:dyDescent="0.25">
      <c r="A28936" s="2" t="s">
        <v>17349</v>
      </c>
      <c r="B28936" s="6">
        <v>481717.79999999993</v>
      </c>
      <c r="C28936" s="7">
        <f t="shared" si="452"/>
        <v>481.71779999999995</v>
      </c>
    </row>
    <row r="28937" spans="1:3" x14ac:dyDescent="0.25">
      <c r="A28937" s="2" t="s">
        <v>17350</v>
      </c>
      <c r="B28937" s="6">
        <v>481734.44999999995</v>
      </c>
      <c r="C28937" s="7">
        <f t="shared" si="452"/>
        <v>481.73444999999998</v>
      </c>
    </row>
    <row r="28938" spans="1:3" x14ac:dyDescent="0.25">
      <c r="A28938" s="2" t="s">
        <v>17351</v>
      </c>
      <c r="B28938" s="6">
        <v>481751.1</v>
      </c>
      <c r="C28938" s="7">
        <f t="shared" si="452"/>
        <v>481.75109999999995</v>
      </c>
    </row>
    <row r="28939" spans="1:3" x14ac:dyDescent="0.25">
      <c r="A28939" s="2" t="s">
        <v>17352</v>
      </c>
      <c r="B28939" s="6">
        <v>481767.74999999994</v>
      </c>
      <c r="C28939" s="7">
        <f t="shared" si="452"/>
        <v>481.76774999999992</v>
      </c>
    </row>
    <row r="28940" spans="1:3" x14ac:dyDescent="0.25">
      <c r="A28940" s="2" t="s">
        <v>17353</v>
      </c>
      <c r="B28940" s="6">
        <v>481784.39999999997</v>
      </c>
      <c r="C28940" s="7">
        <f t="shared" si="452"/>
        <v>481.78439999999995</v>
      </c>
    </row>
    <row r="28941" spans="1:3" x14ac:dyDescent="0.25">
      <c r="A28941" s="2" t="s">
        <v>17354</v>
      </c>
      <c r="B28941" s="6">
        <v>481801.04999999993</v>
      </c>
      <c r="C28941" s="7">
        <f t="shared" si="452"/>
        <v>481.80104999999992</v>
      </c>
    </row>
    <row r="28942" spans="1:3" x14ac:dyDescent="0.25">
      <c r="A28942" s="2" t="s">
        <v>17355</v>
      </c>
      <c r="B28942" s="6">
        <v>481817.69999999995</v>
      </c>
      <c r="C28942" s="7">
        <f t="shared" si="452"/>
        <v>481.81769999999995</v>
      </c>
    </row>
    <row r="28943" spans="1:3" x14ac:dyDescent="0.25">
      <c r="A28943" s="2" t="s">
        <v>17356</v>
      </c>
      <c r="B28943" s="6">
        <v>481834.35</v>
      </c>
      <c r="C28943" s="7">
        <f t="shared" si="452"/>
        <v>481.83434999999997</v>
      </c>
    </row>
    <row r="28944" spans="1:3" x14ac:dyDescent="0.25">
      <c r="A28944" s="2" t="s">
        <v>17357</v>
      </c>
      <c r="B28944" s="6">
        <v>481850.99999999994</v>
      </c>
      <c r="C28944" s="7">
        <f t="shared" si="452"/>
        <v>481.85099999999994</v>
      </c>
    </row>
    <row r="28945" spans="1:3" x14ac:dyDescent="0.25">
      <c r="A28945" s="2" t="s">
        <v>17358</v>
      </c>
      <c r="B28945" s="6">
        <v>481867.64999999997</v>
      </c>
      <c r="C28945" s="7">
        <f t="shared" si="452"/>
        <v>481.86764999999997</v>
      </c>
    </row>
    <row r="28946" spans="1:3" x14ac:dyDescent="0.25">
      <c r="A28946" s="2" t="s">
        <v>17359</v>
      </c>
      <c r="B28946" s="6">
        <v>481884.29999999993</v>
      </c>
      <c r="C28946" s="7">
        <f t="shared" si="452"/>
        <v>481.88429999999994</v>
      </c>
    </row>
    <row r="28947" spans="1:3" x14ac:dyDescent="0.25">
      <c r="A28947" s="2" t="s">
        <v>17360</v>
      </c>
      <c r="B28947" s="6">
        <v>481900.94999999995</v>
      </c>
      <c r="C28947" s="7">
        <f t="shared" si="452"/>
        <v>481.90094999999997</v>
      </c>
    </row>
    <row r="28948" spans="1:3" x14ac:dyDescent="0.25">
      <c r="A28948" s="2" t="s">
        <v>17361</v>
      </c>
      <c r="B28948" s="6">
        <v>481917.6</v>
      </c>
      <c r="C28948" s="7">
        <f t="shared" si="452"/>
        <v>481.91759999999999</v>
      </c>
    </row>
    <row r="28949" spans="1:3" x14ac:dyDescent="0.25">
      <c r="A28949" s="2" t="s">
        <v>17362</v>
      </c>
      <c r="B28949" s="6">
        <v>481934.24999999994</v>
      </c>
      <c r="C28949" s="7">
        <f t="shared" si="452"/>
        <v>481.93424999999996</v>
      </c>
    </row>
    <row r="28950" spans="1:3" x14ac:dyDescent="0.25">
      <c r="A28950" s="2" t="s">
        <v>17363</v>
      </c>
      <c r="B28950" s="6">
        <v>481950.89999999997</v>
      </c>
      <c r="C28950" s="7">
        <f t="shared" si="452"/>
        <v>481.95089999999999</v>
      </c>
    </row>
    <row r="28951" spans="1:3" x14ac:dyDescent="0.25">
      <c r="A28951" s="2" t="s">
        <v>17364</v>
      </c>
      <c r="B28951" s="6">
        <v>481967.54999999993</v>
      </c>
      <c r="C28951" s="7">
        <f t="shared" si="452"/>
        <v>481.9675499999999</v>
      </c>
    </row>
    <row r="28952" spans="1:3" x14ac:dyDescent="0.25">
      <c r="A28952" s="2" t="s">
        <v>17365</v>
      </c>
      <c r="B28952" s="6">
        <v>481984.19999999995</v>
      </c>
      <c r="C28952" s="7">
        <f t="shared" si="452"/>
        <v>481.98419999999993</v>
      </c>
    </row>
    <row r="28953" spans="1:3" x14ac:dyDescent="0.25">
      <c r="A28953" s="2" t="s">
        <v>17366</v>
      </c>
      <c r="B28953" s="6">
        <v>482000.85</v>
      </c>
      <c r="C28953" s="7">
        <f t="shared" si="452"/>
        <v>482.00084999999996</v>
      </c>
    </row>
    <row r="28954" spans="1:3" x14ac:dyDescent="0.25">
      <c r="A28954" s="2" t="s">
        <v>17367</v>
      </c>
      <c r="B28954" s="6">
        <v>482017.49999999994</v>
      </c>
      <c r="C28954" s="7">
        <f t="shared" si="452"/>
        <v>482.01749999999993</v>
      </c>
    </row>
    <row r="28955" spans="1:3" x14ac:dyDescent="0.25">
      <c r="A28955" s="2" t="s">
        <v>17368</v>
      </c>
      <c r="B28955" s="6">
        <v>482034.14999999997</v>
      </c>
      <c r="C28955" s="7">
        <f t="shared" si="452"/>
        <v>482.03414999999995</v>
      </c>
    </row>
    <row r="28956" spans="1:3" x14ac:dyDescent="0.25">
      <c r="A28956" s="2" t="s">
        <v>17369</v>
      </c>
      <c r="B28956" s="6">
        <v>482050.79999999993</v>
      </c>
      <c r="C28956" s="7">
        <f t="shared" si="452"/>
        <v>482.05079999999992</v>
      </c>
    </row>
    <row r="28957" spans="1:3" x14ac:dyDescent="0.25">
      <c r="A28957" s="2" t="s">
        <v>17370</v>
      </c>
      <c r="B28957" s="6">
        <v>482067.44999999995</v>
      </c>
      <c r="C28957" s="7">
        <f t="shared" si="452"/>
        <v>482.06744999999995</v>
      </c>
    </row>
    <row r="28958" spans="1:3" x14ac:dyDescent="0.25">
      <c r="A28958" s="2" t="s">
        <v>17371</v>
      </c>
      <c r="B28958" s="6">
        <v>482084.1</v>
      </c>
      <c r="C28958" s="7">
        <f t="shared" si="452"/>
        <v>482.08409999999998</v>
      </c>
    </row>
    <row r="28959" spans="1:3" x14ac:dyDescent="0.25">
      <c r="A28959" s="2" t="s">
        <v>17372</v>
      </c>
      <c r="B28959" s="6">
        <v>482100.74999999994</v>
      </c>
      <c r="C28959" s="7">
        <f t="shared" si="452"/>
        <v>482.10074999999995</v>
      </c>
    </row>
    <row r="28960" spans="1:3" x14ac:dyDescent="0.25">
      <c r="A28960" s="2" t="s">
        <v>17373</v>
      </c>
      <c r="B28960" s="6">
        <v>482117.39999999997</v>
      </c>
      <c r="C28960" s="7">
        <f t="shared" si="452"/>
        <v>482.11739999999998</v>
      </c>
    </row>
    <row r="28961" spans="1:3" x14ac:dyDescent="0.25">
      <c r="A28961" s="2" t="s">
        <v>17374</v>
      </c>
      <c r="B28961" s="6">
        <v>482134.04999999993</v>
      </c>
      <c r="C28961" s="7">
        <f t="shared" si="452"/>
        <v>482.13404999999995</v>
      </c>
    </row>
    <row r="28962" spans="1:3" x14ac:dyDescent="0.25">
      <c r="A28962" s="2" t="s">
        <v>17375</v>
      </c>
      <c r="B28962" s="6">
        <v>482150.69999999995</v>
      </c>
      <c r="C28962" s="7">
        <f t="shared" si="452"/>
        <v>482.15069999999997</v>
      </c>
    </row>
    <row r="28963" spans="1:3" x14ac:dyDescent="0.25">
      <c r="A28963" s="2" t="s">
        <v>17376</v>
      </c>
      <c r="B28963" s="6">
        <v>482167.35</v>
      </c>
      <c r="C28963" s="7">
        <f t="shared" si="452"/>
        <v>482.16735</v>
      </c>
    </row>
    <row r="28964" spans="1:3" x14ac:dyDescent="0.25">
      <c r="A28964" s="2" t="s">
        <v>17377</v>
      </c>
      <c r="B28964" s="6">
        <v>482183.99999999994</v>
      </c>
      <c r="C28964" s="7">
        <f t="shared" si="452"/>
        <v>482.18399999999997</v>
      </c>
    </row>
    <row r="28965" spans="1:3" x14ac:dyDescent="0.25">
      <c r="A28965" s="2" t="s">
        <v>17378</v>
      </c>
      <c r="B28965" s="6">
        <v>482200.64999999997</v>
      </c>
      <c r="C28965" s="7">
        <f t="shared" si="452"/>
        <v>482.20064999999994</v>
      </c>
    </row>
    <row r="28966" spans="1:3" x14ac:dyDescent="0.25">
      <c r="A28966" s="2" t="s">
        <v>17379</v>
      </c>
      <c r="B28966" s="6">
        <v>482217.29999999993</v>
      </c>
      <c r="C28966" s="7">
        <f t="shared" si="452"/>
        <v>482.21729999999991</v>
      </c>
    </row>
    <row r="28967" spans="1:3" x14ac:dyDescent="0.25">
      <c r="A28967" s="2" t="s">
        <v>17380</v>
      </c>
      <c r="B28967" s="6">
        <v>482233.94999999995</v>
      </c>
      <c r="C28967" s="7">
        <f t="shared" si="452"/>
        <v>482.23394999999994</v>
      </c>
    </row>
    <row r="28968" spans="1:3" x14ac:dyDescent="0.25">
      <c r="A28968" s="2" t="s">
        <v>17381</v>
      </c>
      <c r="B28968" s="6">
        <v>482250.6</v>
      </c>
      <c r="C28968" s="7">
        <f t="shared" si="452"/>
        <v>482.25059999999996</v>
      </c>
    </row>
    <row r="28969" spans="1:3" x14ac:dyDescent="0.25">
      <c r="A28969" s="2" t="s">
        <v>17382</v>
      </c>
      <c r="B28969" s="6">
        <v>482267.24999999994</v>
      </c>
      <c r="C28969" s="7">
        <f t="shared" si="452"/>
        <v>482.26724999999993</v>
      </c>
    </row>
    <row r="28970" spans="1:3" x14ac:dyDescent="0.25">
      <c r="A28970" s="2" t="s">
        <v>17383</v>
      </c>
      <c r="B28970" s="6">
        <v>482283.89999999997</v>
      </c>
      <c r="C28970" s="7">
        <f t="shared" si="452"/>
        <v>482.28389999999996</v>
      </c>
    </row>
    <row r="28971" spans="1:3" x14ac:dyDescent="0.25">
      <c r="A28971" s="2" t="s">
        <v>17384</v>
      </c>
      <c r="B28971" s="6">
        <v>482300.54999999993</v>
      </c>
      <c r="C28971" s="7">
        <f t="shared" si="452"/>
        <v>482.30054999999993</v>
      </c>
    </row>
    <row r="28972" spans="1:3" x14ac:dyDescent="0.25">
      <c r="A28972" s="2" t="s">
        <v>17385</v>
      </c>
      <c r="B28972" s="6">
        <v>482317.19999999995</v>
      </c>
      <c r="C28972" s="7">
        <f t="shared" si="452"/>
        <v>482.31719999999996</v>
      </c>
    </row>
    <row r="28973" spans="1:3" x14ac:dyDescent="0.25">
      <c r="A28973" s="2" t="s">
        <v>17386</v>
      </c>
      <c r="B28973" s="6">
        <v>482333.85</v>
      </c>
      <c r="C28973" s="7">
        <f t="shared" si="452"/>
        <v>482.33384999999998</v>
      </c>
    </row>
    <row r="28974" spans="1:3" x14ac:dyDescent="0.25">
      <c r="A28974" s="2" t="s">
        <v>17387</v>
      </c>
      <c r="B28974" s="6">
        <v>482350.49999999994</v>
      </c>
      <c r="C28974" s="7">
        <f t="shared" si="452"/>
        <v>482.35049999999995</v>
      </c>
    </row>
    <row r="28975" spans="1:3" x14ac:dyDescent="0.25">
      <c r="A28975" s="2" t="s">
        <v>17388</v>
      </c>
      <c r="B28975" s="6">
        <v>482367.14999999997</v>
      </c>
      <c r="C28975" s="7">
        <f t="shared" si="452"/>
        <v>482.36714999999998</v>
      </c>
    </row>
    <row r="28976" spans="1:3" x14ac:dyDescent="0.25">
      <c r="A28976" s="2" t="s">
        <v>17389</v>
      </c>
      <c r="B28976" s="6">
        <v>482383.79999999993</v>
      </c>
      <c r="C28976" s="7">
        <f t="shared" si="452"/>
        <v>482.38379999999995</v>
      </c>
    </row>
    <row r="28977" spans="1:3" x14ac:dyDescent="0.25">
      <c r="A28977" s="2" t="s">
        <v>17390</v>
      </c>
      <c r="B28977" s="6">
        <v>482400.44999999995</v>
      </c>
      <c r="C28977" s="7">
        <f t="shared" si="452"/>
        <v>482.40044999999998</v>
      </c>
    </row>
    <row r="28978" spans="1:3" x14ac:dyDescent="0.25">
      <c r="A28978" s="2" t="s">
        <v>17391</v>
      </c>
      <c r="B28978" s="6">
        <v>482417.1</v>
      </c>
      <c r="C28978" s="7">
        <f t="shared" si="452"/>
        <v>482.4171</v>
      </c>
    </row>
    <row r="28979" spans="1:3" x14ac:dyDescent="0.25">
      <c r="A28979" s="2" t="s">
        <v>17392</v>
      </c>
      <c r="B28979" s="6">
        <v>482433.74999999994</v>
      </c>
      <c r="C28979" s="7">
        <f t="shared" si="452"/>
        <v>482.43374999999992</v>
      </c>
    </row>
    <row r="28980" spans="1:3" x14ac:dyDescent="0.25">
      <c r="A28980" s="2" t="s">
        <v>17393</v>
      </c>
      <c r="B28980" s="6">
        <v>482450.39999999997</v>
      </c>
      <c r="C28980" s="7">
        <f t="shared" si="452"/>
        <v>482.45039999999995</v>
      </c>
    </row>
    <row r="28981" spans="1:3" x14ac:dyDescent="0.25">
      <c r="A28981" s="2" t="s">
        <v>17394</v>
      </c>
      <c r="B28981" s="6">
        <v>482467.04999999993</v>
      </c>
      <c r="C28981" s="7">
        <f t="shared" si="452"/>
        <v>482.46704999999992</v>
      </c>
    </row>
    <row r="28982" spans="1:3" x14ac:dyDescent="0.25">
      <c r="A28982" s="2" t="s">
        <v>17395</v>
      </c>
      <c r="B28982" s="6">
        <v>482483.69999999995</v>
      </c>
      <c r="C28982" s="7">
        <f t="shared" si="452"/>
        <v>482.48369999999994</v>
      </c>
    </row>
    <row r="28983" spans="1:3" x14ac:dyDescent="0.25">
      <c r="A28983" s="2" t="s">
        <v>17396</v>
      </c>
      <c r="B28983" s="6">
        <v>482500.35</v>
      </c>
      <c r="C28983" s="7">
        <f t="shared" si="452"/>
        <v>482.50034999999997</v>
      </c>
    </row>
    <row r="28984" spans="1:3" x14ac:dyDescent="0.25">
      <c r="A28984" s="2" t="s">
        <v>17397</v>
      </c>
      <c r="B28984" s="6">
        <v>482516.99999999994</v>
      </c>
      <c r="C28984" s="7">
        <f t="shared" si="452"/>
        <v>482.51699999999994</v>
      </c>
    </row>
    <row r="28985" spans="1:3" x14ac:dyDescent="0.25">
      <c r="A28985" s="2" t="s">
        <v>17398</v>
      </c>
      <c r="B28985" s="6">
        <v>482533.64999999997</v>
      </c>
      <c r="C28985" s="7">
        <f t="shared" si="452"/>
        <v>482.53364999999997</v>
      </c>
    </row>
    <row r="28986" spans="1:3" x14ac:dyDescent="0.25">
      <c r="A28986" s="2" t="s">
        <v>17399</v>
      </c>
      <c r="B28986" s="6">
        <v>482550.29999999993</v>
      </c>
      <c r="C28986" s="7">
        <f t="shared" si="452"/>
        <v>482.55029999999994</v>
      </c>
    </row>
    <row r="28987" spans="1:3" x14ac:dyDescent="0.25">
      <c r="A28987" s="2" t="s">
        <v>17400</v>
      </c>
      <c r="B28987" s="6">
        <v>482566.94999999995</v>
      </c>
      <c r="C28987" s="7">
        <f t="shared" si="452"/>
        <v>482.56694999999996</v>
      </c>
    </row>
    <row r="28988" spans="1:3" x14ac:dyDescent="0.25">
      <c r="A28988" s="2" t="s">
        <v>17401</v>
      </c>
      <c r="B28988" s="6">
        <v>482583.6</v>
      </c>
      <c r="C28988" s="7">
        <f t="shared" si="452"/>
        <v>482.58359999999999</v>
      </c>
    </row>
    <row r="28989" spans="1:3" x14ac:dyDescent="0.25">
      <c r="A28989" s="2" t="s">
        <v>17402</v>
      </c>
      <c r="B28989" s="6">
        <v>482600.24999999994</v>
      </c>
      <c r="C28989" s="7">
        <f t="shared" si="452"/>
        <v>482.60024999999996</v>
      </c>
    </row>
    <row r="28990" spans="1:3" x14ac:dyDescent="0.25">
      <c r="A28990" s="2" t="s">
        <v>17403</v>
      </c>
      <c r="B28990" s="6">
        <v>482616.89999999997</v>
      </c>
      <c r="C28990" s="7">
        <f t="shared" si="452"/>
        <v>482.61689999999999</v>
      </c>
    </row>
    <row r="28991" spans="1:3" x14ac:dyDescent="0.25">
      <c r="A28991" s="2" t="s">
        <v>17404</v>
      </c>
      <c r="B28991" s="6">
        <v>482633.54999999993</v>
      </c>
      <c r="C28991" s="7">
        <f t="shared" si="452"/>
        <v>482.63354999999996</v>
      </c>
    </row>
    <row r="28992" spans="1:3" x14ac:dyDescent="0.25">
      <c r="A28992" s="2" t="s">
        <v>17405</v>
      </c>
      <c r="B28992" s="6">
        <v>482650.19999999995</v>
      </c>
      <c r="C28992" s="7">
        <f t="shared" si="452"/>
        <v>482.65019999999993</v>
      </c>
    </row>
    <row r="28993" spans="1:3" x14ac:dyDescent="0.25">
      <c r="A28993" s="2" t="s">
        <v>17406</v>
      </c>
      <c r="B28993" s="6">
        <v>482666.85</v>
      </c>
      <c r="C28993" s="7">
        <f t="shared" si="452"/>
        <v>482.66684999999995</v>
      </c>
    </row>
    <row r="28994" spans="1:3" x14ac:dyDescent="0.25">
      <c r="A28994" s="2" t="s">
        <v>17407</v>
      </c>
      <c r="B28994" s="6">
        <v>482683.49999999994</v>
      </c>
      <c r="C28994" s="7">
        <f t="shared" si="452"/>
        <v>482.68349999999992</v>
      </c>
    </row>
    <row r="28995" spans="1:3" x14ac:dyDescent="0.25">
      <c r="A28995" s="2" t="s">
        <v>17408</v>
      </c>
      <c r="B28995" s="6">
        <v>482700.14999999997</v>
      </c>
      <c r="C28995" s="7">
        <f t="shared" ref="C28995:C29058" si="453">B28995/1000</f>
        <v>482.70014999999995</v>
      </c>
    </row>
    <row r="28996" spans="1:3" x14ac:dyDescent="0.25">
      <c r="A28996" s="2" t="s">
        <v>17409</v>
      </c>
      <c r="B28996" s="6">
        <v>482716.79999999993</v>
      </c>
      <c r="C28996" s="7">
        <f t="shared" si="453"/>
        <v>482.71679999999992</v>
      </c>
    </row>
    <row r="28997" spans="1:3" x14ac:dyDescent="0.25">
      <c r="A28997" s="2" t="s">
        <v>17410</v>
      </c>
      <c r="B28997" s="6">
        <v>482733.44999999995</v>
      </c>
      <c r="C28997" s="7">
        <f t="shared" si="453"/>
        <v>482.73344999999995</v>
      </c>
    </row>
    <row r="28998" spans="1:3" x14ac:dyDescent="0.25">
      <c r="A28998" s="2" t="s">
        <v>17411</v>
      </c>
      <c r="B28998" s="6">
        <v>482750.1</v>
      </c>
      <c r="C28998" s="7">
        <f t="shared" si="453"/>
        <v>482.75009999999997</v>
      </c>
    </row>
    <row r="28999" spans="1:3" x14ac:dyDescent="0.25">
      <c r="A28999" s="2" t="s">
        <v>17412</v>
      </c>
      <c r="B28999" s="6">
        <v>482766.74999999994</v>
      </c>
      <c r="C28999" s="7">
        <f t="shared" si="453"/>
        <v>482.76674999999994</v>
      </c>
    </row>
    <row r="29000" spans="1:3" x14ac:dyDescent="0.25">
      <c r="A29000" s="2" t="s">
        <v>17413</v>
      </c>
      <c r="B29000" s="6">
        <v>482783.39999999997</v>
      </c>
      <c r="C29000" s="7">
        <f t="shared" si="453"/>
        <v>482.78339999999997</v>
      </c>
    </row>
    <row r="29001" spans="1:3" x14ac:dyDescent="0.25">
      <c r="A29001" s="2" t="s">
        <v>17414</v>
      </c>
      <c r="B29001" s="6">
        <v>482800.04999999993</v>
      </c>
      <c r="C29001" s="7">
        <f t="shared" si="453"/>
        <v>482.80004999999994</v>
      </c>
    </row>
    <row r="29002" spans="1:3" x14ac:dyDescent="0.25">
      <c r="A29002" s="2" t="s">
        <v>17415</v>
      </c>
      <c r="B29002" s="6">
        <v>482816.69999999995</v>
      </c>
      <c r="C29002" s="7">
        <f t="shared" si="453"/>
        <v>482.81669999999997</v>
      </c>
    </row>
    <row r="29003" spans="1:3" x14ac:dyDescent="0.25">
      <c r="A29003" s="2" t="s">
        <v>17416</v>
      </c>
      <c r="B29003" s="6">
        <v>482833.35</v>
      </c>
      <c r="C29003" s="7">
        <f t="shared" si="453"/>
        <v>482.83335</v>
      </c>
    </row>
    <row r="29004" spans="1:3" x14ac:dyDescent="0.25">
      <c r="A29004" s="2" t="s">
        <v>17417</v>
      </c>
      <c r="B29004" s="6">
        <v>482849.99999999994</v>
      </c>
      <c r="C29004" s="7">
        <f t="shared" si="453"/>
        <v>482.84999999999997</v>
      </c>
    </row>
    <row r="29005" spans="1:3" x14ac:dyDescent="0.25">
      <c r="A29005" s="2" t="s">
        <v>17418</v>
      </c>
      <c r="B29005" s="6">
        <v>482866.64999999997</v>
      </c>
      <c r="C29005" s="7">
        <f t="shared" si="453"/>
        <v>482.86664999999999</v>
      </c>
    </row>
    <row r="29006" spans="1:3" x14ac:dyDescent="0.25">
      <c r="A29006" s="2" t="s">
        <v>17419</v>
      </c>
      <c r="B29006" s="6">
        <v>482883.29999999993</v>
      </c>
      <c r="C29006" s="7">
        <f t="shared" si="453"/>
        <v>482.88329999999991</v>
      </c>
    </row>
    <row r="29007" spans="1:3" x14ac:dyDescent="0.25">
      <c r="A29007" s="2" t="s">
        <v>17420</v>
      </c>
      <c r="B29007" s="6">
        <v>482899.94999999995</v>
      </c>
      <c r="C29007" s="7">
        <f t="shared" si="453"/>
        <v>482.89994999999993</v>
      </c>
    </row>
    <row r="29008" spans="1:3" x14ac:dyDescent="0.25">
      <c r="A29008" s="2" t="s">
        <v>17421</v>
      </c>
      <c r="B29008" s="6">
        <v>482916.6</v>
      </c>
      <c r="C29008" s="7">
        <f t="shared" si="453"/>
        <v>482.91659999999996</v>
      </c>
    </row>
    <row r="29009" spans="1:3" x14ac:dyDescent="0.25">
      <c r="A29009" s="2" t="s">
        <v>17422</v>
      </c>
      <c r="B29009" s="6">
        <v>482933.24999999994</v>
      </c>
      <c r="C29009" s="7">
        <f t="shared" si="453"/>
        <v>482.93324999999993</v>
      </c>
    </row>
    <row r="29010" spans="1:3" x14ac:dyDescent="0.25">
      <c r="A29010" s="2" t="s">
        <v>17423</v>
      </c>
      <c r="B29010" s="6">
        <v>482949.89999999997</v>
      </c>
      <c r="C29010" s="7">
        <f t="shared" si="453"/>
        <v>482.94989999999996</v>
      </c>
    </row>
    <row r="29011" spans="1:3" x14ac:dyDescent="0.25">
      <c r="A29011" s="2" t="s">
        <v>17424</v>
      </c>
      <c r="B29011" s="6">
        <v>482966.54999999993</v>
      </c>
      <c r="C29011" s="7">
        <f t="shared" si="453"/>
        <v>482.96654999999993</v>
      </c>
    </row>
    <row r="29012" spans="1:3" x14ac:dyDescent="0.25">
      <c r="A29012" s="2" t="s">
        <v>17425</v>
      </c>
      <c r="B29012" s="6">
        <v>482983.19999999995</v>
      </c>
      <c r="C29012" s="7">
        <f t="shared" si="453"/>
        <v>482.98319999999995</v>
      </c>
    </row>
    <row r="29013" spans="1:3" x14ac:dyDescent="0.25">
      <c r="A29013" s="2" t="s">
        <v>17426</v>
      </c>
      <c r="B29013" s="6">
        <v>482999.85</v>
      </c>
      <c r="C29013" s="7">
        <f t="shared" si="453"/>
        <v>482.99984999999998</v>
      </c>
    </row>
    <row r="29014" spans="1:3" x14ac:dyDescent="0.25">
      <c r="A29014" s="2" t="s">
        <v>17427</v>
      </c>
      <c r="B29014" s="6">
        <v>483016.49999999994</v>
      </c>
      <c r="C29014" s="7">
        <f t="shared" si="453"/>
        <v>483.01649999999995</v>
      </c>
    </row>
    <row r="29015" spans="1:3" x14ac:dyDescent="0.25">
      <c r="A29015" s="2" t="s">
        <v>17428</v>
      </c>
      <c r="B29015" s="6">
        <v>483033.14999999997</v>
      </c>
      <c r="C29015" s="7">
        <f t="shared" si="453"/>
        <v>483.03314999999998</v>
      </c>
    </row>
    <row r="29016" spans="1:3" x14ac:dyDescent="0.25">
      <c r="A29016" s="2" t="s">
        <v>17429</v>
      </c>
      <c r="B29016" s="6">
        <v>483049.79999999993</v>
      </c>
      <c r="C29016" s="7">
        <f t="shared" si="453"/>
        <v>483.04979999999995</v>
      </c>
    </row>
    <row r="29017" spans="1:3" x14ac:dyDescent="0.25">
      <c r="A29017" s="2" t="s">
        <v>17430</v>
      </c>
      <c r="B29017" s="6">
        <v>483066.44999999995</v>
      </c>
      <c r="C29017" s="7">
        <f t="shared" si="453"/>
        <v>483.06644999999997</v>
      </c>
    </row>
    <row r="29018" spans="1:3" x14ac:dyDescent="0.25">
      <c r="A29018" s="2" t="s">
        <v>17431</v>
      </c>
      <c r="B29018" s="6">
        <v>483083.1</v>
      </c>
      <c r="C29018" s="7">
        <f t="shared" si="453"/>
        <v>483.0831</v>
      </c>
    </row>
    <row r="29019" spans="1:3" x14ac:dyDescent="0.25">
      <c r="A29019" s="2" t="s">
        <v>17432</v>
      </c>
      <c r="B29019" s="6">
        <v>483099.74999999994</v>
      </c>
      <c r="C29019" s="7">
        <f t="shared" si="453"/>
        <v>483.09974999999991</v>
      </c>
    </row>
    <row r="29020" spans="1:3" x14ac:dyDescent="0.25">
      <c r="A29020" s="2" t="s">
        <v>17433</v>
      </c>
      <c r="B29020" s="6">
        <v>483116.39999999997</v>
      </c>
      <c r="C29020" s="7">
        <f t="shared" si="453"/>
        <v>483.11639999999994</v>
      </c>
    </row>
    <row r="29021" spans="1:3" x14ac:dyDescent="0.25">
      <c r="A29021" s="2" t="s">
        <v>17434</v>
      </c>
      <c r="B29021" s="6">
        <v>483133.04999999993</v>
      </c>
      <c r="C29021" s="7">
        <f t="shared" si="453"/>
        <v>483.13304999999991</v>
      </c>
    </row>
    <row r="29022" spans="1:3" x14ac:dyDescent="0.25">
      <c r="A29022" s="2" t="s">
        <v>17435</v>
      </c>
      <c r="B29022" s="6">
        <v>483149.69999999995</v>
      </c>
      <c r="C29022" s="7">
        <f t="shared" si="453"/>
        <v>483.14969999999994</v>
      </c>
    </row>
    <row r="29023" spans="1:3" x14ac:dyDescent="0.25">
      <c r="A29023" s="2" t="s">
        <v>17436</v>
      </c>
      <c r="B29023" s="6">
        <v>483166.35</v>
      </c>
      <c r="C29023" s="7">
        <f t="shared" si="453"/>
        <v>483.16634999999997</v>
      </c>
    </row>
    <row r="29024" spans="1:3" x14ac:dyDescent="0.25">
      <c r="A29024" s="2" t="s">
        <v>17437</v>
      </c>
      <c r="B29024" s="6">
        <v>483182.99999999994</v>
      </c>
      <c r="C29024" s="7">
        <f t="shared" si="453"/>
        <v>483.18299999999994</v>
      </c>
    </row>
    <row r="29025" spans="1:3" x14ac:dyDescent="0.25">
      <c r="A29025" s="2" t="s">
        <v>17438</v>
      </c>
      <c r="B29025" s="6">
        <v>483199.64999999997</v>
      </c>
      <c r="C29025" s="7">
        <f t="shared" si="453"/>
        <v>483.19964999999996</v>
      </c>
    </row>
    <row r="29026" spans="1:3" x14ac:dyDescent="0.25">
      <c r="A29026" s="2" t="s">
        <v>17439</v>
      </c>
      <c r="B29026" s="6">
        <v>483216.29999999993</v>
      </c>
      <c r="C29026" s="7">
        <f t="shared" si="453"/>
        <v>483.21629999999993</v>
      </c>
    </row>
    <row r="29027" spans="1:3" x14ac:dyDescent="0.25">
      <c r="A29027" s="2" t="s">
        <v>17440</v>
      </c>
      <c r="B29027" s="6">
        <v>483232.94999999995</v>
      </c>
      <c r="C29027" s="7">
        <f t="shared" si="453"/>
        <v>483.23294999999996</v>
      </c>
    </row>
    <row r="29028" spans="1:3" x14ac:dyDescent="0.25">
      <c r="A29028" s="2" t="s">
        <v>17441</v>
      </c>
      <c r="B29028" s="6">
        <v>483249.6</v>
      </c>
      <c r="C29028" s="7">
        <f t="shared" si="453"/>
        <v>483.24959999999999</v>
      </c>
    </row>
    <row r="29029" spans="1:3" x14ac:dyDescent="0.25">
      <c r="A29029" s="2" t="s">
        <v>17442</v>
      </c>
      <c r="B29029" s="6">
        <v>483266.24999999994</v>
      </c>
      <c r="C29029" s="7">
        <f t="shared" si="453"/>
        <v>483.26624999999996</v>
      </c>
    </row>
    <row r="29030" spans="1:3" x14ac:dyDescent="0.25">
      <c r="A29030" s="2" t="s">
        <v>17443</v>
      </c>
      <c r="B29030" s="6">
        <v>483282.89999999997</v>
      </c>
      <c r="C29030" s="7">
        <f t="shared" si="453"/>
        <v>483.28289999999998</v>
      </c>
    </row>
    <row r="29031" spans="1:3" x14ac:dyDescent="0.25">
      <c r="A29031" s="2" t="s">
        <v>17444</v>
      </c>
      <c r="B29031" s="6">
        <v>483299.54999999993</v>
      </c>
      <c r="C29031" s="7">
        <f t="shared" si="453"/>
        <v>483.29954999999995</v>
      </c>
    </row>
    <row r="29032" spans="1:3" x14ac:dyDescent="0.25">
      <c r="A29032" s="2" t="s">
        <v>17445</v>
      </c>
      <c r="B29032" s="6">
        <v>483316.19999999995</v>
      </c>
      <c r="C29032" s="7">
        <f t="shared" si="453"/>
        <v>483.31619999999998</v>
      </c>
    </row>
    <row r="29033" spans="1:3" x14ac:dyDescent="0.25">
      <c r="A29033" s="2" t="s">
        <v>17446</v>
      </c>
      <c r="B29033" s="6">
        <v>483332.85</v>
      </c>
      <c r="C29033" s="7">
        <f t="shared" si="453"/>
        <v>483.33284999999995</v>
      </c>
    </row>
    <row r="29034" spans="1:3" x14ac:dyDescent="0.25">
      <c r="A29034" s="2" t="s">
        <v>17447</v>
      </c>
      <c r="B29034" s="6">
        <v>483349.49999999994</v>
      </c>
      <c r="C29034" s="7">
        <f t="shared" si="453"/>
        <v>483.34949999999992</v>
      </c>
    </row>
    <row r="29035" spans="1:3" x14ac:dyDescent="0.25">
      <c r="A29035" s="2" t="s">
        <v>17448</v>
      </c>
      <c r="B29035" s="6">
        <v>483366.14999999997</v>
      </c>
      <c r="C29035" s="7">
        <f t="shared" si="453"/>
        <v>483.36614999999995</v>
      </c>
    </row>
    <row r="29036" spans="1:3" x14ac:dyDescent="0.25">
      <c r="A29036" s="2" t="s">
        <v>17449</v>
      </c>
      <c r="B29036" s="6">
        <v>483382.79999999993</v>
      </c>
      <c r="C29036" s="7">
        <f t="shared" si="453"/>
        <v>483.38279999999992</v>
      </c>
    </row>
    <row r="29037" spans="1:3" x14ac:dyDescent="0.25">
      <c r="A29037" s="2" t="s">
        <v>17450</v>
      </c>
      <c r="B29037" s="6">
        <v>483399.44999999995</v>
      </c>
      <c r="C29037" s="7">
        <f t="shared" si="453"/>
        <v>483.39944999999994</v>
      </c>
    </row>
    <row r="29038" spans="1:3" x14ac:dyDescent="0.25">
      <c r="A29038" s="2" t="s">
        <v>17451</v>
      </c>
      <c r="B29038" s="6">
        <v>483416.1</v>
      </c>
      <c r="C29038" s="7">
        <f t="shared" si="453"/>
        <v>483.41609999999997</v>
      </c>
    </row>
    <row r="29039" spans="1:3" x14ac:dyDescent="0.25">
      <c r="A29039" s="2" t="s">
        <v>17452</v>
      </c>
      <c r="B29039" s="6">
        <v>483432.74999999994</v>
      </c>
      <c r="C29039" s="7">
        <f t="shared" si="453"/>
        <v>483.43274999999994</v>
      </c>
    </row>
    <row r="29040" spans="1:3" x14ac:dyDescent="0.25">
      <c r="A29040" s="2" t="s">
        <v>17453</v>
      </c>
      <c r="B29040" s="6">
        <v>483449.39999999997</v>
      </c>
      <c r="C29040" s="7">
        <f t="shared" si="453"/>
        <v>483.44939999999997</v>
      </c>
    </row>
    <row r="29041" spans="1:3" x14ac:dyDescent="0.25">
      <c r="A29041" s="2" t="s">
        <v>17454</v>
      </c>
      <c r="B29041" s="6">
        <v>483466.04999999993</v>
      </c>
      <c r="C29041" s="7">
        <f t="shared" si="453"/>
        <v>483.46604999999994</v>
      </c>
    </row>
    <row r="29042" spans="1:3" x14ac:dyDescent="0.25">
      <c r="A29042" s="2" t="s">
        <v>17455</v>
      </c>
      <c r="B29042" s="6">
        <v>483482.69999999995</v>
      </c>
      <c r="C29042" s="7">
        <f t="shared" si="453"/>
        <v>483.48269999999997</v>
      </c>
    </row>
    <row r="29043" spans="1:3" x14ac:dyDescent="0.25">
      <c r="A29043" s="2" t="s">
        <v>17456</v>
      </c>
      <c r="B29043" s="6">
        <v>483499.35</v>
      </c>
      <c r="C29043" s="7">
        <f t="shared" si="453"/>
        <v>483.49934999999999</v>
      </c>
    </row>
    <row r="29044" spans="1:3" x14ac:dyDescent="0.25">
      <c r="A29044" s="2" t="s">
        <v>17457</v>
      </c>
      <c r="B29044" s="6">
        <v>483515.99999999994</v>
      </c>
      <c r="C29044" s="7">
        <f t="shared" si="453"/>
        <v>483.51599999999996</v>
      </c>
    </row>
    <row r="29045" spans="1:3" x14ac:dyDescent="0.25">
      <c r="A29045" s="2" t="s">
        <v>17458</v>
      </c>
      <c r="B29045" s="6">
        <v>483532.64999999997</v>
      </c>
      <c r="C29045" s="7">
        <f t="shared" si="453"/>
        <v>483.53264999999999</v>
      </c>
    </row>
    <row r="29046" spans="1:3" x14ac:dyDescent="0.25">
      <c r="A29046" s="2" t="s">
        <v>17459</v>
      </c>
      <c r="B29046" s="6">
        <v>483549.29999999993</v>
      </c>
      <c r="C29046" s="7">
        <f t="shared" si="453"/>
        <v>483.5492999999999</v>
      </c>
    </row>
    <row r="29047" spans="1:3" x14ac:dyDescent="0.25">
      <c r="A29047" s="2" t="s">
        <v>17460</v>
      </c>
      <c r="B29047" s="6">
        <v>483565.94999999995</v>
      </c>
      <c r="C29047" s="7">
        <f t="shared" si="453"/>
        <v>483.56594999999993</v>
      </c>
    </row>
    <row r="29048" spans="1:3" x14ac:dyDescent="0.25">
      <c r="A29048" s="2" t="s">
        <v>17461</v>
      </c>
      <c r="B29048" s="6">
        <v>483582.6</v>
      </c>
      <c r="C29048" s="7">
        <f t="shared" si="453"/>
        <v>483.58259999999996</v>
      </c>
    </row>
    <row r="29049" spans="1:3" x14ac:dyDescent="0.25">
      <c r="A29049" s="2" t="s">
        <v>17462</v>
      </c>
      <c r="B29049" s="6">
        <v>483599.24999999994</v>
      </c>
      <c r="C29049" s="7">
        <f t="shared" si="453"/>
        <v>483.59924999999993</v>
      </c>
    </row>
    <row r="29050" spans="1:3" x14ac:dyDescent="0.25">
      <c r="A29050" s="2" t="s">
        <v>17463</v>
      </c>
      <c r="B29050" s="6">
        <v>483615.89999999997</v>
      </c>
      <c r="C29050" s="7">
        <f t="shared" si="453"/>
        <v>483.61589999999995</v>
      </c>
    </row>
    <row r="29051" spans="1:3" x14ac:dyDescent="0.25">
      <c r="A29051" s="2" t="s">
        <v>17464</v>
      </c>
      <c r="B29051" s="6">
        <v>483632.54999999993</v>
      </c>
      <c r="C29051" s="7">
        <f t="shared" si="453"/>
        <v>483.63254999999992</v>
      </c>
    </row>
    <row r="29052" spans="1:3" x14ac:dyDescent="0.25">
      <c r="A29052" s="2" t="s">
        <v>17465</v>
      </c>
      <c r="B29052" s="6">
        <v>483649.19999999995</v>
      </c>
      <c r="C29052" s="7">
        <f t="shared" si="453"/>
        <v>483.64919999999995</v>
      </c>
    </row>
    <row r="29053" spans="1:3" x14ac:dyDescent="0.25">
      <c r="A29053" s="2" t="s">
        <v>17466</v>
      </c>
      <c r="B29053" s="6">
        <v>483665.85</v>
      </c>
      <c r="C29053" s="7">
        <f t="shared" si="453"/>
        <v>483.66584999999998</v>
      </c>
    </row>
    <row r="29054" spans="1:3" x14ac:dyDescent="0.25">
      <c r="A29054" s="2" t="s">
        <v>17467</v>
      </c>
      <c r="B29054" s="6">
        <v>483682.49999999994</v>
      </c>
      <c r="C29054" s="7">
        <f t="shared" si="453"/>
        <v>483.68249999999995</v>
      </c>
    </row>
    <row r="29055" spans="1:3" x14ac:dyDescent="0.25">
      <c r="A29055" s="2" t="s">
        <v>17468</v>
      </c>
      <c r="B29055" s="6">
        <v>483699.14999999997</v>
      </c>
      <c r="C29055" s="7">
        <f t="shared" si="453"/>
        <v>483.69914999999997</v>
      </c>
    </row>
    <row r="29056" spans="1:3" x14ac:dyDescent="0.25">
      <c r="A29056" s="2" t="s">
        <v>17469</v>
      </c>
      <c r="B29056" s="6">
        <v>483715.79999999993</v>
      </c>
      <c r="C29056" s="7">
        <f t="shared" si="453"/>
        <v>483.71579999999994</v>
      </c>
    </row>
    <row r="29057" spans="1:3" x14ac:dyDescent="0.25">
      <c r="A29057" s="2" t="s">
        <v>17470</v>
      </c>
      <c r="B29057" s="6">
        <v>483732.44999999995</v>
      </c>
      <c r="C29057" s="7">
        <f t="shared" si="453"/>
        <v>483.73244999999997</v>
      </c>
    </row>
    <row r="29058" spans="1:3" x14ac:dyDescent="0.25">
      <c r="A29058" s="2" t="s">
        <v>17471</v>
      </c>
      <c r="B29058" s="6">
        <v>483749.1</v>
      </c>
      <c r="C29058" s="7">
        <f t="shared" si="453"/>
        <v>483.7491</v>
      </c>
    </row>
    <row r="29059" spans="1:3" x14ac:dyDescent="0.25">
      <c r="A29059" s="2" t="s">
        <v>17472</v>
      </c>
      <c r="B29059" s="6">
        <v>483765.74999999994</v>
      </c>
      <c r="C29059" s="7">
        <f t="shared" ref="C29059:C29122" si="454">B29059/1000</f>
        <v>483.76574999999997</v>
      </c>
    </row>
    <row r="29060" spans="1:3" x14ac:dyDescent="0.25">
      <c r="A29060" s="2" t="s">
        <v>17473</v>
      </c>
      <c r="B29060" s="6">
        <v>483782.39999999997</v>
      </c>
      <c r="C29060" s="7">
        <f t="shared" si="454"/>
        <v>483.78239999999994</v>
      </c>
    </row>
    <row r="29061" spans="1:3" x14ac:dyDescent="0.25">
      <c r="A29061" s="2" t="s">
        <v>17474</v>
      </c>
      <c r="B29061" s="6">
        <v>483799.04999999993</v>
      </c>
      <c r="C29061" s="7">
        <f t="shared" si="454"/>
        <v>483.79904999999991</v>
      </c>
    </row>
    <row r="29062" spans="1:3" x14ac:dyDescent="0.25">
      <c r="A29062" s="2" t="s">
        <v>17475</v>
      </c>
      <c r="B29062" s="6">
        <v>483815.69999999995</v>
      </c>
      <c r="C29062" s="7">
        <f t="shared" si="454"/>
        <v>483.81569999999994</v>
      </c>
    </row>
    <row r="29063" spans="1:3" x14ac:dyDescent="0.25">
      <c r="A29063" s="2" t="s">
        <v>17476</v>
      </c>
      <c r="B29063" s="6">
        <v>483832.35</v>
      </c>
      <c r="C29063" s="7">
        <f t="shared" si="454"/>
        <v>483.83234999999996</v>
      </c>
    </row>
    <row r="29064" spans="1:3" x14ac:dyDescent="0.25">
      <c r="A29064" s="2" t="s">
        <v>17477</v>
      </c>
      <c r="B29064" s="6">
        <v>483848.99999999994</v>
      </c>
      <c r="C29064" s="7">
        <f t="shared" si="454"/>
        <v>483.84899999999993</v>
      </c>
    </row>
    <row r="29065" spans="1:3" x14ac:dyDescent="0.25">
      <c r="A29065" s="2" t="s">
        <v>17478</v>
      </c>
      <c r="B29065" s="6">
        <v>483865.64999999997</v>
      </c>
      <c r="C29065" s="7">
        <f t="shared" si="454"/>
        <v>483.86564999999996</v>
      </c>
    </row>
    <row r="29066" spans="1:3" x14ac:dyDescent="0.25">
      <c r="A29066" s="2" t="s">
        <v>17479</v>
      </c>
      <c r="B29066" s="6">
        <v>483882.29999999993</v>
      </c>
      <c r="C29066" s="7">
        <f t="shared" si="454"/>
        <v>483.88229999999993</v>
      </c>
    </row>
    <row r="29067" spans="1:3" x14ac:dyDescent="0.25">
      <c r="A29067" s="2" t="s">
        <v>17480</v>
      </c>
      <c r="B29067" s="6">
        <v>483898.94999999995</v>
      </c>
      <c r="C29067" s="7">
        <f t="shared" si="454"/>
        <v>483.89894999999996</v>
      </c>
    </row>
    <row r="29068" spans="1:3" x14ac:dyDescent="0.25">
      <c r="A29068" s="2" t="s">
        <v>17481</v>
      </c>
      <c r="B29068" s="6">
        <v>483915.6</v>
      </c>
      <c r="C29068" s="7">
        <f t="shared" si="454"/>
        <v>483.91559999999998</v>
      </c>
    </row>
    <row r="29069" spans="1:3" x14ac:dyDescent="0.25">
      <c r="A29069" s="2" t="s">
        <v>17482</v>
      </c>
      <c r="B29069" s="6">
        <v>483932.24999999994</v>
      </c>
      <c r="C29069" s="7">
        <f t="shared" si="454"/>
        <v>483.93224999999995</v>
      </c>
    </row>
    <row r="29070" spans="1:3" x14ac:dyDescent="0.25">
      <c r="A29070" s="2" t="s">
        <v>17483</v>
      </c>
      <c r="B29070" s="6">
        <v>483948.89999999997</v>
      </c>
      <c r="C29070" s="7">
        <f t="shared" si="454"/>
        <v>483.94889999999998</v>
      </c>
    </row>
    <row r="29071" spans="1:3" x14ac:dyDescent="0.25">
      <c r="A29071" s="2" t="s">
        <v>17484</v>
      </c>
      <c r="B29071" s="6">
        <v>483965.54999999993</v>
      </c>
      <c r="C29071" s="7">
        <f t="shared" si="454"/>
        <v>483.96554999999995</v>
      </c>
    </row>
    <row r="29072" spans="1:3" x14ac:dyDescent="0.25">
      <c r="A29072" s="2" t="s">
        <v>17485</v>
      </c>
      <c r="B29072" s="6">
        <v>483982.19999999995</v>
      </c>
      <c r="C29072" s="7">
        <f t="shared" si="454"/>
        <v>483.98219999999998</v>
      </c>
    </row>
    <row r="29073" spans="1:3" x14ac:dyDescent="0.25">
      <c r="A29073" s="2" t="s">
        <v>17486</v>
      </c>
      <c r="B29073" s="6">
        <v>483998.85</v>
      </c>
      <c r="C29073" s="7">
        <f t="shared" si="454"/>
        <v>483.99885</v>
      </c>
    </row>
    <row r="29074" spans="1:3" x14ac:dyDescent="0.25">
      <c r="A29074" s="2" t="s">
        <v>17487</v>
      </c>
      <c r="B29074" s="6">
        <v>484015.49999999994</v>
      </c>
      <c r="C29074" s="7">
        <f t="shared" si="454"/>
        <v>484.01549999999992</v>
      </c>
    </row>
    <row r="29075" spans="1:3" x14ac:dyDescent="0.25">
      <c r="A29075" s="2" t="s">
        <v>17488</v>
      </c>
      <c r="B29075" s="6">
        <v>484032.14999999997</v>
      </c>
      <c r="C29075" s="7">
        <f t="shared" si="454"/>
        <v>484.03214999999994</v>
      </c>
    </row>
    <row r="29076" spans="1:3" x14ac:dyDescent="0.25">
      <c r="A29076" s="2" t="s">
        <v>17489</v>
      </c>
      <c r="B29076" s="6">
        <v>484048.79999999993</v>
      </c>
      <c r="C29076" s="7">
        <f t="shared" si="454"/>
        <v>484.04879999999991</v>
      </c>
    </row>
    <row r="29077" spans="1:3" x14ac:dyDescent="0.25">
      <c r="A29077" s="2" t="s">
        <v>17490</v>
      </c>
      <c r="B29077" s="6">
        <v>484065.44999999995</v>
      </c>
      <c r="C29077" s="7">
        <f t="shared" si="454"/>
        <v>484.06544999999994</v>
      </c>
    </row>
    <row r="29078" spans="1:3" x14ac:dyDescent="0.25">
      <c r="A29078" s="2" t="s">
        <v>17491</v>
      </c>
      <c r="B29078" s="6">
        <v>484082.1</v>
      </c>
      <c r="C29078" s="7">
        <f t="shared" si="454"/>
        <v>484.08209999999997</v>
      </c>
    </row>
    <row r="29079" spans="1:3" x14ac:dyDescent="0.25">
      <c r="A29079" s="2" t="s">
        <v>17492</v>
      </c>
      <c r="B29079" s="6">
        <v>484098.74999999994</v>
      </c>
      <c r="C29079" s="7">
        <f t="shared" si="454"/>
        <v>484.09874999999994</v>
      </c>
    </row>
    <row r="29080" spans="1:3" x14ac:dyDescent="0.25">
      <c r="A29080" s="2" t="s">
        <v>17493</v>
      </c>
      <c r="B29080" s="6">
        <v>484115.39999999997</v>
      </c>
      <c r="C29080" s="7">
        <f t="shared" si="454"/>
        <v>484.11539999999997</v>
      </c>
    </row>
    <row r="29081" spans="1:3" x14ac:dyDescent="0.25">
      <c r="A29081" s="2" t="s">
        <v>17494</v>
      </c>
      <c r="B29081" s="6">
        <v>484132.04999999993</v>
      </c>
      <c r="C29081" s="7">
        <f t="shared" si="454"/>
        <v>484.13204999999994</v>
      </c>
    </row>
    <row r="29082" spans="1:3" x14ac:dyDescent="0.25">
      <c r="A29082" s="2" t="s">
        <v>17495</v>
      </c>
      <c r="B29082" s="6">
        <v>484148.69999999995</v>
      </c>
      <c r="C29082" s="7">
        <f t="shared" si="454"/>
        <v>484.14869999999996</v>
      </c>
    </row>
    <row r="29083" spans="1:3" x14ac:dyDescent="0.25">
      <c r="A29083" s="2" t="s">
        <v>17496</v>
      </c>
      <c r="B29083" s="6">
        <v>484165.35</v>
      </c>
      <c r="C29083" s="7">
        <f t="shared" si="454"/>
        <v>484.16534999999999</v>
      </c>
    </row>
    <row r="29084" spans="1:3" x14ac:dyDescent="0.25">
      <c r="A29084" s="2" t="s">
        <v>17497</v>
      </c>
      <c r="B29084" s="6">
        <v>484181.99999999994</v>
      </c>
      <c r="C29084" s="7">
        <f t="shared" si="454"/>
        <v>484.18199999999996</v>
      </c>
    </row>
    <row r="29085" spans="1:3" x14ac:dyDescent="0.25">
      <c r="A29085" s="2" t="s">
        <v>17498</v>
      </c>
      <c r="B29085" s="6">
        <v>484198.64999999997</v>
      </c>
      <c r="C29085" s="7">
        <f t="shared" si="454"/>
        <v>484.19864999999999</v>
      </c>
    </row>
    <row r="29086" spans="1:3" x14ac:dyDescent="0.25">
      <c r="A29086" s="2" t="s">
        <v>17499</v>
      </c>
      <c r="B29086" s="6">
        <v>484215.29999999993</v>
      </c>
      <c r="C29086" s="7">
        <f t="shared" si="454"/>
        <v>484.21529999999996</v>
      </c>
    </row>
    <row r="29087" spans="1:3" x14ac:dyDescent="0.25">
      <c r="A29087" s="2" t="s">
        <v>17500</v>
      </c>
      <c r="B29087" s="6">
        <v>484231.94999999995</v>
      </c>
      <c r="C29087" s="7">
        <f t="shared" si="454"/>
        <v>484.23194999999993</v>
      </c>
    </row>
    <row r="29088" spans="1:3" x14ac:dyDescent="0.25">
      <c r="A29088" s="2" t="s">
        <v>17501</v>
      </c>
      <c r="B29088" s="6">
        <v>484248.6</v>
      </c>
      <c r="C29088" s="7">
        <f t="shared" si="454"/>
        <v>484.24859999999995</v>
      </c>
    </row>
    <row r="29089" spans="1:3" x14ac:dyDescent="0.25">
      <c r="A29089" s="2" t="s">
        <v>17502</v>
      </c>
      <c r="B29089" s="6">
        <v>484265.24999999994</v>
      </c>
      <c r="C29089" s="7">
        <f t="shared" si="454"/>
        <v>484.26524999999992</v>
      </c>
    </row>
    <row r="29090" spans="1:3" x14ac:dyDescent="0.25">
      <c r="A29090" s="2" t="s">
        <v>17503</v>
      </c>
      <c r="B29090" s="6">
        <v>484281.89999999997</v>
      </c>
      <c r="C29090" s="7">
        <f t="shared" si="454"/>
        <v>484.28189999999995</v>
      </c>
    </row>
    <row r="29091" spans="1:3" x14ac:dyDescent="0.25">
      <c r="A29091" s="2" t="s">
        <v>17504</v>
      </c>
      <c r="B29091" s="6">
        <v>484298.54999999993</v>
      </c>
      <c r="C29091" s="7">
        <f t="shared" si="454"/>
        <v>484.29854999999992</v>
      </c>
    </row>
    <row r="29092" spans="1:3" x14ac:dyDescent="0.25">
      <c r="A29092" s="2" t="s">
        <v>17505</v>
      </c>
      <c r="B29092" s="6">
        <v>484315.19999999995</v>
      </c>
      <c r="C29092" s="7">
        <f t="shared" si="454"/>
        <v>484.31519999999995</v>
      </c>
    </row>
    <row r="29093" spans="1:3" x14ac:dyDescent="0.25">
      <c r="A29093" s="2" t="s">
        <v>17506</v>
      </c>
      <c r="B29093" s="6">
        <v>484331.85</v>
      </c>
      <c r="C29093" s="7">
        <f t="shared" si="454"/>
        <v>484.33184999999997</v>
      </c>
    </row>
    <row r="29094" spans="1:3" x14ac:dyDescent="0.25">
      <c r="A29094" s="2" t="s">
        <v>17507</v>
      </c>
      <c r="B29094" s="6">
        <v>484348.49999999994</v>
      </c>
      <c r="C29094" s="7">
        <f t="shared" si="454"/>
        <v>484.34849999999994</v>
      </c>
    </row>
    <row r="29095" spans="1:3" x14ac:dyDescent="0.25">
      <c r="A29095" s="2" t="s">
        <v>17508</v>
      </c>
      <c r="B29095" s="6">
        <v>484365.14999999997</v>
      </c>
      <c r="C29095" s="7">
        <f t="shared" si="454"/>
        <v>484.36514999999997</v>
      </c>
    </row>
    <row r="29096" spans="1:3" x14ac:dyDescent="0.25">
      <c r="A29096" s="2" t="s">
        <v>17509</v>
      </c>
      <c r="B29096" s="6">
        <v>484381.79999999993</v>
      </c>
      <c r="C29096" s="7">
        <f t="shared" si="454"/>
        <v>484.38179999999994</v>
      </c>
    </row>
    <row r="29097" spans="1:3" x14ac:dyDescent="0.25">
      <c r="A29097" s="2" t="s">
        <v>17510</v>
      </c>
      <c r="B29097" s="6">
        <v>484398.44999999995</v>
      </c>
      <c r="C29097" s="7">
        <f t="shared" si="454"/>
        <v>484.39844999999997</v>
      </c>
    </row>
    <row r="29098" spans="1:3" x14ac:dyDescent="0.25">
      <c r="A29098" s="2" t="s">
        <v>17511</v>
      </c>
      <c r="B29098" s="6">
        <v>484415.1</v>
      </c>
      <c r="C29098" s="7">
        <f t="shared" si="454"/>
        <v>484.4151</v>
      </c>
    </row>
    <row r="29099" spans="1:3" x14ac:dyDescent="0.25">
      <c r="A29099" s="2" t="s">
        <v>17512</v>
      </c>
      <c r="B29099" s="6">
        <v>484431.74999999994</v>
      </c>
      <c r="C29099" s="7">
        <f t="shared" si="454"/>
        <v>484.43174999999997</v>
      </c>
    </row>
    <row r="29100" spans="1:3" x14ac:dyDescent="0.25">
      <c r="A29100" s="2" t="s">
        <v>17513</v>
      </c>
      <c r="B29100" s="6">
        <v>484448.39999999997</v>
      </c>
      <c r="C29100" s="7">
        <f t="shared" si="454"/>
        <v>484.44839999999999</v>
      </c>
    </row>
    <row r="29101" spans="1:3" x14ac:dyDescent="0.25">
      <c r="A29101" s="2" t="s">
        <v>17514</v>
      </c>
      <c r="B29101" s="6">
        <v>484465.04999999993</v>
      </c>
      <c r="C29101" s="7">
        <f t="shared" si="454"/>
        <v>484.46504999999991</v>
      </c>
    </row>
    <row r="29102" spans="1:3" x14ac:dyDescent="0.25">
      <c r="A29102" s="2" t="s">
        <v>17515</v>
      </c>
      <c r="B29102" s="6">
        <v>484481.69999999995</v>
      </c>
      <c r="C29102" s="7">
        <f t="shared" si="454"/>
        <v>484.48169999999993</v>
      </c>
    </row>
    <row r="29103" spans="1:3" x14ac:dyDescent="0.25">
      <c r="A29103" s="2" t="s">
        <v>17516</v>
      </c>
      <c r="B29103" s="6">
        <v>484498.35</v>
      </c>
      <c r="C29103" s="7">
        <f t="shared" si="454"/>
        <v>484.49834999999996</v>
      </c>
    </row>
    <row r="29104" spans="1:3" x14ac:dyDescent="0.25">
      <c r="A29104" s="2" t="s">
        <v>17517</v>
      </c>
      <c r="B29104" s="6">
        <v>484514.99999999994</v>
      </c>
      <c r="C29104" s="7">
        <f t="shared" si="454"/>
        <v>484.51499999999993</v>
      </c>
    </row>
    <row r="29105" spans="1:3" x14ac:dyDescent="0.25">
      <c r="A29105" s="2" t="s">
        <v>17518</v>
      </c>
      <c r="B29105" s="6">
        <v>484531.64999999997</v>
      </c>
      <c r="C29105" s="7">
        <f t="shared" si="454"/>
        <v>484.53164999999996</v>
      </c>
    </row>
    <row r="29106" spans="1:3" x14ac:dyDescent="0.25">
      <c r="A29106" s="2" t="s">
        <v>17519</v>
      </c>
      <c r="B29106" s="6">
        <v>484548.29999999993</v>
      </c>
      <c r="C29106" s="7">
        <f t="shared" si="454"/>
        <v>484.54829999999993</v>
      </c>
    </row>
    <row r="29107" spans="1:3" x14ac:dyDescent="0.25">
      <c r="A29107" s="2" t="s">
        <v>17520</v>
      </c>
      <c r="B29107" s="6">
        <v>484564.94999999995</v>
      </c>
      <c r="C29107" s="7">
        <f t="shared" si="454"/>
        <v>484.56494999999995</v>
      </c>
    </row>
    <row r="29108" spans="1:3" x14ac:dyDescent="0.25">
      <c r="A29108" s="2" t="s">
        <v>17521</v>
      </c>
      <c r="B29108" s="6">
        <v>484581.6</v>
      </c>
      <c r="C29108" s="7">
        <f t="shared" si="454"/>
        <v>484.58159999999998</v>
      </c>
    </row>
    <row r="29109" spans="1:3" x14ac:dyDescent="0.25">
      <c r="A29109" s="2" t="s">
        <v>17522</v>
      </c>
      <c r="B29109" s="6">
        <v>484598.24999999994</v>
      </c>
      <c r="C29109" s="7">
        <f t="shared" si="454"/>
        <v>484.59824999999995</v>
      </c>
    </row>
    <row r="29110" spans="1:3" x14ac:dyDescent="0.25">
      <c r="A29110" s="2" t="s">
        <v>17523</v>
      </c>
      <c r="B29110" s="6">
        <v>484614.89999999997</v>
      </c>
      <c r="C29110" s="7">
        <f t="shared" si="454"/>
        <v>484.61489999999998</v>
      </c>
    </row>
    <row r="29111" spans="1:3" x14ac:dyDescent="0.25">
      <c r="A29111" s="2" t="s">
        <v>17524</v>
      </c>
      <c r="B29111" s="6">
        <v>484631.54999999993</v>
      </c>
      <c r="C29111" s="7">
        <f t="shared" si="454"/>
        <v>484.63154999999995</v>
      </c>
    </row>
    <row r="29112" spans="1:3" x14ac:dyDescent="0.25">
      <c r="A29112" s="2" t="s">
        <v>17525</v>
      </c>
      <c r="B29112" s="6">
        <v>484648.19999999995</v>
      </c>
      <c r="C29112" s="7">
        <f t="shared" si="454"/>
        <v>484.64819999999997</v>
      </c>
    </row>
    <row r="29113" spans="1:3" x14ac:dyDescent="0.25">
      <c r="A29113" s="2" t="s">
        <v>17526</v>
      </c>
      <c r="B29113" s="6">
        <v>484664.85</v>
      </c>
      <c r="C29113" s="7">
        <f t="shared" si="454"/>
        <v>484.66485</v>
      </c>
    </row>
    <row r="29114" spans="1:3" x14ac:dyDescent="0.25">
      <c r="A29114" s="2" t="s">
        <v>17527</v>
      </c>
      <c r="B29114" s="6">
        <v>484681.49999999994</v>
      </c>
      <c r="C29114" s="7">
        <f t="shared" si="454"/>
        <v>484.68149999999991</v>
      </c>
    </row>
    <row r="29115" spans="1:3" x14ac:dyDescent="0.25">
      <c r="A29115" s="2" t="s">
        <v>17528</v>
      </c>
      <c r="B29115" s="6">
        <v>484698.14999999997</v>
      </c>
      <c r="C29115" s="7">
        <f t="shared" si="454"/>
        <v>484.69814999999994</v>
      </c>
    </row>
    <row r="29116" spans="1:3" x14ac:dyDescent="0.25">
      <c r="A29116" s="2" t="s">
        <v>17529</v>
      </c>
      <c r="B29116" s="6">
        <v>484714.79999999993</v>
      </c>
      <c r="C29116" s="7">
        <f t="shared" si="454"/>
        <v>484.71479999999991</v>
      </c>
    </row>
    <row r="29117" spans="1:3" x14ac:dyDescent="0.25">
      <c r="A29117" s="2" t="s">
        <v>17530</v>
      </c>
      <c r="B29117" s="6">
        <v>484731.44999999995</v>
      </c>
      <c r="C29117" s="7">
        <f t="shared" si="454"/>
        <v>484.73144999999994</v>
      </c>
    </row>
    <row r="29118" spans="1:3" x14ac:dyDescent="0.25">
      <c r="A29118" s="2" t="s">
        <v>17531</v>
      </c>
      <c r="B29118" s="6">
        <v>484748.1</v>
      </c>
      <c r="C29118" s="7">
        <f t="shared" si="454"/>
        <v>484.74809999999997</v>
      </c>
    </row>
    <row r="29119" spans="1:3" x14ac:dyDescent="0.25">
      <c r="A29119" s="2" t="s">
        <v>17532</v>
      </c>
      <c r="B29119" s="6">
        <v>484764.74999999994</v>
      </c>
      <c r="C29119" s="7">
        <f t="shared" si="454"/>
        <v>484.76474999999994</v>
      </c>
    </row>
    <row r="29120" spans="1:3" x14ac:dyDescent="0.25">
      <c r="A29120" s="2" t="s">
        <v>17533</v>
      </c>
      <c r="B29120" s="6">
        <v>484781.39999999997</v>
      </c>
      <c r="C29120" s="7">
        <f t="shared" si="454"/>
        <v>484.78139999999996</v>
      </c>
    </row>
    <row r="29121" spans="1:3" x14ac:dyDescent="0.25">
      <c r="A29121" s="2" t="s">
        <v>17534</v>
      </c>
      <c r="B29121" s="6">
        <v>484798.04999999993</v>
      </c>
      <c r="C29121" s="7">
        <f t="shared" si="454"/>
        <v>484.79804999999993</v>
      </c>
    </row>
    <row r="29122" spans="1:3" x14ac:dyDescent="0.25">
      <c r="A29122" s="2" t="s">
        <v>17535</v>
      </c>
      <c r="B29122" s="6">
        <v>484814.69999999995</v>
      </c>
      <c r="C29122" s="7">
        <f t="shared" si="454"/>
        <v>484.81469999999996</v>
      </c>
    </row>
    <row r="29123" spans="1:3" x14ac:dyDescent="0.25">
      <c r="A29123" s="2" t="s">
        <v>17536</v>
      </c>
      <c r="B29123" s="6">
        <v>484831.35</v>
      </c>
      <c r="C29123" s="7">
        <f t="shared" ref="C29123:C29186" si="455">B29123/1000</f>
        <v>484.83134999999999</v>
      </c>
    </row>
    <row r="29124" spans="1:3" x14ac:dyDescent="0.25">
      <c r="A29124" s="2" t="s">
        <v>17537</v>
      </c>
      <c r="B29124" s="6">
        <v>484847.99999999994</v>
      </c>
      <c r="C29124" s="7">
        <f t="shared" si="455"/>
        <v>484.84799999999996</v>
      </c>
    </row>
    <row r="29125" spans="1:3" x14ac:dyDescent="0.25">
      <c r="A29125" s="2" t="s">
        <v>17538</v>
      </c>
      <c r="B29125" s="6">
        <v>484864.64999999997</v>
      </c>
      <c r="C29125" s="7">
        <f t="shared" si="455"/>
        <v>484.86464999999998</v>
      </c>
    </row>
    <row r="29126" spans="1:3" x14ac:dyDescent="0.25">
      <c r="A29126" s="2" t="s">
        <v>17539</v>
      </c>
      <c r="B29126" s="6">
        <v>484881.29999999993</v>
      </c>
      <c r="C29126" s="7">
        <f t="shared" si="455"/>
        <v>484.88129999999995</v>
      </c>
    </row>
    <row r="29127" spans="1:3" x14ac:dyDescent="0.25">
      <c r="A29127" s="2" t="s">
        <v>17540</v>
      </c>
      <c r="B29127" s="6">
        <v>484897.94999999995</v>
      </c>
      <c r="C29127" s="7">
        <f t="shared" si="455"/>
        <v>484.89794999999998</v>
      </c>
    </row>
    <row r="29128" spans="1:3" x14ac:dyDescent="0.25">
      <c r="A29128" s="2" t="s">
        <v>17541</v>
      </c>
      <c r="B29128" s="6">
        <v>484914.6</v>
      </c>
      <c r="C29128" s="7">
        <f t="shared" si="455"/>
        <v>484.91459999999995</v>
      </c>
    </row>
    <row r="29129" spans="1:3" x14ac:dyDescent="0.25">
      <c r="A29129" s="2" t="s">
        <v>17542</v>
      </c>
      <c r="B29129" s="6">
        <v>484931.24999999994</v>
      </c>
      <c r="C29129" s="7">
        <f t="shared" si="455"/>
        <v>484.93124999999992</v>
      </c>
    </row>
    <row r="29130" spans="1:3" x14ac:dyDescent="0.25">
      <c r="A29130" s="2" t="s">
        <v>17543</v>
      </c>
      <c r="B29130" s="6">
        <v>484947.89999999997</v>
      </c>
      <c r="C29130" s="7">
        <f t="shared" si="455"/>
        <v>484.94789999999995</v>
      </c>
    </row>
    <row r="29131" spans="1:3" x14ac:dyDescent="0.25">
      <c r="A29131" s="2" t="s">
        <v>17544</v>
      </c>
      <c r="B29131" s="6">
        <v>484964.54999999993</v>
      </c>
      <c r="C29131" s="7">
        <f t="shared" si="455"/>
        <v>484.96454999999992</v>
      </c>
    </row>
    <row r="29132" spans="1:3" x14ac:dyDescent="0.25">
      <c r="A29132" s="2" t="s">
        <v>17545</v>
      </c>
      <c r="B29132" s="6">
        <v>484981.19999999995</v>
      </c>
      <c r="C29132" s="7">
        <f t="shared" si="455"/>
        <v>484.98119999999994</v>
      </c>
    </row>
    <row r="29133" spans="1:3" x14ac:dyDescent="0.25">
      <c r="A29133" s="2" t="s">
        <v>17546</v>
      </c>
      <c r="B29133" s="6">
        <v>484997.85</v>
      </c>
      <c r="C29133" s="7">
        <f t="shared" si="455"/>
        <v>484.99784999999997</v>
      </c>
    </row>
    <row r="29134" spans="1:3" x14ac:dyDescent="0.25">
      <c r="A29134" s="2" t="s">
        <v>17547</v>
      </c>
      <c r="B29134" s="6">
        <v>485014.49999999994</v>
      </c>
      <c r="C29134" s="7">
        <f t="shared" si="455"/>
        <v>485.01449999999994</v>
      </c>
    </row>
    <row r="29135" spans="1:3" x14ac:dyDescent="0.25">
      <c r="A29135" s="2" t="s">
        <v>17548</v>
      </c>
      <c r="B29135" s="6">
        <v>485031.14999999997</v>
      </c>
      <c r="C29135" s="7">
        <f t="shared" si="455"/>
        <v>485.03114999999997</v>
      </c>
    </row>
    <row r="29136" spans="1:3" x14ac:dyDescent="0.25">
      <c r="A29136" s="2" t="s">
        <v>17549</v>
      </c>
      <c r="B29136" s="6">
        <v>485047.79999999993</v>
      </c>
      <c r="C29136" s="7">
        <f t="shared" si="455"/>
        <v>485.04779999999994</v>
      </c>
    </row>
    <row r="29137" spans="1:3" x14ac:dyDescent="0.25">
      <c r="A29137" s="2" t="s">
        <v>17550</v>
      </c>
      <c r="B29137" s="6">
        <v>485064.44999999995</v>
      </c>
      <c r="C29137" s="7">
        <f t="shared" si="455"/>
        <v>485.06444999999997</v>
      </c>
    </row>
    <row r="29138" spans="1:3" x14ac:dyDescent="0.25">
      <c r="A29138" s="2" t="s">
        <v>17551</v>
      </c>
      <c r="B29138" s="6">
        <v>485081.1</v>
      </c>
      <c r="C29138" s="7">
        <f t="shared" si="455"/>
        <v>485.08109999999999</v>
      </c>
    </row>
    <row r="29139" spans="1:3" x14ac:dyDescent="0.25">
      <c r="A29139" s="2" t="s">
        <v>17552</v>
      </c>
      <c r="B29139" s="6">
        <v>485097.74999999994</v>
      </c>
      <c r="C29139" s="7">
        <f t="shared" si="455"/>
        <v>485.09774999999996</v>
      </c>
    </row>
    <row r="29140" spans="1:3" x14ac:dyDescent="0.25">
      <c r="A29140" s="2" t="s">
        <v>17553</v>
      </c>
      <c r="B29140" s="6">
        <v>485114.39999999997</v>
      </c>
      <c r="C29140" s="7">
        <f t="shared" si="455"/>
        <v>485.11439999999999</v>
      </c>
    </row>
    <row r="29141" spans="1:3" x14ac:dyDescent="0.25">
      <c r="A29141" s="2" t="s">
        <v>17554</v>
      </c>
      <c r="B29141" s="6">
        <v>485131.04999999993</v>
      </c>
      <c r="C29141" s="7">
        <f t="shared" si="455"/>
        <v>485.1310499999999</v>
      </c>
    </row>
    <row r="29142" spans="1:3" x14ac:dyDescent="0.25">
      <c r="A29142" s="2" t="s">
        <v>17555</v>
      </c>
      <c r="B29142" s="6">
        <v>485147.69999999995</v>
      </c>
      <c r="C29142" s="7">
        <f t="shared" si="455"/>
        <v>485.14769999999993</v>
      </c>
    </row>
    <row r="29143" spans="1:3" x14ac:dyDescent="0.25">
      <c r="A29143" s="2" t="s">
        <v>17556</v>
      </c>
      <c r="B29143" s="6">
        <v>485164.35</v>
      </c>
      <c r="C29143" s="7">
        <f t="shared" si="455"/>
        <v>485.16434999999996</v>
      </c>
    </row>
    <row r="29144" spans="1:3" x14ac:dyDescent="0.25">
      <c r="A29144" s="2" t="s">
        <v>17557</v>
      </c>
      <c r="B29144" s="6">
        <v>485180.99999999994</v>
      </c>
      <c r="C29144" s="7">
        <f t="shared" si="455"/>
        <v>485.18099999999993</v>
      </c>
    </row>
    <row r="29145" spans="1:3" x14ac:dyDescent="0.25">
      <c r="A29145" s="2" t="s">
        <v>17558</v>
      </c>
      <c r="B29145" s="6">
        <v>485197.64999999997</v>
      </c>
      <c r="C29145" s="7">
        <f t="shared" si="455"/>
        <v>485.19764999999995</v>
      </c>
    </row>
    <row r="29146" spans="1:3" x14ac:dyDescent="0.25">
      <c r="A29146" s="2" t="s">
        <v>17559</v>
      </c>
      <c r="B29146" s="6">
        <v>485214.29999999993</v>
      </c>
      <c r="C29146" s="7">
        <f t="shared" si="455"/>
        <v>485.21429999999992</v>
      </c>
    </row>
    <row r="29147" spans="1:3" x14ac:dyDescent="0.25">
      <c r="A29147" s="2" t="s">
        <v>17560</v>
      </c>
      <c r="B29147" s="6">
        <v>485230.94999999995</v>
      </c>
      <c r="C29147" s="7">
        <f t="shared" si="455"/>
        <v>485.23094999999995</v>
      </c>
    </row>
    <row r="29148" spans="1:3" x14ac:dyDescent="0.25">
      <c r="A29148" s="2" t="s">
        <v>17561</v>
      </c>
      <c r="B29148" s="6">
        <v>485247.6</v>
      </c>
      <c r="C29148" s="7">
        <f t="shared" si="455"/>
        <v>485.24759999999998</v>
      </c>
    </row>
    <row r="29149" spans="1:3" x14ac:dyDescent="0.25">
      <c r="A29149" s="2" t="s">
        <v>17562</v>
      </c>
      <c r="B29149" s="6">
        <v>485264.24999999994</v>
      </c>
      <c r="C29149" s="7">
        <f t="shared" si="455"/>
        <v>485.26424999999995</v>
      </c>
    </row>
    <row r="29150" spans="1:3" x14ac:dyDescent="0.25">
      <c r="A29150" s="2" t="s">
        <v>17563</v>
      </c>
      <c r="B29150" s="6">
        <v>485280.89999999997</v>
      </c>
      <c r="C29150" s="7">
        <f t="shared" si="455"/>
        <v>485.28089999999997</v>
      </c>
    </row>
    <row r="29151" spans="1:3" x14ac:dyDescent="0.25">
      <c r="A29151" s="2" t="s">
        <v>17564</v>
      </c>
      <c r="B29151" s="6">
        <v>485297.54999999993</v>
      </c>
      <c r="C29151" s="7">
        <f t="shared" si="455"/>
        <v>485.29754999999994</v>
      </c>
    </row>
    <row r="29152" spans="1:3" x14ac:dyDescent="0.25">
      <c r="A29152" s="2" t="s">
        <v>17565</v>
      </c>
      <c r="B29152" s="6">
        <v>485314.19999999995</v>
      </c>
      <c r="C29152" s="7">
        <f t="shared" si="455"/>
        <v>485.31419999999997</v>
      </c>
    </row>
    <row r="29153" spans="1:3" x14ac:dyDescent="0.25">
      <c r="A29153" s="2" t="s">
        <v>17566</v>
      </c>
      <c r="B29153" s="6">
        <v>485330.85</v>
      </c>
      <c r="C29153" s="7">
        <f t="shared" si="455"/>
        <v>485.33085</v>
      </c>
    </row>
    <row r="29154" spans="1:3" x14ac:dyDescent="0.25">
      <c r="A29154" s="2" t="s">
        <v>17567</v>
      </c>
      <c r="B29154" s="6">
        <v>485347.49999999994</v>
      </c>
      <c r="C29154" s="7">
        <f t="shared" si="455"/>
        <v>485.34749999999997</v>
      </c>
    </row>
    <row r="29155" spans="1:3" x14ac:dyDescent="0.25">
      <c r="A29155" s="2" t="s">
        <v>17568</v>
      </c>
      <c r="B29155" s="6">
        <v>485364.14999999997</v>
      </c>
      <c r="C29155" s="7">
        <f t="shared" si="455"/>
        <v>485.36414999999994</v>
      </c>
    </row>
    <row r="29156" spans="1:3" x14ac:dyDescent="0.25">
      <c r="A29156" s="2" t="s">
        <v>17569</v>
      </c>
      <c r="B29156" s="6">
        <v>485380.79999999993</v>
      </c>
      <c r="C29156" s="7">
        <f t="shared" si="455"/>
        <v>485.38079999999991</v>
      </c>
    </row>
    <row r="29157" spans="1:3" x14ac:dyDescent="0.25">
      <c r="A29157" s="2" t="s">
        <v>17570</v>
      </c>
      <c r="B29157" s="6">
        <v>485397.44999999995</v>
      </c>
      <c r="C29157" s="7">
        <f t="shared" si="455"/>
        <v>485.39744999999994</v>
      </c>
    </row>
    <row r="29158" spans="1:3" x14ac:dyDescent="0.25">
      <c r="A29158" s="2" t="s">
        <v>17571</v>
      </c>
      <c r="B29158" s="6">
        <v>485414.1</v>
      </c>
      <c r="C29158" s="7">
        <f t="shared" si="455"/>
        <v>485.41409999999996</v>
      </c>
    </row>
    <row r="29159" spans="1:3" x14ac:dyDescent="0.25">
      <c r="A29159" s="2" t="s">
        <v>17572</v>
      </c>
      <c r="B29159" s="6">
        <v>485430.74999999994</v>
      </c>
      <c r="C29159" s="7">
        <f t="shared" si="455"/>
        <v>485.43074999999993</v>
      </c>
    </row>
    <row r="29160" spans="1:3" x14ac:dyDescent="0.25">
      <c r="A29160" s="2" t="s">
        <v>17573</v>
      </c>
      <c r="B29160" s="6">
        <v>485447.39999999997</v>
      </c>
      <c r="C29160" s="7">
        <f t="shared" si="455"/>
        <v>485.44739999999996</v>
      </c>
    </row>
    <row r="29161" spans="1:3" x14ac:dyDescent="0.25">
      <c r="A29161" s="2" t="s">
        <v>17574</v>
      </c>
      <c r="B29161" s="6">
        <v>485464.04999999993</v>
      </c>
      <c r="C29161" s="7">
        <f t="shared" si="455"/>
        <v>485.46404999999993</v>
      </c>
    </row>
    <row r="29162" spans="1:3" x14ac:dyDescent="0.25">
      <c r="A29162" s="2" t="s">
        <v>17575</v>
      </c>
      <c r="B29162" s="6">
        <v>485480.69999999995</v>
      </c>
      <c r="C29162" s="7">
        <f t="shared" si="455"/>
        <v>485.48069999999996</v>
      </c>
    </row>
    <row r="29163" spans="1:3" x14ac:dyDescent="0.25">
      <c r="A29163" s="2" t="s">
        <v>17576</v>
      </c>
      <c r="B29163" s="6">
        <v>485497.35</v>
      </c>
      <c r="C29163" s="7">
        <f t="shared" si="455"/>
        <v>485.49734999999998</v>
      </c>
    </row>
    <row r="29164" spans="1:3" x14ac:dyDescent="0.25">
      <c r="A29164" s="2" t="s">
        <v>17577</v>
      </c>
      <c r="B29164" s="6">
        <v>485513.99999999994</v>
      </c>
      <c r="C29164" s="7">
        <f t="shared" si="455"/>
        <v>485.51399999999995</v>
      </c>
    </row>
    <row r="29165" spans="1:3" x14ac:dyDescent="0.25">
      <c r="A29165" s="2" t="s">
        <v>17578</v>
      </c>
      <c r="B29165" s="6">
        <v>485530.64999999997</v>
      </c>
      <c r="C29165" s="7">
        <f t="shared" si="455"/>
        <v>485.53064999999998</v>
      </c>
    </row>
    <row r="29166" spans="1:3" x14ac:dyDescent="0.25">
      <c r="A29166" s="2" t="s">
        <v>17579</v>
      </c>
      <c r="B29166" s="6">
        <v>485547.29999999993</v>
      </c>
      <c r="C29166" s="7">
        <f t="shared" si="455"/>
        <v>485.54729999999995</v>
      </c>
    </row>
    <row r="29167" spans="1:3" x14ac:dyDescent="0.25">
      <c r="A29167" s="2" t="s">
        <v>17580</v>
      </c>
      <c r="B29167" s="6">
        <v>485563.94999999995</v>
      </c>
      <c r="C29167" s="7">
        <f t="shared" si="455"/>
        <v>485.56394999999998</v>
      </c>
    </row>
    <row r="29168" spans="1:3" x14ac:dyDescent="0.25">
      <c r="A29168" s="2" t="s">
        <v>17581</v>
      </c>
      <c r="B29168" s="6">
        <v>485580.6</v>
      </c>
      <c r="C29168" s="7">
        <f t="shared" si="455"/>
        <v>485.5806</v>
      </c>
    </row>
    <row r="29169" spans="1:3" x14ac:dyDescent="0.25">
      <c r="A29169" s="2" t="s">
        <v>17582</v>
      </c>
      <c r="B29169" s="6">
        <v>485597.24999999994</v>
      </c>
      <c r="C29169" s="7">
        <f t="shared" si="455"/>
        <v>485.59724999999992</v>
      </c>
    </row>
    <row r="29170" spans="1:3" x14ac:dyDescent="0.25">
      <c r="A29170" s="2" t="s">
        <v>17583</v>
      </c>
      <c r="B29170" s="6">
        <v>485613.89999999997</v>
      </c>
      <c r="C29170" s="7">
        <f t="shared" si="455"/>
        <v>485.61389999999994</v>
      </c>
    </row>
    <row r="29171" spans="1:3" x14ac:dyDescent="0.25">
      <c r="A29171" s="2" t="s">
        <v>17584</v>
      </c>
      <c r="B29171" s="6">
        <v>485630.54999999993</v>
      </c>
      <c r="C29171" s="7">
        <f t="shared" si="455"/>
        <v>485.63054999999991</v>
      </c>
    </row>
    <row r="29172" spans="1:3" x14ac:dyDescent="0.25">
      <c r="A29172" s="2" t="s">
        <v>17585</v>
      </c>
      <c r="B29172" s="6">
        <v>485647.19999999995</v>
      </c>
      <c r="C29172" s="7">
        <f t="shared" si="455"/>
        <v>485.64719999999994</v>
      </c>
    </row>
    <row r="29173" spans="1:3" x14ac:dyDescent="0.25">
      <c r="A29173" s="2" t="s">
        <v>17586</v>
      </c>
      <c r="B29173" s="6">
        <v>485663.85</v>
      </c>
      <c r="C29173" s="7">
        <f t="shared" si="455"/>
        <v>485.66384999999997</v>
      </c>
    </row>
    <row r="29174" spans="1:3" x14ac:dyDescent="0.25">
      <c r="A29174" s="2" t="s">
        <v>17587</v>
      </c>
      <c r="B29174" s="6">
        <v>485680.49999999994</v>
      </c>
      <c r="C29174" s="7">
        <f t="shared" si="455"/>
        <v>485.68049999999994</v>
      </c>
    </row>
    <row r="29175" spans="1:3" x14ac:dyDescent="0.25">
      <c r="A29175" s="2" t="s">
        <v>17588</v>
      </c>
      <c r="B29175" s="6">
        <v>485697.14999999997</v>
      </c>
      <c r="C29175" s="7">
        <f t="shared" si="455"/>
        <v>485.69714999999997</v>
      </c>
    </row>
    <row r="29176" spans="1:3" x14ac:dyDescent="0.25">
      <c r="A29176" s="2" t="s">
        <v>17589</v>
      </c>
      <c r="B29176" s="6">
        <v>485713.79999999993</v>
      </c>
      <c r="C29176" s="7">
        <f t="shared" si="455"/>
        <v>485.71379999999994</v>
      </c>
    </row>
    <row r="29177" spans="1:3" x14ac:dyDescent="0.25">
      <c r="A29177" s="2" t="s">
        <v>17590</v>
      </c>
      <c r="B29177" s="6">
        <v>485730.44999999995</v>
      </c>
      <c r="C29177" s="7">
        <f t="shared" si="455"/>
        <v>485.73044999999996</v>
      </c>
    </row>
    <row r="29178" spans="1:3" x14ac:dyDescent="0.25">
      <c r="A29178" s="2" t="s">
        <v>17591</v>
      </c>
      <c r="B29178" s="6">
        <v>485747.1</v>
      </c>
      <c r="C29178" s="7">
        <f t="shared" si="455"/>
        <v>485.74709999999999</v>
      </c>
    </row>
    <row r="29179" spans="1:3" x14ac:dyDescent="0.25">
      <c r="A29179" s="2" t="s">
        <v>17592</v>
      </c>
      <c r="B29179" s="6">
        <v>485763.74999999994</v>
      </c>
      <c r="C29179" s="7">
        <f t="shared" si="455"/>
        <v>485.76374999999996</v>
      </c>
    </row>
    <row r="29180" spans="1:3" x14ac:dyDescent="0.25">
      <c r="A29180" s="2" t="s">
        <v>17593</v>
      </c>
      <c r="B29180" s="6">
        <v>485780.39999999997</v>
      </c>
      <c r="C29180" s="7">
        <f t="shared" si="455"/>
        <v>485.78039999999999</v>
      </c>
    </row>
    <row r="29181" spans="1:3" x14ac:dyDescent="0.25">
      <c r="A29181" s="2" t="s">
        <v>17594</v>
      </c>
      <c r="B29181" s="6">
        <v>485797.04999999993</v>
      </c>
      <c r="C29181" s="7">
        <f t="shared" si="455"/>
        <v>485.79704999999996</v>
      </c>
    </row>
    <row r="29182" spans="1:3" x14ac:dyDescent="0.25">
      <c r="A29182" s="2" t="s">
        <v>17595</v>
      </c>
      <c r="B29182" s="6">
        <v>485813.69999999995</v>
      </c>
      <c r="C29182" s="7">
        <f t="shared" si="455"/>
        <v>485.81369999999993</v>
      </c>
    </row>
    <row r="29183" spans="1:3" x14ac:dyDescent="0.25">
      <c r="A29183" s="2" t="s">
        <v>17596</v>
      </c>
      <c r="B29183" s="6">
        <v>485830.35</v>
      </c>
      <c r="C29183" s="7">
        <f t="shared" si="455"/>
        <v>485.83034999999995</v>
      </c>
    </row>
    <row r="29184" spans="1:3" x14ac:dyDescent="0.25">
      <c r="A29184" s="2" t="s">
        <v>17597</v>
      </c>
      <c r="B29184" s="6">
        <v>485846.99999999994</v>
      </c>
      <c r="C29184" s="7">
        <f t="shared" si="455"/>
        <v>485.84699999999992</v>
      </c>
    </row>
    <row r="29185" spans="1:3" x14ac:dyDescent="0.25">
      <c r="A29185" s="2" t="s">
        <v>17598</v>
      </c>
      <c r="B29185" s="6">
        <v>485863.64999999997</v>
      </c>
      <c r="C29185" s="7">
        <f t="shared" si="455"/>
        <v>485.86364999999995</v>
      </c>
    </row>
    <row r="29186" spans="1:3" x14ac:dyDescent="0.25">
      <c r="A29186" s="2" t="s">
        <v>17599</v>
      </c>
      <c r="B29186" s="6">
        <v>485880.29999999993</v>
      </c>
      <c r="C29186" s="7">
        <f t="shared" si="455"/>
        <v>485.88029999999992</v>
      </c>
    </row>
    <row r="29187" spans="1:3" x14ac:dyDescent="0.25">
      <c r="A29187" s="2" t="s">
        <v>17600</v>
      </c>
      <c r="B29187" s="6">
        <v>485896.94999999995</v>
      </c>
      <c r="C29187" s="7">
        <f t="shared" ref="C29187:C29250" si="456">B29187/1000</f>
        <v>485.89694999999995</v>
      </c>
    </row>
    <row r="29188" spans="1:3" x14ac:dyDescent="0.25">
      <c r="A29188" s="2" t="s">
        <v>17601</v>
      </c>
      <c r="B29188" s="6">
        <v>485913.59999999998</v>
      </c>
      <c r="C29188" s="7">
        <f t="shared" si="456"/>
        <v>485.91359999999997</v>
      </c>
    </row>
    <row r="29189" spans="1:3" x14ac:dyDescent="0.25">
      <c r="A29189" s="2" t="s">
        <v>17602</v>
      </c>
      <c r="B29189" s="6">
        <v>485930.24999999994</v>
      </c>
      <c r="C29189" s="7">
        <f t="shared" si="456"/>
        <v>485.93024999999994</v>
      </c>
    </row>
    <row r="29190" spans="1:3" x14ac:dyDescent="0.25">
      <c r="A29190" s="2" t="s">
        <v>17603</v>
      </c>
      <c r="B29190" s="6">
        <v>485946.89999999997</v>
      </c>
      <c r="C29190" s="7">
        <f t="shared" si="456"/>
        <v>485.94689999999997</v>
      </c>
    </row>
    <row r="29191" spans="1:3" x14ac:dyDescent="0.25">
      <c r="A29191" s="2" t="s">
        <v>17604</v>
      </c>
      <c r="B29191" s="6">
        <v>485963.54999999993</v>
      </c>
      <c r="C29191" s="7">
        <f t="shared" si="456"/>
        <v>485.96354999999994</v>
      </c>
    </row>
    <row r="29192" spans="1:3" x14ac:dyDescent="0.25">
      <c r="A29192" s="2" t="s">
        <v>17605</v>
      </c>
      <c r="B29192" s="6">
        <v>485980.19999999995</v>
      </c>
      <c r="C29192" s="7">
        <f t="shared" si="456"/>
        <v>485.98019999999997</v>
      </c>
    </row>
    <row r="29193" spans="1:3" x14ac:dyDescent="0.25">
      <c r="A29193" s="2" t="s">
        <v>17606</v>
      </c>
      <c r="B29193" s="6">
        <v>485996.85</v>
      </c>
      <c r="C29193" s="7">
        <f t="shared" si="456"/>
        <v>485.99684999999999</v>
      </c>
    </row>
    <row r="29194" spans="1:3" x14ac:dyDescent="0.25">
      <c r="A29194" s="2" t="s">
        <v>17607</v>
      </c>
      <c r="B29194" s="6">
        <v>486013.49999999994</v>
      </c>
      <c r="C29194" s="7">
        <f t="shared" si="456"/>
        <v>486.01349999999996</v>
      </c>
    </row>
    <row r="29195" spans="1:3" x14ac:dyDescent="0.25">
      <c r="A29195" s="2" t="s">
        <v>17608</v>
      </c>
      <c r="B29195" s="6">
        <v>486030.14999999997</v>
      </c>
      <c r="C29195" s="7">
        <f t="shared" si="456"/>
        <v>486.03014999999999</v>
      </c>
    </row>
    <row r="29196" spans="1:3" x14ac:dyDescent="0.25">
      <c r="A29196" s="2" t="s">
        <v>17609</v>
      </c>
      <c r="B29196" s="6">
        <v>486046.79999999993</v>
      </c>
      <c r="C29196" s="7">
        <f t="shared" si="456"/>
        <v>486.04679999999991</v>
      </c>
    </row>
    <row r="29197" spans="1:3" x14ac:dyDescent="0.25">
      <c r="A29197" s="2" t="s">
        <v>17610</v>
      </c>
      <c r="B29197" s="6">
        <v>486063.44999999995</v>
      </c>
      <c r="C29197" s="7">
        <f t="shared" si="456"/>
        <v>486.06344999999993</v>
      </c>
    </row>
    <row r="29198" spans="1:3" x14ac:dyDescent="0.25">
      <c r="A29198" s="2" t="s">
        <v>17611</v>
      </c>
      <c r="B29198" s="6">
        <v>486080.1</v>
      </c>
      <c r="C29198" s="7">
        <f t="shared" si="456"/>
        <v>486.08009999999996</v>
      </c>
    </row>
    <row r="29199" spans="1:3" x14ac:dyDescent="0.25">
      <c r="A29199" s="2" t="s">
        <v>17612</v>
      </c>
      <c r="B29199" s="6">
        <v>486096.74999999994</v>
      </c>
      <c r="C29199" s="7">
        <f t="shared" si="456"/>
        <v>486.09674999999993</v>
      </c>
    </row>
    <row r="29200" spans="1:3" x14ac:dyDescent="0.25">
      <c r="A29200" s="2" t="s">
        <v>17613</v>
      </c>
      <c r="B29200" s="6">
        <v>486113.39999999997</v>
      </c>
      <c r="C29200" s="7">
        <f t="shared" si="456"/>
        <v>486.11339999999996</v>
      </c>
    </row>
    <row r="29201" spans="1:3" x14ac:dyDescent="0.25">
      <c r="A29201" s="2" t="s">
        <v>17614</v>
      </c>
      <c r="B29201" s="6">
        <v>486130.04999999993</v>
      </c>
      <c r="C29201" s="7">
        <f t="shared" si="456"/>
        <v>486.13004999999993</v>
      </c>
    </row>
    <row r="29202" spans="1:3" x14ac:dyDescent="0.25">
      <c r="A29202" s="2" t="s">
        <v>17615</v>
      </c>
      <c r="B29202" s="6">
        <v>486146.69999999995</v>
      </c>
      <c r="C29202" s="7">
        <f t="shared" si="456"/>
        <v>486.14669999999995</v>
      </c>
    </row>
    <row r="29203" spans="1:3" x14ac:dyDescent="0.25">
      <c r="A29203" s="2" t="s">
        <v>17616</v>
      </c>
      <c r="B29203" s="6">
        <v>486163.35</v>
      </c>
      <c r="C29203" s="7">
        <f t="shared" si="456"/>
        <v>486.16334999999998</v>
      </c>
    </row>
    <row r="29204" spans="1:3" x14ac:dyDescent="0.25">
      <c r="A29204" s="2" t="s">
        <v>17617</v>
      </c>
      <c r="B29204" s="6">
        <v>486179.99999999994</v>
      </c>
      <c r="C29204" s="7">
        <f t="shared" si="456"/>
        <v>486.17999999999995</v>
      </c>
    </row>
    <row r="29205" spans="1:3" x14ac:dyDescent="0.25">
      <c r="A29205" s="2" t="s">
        <v>17618</v>
      </c>
      <c r="B29205" s="6">
        <v>486196.64999999997</v>
      </c>
      <c r="C29205" s="7">
        <f t="shared" si="456"/>
        <v>486.19664999999998</v>
      </c>
    </row>
    <row r="29206" spans="1:3" x14ac:dyDescent="0.25">
      <c r="A29206" s="2" t="s">
        <v>17619</v>
      </c>
      <c r="B29206" s="6">
        <v>486213.29999999993</v>
      </c>
      <c r="C29206" s="7">
        <f t="shared" si="456"/>
        <v>486.21329999999995</v>
      </c>
    </row>
    <row r="29207" spans="1:3" x14ac:dyDescent="0.25">
      <c r="A29207" s="2" t="s">
        <v>17620</v>
      </c>
      <c r="B29207" s="6">
        <v>486229.94999999995</v>
      </c>
      <c r="C29207" s="7">
        <f t="shared" si="456"/>
        <v>486.22994999999997</v>
      </c>
    </row>
    <row r="29208" spans="1:3" x14ac:dyDescent="0.25">
      <c r="A29208" s="2" t="s">
        <v>17621</v>
      </c>
      <c r="B29208" s="6">
        <v>486246.6</v>
      </c>
      <c r="C29208" s="7">
        <f t="shared" si="456"/>
        <v>486.2466</v>
      </c>
    </row>
    <row r="29209" spans="1:3" x14ac:dyDescent="0.25">
      <c r="A29209" s="2" t="s">
        <v>17622</v>
      </c>
      <c r="B29209" s="6">
        <v>486263.24999999994</v>
      </c>
      <c r="C29209" s="7">
        <f t="shared" si="456"/>
        <v>486.26324999999991</v>
      </c>
    </row>
    <row r="29210" spans="1:3" x14ac:dyDescent="0.25">
      <c r="A29210" s="2" t="s">
        <v>17623</v>
      </c>
      <c r="B29210" s="6">
        <v>486279.89999999997</v>
      </c>
      <c r="C29210" s="7">
        <f t="shared" si="456"/>
        <v>486.27989999999994</v>
      </c>
    </row>
    <row r="29211" spans="1:3" x14ac:dyDescent="0.25">
      <c r="A29211" s="2" t="s">
        <v>17624</v>
      </c>
      <c r="B29211" s="6">
        <v>486296.54999999993</v>
      </c>
      <c r="C29211" s="7">
        <f t="shared" si="456"/>
        <v>486.29654999999991</v>
      </c>
    </row>
    <row r="29212" spans="1:3" x14ac:dyDescent="0.25">
      <c r="A29212" s="2" t="s">
        <v>17625</v>
      </c>
      <c r="B29212" s="6">
        <v>486313.19999999995</v>
      </c>
      <c r="C29212" s="7">
        <f t="shared" si="456"/>
        <v>486.31319999999994</v>
      </c>
    </row>
    <row r="29213" spans="1:3" x14ac:dyDescent="0.25">
      <c r="A29213" s="2" t="s">
        <v>17626</v>
      </c>
      <c r="B29213" s="6">
        <v>486329.85</v>
      </c>
      <c r="C29213" s="7">
        <f t="shared" si="456"/>
        <v>486.32984999999996</v>
      </c>
    </row>
    <row r="29214" spans="1:3" x14ac:dyDescent="0.25">
      <c r="A29214" s="2" t="s">
        <v>17627</v>
      </c>
      <c r="B29214" s="6">
        <v>486346.49999999994</v>
      </c>
      <c r="C29214" s="7">
        <f t="shared" si="456"/>
        <v>486.34649999999993</v>
      </c>
    </row>
    <row r="29215" spans="1:3" x14ac:dyDescent="0.25">
      <c r="A29215" s="2" t="s">
        <v>17628</v>
      </c>
      <c r="B29215" s="6">
        <v>486363.14999999997</v>
      </c>
      <c r="C29215" s="7">
        <f t="shared" si="456"/>
        <v>486.36314999999996</v>
      </c>
    </row>
    <row r="29216" spans="1:3" x14ac:dyDescent="0.25">
      <c r="A29216" s="2" t="s">
        <v>17629</v>
      </c>
      <c r="B29216" s="6">
        <v>486379.79999999993</v>
      </c>
      <c r="C29216" s="7">
        <f t="shared" si="456"/>
        <v>486.37979999999993</v>
      </c>
    </row>
    <row r="29217" spans="1:3" x14ac:dyDescent="0.25">
      <c r="A29217" s="2" t="s">
        <v>17630</v>
      </c>
      <c r="B29217" s="6">
        <v>486396.44999999995</v>
      </c>
      <c r="C29217" s="7">
        <f t="shared" si="456"/>
        <v>486.39644999999996</v>
      </c>
    </row>
    <row r="29218" spans="1:3" x14ac:dyDescent="0.25">
      <c r="A29218" s="2" t="s">
        <v>17631</v>
      </c>
      <c r="B29218" s="6">
        <v>486413.1</v>
      </c>
      <c r="C29218" s="7">
        <f t="shared" si="456"/>
        <v>486.41309999999999</v>
      </c>
    </row>
    <row r="29219" spans="1:3" x14ac:dyDescent="0.25">
      <c r="A29219" s="2" t="s">
        <v>17632</v>
      </c>
      <c r="B29219" s="6">
        <v>486429.74999999994</v>
      </c>
      <c r="C29219" s="7">
        <f t="shared" si="456"/>
        <v>486.42974999999996</v>
      </c>
    </row>
    <row r="29220" spans="1:3" x14ac:dyDescent="0.25">
      <c r="A29220" s="2" t="s">
        <v>17633</v>
      </c>
      <c r="B29220" s="6">
        <v>486446.39999999997</v>
      </c>
      <c r="C29220" s="7">
        <f t="shared" si="456"/>
        <v>486.44639999999998</v>
      </c>
    </row>
    <row r="29221" spans="1:3" x14ac:dyDescent="0.25">
      <c r="A29221" s="2" t="s">
        <v>17634</v>
      </c>
      <c r="B29221" s="6">
        <v>486463.04999999993</v>
      </c>
      <c r="C29221" s="7">
        <f t="shared" si="456"/>
        <v>486.46304999999995</v>
      </c>
    </row>
    <row r="29222" spans="1:3" x14ac:dyDescent="0.25">
      <c r="A29222" s="2" t="s">
        <v>17635</v>
      </c>
      <c r="B29222" s="6">
        <v>486479.69999999995</v>
      </c>
      <c r="C29222" s="7">
        <f t="shared" si="456"/>
        <v>486.47969999999998</v>
      </c>
    </row>
    <row r="29223" spans="1:3" x14ac:dyDescent="0.25">
      <c r="A29223" s="2" t="s">
        <v>17636</v>
      </c>
      <c r="B29223" s="6">
        <v>486496.35</v>
      </c>
      <c r="C29223" s="7">
        <f t="shared" si="456"/>
        <v>486.49634999999995</v>
      </c>
    </row>
    <row r="29224" spans="1:3" x14ac:dyDescent="0.25">
      <c r="A29224" s="2" t="s">
        <v>17637</v>
      </c>
      <c r="B29224" s="6">
        <v>486512.99999999994</v>
      </c>
      <c r="C29224" s="7">
        <f t="shared" si="456"/>
        <v>486.51299999999992</v>
      </c>
    </row>
    <row r="29225" spans="1:3" x14ac:dyDescent="0.25">
      <c r="A29225" s="2" t="s">
        <v>17638</v>
      </c>
      <c r="B29225" s="6">
        <v>486529.64999999997</v>
      </c>
      <c r="C29225" s="7">
        <f t="shared" si="456"/>
        <v>486.52964999999995</v>
      </c>
    </row>
    <row r="29226" spans="1:3" x14ac:dyDescent="0.25">
      <c r="A29226" s="2" t="s">
        <v>17639</v>
      </c>
      <c r="B29226" s="6">
        <v>486546.29999999993</v>
      </c>
      <c r="C29226" s="7">
        <f t="shared" si="456"/>
        <v>486.54629999999992</v>
      </c>
    </row>
    <row r="29227" spans="1:3" x14ac:dyDescent="0.25">
      <c r="A29227" s="2" t="s">
        <v>17640</v>
      </c>
      <c r="B29227" s="6">
        <v>486562.94999999995</v>
      </c>
      <c r="C29227" s="7">
        <f t="shared" si="456"/>
        <v>486.56294999999994</v>
      </c>
    </row>
    <row r="29228" spans="1:3" x14ac:dyDescent="0.25">
      <c r="A29228" s="2" t="s">
        <v>17641</v>
      </c>
      <c r="B29228" s="6">
        <v>486579.6</v>
      </c>
      <c r="C29228" s="7">
        <f t="shared" si="456"/>
        <v>486.57959999999997</v>
      </c>
    </row>
    <row r="29229" spans="1:3" x14ac:dyDescent="0.25">
      <c r="A29229" s="2" t="s">
        <v>17642</v>
      </c>
      <c r="B29229" s="6">
        <v>486596.24999999994</v>
      </c>
      <c r="C29229" s="7">
        <f t="shared" si="456"/>
        <v>486.59624999999994</v>
      </c>
    </row>
    <row r="29230" spans="1:3" x14ac:dyDescent="0.25">
      <c r="A29230" s="2" t="s">
        <v>17643</v>
      </c>
      <c r="B29230" s="6">
        <v>486612.89999999997</v>
      </c>
      <c r="C29230" s="7">
        <f t="shared" si="456"/>
        <v>486.61289999999997</v>
      </c>
    </row>
    <row r="29231" spans="1:3" x14ac:dyDescent="0.25">
      <c r="A29231" s="2" t="s">
        <v>17644</v>
      </c>
      <c r="B29231" s="6">
        <v>486629.54999999993</v>
      </c>
      <c r="C29231" s="7">
        <f t="shared" si="456"/>
        <v>486.62954999999994</v>
      </c>
    </row>
    <row r="29232" spans="1:3" x14ac:dyDescent="0.25">
      <c r="A29232" s="2" t="s">
        <v>17645</v>
      </c>
      <c r="B29232" s="6">
        <v>486646.19999999995</v>
      </c>
      <c r="C29232" s="7">
        <f t="shared" si="456"/>
        <v>486.64619999999996</v>
      </c>
    </row>
    <row r="29233" spans="1:3" x14ac:dyDescent="0.25">
      <c r="A29233" s="2" t="s">
        <v>17646</v>
      </c>
      <c r="B29233" s="6">
        <v>486662.85</v>
      </c>
      <c r="C29233" s="7">
        <f t="shared" si="456"/>
        <v>486.66284999999999</v>
      </c>
    </row>
    <row r="29234" spans="1:3" x14ac:dyDescent="0.25">
      <c r="A29234" s="2" t="s">
        <v>17647</v>
      </c>
      <c r="B29234" s="6">
        <v>486679.49999999994</v>
      </c>
      <c r="C29234" s="7">
        <f t="shared" si="456"/>
        <v>486.67949999999996</v>
      </c>
    </row>
    <row r="29235" spans="1:3" x14ac:dyDescent="0.25">
      <c r="A29235" s="2" t="s">
        <v>17648</v>
      </c>
      <c r="B29235" s="6">
        <v>486696.14999999997</v>
      </c>
      <c r="C29235" s="7">
        <f t="shared" si="456"/>
        <v>486.69614999999999</v>
      </c>
    </row>
    <row r="29236" spans="1:3" x14ac:dyDescent="0.25">
      <c r="A29236" s="2" t="s">
        <v>17649</v>
      </c>
      <c r="B29236" s="6">
        <v>486712.79999999993</v>
      </c>
      <c r="C29236" s="7">
        <f t="shared" si="456"/>
        <v>486.7127999999999</v>
      </c>
    </row>
    <row r="29237" spans="1:3" x14ac:dyDescent="0.25">
      <c r="A29237" s="2" t="s">
        <v>17650</v>
      </c>
      <c r="B29237" s="6">
        <v>486729.44999999995</v>
      </c>
      <c r="C29237" s="7">
        <f t="shared" si="456"/>
        <v>486.72944999999993</v>
      </c>
    </row>
    <row r="29238" spans="1:3" x14ac:dyDescent="0.25">
      <c r="A29238" s="2" t="s">
        <v>17651</v>
      </c>
      <c r="B29238" s="6">
        <v>486746.1</v>
      </c>
      <c r="C29238" s="7">
        <f t="shared" si="456"/>
        <v>486.74609999999996</v>
      </c>
    </row>
    <row r="29239" spans="1:3" x14ac:dyDescent="0.25">
      <c r="A29239" s="2" t="s">
        <v>17652</v>
      </c>
      <c r="B29239" s="6">
        <v>486762.74999999994</v>
      </c>
      <c r="C29239" s="7">
        <f t="shared" si="456"/>
        <v>486.76274999999993</v>
      </c>
    </row>
    <row r="29240" spans="1:3" x14ac:dyDescent="0.25">
      <c r="A29240" s="2" t="s">
        <v>17653</v>
      </c>
      <c r="B29240" s="6">
        <v>486779.39999999997</v>
      </c>
      <c r="C29240" s="7">
        <f t="shared" si="456"/>
        <v>486.77939999999995</v>
      </c>
    </row>
    <row r="29241" spans="1:3" x14ac:dyDescent="0.25">
      <c r="A29241" s="2" t="s">
        <v>17654</v>
      </c>
      <c r="B29241" s="6">
        <v>486796.04999999993</v>
      </c>
      <c r="C29241" s="7">
        <f t="shared" si="456"/>
        <v>486.79604999999992</v>
      </c>
    </row>
    <row r="29242" spans="1:3" x14ac:dyDescent="0.25">
      <c r="A29242" s="2" t="s">
        <v>17655</v>
      </c>
      <c r="B29242" s="6">
        <v>486812.69999999995</v>
      </c>
      <c r="C29242" s="7">
        <f t="shared" si="456"/>
        <v>486.81269999999995</v>
      </c>
    </row>
    <row r="29243" spans="1:3" x14ac:dyDescent="0.25">
      <c r="A29243" s="2" t="s">
        <v>17656</v>
      </c>
      <c r="B29243" s="6">
        <v>486829.35</v>
      </c>
      <c r="C29243" s="7">
        <f t="shared" si="456"/>
        <v>486.82934999999998</v>
      </c>
    </row>
    <row r="29244" spans="1:3" x14ac:dyDescent="0.25">
      <c r="A29244" s="2" t="s">
        <v>17657</v>
      </c>
      <c r="B29244" s="6">
        <v>486845.99999999994</v>
      </c>
      <c r="C29244" s="7">
        <f t="shared" si="456"/>
        <v>486.84599999999995</v>
      </c>
    </row>
    <row r="29245" spans="1:3" x14ac:dyDescent="0.25">
      <c r="A29245" s="2" t="s">
        <v>17658</v>
      </c>
      <c r="B29245" s="6">
        <v>486862.64999999997</v>
      </c>
      <c r="C29245" s="7">
        <f t="shared" si="456"/>
        <v>486.86264999999997</v>
      </c>
    </row>
    <row r="29246" spans="1:3" x14ac:dyDescent="0.25">
      <c r="A29246" s="2" t="s">
        <v>17659</v>
      </c>
      <c r="B29246" s="6">
        <v>486879.29999999993</v>
      </c>
      <c r="C29246" s="7">
        <f t="shared" si="456"/>
        <v>486.87929999999994</v>
      </c>
    </row>
    <row r="29247" spans="1:3" x14ac:dyDescent="0.25">
      <c r="A29247" s="2" t="s">
        <v>17660</v>
      </c>
      <c r="B29247" s="6">
        <v>486895.94999999995</v>
      </c>
      <c r="C29247" s="7">
        <f t="shared" si="456"/>
        <v>486.89594999999997</v>
      </c>
    </row>
    <row r="29248" spans="1:3" x14ac:dyDescent="0.25">
      <c r="A29248" s="2" t="s">
        <v>17661</v>
      </c>
      <c r="B29248" s="6">
        <v>486912.6</v>
      </c>
      <c r="C29248" s="7">
        <f t="shared" si="456"/>
        <v>486.9126</v>
      </c>
    </row>
    <row r="29249" spans="1:3" x14ac:dyDescent="0.25">
      <c r="A29249" s="2" t="s">
        <v>17662</v>
      </c>
      <c r="B29249" s="6">
        <v>486929.24999999994</v>
      </c>
      <c r="C29249" s="7">
        <f t="shared" si="456"/>
        <v>486.92924999999997</v>
      </c>
    </row>
    <row r="29250" spans="1:3" x14ac:dyDescent="0.25">
      <c r="A29250" s="2" t="s">
        <v>17663</v>
      </c>
      <c r="B29250" s="6">
        <v>486945.89999999997</v>
      </c>
      <c r="C29250" s="7">
        <f t="shared" si="456"/>
        <v>486.94589999999994</v>
      </c>
    </row>
    <row r="29251" spans="1:3" x14ac:dyDescent="0.25">
      <c r="A29251" s="2" t="s">
        <v>17664</v>
      </c>
      <c r="B29251" s="6">
        <v>486962.54999999993</v>
      </c>
      <c r="C29251" s="7">
        <f t="shared" ref="C29251:C29314" si="457">B29251/1000</f>
        <v>486.96254999999991</v>
      </c>
    </row>
    <row r="29252" spans="1:3" x14ac:dyDescent="0.25">
      <c r="A29252" s="2" t="s">
        <v>17665</v>
      </c>
      <c r="B29252" s="6">
        <v>486979.19999999995</v>
      </c>
      <c r="C29252" s="7">
        <f t="shared" si="457"/>
        <v>486.97919999999993</v>
      </c>
    </row>
    <row r="29253" spans="1:3" x14ac:dyDescent="0.25">
      <c r="A29253" s="2" t="s">
        <v>17666</v>
      </c>
      <c r="B29253" s="6">
        <v>486995.85</v>
      </c>
      <c r="C29253" s="7">
        <f t="shared" si="457"/>
        <v>486.99584999999996</v>
      </c>
    </row>
    <row r="29254" spans="1:3" x14ac:dyDescent="0.25">
      <c r="A29254" s="2" t="s">
        <v>17667</v>
      </c>
      <c r="B29254" s="6">
        <v>487012.49999999994</v>
      </c>
      <c r="C29254" s="7">
        <f t="shared" si="457"/>
        <v>487.01249999999993</v>
      </c>
    </row>
    <row r="29255" spans="1:3" x14ac:dyDescent="0.25">
      <c r="A29255" s="2" t="s">
        <v>17668</v>
      </c>
      <c r="B29255" s="6">
        <v>487029.14999999997</v>
      </c>
      <c r="C29255" s="7">
        <f t="shared" si="457"/>
        <v>487.02914999999996</v>
      </c>
    </row>
    <row r="29256" spans="1:3" x14ac:dyDescent="0.25">
      <c r="A29256" s="2" t="s">
        <v>17669</v>
      </c>
      <c r="B29256" s="6">
        <v>487045.79999999993</v>
      </c>
      <c r="C29256" s="7">
        <f t="shared" si="457"/>
        <v>487.04579999999993</v>
      </c>
    </row>
    <row r="29257" spans="1:3" x14ac:dyDescent="0.25">
      <c r="A29257" s="2" t="s">
        <v>17670</v>
      </c>
      <c r="B29257" s="6">
        <v>487062.44999999995</v>
      </c>
      <c r="C29257" s="7">
        <f t="shared" si="457"/>
        <v>487.06244999999996</v>
      </c>
    </row>
    <row r="29258" spans="1:3" x14ac:dyDescent="0.25">
      <c r="A29258" s="2" t="s">
        <v>17671</v>
      </c>
      <c r="B29258" s="6">
        <v>487079.1</v>
      </c>
      <c r="C29258" s="7">
        <f t="shared" si="457"/>
        <v>487.07909999999998</v>
      </c>
    </row>
    <row r="29259" spans="1:3" x14ac:dyDescent="0.25">
      <c r="A29259" s="2" t="s">
        <v>17672</v>
      </c>
      <c r="B29259" s="6">
        <v>487095.74999999994</v>
      </c>
      <c r="C29259" s="7">
        <f t="shared" si="457"/>
        <v>487.09574999999995</v>
      </c>
    </row>
    <row r="29260" spans="1:3" x14ac:dyDescent="0.25">
      <c r="A29260" s="2" t="s">
        <v>17673</v>
      </c>
      <c r="B29260" s="6">
        <v>487112.39999999997</v>
      </c>
      <c r="C29260" s="7">
        <f t="shared" si="457"/>
        <v>487.11239999999998</v>
      </c>
    </row>
    <row r="29261" spans="1:3" x14ac:dyDescent="0.25">
      <c r="A29261" s="2" t="s">
        <v>17674</v>
      </c>
      <c r="B29261" s="6">
        <v>487129.04999999993</v>
      </c>
      <c r="C29261" s="7">
        <f t="shared" si="457"/>
        <v>487.12904999999995</v>
      </c>
    </row>
    <row r="29262" spans="1:3" x14ac:dyDescent="0.25">
      <c r="A29262" s="2" t="s">
        <v>17675</v>
      </c>
      <c r="B29262" s="6">
        <v>487145.69999999995</v>
      </c>
      <c r="C29262" s="7">
        <f t="shared" si="457"/>
        <v>487.14569999999998</v>
      </c>
    </row>
    <row r="29263" spans="1:3" x14ac:dyDescent="0.25">
      <c r="A29263" s="2" t="s">
        <v>17676</v>
      </c>
      <c r="B29263" s="6">
        <v>487162.35</v>
      </c>
      <c r="C29263" s="7">
        <f t="shared" si="457"/>
        <v>487.16235</v>
      </c>
    </row>
    <row r="29264" spans="1:3" x14ac:dyDescent="0.25">
      <c r="A29264" s="2" t="s">
        <v>17677</v>
      </c>
      <c r="B29264" s="6">
        <v>487178.99999999994</v>
      </c>
      <c r="C29264" s="7">
        <f t="shared" si="457"/>
        <v>487.17899999999992</v>
      </c>
    </row>
    <row r="29265" spans="1:3" x14ac:dyDescent="0.25">
      <c r="A29265" s="2" t="s">
        <v>17678</v>
      </c>
      <c r="B29265" s="6">
        <v>487195.64999999997</v>
      </c>
      <c r="C29265" s="7">
        <f t="shared" si="457"/>
        <v>487.19564999999994</v>
      </c>
    </row>
    <row r="29266" spans="1:3" x14ac:dyDescent="0.25">
      <c r="A29266" s="2" t="s">
        <v>17679</v>
      </c>
      <c r="B29266" s="6">
        <v>487212.29999999993</v>
      </c>
      <c r="C29266" s="7">
        <f t="shared" si="457"/>
        <v>487.21229999999991</v>
      </c>
    </row>
    <row r="29267" spans="1:3" x14ac:dyDescent="0.25">
      <c r="A29267" s="2" t="s">
        <v>17680</v>
      </c>
      <c r="B29267" s="6">
        <v>487228.94999999995</v>
      </c>
      <c r="C29267" s="7">
        <f t="shared" si="457"/>
        <v>487.22894999999994</v>
      </c>
    </row>
    <row r="29268" spans="1:3" x14ac:dyDescent="0.25">
      <c r="A29268" s="2" t="s">
        <v>17681</v>
      </c>
      <c r="B29268" s="6">
        <v>487245.6</v>
      </c>
      <c r="C29268" s="7">
        <f t="shared" si="457"/>
        <v>487.24559999999997</v>
      </c>
    </row>
    <row r="29269" spans="1:3" x14ac:dyDescent="0.25">
      <c r="A29269" s="2" t="s">
        <v>17682</v>
      </c>
      <c r="B29269" s="6">
        <v>487262.24999999994</v>
      </c>
      <c r="C29269" s="7">
        <f t="shared" si="457"/>
        <v>487.26224999999994</v>
      </c>
    </row>
    <row r="29270" spans="1:3" x14ac:dyDescent="0.25">
      <c r="A29270" s="2" t="s">
        <v>17683</v>
      </c>
      <c r="B29270" s="6">
        <v>487278.89999999997</v>
      </c>
      <c r="C29270" s="7">
        <f t="shared" si="457"/>
        <v>487.27889999999996</v>
      </c>
    </row>
    <row r="29271" spans="1:3" x14ac:dyDescent="0.25">
      <c r="A29271" s="2" t="s">
        <v>17684</v>
      </c>
      <c r="B29271" s="6">
        <v>487295.54999999993</v>
      </c>
      <c r="C29271" s="7">
        <f t="shared" si="457"/>
        <v>487.29554999999993</v>
      </c>
    </row>
    <row r="29272" spans="1:3" x14ac:dyDescent="0.25">
      <c r="A29272" s="2" t="s">
        <v>17685</v>
      </c>
      <c r="B29272" s="6">
        <v>487312.19999999995</v>
      </c>
      <c r="C29272" s="7">
        <f t="shared" si="457"/>
        <v>487.31219999999996</v>
      </c>
    </row>
    <row r="29273" spans="1:3" x14ac:dyDescent="0.25">
      <c r="A29273" s="2" t="s">
        <v>17686</v>
      </c>
      <c r="B29273" s="6">
        <v>487328.85</v>
      </c>
      <c r="C29273" s="7">
        <f t="shared" si="457"/>
        <v>487.32884999999999</v>
      </c>
    </row>
    <row r="29274" spans="1:3" x14ac:dyDescent="0.25">
      <c r="A29274" s="2" t="s">
        <v>17687</v>
      </c>
      <c r="B29274" s="6">
        <v>487345.49999999994</v>
      </c>
      <c r="C29274" s="7">
        <f t="shared" si="457"/>
        <v>487.34549999999996</v>
      </c>
    </row>
    <row r="29275" spans="1:3" x14ac:dyDescent="0.25">
      <c r="A29275" s="2" t="s">
        <v>17688</v>
      </c>
      <c r="B29275" s="6">
        <v>487362.14999999997</v>
      </c>
      <c r="C29275" s="7">
        <f t="shared" si="457"/>
        <v>487.36214999999999</v>
      </c>
    </row>
    <row r="29276" spans="1:3" x14ac:dyDescent="0.25">
      <c r="A29276" s="2" t="s">
        <v>17689</v>
      </c>
      <c r="B29276" s="6">
        <v>487378.79999999993</v>
      </c>
      <c r="C29276" s="7">
        <f t="shared" si="457"/>
        <v>487.37879999999996</v>
      </c>
    </row>
    <row r="29277" spans="1:3" x14ac:dyDescent="0.25">
      <c r="A29277" s="2" t="s">
        <v>17690</v>
      </c>
      <c r="B29277" s="6">
        <v>487395.44999999995</v>
      </c>
      <c r="C29277" s="7">
        <f t="shared" si="457"/>
        <v>487.39544999999993</v>
      </c>
    </row>
    <row r="29278" spans="1:3" x14ac:dyDescent="0.25">
      <c r="A29278" s="2" t="s">
        <v>17691</v>
      </c>
      <c r="B29278" s="6">
        <v>487412.1</v>
      </c>
      <c r="C29278" s="7">
        <f t="shared" si="457"/>
        <v>487.41209999999995</v>
      </c>
    </row>
    <row r="29279" spans="1:3" x14ac:dyDescent="0.25">
      <c r="A29279" s="2" t="s">
        <v>17692</v>
      </c>
      <c r="B29279" s="6">
        <v>487428.74999999994</v>
      </c>
      <c r="C29279" s="7">
        <f t="shared" si="457"/>
        <v>487.42874999999992</v>
      </c>
    </row>
    <row r="29280" spans="1:3" x14ac:dyDescent="0.25">
      <c r="A29280" s="2" t="s">
        <v>17693</v>
      </c>
      <c r="B29280" s="6">
        <v>487445.39999999997</v>
      </c>
      <c r="C29280" s="7">
        <f t="shared" si="457"/>
        <v>487.44539999999995</v>
      </c>
    </row>
    <row r="29281" spans="1:3" x14ac:dyDescent="0.25">
      <c r="A29281" s="2" t="s">
        <v>17694</v>
      </c>
      <c r="B29281" s="6">
        <v>487462.04999999993</v>
      </c>
      <c r="C29281" s="7">
        <f t="shared" si="457"/>
        <v>487.46204999999992</v>
      </c>
    </row>
    <row r="29282" spans="1:3" x14ac:dyDescent="0.25">
      <c r="A29282" s="2" t="s">
        <v>17695</v>
      </c>
      <c r="B29282" s="6">
        <v>487478.69999999995</v>
      </c>
      <c r="C29282" s="7">
        <f t="shared" si="457"/>
        <v>487.47869999999995</v>
      </c>
    </row>
    <row r="29283" spans="1:3" x14ac:dyDescent="0.25">
      <c r="A29283" s="2" t="s">
        <v>17696</v>
      </c>
      <c r="B29283" s="6">
        <v>487495.35</v>
      </c>
      <c r="C29283" s="7">
        <f t="shared" si="457"/>
        <v>487.49534999999997</v>
      </c>
    </row>
    <row r="29284" spans="1:3" x14ac:dyDescent="0.25">
      <c r="A29284" s="2" t="s">
        <v>17697</v>
      </c>
      <c r="B29284" s="6">
        <v>487511.99999999994</v>
      </c>
      <c r="C29284" s="7">
        <f t="shared" si="457"/>
        <v>487.51199999999994</v>
      </c>
    </row>
    <row r="29285" spans="1:3" x14ac:dyDescent="0.25">
      <c r="A29285" s="2" t="s">
        <v>17698</v>
      </c>
      <c r="B29285" s="6">
        <v>487528.64999999997</v>
      </c>
      <c r="C29285" s="7">
        <f t="shared" si="457"/>
        <v>487.52864999999997</v>
      </c>
    </row>
    <row r="29286" spans="1:3" x14ac:dyDescent="0.25">
      <c r="A29286" s="2" t="s">
        <v>17699</v>
      </c>
      <c r="B29286" s="6">
        <v>487545.29999999993</v>
      </c>
      <c r="C29286" s="7">
        <f t="shared" si="457"/>
        <v>487.54529999999994</v>
      </c>
    </row>
    <row r="29287" spans="1:3" x14ac:dyDescent="0.25">
      <c r="A29287" s="2" t="s">
        <v>17700</v>
      </c>
      <c r="B29287" s="6">
        <v>487561.94999999995</v>
      </c>
      <c r="C29287" s="7">
        <f t="shared" si="457"/>
        <v>487.56194999999997</v>
      </c>
    </row>
    <row r="29288" spans="1:3" x14ac:dyDescent="0.25">
      <c r="A29288" s="2" t="s">
        <v>17701</v>
      </c>
      <c r="B29288" s="6">
        <v>487578.6</v>
      </c>
      <c r="C29288" s="7">
        <f t="shared" si="457"/>
        <v>487.57859999999999</v>
      </c>
    </row>
    <row r="29289" spans="1:3" x14ac:dyDescent="0.25">
      <c r="A29289" s="2" t="s">
        <v>17702</v>
      </c>
      <c r="B29289" s="6">
        <v>487595.24999999994</v>
      </c>
      <c r="C29289" s="7">
        <f t="shared" si="457"/>
        <v>487.59524999999996</v>
      </c>
    </row>
    <row r="29290" spans="1:3" x14ac:dyDescent="0.25">
      <c r="A29290" s="2" t="s">
        <v>17703</v>
      </c>
      <c r="B29290" s="6">
        <v>487611.89999999997</v>
      </c>
      <c r="C29290" s="7">
        <f t="shared" si="457"/>
        <v>487.61189999999999</v>
      </c>
    </row>
    <row r="29291" spans="1:3" x14ac:dyDescent="0.25">
      <c r="A29291" s="2" t="s">
        <v>17704</v>
      </c>
      <c r="B29291" s="6">
        <v>487628.54999999993</v>
      </c>
      <c r="C29291" s="7">
        <f t="shared" si="457"/>
        <v>487.6285499999999</v>
      </c>
    </row>
    <row r="29292" spans="1:3" x14ac:dyDescent="0.25">
      <c r="A29292" s="2" t="s">
        <v>17705</v>
      </c>
      <c r="B29292" s="6">
        <v>487645.19999999995</v>
      </c>
      <c r="C29292" s="7">
        <f t="shared" si="457"/>
        <v>487.64519999999993</v>
      </c>
    </row>
    <row r="29293" spans="1:3" x14ac:dyDescent="0.25">
      <c r="A29293" s="2" t="s">
        <v>17706</v>
      </c>
      <c r="B29293" s="6">
        <v>487661.85</v>
      </c>
      <c r="C29293" s="7">
        <f t="shared" si="457"/>
        <v>487.66184999999996</v>
      </c>
    </row>
    <row r="29294" spans="1:3" x14ac:dyDescent="0.25">
      <c r="A29294" s="2" t="s">
        <v>17707</v>
      </c>
      <c r="B29294" s="6">
        <v>487678.49999999994</v>
      </c>
      <c r="C29294" s="7">
        <f t="shared" si="457"/>
        <v>487.67849999999993</v>
      </c>
    </row>
    <row r="29295" spans="1:3" x14ac:dyDescent="0.25">
      <c r="A29295" s="2" t="s">
        <v>17708</v>
      </c>
      <c r="B29295" s="6">
        <v>487695.14999999997</v>
      </c>
      <c r="C29295" s="7">
        <f t="shared" si="457"/>
        <v>487.69514999999996</v>
      </c>
    </row>
    <row r="29296" spans="1:3" x14ac:dyDescent="0.25">
      <c r="A29296" s="2" t="s">
        <v>17709</v>
      </c>
      <c r="B29296" s="6">
        <v>487711.79999999993</v>
      </c>
      <c r="C29296" s="7">
        <f t="shared" si="457"/>
        <v>487.71179999999993</v>
      </c>
    </row>
    <row r="29297" spans="1:3" x14ac:dyDescent="0.25">
      <c r="A29297" s="2" t="s">
        <v>17710</v>
      </c>
      <c r="B29297" s="6">
        <v>487728.44999999995</v>
      </c>
      <c r="C29297" s="7">
        <f t="shared" si="457"/>
        <v>487.72844999999995</v>
      </c>
    </row>
    <row r="29298" spans="1:3" x14ac:dyDescent="0.25">
      <c r="A29298" s="2" t="s">
        <v>17711</v>
      </c>
      <c r="B29298" s="6">
        <v>487745.1</v>
      </c>
      <c r="C29298" s="7">
        <f t="shared" si="457"/>
        <v>487.74509999999998</v>
      </c>
    </row>
    <row r="29299" spans="1:3" x14ac:dyDescent="0.25">
      <c r="A29299" s="2" t="s">
        <v>17712</v>
      </c>
      <c r="B29299" s="6">
        <v>487761.74999999994</v>
      </c>
      <c r="C29299" s="7">
        <f t="shared" si="457"/>
        <v>487.76174999999995</v>
      </c>
    </row>
    <row r="29300" spans="1:3" x14ac:dyDescent="0.25">
      <c r="A29300" s="2" t="s">
        <v>17713</v>
      </c>
      <c r="B29300" s="6">
        <v>487778.39999999997</v>
      </c>
      <c r="C29300" s="7">
        <f t="shared" si="457"/>
        <v>487.77839999999998</v>
      </c>
    </row>
    <row r="29301" spans="1:3" x14ac:dyDescent="0.25">
      <c r="A29301" s="2" t="s">
        <v>17714</v>
      </c>
      <c r="B29301" s="6">
        <v>487795.04999999993</v>
      </c>
      <c r="C29301" s="7">
        <f t="shared" si="457"/>
        <v>487.79504999999995</v>
      </c>
    </row>
    <row r="29302" spans="1:3" x14ac:dyDescent="0.25">
      <c r="A29302" s="2" t="s">
        <v>17715</v>
      </c>
      <c r="B29302" s="6">
        <v>487811.69999999995</v>
      </c>
      <c r="C29302" s="7">
        <f t="shared" si="457"/>
        <v>487.81169999999997</v>
      </c>
    </row>
    <row r="29303" spans="1:3" x14ac:dyDescent="0.25">
      <c r="A29303" s="2" t="s">
        <v>17716</v>
      </c>
      <c r="B29303" s="6">
        <v>487828.35</v>
      </c>
      <c r="C29303" s="7">
        <f t="shared" si="457"/>
        <v>487.82835</v>
      </c>
    </row>
    <row r="29304" spans="1:3" x14ac:dyDescent="0.25">
      <c r="A29304" s="2" t="s">
        <v>17717</v>
      </c>
      <c r="B29304" s="6">
        <v>487844.99999999994</v>
      </c>
      <c r="C29304" s="7">
        <f t="shared" si="457"/>
        <v>487.84499999999991</v>
      </c>
    </row>
    <row r="29305" spans="1:3" x14ac:dyDescent="0.25">
      <c r="A29305" s="2" t="s">
        <v>17718</v>
      </c>
      <c r="B29305" s="6">
        <v>487861.64999999997</v>
      </c>
      <c r="C29305" s="7">
        <f t="shared" si="457"/>
        <v>487.86164999999994</v>
      </c>
    </row>
    <row r="29306" spans="1:3" x14ac:dyDescent="0.25">
      <c r="A29306" s="2" t="s">
        <v>17719</v>
      </c>
      <c r="B29306" s="6">
        <v>487878.29999999993</v>
      </c>
      <c r="C29306" s="7">
        <f t="shared" si="457"/>
        <v>487.87829999999991</v>
      </c>
    </row>
    <row r="29307" spans="1:3" x14ac:dyDescent="0.25">
      <c r="A29307" s="2" t="s">
        <v>17720</v>
      </c>
      <c r="B29307" s="6">
        <v>487894.94999999995</v>
      </c>
      <c r="C29307" s="7">
        <f t="shared" si="457"/>
        <v>487.89494999999994</v>
      </c>
    </row>
    <row r="29308" spans="1:3" x14ac:dyDescent="0.25">
      <c r="A29308" s="2" t="s">
        <v>17721</v>
      </c>
      <c r="B29308" s="6">
        <v>487911.6</v>
      </c>
      <c r="C29308" s="7">
        <f t="shared" si="457"/>
        <v>487.91159999999996</v>
      </c>
    </row>
    <row r="29309" spans="1:3" x14ac:dyDescent="0.25">
      <c r="A29309" s="2" t="s">
        <v>17722</v>
      </c>
      <c r="B29309" s="6">
        <v>487928.24999999994</v>
      </c>
      <c r="C29309" s="7">
        <f t="shared" si="457"/>
        <v>487.92824999999993</v>
      </c>
    </row>
    <row r="29310" spans="1:3" x14ac:dyDescent="0.25">
      <c r="A29310" s="2" t="s">
        <v>17723</v>
      </c>
      <c r="B29310" s="6">
        <v>487944.89999999997</v>
      </c>
      <c r="C29310" s="7">
        <f t="shared" si="457"/>
        <v>487.94489999999996</v>
      </c>
    </row>
    <row r="29311" spans="1:3" x14ac:dyDescent="0.25">
      <c r="A29311" s="2" t="s">
        <v>17724</v>
      </c>
      <c r="B29311" s="6">
        <v>487961.54999999993</v>
      </c>
      <c r="C29311" s="7">
        <f t="shared" si="457"/>
        <v>487.96154999999993</v>
      </c>
    </row>
    <row r="29312" spans="1:3" x14ac:dyDescent="0.25">
      <c r="A29312" s="2" t="s">
        <v>17725</v>
      </c>
      <c r="B29312" s="6">
        <v>487978.19999999995</v>
      </c>
      <c r="C29312" s="7">
        <f t="shared" si="457"/>
        <v>487.97819999999996</v>
      </c>
    </row>
    <row r="29313" spans="1:3" x14ac:dyDescent="0.25">
      <c r="A29313" s="2" t="s">
        <v>17726</v>
      </c>
      <c r="B29313" s="6">
        <v>487994.85</v>
      </c>
      <c r="C29313" s="7">
        <f t="shared" si="457"/>
        <v>487.99484999999999</v>
      </c>
    </row>
    <row r="29314" spans="1:3" x14ac:dyDescent="0.25">
      <c r="A29314" s="2" t="s">
        <v>17727</v>
      </c>
      <c r="B29314" s="6">
        <v>488011.49999999994</v>
      </c>
      <c r="C29314" s="7">
        <f t="shared" si="457"/>
        <v>488.01149999999996</v>
      </c>
    </row>
    <row r="29315" spans="1:3" x14ac:dyDescent="0.25">
      <c r="A29315" s="2" t="s">
        <v>17728</v>
      </c>
      <c r="B29315" s="6">
        <v>488028.14999999997</v>
      </c>
      <c r="C29315" s="7">
        <f t="shared" ref="C29315:C29378" si="458">B29315/1000</f>
        <v>488.02814999999998</v>
      </c>
    </row>
    <row r="29316" spans="1:3" x14ac:dyDescent="0.25">
      <c r="A29316" s="2" t="s">
        <v>17729</v>
      </c>
      <c r="B29316" s="6">
        <v>488044.79999999993</v>
      </c>
      <c r="C29316" s="7">
        <f t="shared" si="458"/>
        <v>488.04479999999995</v>
      </c>
    </row>
    <row r="29317" spans="1:3" x14ac:dyDescent="0.25">
      <c r="A29317" s="2" t="s">
        <v>17730</v>
      </c>
      <c r="B29317" s="6">
        <v>488061.44999999995</v>
      </c>
      <c r="C29317" s="7">
        <f t="shared" si="458"/>
        <v>488.06144999999998</v>
      </c>
    </row>
    <row r="29318" spans="1:3" x14ac:dyDescent="0.25">
      <c r="A29318" s="2" t="s">
        <v>17731</v>
      </c>
      <c r="B29318" s="6">
        <v>488078.1</v>
      </c>
      <c r="C29318" s="7">
        <f t="shared" si="458"/>
        <v>488.07809999999995</v>
      </c>
    </row>
    <row r="29319" spans="1:3" x14ac:dyDescent="0.25">
      <c r="A29319" s="2" t="s">
        <v>17732</v>
      </c>
      <c r="B29319" s="6">
        <v>488094.74999999994</v>
      </c>
      <c r="C29319" s="7">
        <f t="shared" si="458"/>
        <v>488.09474999999992</v>
      </c>
    </row>
    <row r="29320" spans="1:3" x14ac:dyDescent="0.25">
      <c r="A29320" s="2" t="s">
        <v>17733</v>
      </c>
      <c r="B29320" s="6">
        <v>488111.39999999997</v>
      </c>
      <c r="C29320" s="7">
        <f t="shared" si="458"/>
        <v>488.11139999999995</v>
      </c>
    </row>
    <row r="29321" spans="1:3" x14ac:dyDescent="0.25">
      <c r="A29321" s="2" t="s">
        <v>17734</v>
      </c>
      <c r="B29321" s="6">
        <v>488128.04999999993</v>
      </c>
      <c r="C29321" s="7">
        <f t="shared" si="458"/>
        <v>488.12804999999992</v>
      </c>
    </row>
    <row r="29322" spans="1:3" x14ac:dyDescent="0.25">
      <c r="A29322" s="2" t="s">
        <v>17735</v>
      </c>
      <c r="B29322" s="6">
        <v>488144.69999999995</v>
      </c>
      <c r="C29322" s="7">
        <f t="shared" si="458"/>
        <v>488.14469999999994</v>
      </c>
    </row>
    <row r="29323" spans="1:3" x14ac:dyDescent="0.25">
      <c r="A29323" s="2" t="s">
        <v>17736</v>
      </c>
      <c r="B29323" s="6">
        <v>488161.35</v>
      </c>
      <c r="C29323" s="7">
        <f t="shared" si="458"/>
        <v>488.16134999999997</v>
      </c>
    </row>
    <row r="29324" spans="1:3" x14ac:dyDescent="0.25">
      <c r="A29324" s="2" t="s">
        <v>17737</v>
      </c>
      <c r="B29324" s="6">
        <v>488177.99999999994</v>
      </c>
      <c r="C29324" s="7">
        <f t="shared" si="458"/>
        <v>488.17799999999994</v>
      </c>
    </row>
    <row r="29325" spans="1:3" x14ac:dyDescent="0.25">
      <c r="A29325" s="2" t="s">
        <v>17738</v>
      </c>
      <c r="B29325" s="6">
        <v>488194.64999999997</v>
      </c>
      <c r="C29325" s="7">
        <f t="shared" si="458"/>
        <v>488.19464999999997</v>
      </c>
    </row>
    <row r="29326" spans="1:3" x14ac:dyDescent="0.25">
      <c r="A29326" s="2" t="s">
        <v>17739</v>
      </c>
      <c r="B29326" s="6">
        <v>488211.29999999993</v>
      </c>
      <c r="C29326" s="7">
        <f t="shared" si="458"/>
        <v>488.21129999999994</v>
      </c>
    </row>
    <row r="29327" spans="1:3" x14ac:dyDescent="0.25">
      <c r="A29327" s="2" t="s">
        <v>17740</v>
      </c>
      <c r="B29327" s="6">
        <v>488227.94999999995</v>
      </c>
      <c r="C29327" s="7">
        <f t="shared" si="458"/>
        <v>488.22794999999996</v>
      </c>
    </row>
    <row r="29328" spans="1:3" x14ac:dyDescent="0.25">
      <c r="A29328" s="2" t="s">
        <v>17741</v>
      </c>
      <c r="B29328" s="6">
        <v>488244.6</v>
      </c>
      <c r="C29328" s="7">
        <f t="shared" si="458"/>
        <v>488.24459999999999</v>
      </c>
    </row>
    <row r="29329" spans="1:3" x14ac:dyDescent="0.25">
      <c r="A29329" s="2" t="s">
        <v>17742</v>
      </c>
      <c r="B29329" s="6">
        <v>488261.24999999994</v>
      </c>
      <c r="C29329" s="7">
        <f t="shared" si="458"/>
        <v>488.26124999999996</v>
      </c>
    </row>
    <row r="29330" spans="1:3" x14ac:dyDescent="0.25">
      <c r="A29330" s="2" t="s">
        <v>17743</v>
      </c>
      <c r="B29330" s="6">
        <v>488277.89999999997</v>
      </c>
      <c r="C29330" s="7">
        <f t="shared" si="458"/>
        <v>488.27789999999999</v>
      </c>
    </row>
    <row r="29331" spans="1:3" x14ac:dyDescent="0.25">
      <c r="A29331" s="2" t="s">
        <v>17744</v>
      </c>
      <c r="B29331" s="6">
        <v>488294.54999999993</v>
      </c>
      <c r="C29331" s="7">
        <f t="shared" si="458"/>
        <v>488.29454999999996</v>
      </c>
    </row>
    <row r="29332" spans="1:3" x14ac:dyDescent="0.25">
      <c r="A29332" s="2" t="s">
        <v>17745</v>
      </c>
      <c r="B29332" s="6">
        <v>488311.19999999995</v>
      </c>
      <c r="C29332" s="7">
        <f t="shared" si="458"/>
        <v>488.31119999999993</v>
      </c>
    </row>
    <row r="29333" spans="1:3" x14ac:dyDescent="0.25">
      <c r="A29333" s="2" t="s">
        <v>17746</v>
      </c>
      <c r="B29333" s="6">
        <v>488327.85</v>
      </c>
      <c r="C29333" s="7">
        <f t="shared" si="458"/>
        <v>488.32784999999996</v>
      </c>
    </row>
    <row r="29334" spans="1:3" x14ac:dyDescent="0.25">
      <c r="A29334" s="2" t="s">
        <v>17747</v>
      </c>
      <c r="B29334" s="6">
        <v>488344.49999999994</v>
      </c>
      <c r="C29334" s="7">
        <f t="shared" si="458"/>
        <v>488.34449999999993</v>
      </c>
    </row>
    <row r="29335" spans="1:3" x14ac:dyDescent="0.25">
      <c r="A29335" s="2" t="s">
        <v>17748</v>
      </c>
      <c r="B29335" s="6">
        <v>488361.14999999997</v>
      </c>
      <c r="C29335" s="7">
        <f t="shared" si="458"/>
        <v>488.36114999999995</v>
      </c>
    </row>
    <row r="29336" spans="1:3" x14ac:dyDescent="0.25">
      <c r="A29336" s="2" t="s">
        <v>17749</v>
      </c>
      <c r="B29336" s="6">
        <v>488377.79999999993</v>
      </c>
      <c r="C29336" s="7">
        <f t="shared" si="458"/>
        <v>488.37779999999992</v>
      </c>
    </row>
    <row r="29337" spans="1:3" x14ac:dyDescent="0.25">
      <c r="A29337" s="2" t="s">
        <v>17750</v>
      </c>
      <c r="B29337" s="6">
        <v>488394.44999999995</v>
      </c>
      <c r="C29337" s="7">
        <f t="shared" si="458"/>
        <v>488.39444999999995</v>
      </c>
    </row>
    <row r="29338" spans="1:3" x14ac:dyDescent="0.25">
      <c r="A29338" s="2" t="s">
        <v>17751</v>
      </c>
      <c r="B29338" s="6">
        <v>488411.1</v>
      </c>
      <c r="C29338" s="7">
        <f t="shared" si="458"/>
        <v>488.41109999999998</v>
      </c>
    </row>
    <row r="29339" spans="1:3" x14ac:dyDescent="0.25">
      <c r="A29339" s="2" t="s">
        <v>17752</v>
      </c>
      <c r="B29339" s="6">
        <v>488427.74999999994</v>
      </c>
      <c r="C29339" s="7">
        <f t="shared" si="458"/>
        <v>488.42774999999995</v>
      </c>
    </row>
    <row r="29340" spans="1:3" x14ac:dyDescent="0.25">
      <c r="A29340" s="2" t="s">
        <v>17753</v>
      </c>
      <c r="B29340" s="6">
        <v>488444.39999999997</v>
      </c>
      <c r="C29340" s="7">
        <f t="shared" si="458"/>
        <v>488.44439999999997</v>
      </c>
    </row>
    <row r="29341" spans="1:3" x14ac:dyDescent="0.25">
      <c r="A29341" s="2" t="s">
        <v>17754</v>
      </c>
      <c r="B29341" s="6">
        <v>488461.04999999993</v>
      </c>
      <c r="C29341" s="7">
        <f t="shared" si="458"/>
        <v>488.46104999999994</v>
      </c>
    </row>
    <row r="29342" spans="1:3" x14ac:dyDescent="0.25">
      <c r="A29342" s="2" t="s">
        <v>17755</v>
      </c>
      <c r="B29342" s="6">
        <v>488477.69999999995</v>
      </c>
      <c r="C29342" s="7">
        <f t="shared" si="458"/>
        <v>488.47769999999997</v>
      </c>
    </row>
    <row r="29343" spans="1:3" x14ac:dyDescent="0.25">
      <c r="A29343" s="2" t="s">
        <v>17756</v>
      </c>
      <c r="B29343" s="6">
        <v>488494.35</v>
      </c>
      <c r="C29343" s="7">
        <f t="shared" si="458"/>
        <v>488.49435</v>
      </c>
    </row>
    <row r="29344" spans="1:3" x14ac:dyDescent="0.25">
      <c r="A29344" s="2" t="s">
        <v>17757</v>
      </c>
      <c r="B29344" s="6">
        <v>488510.99999999994</v>
      </c>
      <c r="C29344" s="7">
        <f t="shared" si="458"/>
        <v>488.51099999999997</v>
      </c>
    </row>
    <row r="29345" spans="1:3" x14ac:dyDescent="0.25">
      <c r="A29345" s="2" t="s">
        <v>17758</v>
      </c>
      <c r="B29345" s="6">
        <v>488527.64999999997</v>
      </c>
      <c r="C29345" s="7">
        <f t="shared" si="458"/>
        <v>488.52764999999994</v>
      </c>
    </row>
    <row r="29346" spans="1:3" x14ac:dyDescent="0.25">
      <c r="A29346" s="2" t="s">
        <v>17759</v>
      </c>
      <c r="B29346" s="6">
        <v>488544.29999999993</v>
      </c>
      <c r="C29346" s="7">
        <f t="shared" si="458"/>
        <v>488.54429999999991</v>
      </c>
    </row>
    <row r="29347" spans="1:3" x14ac:dyDescent="0.25">
      <c r="A29347" s="2" t="s">
        <v>17760</v>
      </c>
      <c r="B29347" s="6">
        <v>488560.94999999995</v>
      </c>
      <c r="C29347" s="7">
        <f t="shared" si="458"/>
        <v>488.56094999999993</v>
      </c>
    </row>
    <row r="29348" spans="1:3" x14ac:dyDescent="0.25">
      <c r="A29348" s="2" t="s">
        <v>17761</v>
      </c>
      <c r="B29348" s="6">
        <v>488577.6</v>
      </c>
      <c r="C29348" s="7">
        <f t="shared" si="458"/>
        <v>488.57759999999996</v>
      </c>
    </row>
    <row r="29349" spans="1:3" x14ac:dyDescent="0.25">
      <c r="A29349" s="2" t="s">
        <v>17762</v>
      </c>
      <c r="B29349" s="6">
        <v>488594.24999999994</v>
      </c>
      <c r="C29349" s="7">
        <f t="shared" si="458"/>
        <v>488.59424999999993</v>
      </c>
    </row>
    <row r="29350" spans="1:3" x14ac:dyDescent="0.25">
      <c r="A29350" s="2" t="s">
        <v>17763</v>
      </c>
      <c r="B29350" s="6">
        <v>488610.89999999997</v>
      </c>
      <c r="C29350" s="7">
        <f t="shared" si="458"/>
        <v>488.61089999999996</v>
      </c>
    </row>
    <row r="29351" spans="1:3" x14ac:dyDescent="0.25">
      <c r="A29351" s="2" t="s">
        <v>17764</v>
      </c>
      <c r="B29351" s="6">
        <v>488627.54999999993</v>
      </c>
      <c r="C29351" s="7">
        <f t="shared" si="458"/>
        <v>488.62754999999993</v>
      </c>
    </row>
    <row r="29352" spans="1:3" x14ac:dyDescent="0.25">
      <c r="A29352" s="2" t="s">
        <v>17765</v>
      </c>
      <c r="B29352" s="6">
        <v>488644.19999999995</v>
      </c>
      <c r="C29352" s="7">
        <f t="shared" si="458"/>
        <v>488.64419999999996</v>
      </c>
    </row>
    <row r="29353" spans="1:3" x14ac:dyDescent="0.25">
      <c r="A29353" s="2" t="s">
        <v>17766</v>
      </c>
      <c r="B29353" s="6">
        <v>488660.85</v>
      </c>
      <c r="C29353" s="7">
        <f t="shared" si="458"/>
        <v>488.66084999999998</v>
      </c>
    </row>
    <row r="29354" spans="1:3" x14ac:dyDescent="0.25">
      <c r="A29354" s="2" t="s">
        <v>17767</v>
      </c>
      <c r="B29354" s="6">
        <v>488677.49999999994</v>
      </c>
      <c r="C29354" s="7">
        <f t="shared" si="458"/>
        <v>488.67749999999995</v>
      </c>
    </row>
    <row r="29355" spans="1:3" x14ac:dyDescent="0.25">
      <c r="A29355" s="2" t="s">
        <v>17768</v>
      </c>
      <c r="B29355" s="6">
        <v>488694.14999999997</v>
      </c>
      <c r="C29355" s="7">
        <f t="shared" si="458"/>
        <v>488.69414999999998</v>
      </c>
    </row>
    <row r="29356" spans="1:3" x14ac:dyDescent="0.25">
      <c r="A29356" s="2" t="s">
        <v>17769</v>
      </c>
      <c r="B29356" s="6">
        <v>488710.79999999993</v>
      </c>
      <c r="C29356" s="7">
        <f t="shared" si="458"/>
        <v>488.71079999999995</v>
      </c>
    </row>
    <row r="29357" spans="1:3" x14ac:dyDescent="0.25">
      <c r="A29357" s="2" t="s">
        <v>17770</v>
      </c>
      <c r="B29357" s="6">
        <v>488727.44999999995</v>
      </c>
      <c r="C29357" s="7">
        <f t="shared" si="458"/>
        <v>488.72744999999998</v>
      </c>
    </row>
    <row r="29358" spans="1:3" x14ac:dyDescent="0.25">
      <c r="A29358" s="2" t="s">
        <v>17771</v>
      </c>
      <c r="B29358" s="6">
        <v>488744.1</v>
      </c>
      <c r="C29358" s="7">
        <f t="shared" si="458"/>
        <v>488.7441</v>
      </c>
    </row>
    <row r="29359" spans="1:3" x14ac:dyDescent="0.25">
      <c r="A29359" s="2" t="s">
        <v>17772</v>
      </c>
      <c r="B29359" s="6">
        <v>488760.74999999994</v>
      </c>
      <c r="C29359" s="7">
        <f t="shared" si="458"/>
        <v>488.76074999999992</v>
      </c>
    </row>
    <row r="29360" spans="1:3" x14ac:dyDescent="0.25">
      <c r="A29360" s="2" t="s">
        <v>17773</v>
      </c>
      <c r="B29360" s="6">
        <v>488777.39999999997</v>
      </c>
      <c r="C29360" s="7">
        <f t="shared" si="458"/>
        <v>488.77739999999994</v>
      </c>
    </row>
    <row r="29361" spans="1:3" x14ac:dyDescent="0.25">
      <c r="A29361" s="2" t="s">
        <v>17774</v>
      </c>
      <c r="B29361" s="6">
        <v>488794.04999999993</v>
      </c>
      <c r="C29361" s="7">
        <f t="shared" si="458"/>
        <v>488.79404999999991</v>
      </c>
    </row>
    <row r="29362" spans="1:3" x14ac:dyDescent="0.25">
      <c r="A29362" s="2" t="s">
        <v>17775</v>
      </c>
      <c r="B29362" s="6">
        <v>488810.69999999995</v>
      </c>
      <c r="C29362" s="7">
        <f t="shared" si="458"/>
        <v>488.81069999999994</v>
      </c>
    </row>
    <row r="29363" spans="1:3" x14ac:dyDescent="0.25">
      <c r="A29363" s="2" t="s">
        <v>17776</v>
      </c>
      <c r="B29363" s="6">
        <v>488827.35</v>
      </c>
      <c r="C29363" s="7">
        <f t="shared" si="458"/>
        <v>488.82734999999997</v>
      </c>
    </row>
    <row r="29364" spans="1:3" x14ac:dyDescent="0.25">
      <c r="A29364" s="2" t="s">
        <v>17777</v>
      </c>
      <c r="B29364" s="6">
        <v>488843.99999999994</v>
      </c>
      <c r="C29364" s="7">
        <f t="shared" si="458"/>
        <v>488.84399999999994</v>
      </c>
    </row>
    <row r="29365" spans="1:3" x14ac:dyDescent="0.25">
      <c r="A29365" s="2" t="s">
        <v>17778</v>
      </c>
      <c r="B29365" s="6">
        <v>488860.64999999997</v>
      </c>
      <c r="C29365" s="7">
        <f t="shared" si="458"/>
        <v>488.86064999999996</v>
      </c>
    </row>
    <row r="29366" spans="1:3" x14ac:dyDescent="0.25">
      <c r="A29366" s="2" t="s">
        <v>17779</v>
      </c>
      <c r="B29366" s="6">
        <v>488877.29999999993</v>
      </c>
      <c r="C29366" s="7">
        <f t="shared" si="458"/>
        <v>488.87729999999993</v>
      </c>
    </row>
    <row r="29367" spans="1:3" x14ac:dyDescent="0.25">
      <c r="A29367" s="2" t="s">
        <v>17780</v>
      </c>
      <c r="B29367" s="6">
        <v>488893.94999999995</v>
      </c>
      <c r="C29367" s="7">
        <f t="shared" si="458"/>
        <v>488.89394999999996</v>
      </c>
    </row>
    <row r="29368" spans="1:3" x14ac:dyDescent="0.25">
      <c r="A29368" s="2" t="s">
        <v>17781</v>
      </c>
      <c r="B29368" s="6">
        <v>488910.6</v>
      </c>
      <c r="C29368" s="7">
        <f t="shared" si="458"/>
        <v>488.91059999999999</v>
      </c>
    </row>
    <row r="29369" spans="1:3" x14ac:dyDescent="0.25">
      <c r="A29369" s="2" t="s">
        <v>17782</v>
      </c>
      <c r="B29369" s="6">
        <v>488927.24999999994</v>
      </c>
      <c r="C29369" s="7">
        <f t="shared" si="458"/>
        <v>488.92724999999996</v>
      </c>
    </row>
    <row r="29370" spans="1:3" x14ac:dyDescent="0.25">
      <c r="A29370" s="2" t="s">
        <v>17783</v>
      </c>
      <c r="B29370" s="6">
        <v>488943.89999999997</v>
      </c>
      <c r="C29370" s="7">
        <f t="shared" si="458"/>
        <v>488.94389999999999</v>
      </c>
    </row>
    <row r="29371" spans="1:3" x14ac:dyDescent="0.25">
      <c r="A29371" s="2" t="s">
        <v>17784</v>
      </c>
      <c r="B29371" s="6">
        <v>488960.54999999993</v>
      </c>
      <c r="C29371" s="7">
        <f t="shared" si="458"/>
        <v>488.96054999999996</v>
      </c>
    </row>
    <row r="29372" spans="1:3" x14ac:dyDescent="0.25">
      <c r="A29372" s="2" t="s">
        <v>17785</v>
      </c>
      <c r="B29372" s="6">
        <v>488977.19999999995</v>
      </c>
      <c r="C29372" s="7">
        <f t="shared" si="458"/>
        <v>488.97719999999993</v>
      </c>
    </row>
    <row r="29373" spans="1:3" x14ac:dyDescent="0.25">
      <c r="A29373" s="2" t="s">
        <v>17786</v>
      </c>
      <c r="B29373" s="6">
        <v>488993.85</v>
      </c>
      <c r="C29373" s="7">
        <f t="shared" si="458"/>
        <v>488.99384999999995</v>
      </c>
    </row>
    <row r="29374" spans="1:3" x14ac:dyDescent="0.25">
      <c r="A29374" s="2" t="s">
        <v>17787</v>
      </c>
      <c r="B29374" s="6">
        <v>489010.49999999994</v>
      </c>
      <c r="C29374" s="7">
        <f t="shared" si="458"/>
        <v>489.01049999999992</v>
      </c>
    </row>
    <row r="29375" spans="1:3" x14ac:dyDescent="0.25">
      <c r="A29375" s="2" t="s">
        <v>17788</v>
      </c>
      <c r="B29375" s="6">
        <v>489027.14999999997</v>
      </c>
      <c r="C29375" s="7">
        <f t="shared" si="458"/>
        <v>489.02714999999995</v>
      </c>
    </row>
    <row r="29376" spans="1:3" x14ac:dyDescent="0.25">
      <c r="A29376" s="2" t="s">
        <v>17789</v>
      </c>
      <c r="B29376" s="6">
        <v>489043.79999999993</v>
      </c>
      <c r="C29376" s="7">
        <f t="shared" si="458"/>
        <v>489.04379999999992</v>
      </c>
    </row>
    <row r="29377" spans="1:3" x14ac:dyDescent="0.25">
      <c r="A29377" s="2" t="s">
        <v>17790</v>
      </c>
      <c r="B29377" s="6">
        <v>489060.44999999995</v>
      </c>
      <c r="C29377" s="7">
        <f t="shared" si="458"/>
        <v>489.06044999999995</v>
      </c>
    </row>
    <row r="29378" spans="1:3" x14ac:dyDescent="0.25">
      <c r="A29378" s="2" t="s">
        <v>17791</v>
      </c>
      <c r="B29378" s="6">
        <v>489077.1</v>
      </c>
      <c r="C29378" s="7">
        <f t="shared" si="458"/>
        <v>489.07709999999997</v>
      </c>
    </row>
    <row r="29379" spans="1:3" x14ac:dyDescent="0.25">
      <c r="A29379" s="2" t="s">
        <v>17792</v>
      </c>
      <c r="B29379" s="6">
        <v>489093.74999999994</v>
      </c>
      <c r="C29379" s="7">
        <f t="shared" ref="C29379:C29442" si="459">B29379/1000</f>
        <v>489.09374999999994</v>
      </c>
    </row>
    <row r="29380" spans="1:3" x14ac:dyDescent="0.25">
      <c r="A29380" s="2" t="s">
        <v>17793</v>
      </c>
      <c r="B29380" s="6">
        <v>489110.39999999997</v>
      </c>
      <c r="C29380" s="7">
        <f t="shared" si="459"/>
        <v>489.11039999999997</v>
      </c>
    </row>
    <row r="29381" spans="1:3" x14ac:dyDescent="0.25">
      <c r="A29381" s="2" t="s">
        <v>17794</v>
      </c>
      <c r="B29381" s="6">
        <v>489127.04999999993</v>
      </c>
      <c r="C29381" s="7">
        <f t="shared" si="459"/>
        <v>489.12704999999994</v>
      </c>
    </row>
    <row r="29382" spans="1:3" x14ac:dyDescent="0.25">
      <c r="A29382" s="2" t="s">
        <v>17795</v>
      </c>
      <c r="B29382" s="6">
        <v>489143.69999999995</v>
      </c>
      <c r="C29382" s="7">
        <f t="shared" si="459"/>
        <v>489.14369999999997</v>
      </c>
    </row>
    <row r="29383" spans="1:3" x14ac:dyDescent="0.25">
      <c r="A29383" s="2" t="s">
        <v>17796</v>
      </c>
      <c r="B29383" s="6">
        <v>489160.35</v>
      </c>
      <c r="C29383" s="7">
        <f t="shared" si="459"/>
        <v>489.16034999999999</v>
      </c>
    </row>
    <row r="29384" spans="1:3" x14ac:dyDescent="0.25">
      <c r="A29384" s="2" t="s">
        <v>17797</v>
      </c>
      <c r="B29384" s="6">
        <v>489176.99999999994</v>
      </c>
      <c r="C29384" s="7">
        <f t="shared" si="459"/>
        <v>489.17699999999996</v>
      </c>
    </row>
    <row r="29385" spans="1:3" x14ac:dyDescent="0.25">
      <c r="A29385" s="2" t="s">
        <v>17798</v>
      </c>
      <c r="B29385" s="6">
        <v>489193.64999999997</v>
      </c>
      <c r="C29385" s="7">
        <f t="shared" si="459"/>
        <v>489.19364999999999</v>
      </c>
    </row>
    <row r="29386" spans="1:3" x14ac:dyDescent="0.25">
      <c r="A29386" s="2" t="s">
        <v>17799</v>
      </c>
      <c r="B29386" s="6">
        <v>489210.29999999993</v>
      </c>
      <c r="C29386" s="7">
        <f t="shared" si="459"/>
        <v>489.2102999999999</v>
      </c>
    </row>
    <row r="29387" spans="1:3" x14ac:dyDescent="0.25">
      <c r="A29387" s="2" t="s">
        <v>17800</v>
      </c>
      <c r="B29387" s="6">
        <v>489226.94999999995</v>
      </c>
      <c r="C29387" s="7">
        <f t="shared" si="459"/>
        <v>489.22694999999993</v>
      </c>
    </row>
    <row r="29388" spans="1:3" x14ac:dyDescent="0.25">
      <c r="A29388" s="2" t="s">
        <v>17801</v>
      </c>
      <c r="B29388" s="6">
        <v>489243.6</v>
      </c>
      <c r="C29388" s="7">
        <f t="shared" si="459"/>
        <v>489.24359999999996</v>
      </c>
    </row>
    <row r="29389" spans="1:3" x14ac:dyDescent="0.25">
      <c r="A29389" s="2" t="s">
        <v>17802</v>
      </c>
      <c r="B29389" s="6">
        <v>489260.24999999994</v>
      </c>
      <c r="C29389" s="7">
        <f t="shared" si="459"/>
        <v>489.26024999999993</v>
      </c>
    </row>
    <row r="29390" spans="1:3" x14ac:dyDescent="0.25">
      <c r="A29390" s="2" t="s">
        <v>17803</v>
      </c>
      <c r="B29390" s="6">
        <v>489276.89999999997</v>
      </c>
      <c r="C29390" s="7">
        <f t="shared" si="459"/>
        <v>489.27689999999996</v>
      </c>
    </row>
    <row r="29391" spans="1:3" x14ac:dyDescent="0.25">
      <c r="A29391" s="2" t="s">
        <v>17804</v>
      </c>
      <c r="B29391" s="6">
        <v>489293.54999999993</v>
      </c>
      <c r="C29391" s="7">
        <f t="shared" si="459"/>
        <v>489.29354999999993</v>
      </c>
    </row>
    <row r="29392" spans="1:3" x14ac:dyDescent="0.25">
      <c r="A29392" s="2" t="s">
        <v>17805</v>
      </c>
      <c r="B29392" s="6">
        <v>489310.19999999995</v>
      </c>
      <c r="C29392" s="7">
        <f t="shared" si="459"/>
        <v>489.31019999999995</v>
      </c>
    </row>
    <row r="29393" spans="1:3" x14ac:dyDescent="0.25">
      <c r="A29393" s="2" t="s">
        <v>17806</v>
      </c>
      <c r="B29393" s="6">
        <v>489326.85</v>
      </c>
      <c r="C29393" s="7">
        <f t="shared" si="459"/>
        <v>489.32684999999998</v>
      </c>
    </row>
    <row r="29394" spans="1:3" x14ac:dyDescent="0.25">
      <c r="A29394" s="2" t="s">
        <v>17807</v>
      </c>
      <c r="B29394" s="6">
        <v>489343.49999999994</v>
      </c>
      <c r="C29394" s="7">
        <f t="shared" si="459"/>
        <v>489.34349999999995</v>
      </c>
    </row>
    <row r="29395" spans="1:3" x14ac:dyDescent="0.25">
      <c r="A29395" s="2" t="s">
        <v>17808</v>
      </c>
      <c r="B29395" s="6">
        <v>489360.14999999997</v>
      </c>
      <c r="C29395" s="7">
        <f t="shared" si="459"/>
        <v>489.36014999999998</v>
      </c>
    </row>
    <row r="29396" spans="1:3" x14ac:dyDescent="0.25">
      <c r="A29396" s="2" t="s">
        <v>17809</v>
      </c>
      <c r="B29396" s="6">
        <v>489376.79999999993</v>
      </c>
      <c r="C29396" s="7">
        <f t="shared" si="459"/>
        <v>489.37679999999995</v>
      </c>
    </row>
    <row r="29397" spans="1:3" x14ac:dyDescent="0.25">
      <c r="A29397" s="2" t="s">
        <v>17810</v>
      </c>
      <c r="B29397" s="6">
        <v>489393.44999999995</v>
      </c>
      <c r="C29397" s="7">
        <f t="shared" si="459"/>
        <v>489.39344999999997</v>
      </c>
    </row>
    <row r="29398" spans="1:3" x14ac:dyDescent="0.25">
      <c r="A29398" s="2" t="s">
        <v>17811</v>
      </c>
      <c r="B29398" s="6">
        <v>489410.1</v>
      </c>
      <c r="C29398" s="7">
        <f t="shared" si="459"/>
        <v>489.4101</v>
      </c>
    </row>
    <row r="29399" spans="1:3" x14ac:dyDescent="0.25">
      <c r="A29399" s="2" t="s">
        <v>17812</v>
      </c>
      <c r="B29399" s="6">
        <v>489426.74999999994</v>
      </c>
      <c r="C29399" s="7">
        <f t="shared" si="459"/>
        <v>489.42674999999997</v>
      </c>
    </row>
    <row r="29400" spans="1:3" x14ac:dyDescent="0.25">
      <c r="A29400" s="2" t="s">
        <v>17813</v>
      </c>
      <c r="B29400" s="6">
        <v>489443.39999999997</v>
      </c>
      <c r="C29400" s="7">
        <f t="shared" si="459"/>
        <v>489.44339999999994</v>
      </c>
    </row>
    <row r="29401" spans="1:3" x14ac:dyDescent="0.25">
      <c r="A29401" s="2" t="s">
        <v>17814</v>
      </c>
      <c r="B29401" s="6">
        <v>489460.04999999993</v>
      </c>
      <c r="C29401" s="7">
        <f t="shared" si="459"/>
        <v>489.46004999999991</v>
      </c>
    </row>
    <row r="29402" spans="1:3" x14ac:dyDescent="0.25">
      <c r="A29402" s="2" t="s">
        <v>17815</v>
      </c>
      <c r="B29402" s="6">
        <v>489476.69999999995</v>
      </c>
      <c r="C29402" s="7">
        <f t="shared" si="459"/>
        <v>489.47669999999994</v>
      </c>
    </row>
    <row r="29403" spans="1:3" x14ac:dyDescent="0.25">
      <c r="A29403" s="2" t="s">
        <v>17816</v>
      </c>
      <c r="B29403" s="6">
        <v>489493.35</v>
      </c>
      <c r="C29403" s="7">
        <f t="shared" si="459"/>
        <v>489.49334999999996</v>
      </c>
    </row>
    <row r="29404" spans="1:3" x14ac:dyDescent="0.25">
      <c r="A29404" s="2" t="s">
        <v>17817</v>
      </c>
      <c r="B29404" s="6">
        <v>489509.99999999994</v>
      </c>
      <c r="C29404" s="7">
        <f t="shared" si="459"/>
        <v>489.50999999999993</v>
      </c>
    </row>
    <row r="29405" spans="1:3" x14ac:dyDescent="0.25">
      <c r="A29405" s="2" t="s">
        <v>17818</v>
      </c>
      <c r="B29405" s="6">
        <v>489526.64999999997</v>
      </c>
      <c r="C29405" s="7">
        <f t="shared" si="459"/>
        <v>489.52664999999996</v>
      </c>
    </row>
    <row r="29406" spans="1:3" x14ac:dyDescent="0.25">
      <c r="A29406" s="2" t="s">
        <v>17819</v>
      </c>
      <c r="B29406" s="6">
        <v>489543.29999999993</v>
      </c>
      <c r="C29406" s="7">
        <f t="shared" si="459"/>
        <v>489.54329999999993</v>
      </c>
    </row>
    <row r="29407" spans="1:3" x14ac:dyDescent="0.25">
      <c r="A29407" s="2" t="s">
        <v>17820</v>
      </c>
      <c r="B29407" s="6">
        <v>489559.94999999995</v>
      </c>
      <c r="C29407" s="7">
        <f t="shared" si="459"/>
        <v>489.55994999999996</v>
      </c>
    </row>
    <row r="29408" spans="1:3" x14ac:dyDescent="0.25">
      <c r="A29408" s="2" t="s">
        <v>17821</v>
      </c>
      <c r="B29408" s="6">
        <v>489576.6</v>
      </c>
      <c r="C29408" s="7">
        <f t="shared" si="459"/>
        <v>489.57659999999998</v>
      </c>
    </row>
    <row r="29409" spans="1:3" x14ac:dyDescent="0.25">
      <c r="A29409" s="2" t="s">
        <v>17822</v>
      </c>
      <c r="B29409" s="6">
        <v>489593.24999999994</v>
      </c>
      <c r="C29409" s="7">
        <f t="shared" si="459"/>
        <v>489.59324999999995</v>
      </c>
    </row>
    <row r="29410" spans="1:3" x14ac:dyDescent="0.25">
      <c r="A29410" s="2" t="s">
        <v>17823</v>
      </c>
      <c r="B29410" s="6">
        <v>489609.89999999997</v>
      </c>
      <c r="C29410" s="7">
        <f t="shared" si="459"/>
        <v>489.60989999999998</v>
      </c>
    </row>
    <row r="29411" spans="1:3" x14ac:dyDescent="0.25">
      <c r="A29411" s="2" t="s">
        <v>17824</v>
      </c>
      <c r="B29411" s="6">
        <v>489626.54999999993</v>
      </c>
      <c r="C29411" s="7">
        <f t="shared" si="459"/>
        <v>489.62654999999995</v>
      </c>
    </row>
    <row r="29412" spans="1:3" x14ac:dyDescent="0.25">
      <c r="A29412" s="2" t="s">
        <v>17825</v>
      </c>
      <c r="B29412" s="6">
        <v>489643.19999999995</v>
      </c>
      <c r="C29412" s="7">
        <f t="shared" si="459"/>
        <v>489.64319999999998</v>
      </c>
    </row>
    <row r="29413" spans="1:3" x14ac:dyDescent="0.25">
      <c r="A29413" s="2" t="s">
        <v>17826</v>
      </c>
      <c r="B29413" s="6">
        <v>489659.85</v>
      </c>
      <c r="C29413" s="7">
        <f t="shared" si="459"/>
        <v>489.65984999999995</v>
      </c>
    </row>
    <row r="29414" spans="1:3" x14ac:dyDescent="0.25">
      <c r="A29414" s="2" t="s">
        <v>17827</v>
      </c>
      <c r="B29414" s="6">
        <v>489676.49999999994</v>
      </c>
      <c r="C29414" s="7">
        <f t="shared" si="459"/>
        <v>489.67649999999992</v>
      </c>
    </row>
    <row r="29415" spans="1:3" x14ac:dyDescent="0.25">
      <c r="A29415" s="2" t="s">
        <v>17828</v>
      </c>
      <c r="B29415" s="6">
        <v>489693.14999999997</v>
      </c>
      <c r="C29415" s="7">
        <f t="shared" si="459"/>
        <v>489.69314999999995</v>
      </c>
    </row>
    <row r="29416" spans="1:3" x14ac:dyDescent="0.25">
      <c r="A29416" s="2" t="s">
        <v>17829</v>
      </c>
      <c r="B29416" s="6">
        <v>489709.79999999993</v>
      </c>
      <c r="C29416" s="7">
        <f t="shared" si="459"/>
        <v>489.70979999999992</v>
      </c>
    </row>
    <row r="29417" spans="1:3" x14ac:dyDescent="0.25">
      <c r="A29417" s="2" t="s">
        <v>17830</v>
      </c>
      <c r="B29417" s="6">
        <v>489726.44999999995</v>
      </c>
      <c r="C29417" s="7">
        <f t="shared" si="459"/>
        <v>489.72644999999994</v>
      </c>
    </row>
    <row r="29418" spans="1:3" x14ac:dyDescent="0.25">
      <c r="A29418" s="2" t="s">
        <v>17831</v>
      </c>
      <c r="B29418" s="6">
        <v>489743.1</v>
      </c>
      <c r="C29418" s="7">
        <f t="shared" si="459"/>
        <v>489.74309999999997</v>
      </c>
    </row>
    <row r="29419" spans="1:3" x14ac:dyDescent="0.25">
      <c r="A29419" s="2" t="s">
        <v>17832</v>
      </c>
      <c r="B29419" s="6">
        <v>489759.74999999994</v>
      </c>
      <c r="C29419" s="7">
        <f t="shared" si="459"/>
        <v>489.75974999999994</v>
      </c>
    </row>
    <row r="29420" spans="1:3" x14ac:dyDescent="0.25">
      <c r="A29420" s="2" t="s">
        <v>17833</v>
      </c>
      <c r="B29420" s="6">
        <v>489776.39999999997</v>
      </c>
      <c r="C29420" s="7">
        <f t="shared" si="459"/>
        <v>489.77639999999997</v>
      </c>
    </row>
    <row r="29421" spans="1:3" x14ac:dyDescent="0.25">
      <c r="A29421" s="2" t="s">
        <v>17834</v>
      </c>
      <c r="B29421" s="6">
        <v>489793.04999999993</v>
      </c>
      <c r="C29421" s="7">
        <f t="shared" si="459"/>
        <v>489.79304999999994</v>
      </c>
    </row>
    <row r="29422" spans="1:3" x14ac:dyDescent="0.25">
      <c r="A29422" s="2" t="s">
        <v>17835</v>
      </c>
      <c r="B29422" s="6">
        <v>489809.69999999995</v>
      </c>
      <c r="C29422" s="7">
        <f t="shared" si="459"/>
        <v>489.80969999999996</v>
      </c>
    </row>
    <row r="29423" spans="1:3" x14ac:dyDescent="0.25">
      <c r="A29423" s="2" t="s">
        <v>17836</v>
      </c>
      <c r="B29423" s="6">
        <v>489826.35</v>
      </c>
      <c r="C29423" s="7">
        <f t="shared" si="459"/>
        <v>489.82634999999999</v>
      </c>
    </row>
    <row r="29424" spans="1:3" x14ac:dyDescent="0.25">
      <c r="A29424" s="2" t="s">
        <v>17837</v>
      </c>
      <c r="B29424" s="6">
        <v>489842.99999999994</v>
      </c>
      <c r="C29424" s="7">
        <f t="shared" si="459"/>
        <v>489.84299999999996</v>
      </c>
    </row>
    <row r="29425" spans="1:3" x14ac:dyDescent="0.25">
      <c r="A29425" s="2" t="s">
        <v>17838</v>
      </c>
      <c r="B29425" s="6">
        <v>489859.64999999997</v>
      </c>
      <c r="C29425" s="7">
        <f t="shared" si="459"/>
        <v>489.85964999999999</v>
      </c>
    </row>
    <row r="29426" spans="1:3" x14ac:dyDescent="0.25">
      <c r="A29426" s="2" t="s">
        <v>17839</v>
      </c>
      <c r="B29426" s="6">
        <v>489876.29999999993</v>
      </c>
      <c r="C29426" s="7">
        <f t="shared" si="459"/>
        <v>489.87629999999996</v>
      </c>
    </row>
    <row r="29427" spans="1:3" x14ac:dyDescent="0.25">
      <c r="A29427" s="2" t="s">
        <v>17840</v>
      </c>
      <c r="B29427" s="6">
        <v>489892.94999999995</v>
      </c>
      <c r="C29427" s="7">
        <f t="shared" si="459"/>
        <v>489.89294999999993</v>
      </c>
    </row>
    <row r="29428" spans="1:3" x14ac:dyDescent="0.25">
      <c r="A29428" s="2" t="s">
        <v>17841</v>
      </c>
      <c r="B29428" s="6">
        <v>489909.6</v>
      </c>
      <c r="C29428" s="7">
        <f t="shared" si="459"/>
        <v>489.90959999999995</v>
      </c>
    </row>
    <row r="29429" spans="1:3" x14ac:dyDescent="0.25">
      <c r="A29429" s="2" t="s">
        <v>17842</v>
      </c>
      <c r="B29429" s="6">
        <v>489926.24999999994</v>
      </c>
      <c r="C29429" s="7">
        <f t="shared" si="459"/>
        <v>489.92624999999992</v>
      </c>
    </row>
    <row r="29430" spans="1:3" x14ac:dyDescent="0.25">
      <c r="A29430" s="2" t="s">
        <v>17843</v>
      </c>
      <c r="B29430" s="6">
        <v>489942.89999999997</v>
      </c>
      <c r="C29430" s="7">
        <f t="shared" si="459"/>
        <v>489.94289999999995</v>
      </c>
    </row>
    <row r="29431" spans="1:3" x14ac:dyDescent="0.25">
      <c r="A29431" s="2" t="s">
        <v>17844</v>
      </c>
      <c r="B29431" s="6">
        <v>489959.54999999993</v>
      </c>
      <c r="C29431" s="7">
        <f t="shared" si="459"/>
        <v>489.95954999999992</v>
      </c>
    </row>
    <row r="29432" spans="1:3" x14ac:dyDescent="0.25">
      <c r="A29432" s="2" t="s">
        <v>17845</v>
      </c>
      <c r="B29432" s="6">
        <v>489976.19999999995</v>
      </c>
      <c r="C29432" s="7">
        <f t="shared" si="459"/>
        <v>489.97619999999995</v>
      </c>
    </row>
    <row r="29433" spans="1:3" x14ac:dyDescent="0.25">
      <c r="A29433" s="2" t="s">
        <v>17846</v>
      </c>
      <c r="B29433" s="6">
        <v>489992.85</v>
      </c>
      <c r="C29433" s="7">
        <f t="shared" si="459"/>
        <v>489.99284999999998</v>
      </c>
    </row>
    <row r="29434" spans="1:3" x14ac:dyDescent="0.25">
      <c r="A29434" s="2" t="s">
        <v>17847</v>
      </c>
      <c r="B29434" s="6">
        <v>490009.49999999994</v>
      </c>
      <c r="C29434" s="7">
        <f t="shared" si="459"/>
        <v>490.00949999999995</v>
      </c>
    </row>
    <row r="29435" spans="1:3" x14ac:dyDescent="0.25">
      <c r="A29435" s="2" t="s">
        <v>17848</v>
      </c>
      <c r="B29435" s="6">
        <v>490026.14999999997</v>
      </c>
      <c r="C29435" s="7">
        <f t="shared" si="459"/>
        <v>490.02614999999997</v>
      </c>
    </row>
    <row r="29436" spans="1:3" x14ac:dyDescent="0.25">
      <c r="A29436" s="2" t="s">
        <v>17849</v>
      </c>
      <c r="B29436" s="6">
        <v>490042.79999999993</v>
      </c>
      <c r="C29436" s="7">
        <f t="shared" si="459"/>
        <v>490.04279999999994</v>
      </c>
    </row>
    <row r="29437" spans="1:3" x14ac:dyDescent="0.25">
      <c r="A29437" s="2" t="s">
        <v>17850</v>
      </c>
      <c r="B29437" s="6">
        <v>490059.44999999995</v>
      </c>
      <c r="C29437" s="7">
        <f t="shared" si="459"/>
        <v>490.05944999999997</v>
      </c>
    </row>
    <row r="29438" spans="1:3" x14ac:dyDescent="0.25">
      <c r="A29438" s="2" t="s">
        <v>17851</v>
      </c>
      <c r="B29438" s="6">
        <v>490076.1</v>
      </c>
      <c r="C29438" s="7">
        <f t="shared" si="459"/>
        <v>490.0761</v>
      </c>
    </row>
    <row r="29439" spans="1:3" x14ac:dyDescent="0.25">
      <c r="A29439" s="2" t="s">
        <v>17852</v>
      </c>
      <c r="B29439" s="6">
        <v>490092.74999999994</v>
      </c>
      <c r="C29439" s="7">
        <f t="shared" si="459"/>
        <v>490.09274999999997</v>
      </c>
    </row>
    <row r="29440" spans="1:3" x14ac:dyDescent="0.25">
      <c r="A29440" s="2" t="s">
        <v>17853</v>
      </c>
      <c r="B29440" s="6">
        <v>490109.39999999997</v>
      </c>
      <c r="C29440" s="7">
        <f t="shared" si="459"/>
        <v>490.10939999999994</v>
      </c>
    </row>
    <row r="29441" spans="1:3" x14ac:dyDescent="0.25">
      <c r="A29441" s="2" t="s">
        <v>17854</v>
      </c>
      <c r="B29441" s="6">
        <v>490126.04999999993</v>
      </c>
      <c r="C29441" s="7">
        <f t="shared" si="459"/>
        <v>490.12604999999991</v>
      </c>
    </row>
    <row r="29442" spans="1:3" x14ac:dyDescent="0.25">
      <c r="A29442" s="2" t="s">
        <v>17855</v>
      </c>
      <c r="B29442" s="6">
        <v>490142.69999999995</v>
      </c>
      <c r="C29442" s="7">
        <f t="shared" si="459"/>
        <v>490.14269999999993</v>
      </c>
    </row>
    <row r="29443" spans="1:3" x14ac:dyDescent="0.25">
      <c r="A29443" s="2" t="s">
        <v>17856</v>
      </c>
      <c r="B29443" s="6">
        <v>490159.35</v>
      </c>
      <c r="C29443" s="7">
        <f t="shared" ref="C29443:C29506" si="460">B29443/1000</f>
        <v>490.15934999999996</v>
      </c>
    </row>
    <row r="29444" spans="1:3" x14ac:dyDescent="0.25">
      <c r="A29444" s="2" t="s">
        <v>17857</v>
      </c>
      <c r="B29444" s="6">
        <v>490175.99999999994</v>
      </c>
      <c r="C29444" s="7">
        <f t="shared" si="460"/>
        <v>490.17599999999993</v>
      </c>
    </row>
    <row r="29445" spans="1:3" x14ac:dyDescent="0.25">
      <c r="A29445" s="2" t="s">
        <v>17858</v>
      </c>
      <c r="B29445" s="6">
        <v>490192.64999999997</v>
      </c>
      <c r="C29445" s="7">
        <f t="shared" si="460"/>
        <v>490.19264999999996</v>
      </c>
    </row>
    <row r="29446" spans="1:3" x14ac:dyDescent="0.25">
      <c r="A29446" s="2" t="s">
        <v>17859</v>
      </c>
      <c r="B29446" s="6">
        <v>490209.29999999993</v>
      </c>
      <c r="C29446" s="7">
        <f t="shared" si="460"/>
        <v>490.20929999999993</v>
      </c>
    </row>
    <row r="29447" spans="1:3" x14ac:dyDescent="0.25">
      <c r="A29447" s="2" t="s">
        <v>17860</v>
      </c>
      <c r="B29447" s="6">
        <v>490225.94999999995</v>
      </c>
      <c r="C29447" s="7">
        <f t="shared" si="460"/>
        <v>490.22594999999995</v>
      </c>
    </row>
    <row r="29448" spans="1:3" x14ac:dyDescent="0.25">
      <c r="A29448" s="2" t="s">
        <v>17861</v>
      </c>
      <c r="B29448" s="6">
        <v>490242.6</v>
      </c>
      <c r="C29448" s="7">
        <f t="shared" si="460"/>
        <v>490.24259999999998</v>
      </c>
    </row>
    <row r="29449" spans="1:3" x14ac:dyDescent="0.25">
      <c r="A29449" s="2" t="s">
        <v>17862</v>
      </c>
      <c r="B29449" s="6">
        <v>490259.24999999994</v>
      </c>
      <c r="C29449" s="7">
        <f t="shared" si="460"/>
        <v>490.25924999999995</v>
      </c>
    </row>
    <row r="29450" spans="1:3" x14ac:dyDescent="0.25">
      <c r="A29450" s="2" t="s">
        <v>17863</v>
      </c>
      <c r="B29450" s="6">
        <v>490275.89999999997</v>
      </c>
      <c r="C29450" s="7">
        <f t="shared" si="460"/>
        <v>490.27589999999998</v>
      </c>
    </row>
    <row r="29451" spans="1:3" x14ac:dyDescent="0.25">
      <c r="A29451" s="2" t="s">
        <v>17864</v>
      </c>
      <c r="B29451" s="6">
        <v>490292.54999999993</v>
      </c>
      <c r="C29451" s="7">
        <f t="shared" si="460"/>
        <v>490.29254999999995</v>
      </c>
    </row>
    <row r="29452" spans="1:3" x14ac:dyDescent="0.25">
      <c r="A29452" s="2" t="s">
        <v>17865</v>
      </c>
      <c r="B29452" s="6">
        <v>490309.19999999995</v>
      </c>
      <c r="C29452" s="7">
        <f t="shared" si="460"/>
        <v>490.30919999999998</v>
      </c>
    </row>
    <row r="29453" spans="1:3" x14ac:dyDescent="0.25">
      <c r="A29453" s="2" t="s">
        <v>17866</v>
      </c>
      <c r="B29453" s="6">
        <v>490325.85</v>
      </c>
      <c r="C29453" s="7">
        <f t="shared" si="460"/>
        <v>490.32585</v>
      </c>
    </row>
    <row r="29454" spans="1:3" x14ac:dyDescent="0.25">
      <c r="A29454" s="2" t="s">
        <v>17867</v>
      </c>
      <c r="B29454" s="6">
        <v>490342.49999999994</v>
      </c>
      <c r="C29454" s="7">
        <f t="shared" si="460"/>
        <v>490.34249999999992</v>
      </c>
    </row>
    <row r="29455" spans="1:3" x14ac:dyDescent="0.25">
      <c r="A29455" s="2" t="s">
        <v>17868</v>
      </c>
      <c r="B29455" s="6">
        <v>490359.14999999997</v>
      </c>
      <c r="C29455" s="7">
        <f t="shared" si="460"/>
        <v>490.35914999999994</v>
      </c>
    </row>
    <row r="29456" spans="1:3" x14ac:dyDescent="0.25">
      <c r="A29456" s="2" t="s">
        <v>17869</v>
      </c>
      <c r="B29456" s="6">
        <v>490375.79999999993</v>
      </c>
      <c r="C29456" s="7">
        <f t="shared" si="460"/>
        <v>490.37579999999991</v>
      </c>
    </row>
    <row r="29457" spans="1:3" x14ac:dyDescent="0.25">
      <c r="A29457" s="2" t="s">
        <v>17870</v>
      </c>
      <c r="B29457" s="6">
        <v>490392.44999999995</v>
      </c>
      <c r="C29457" s="7">
        <f t="shared" si="460"/>
        <v>490.39244999999994</v>
      </c>
    </row>
    <row r="29458" spans="1:3" x14ac:dyDescent="0.25">
      <c r="A29458" s="2" t="s">
        <v>17871</v>
      </c>
      <c r="B29458" s="6">
        <v>490409.1</v>
      </c>
      <c r="C29458" s="7">
        <f t="shared" si="460"/>
        <v>490.40909999999997</v>
      </c>
    </row>
    <row r="29459" spans="1:3" x14ac:dyDescent="0.25">
      <c r="A29459" s="2" t="s">
        <v>17872</v>
      </c>
      <c r="B29459" s="6">
        <v>490425.74999999994</v>
      </c>
      <c r="C29459" s="7">
        <f t="shared" si="460"/>
        <v>490.42574999999994</v>
      </c>
    </row>
    <row r="29460" spans="1:3" x14ac:dyDescent="0.25">
      <c r="A29460" s="2" t="s">
        <v>17873</v>
      </c>
      <c r="B29460" s="6">
        <v>490442.39999999997</v>
      </c>
      <c r="C29460" s="7">
        <f t="shared" si="460"/>
        <v>490.44239999999996</v>
      </c>
    </row>
    <row r="29461" spans="1:3" x14ac:dyDescent="0.25">
      <c r="A29461" s="2" t="s">
        <v>17874</v>
      </c>
      <c r="B29461" s="6">
        <v>490459.04999999993</v>
      </c>
      <c r="C29461" s="7">
        <f t="shared" si="460"/>
        <v>490.45904999999993</v>
      </c>
    </row>
    <row r="29462" spans="1:3" x14ac:dyDescent="0.25">
      <c r="A29462" s="2" t="s">
        <v>17875</v>
      </c>
      <c r="B29462" s="6">
        <v>490475.69999999995</v>
      </c>
      <c r="C29462" s="7">
        <f t="shared" si="460"/>
        <v>490.47569999999996</v>
      </c>
    </row>
    <row r="29463" spans="1:3" x14ac:dyDescent="0.25">
      <c r="A29463" s="2" t="s">
        <v>17876</v>
      </c>
      <c r="B29463" s="6">
        <v>490492.35</v>
      </c>
      <c r="C29463" s="7">
        <f t="shared" si="460"/>
        <v>490.49234999999999</v>
      </c>
    </row>
    <row r="29464" spans="1:3" x14ac:dyDescent="0.25">
      <c r="A29464" s="2" t="s">
        <v>17877</v>
      </c>
      <c r="B29464" s="6">
        <v>490508.99999999994</v>
      </c>
      <c r="C29464" s="7">
        <f t="shared" si="460"/>
        <v>490.50899999999996</v>
      </c>
    </row>
    <row r="29465" spans="1:3" x14ac:dyDescent="0.25">
      <c r="A29465" s="2" t="s">
        <v>17878</v>
      </c>
      <c r="B29465" s="6">
        <v>490525.64999999997</v>
      </c>
      <c r="C29465" s="7">
        <f t="shared" si="460"/>
        <v>490.52564999999998</v>
      </c>
    </row>
    <row r="29466" spans="1:3" x14ac:dyDescent="0.25">
      <c r="A29466" s="2" t="s">
        <v>17879</v>
      </c>
      <c r="B29466" s="6">
        <v>490542.29999999993</v>
      </c>
      <c r="C29466" s="7">
        <f t="shared" si="460"/>
        <v>490.54229999999995</v>
      </c>
    </row>
    <row r="29467" spans="1:3" x14ac:dyDescent="0.25">
      <c r="A29467" s="2" t="s">
        <v>17880</v>
      </c>
      <c r="B29467" s="6">
        <v>490558.94999999995</v>
      </c>
      <c r="C29467" s="7">
        <f t="shared" si="460"/>
        <v>490.55894999999998</v>
      </c>
    </row>
    <row r="29468" spans="1:3" x14ac:dyDescent="0.25">
      <c r="A29468" s="2" t="s">
        <v>17881</v>
      </c>
      <c r="B29468" s="6">
        <v>490575.6</v>
      </c>
      <c r="C29468" s="7">
        <f t="shared" si="460"/>
        <v>490.57559999999995</v>
      </c>
    </row>
    <row r="29469" spans="1:3" x14ac:dyDescent="0.25">
      <c r="A29469" s="2" t="s">
        <v>17882</v>
      </c>
      <c r="B29469" s="6">
        <v>490592.24999999994</v>
      </c>
      <c r="C29469" s="7">
        <f t="shared" si="460"/>
        <v>490.59224999999992</v>
      </c>
    </row>
    <row r="29470" spans="1:3" x14ac:dyDescent="0.25">
      <c r="A29470" s="2" t="s">
        <v>17883</v>
      </c>
      <c r="B29470" s="6">
        <v>490608.89999999997</v>
      </c>
      <c r="C29470" s="7">
        <f t="shared" si="460"/>
        <v>490.60889999999995</v>
      </c>
    </row>
    <row r="29471" spans="1:3" x14ac:dyDescent="0.25">
      <c r="A29471" s="2" t="s">
        <v>17884</v>
      </c>
      <c r="B29471" s="6">
        <v>490625.54999999993</v>
      </c>
      <c r="C29471" s="7">
        <f t="shared" si="460"/>
        <v>490.62554999999992</v>
      </c>
    </row>
    <row r="29472" spans="1:3" x14ac:dyDescent="0.25">
      <c r="A29472" s="2" t="s">
        <v>17885</v>
      </c>
      <c r="B29472" s="6">
        <v>490642.19999999995</v>
      </c>
      <c r="C29472" s="7">
        <f t="shared" si="460"/>
        <v>490.64219999999995</v>
      </c>
    </row>
    <row r="29473" spans="1:3" x14ac:dyDescent="0.25">
      <c r="A29473" s="2" t="s">
        <v>17886</v>
      </c>
      <c r="B29473" s="6">
        <v>490658.85</v>
      </c>
      <c r="C29473" s="7">
        <f t="shared" si="460"/>
        <v>490.65884999999997</v>
      </c>
    </row>
    <row r="29474" spans="1:3" x14ac:dyDescent="0.25">
      <c r="A29474" s="2" t="s">
        <v>17887</v>
      </c>
      <c r="B29474" s="6">
        <v>490675.49999999994</v>
      </c>
      <c r="C29474" s="7">
        <f t="shared" si="460"/>
        <v>490.67549999999994</v>
      </c>
    </row>
    <row r="29475" spans="1:3" x14ac:dyDescent="0.25">
      <c r="A29475" s="2" t="s">
        <v>17888</v>
      </c>
      <c r="B29475" s="6">
        <v>490692.14999999997</v>
      </c>
      <c r="C29475" s="7">
        <f t="shared" si="460"/>
        <v>490.69214999999997</v>
      </c>
    </row>
    <row r="29476" spans="1:3" x14ac:dyDescent="0.25">
      <c r="A29476" s="2" t="s">
        <v>17889</v>
      </c>
      <c r="B29476" s="6">
        <v>490708.79999999993</v>
      </c>
      <c r="C29476" s="7">
        <f t="shared" si="460"/>
        <v>490.70879999999994</v>
      </c>
    </row>
    <row r="29477" spans="1:3" x14ac:dyDescent="0.25">
      <c r="A29477" s="2" t="s">
        <v>17890</v>
      </c>
      <c r="B29477" s="6">
        <v>490725.44999999995</v>
      </c>
      <c r="C29477" s="7">
        <f t="shared" si="460"/>
        <v>490.72544999999997</v>
      </c>
    </row>
    <row r="29478" spans="1:3" x14ac:dyDescent="0.25">
      <c r="A29478" s="2" t="s">
        <v>17891</v>
      </c>
      <c r="B29478" s="6">
        <v>490742.1</v>
      </c>
      <c r="C29478" s="7">
        <f t="shared" si="460"/>
        <v>490.74209999999999</v>
      </c>
    </row>
    <row r="29479" spans="1:3" x14ac:dyDescent="0.25">
      <c r="A29479" s="2" t="s">
        <v>17892</v>
      </c>
      <c r="B29479" s="6">
        <v>490758.74999999994</v>
      </c>
      <c r="C29479" s="7">
        <f t="shared" si="460"/>
        <v>490.75874999999996</v>
      </c>
    </row>
    <row r="29480" spans="1:3" x14ac:dyDescent="0.25">
      <c r="A29480" s="2" t="s">
        <v>17893</v>
      </c>
      <c r="B29480" s="6">
        <v>490775.39999999997</v>
      </c>
      <c r="C29480" s="7">
        <f t="shared" si="460"/>
        <v>490.77539999999999</v>
      </c>
    </row>
    <row r="29481" spans="1:3" x14ac:dyDescent="0.25">
      <c r="A29481" s="2" t="s">
        <v>17894</v>
      </c>
      <c r="B29481" s="6">
        <v>490792.04999999993</v>
      </c>
      <c r="C29481" s="7">
        <f t="shared" si="460"/>
        <v>490.7920499999999</v>
      </c>
    </row>
    <row r="29482" spans="1:3" x14ac:dyDescent="0.25">
      <c r="A29482" s="2" t="s">
        <v>17895</v>
      </c>
      <c r="B29482" s="6">
        <v>490808.69999999995</v>
      </c>
      <c r="C29482" s="7">
        <f t="shared" si="460"/>
        <v>490.80869999999993</v>
      </c>
    </row>
    <row r="29483" spans="1:3" x14ac:dyDescent="0.25">
      <c r="A29483" s="2" t="s">
        <v>17896</v>
      </c>
      <c r="B29483" s="6">
        <v>490825.35</v>
      </c>
      <c r="C29483" s="7">
        <f t="shared" si="460"/>
        <v>490.82534999999996</v>
      </c>
    </row>
    <row r="29484" spans="1:3" x14ac:dyDescent="0.25">
      <c r="A29484" s="2" t="s">
        <v>17897</v>
      </c>
      <c r="B29484" s="6">
        <v>490841.99999999994</v>
      </c>
      <c r="C29484" s="7">
        <f t="shared" si="460"/>
        <v>490.84199999999993</v>
      </c>
    </row>
    <row r="29485" spans="1:3" x14ac:dyDescent="0.25">
      <c r="A29485" s="2" t="s">
        <v>17898</v>
      </c>
      <c r="B29485" s="6">
        <v>490858.64999999997</v>
      </c>
      <c r="C29485" s="7">
        <f t="shared" si="460"/>
        <v>490.85864999999995</v>
      </c>
    </row>
    <row r="29486" spans="1:3" x14ac:dyDescent="0.25">
      <c r="A29486" s="2" t="s">
        <v>17899</v>
      </c>
      <c r="B29486" s="6">
        <v>490875.29999999993</v>
      </c>
      <c r="C29486" s="7">
        <f t="shared" si="460"/>
        <v>490.87529999999992</v>
      </c>
    </row>
    <row r="29487" spans="1:3" x14ac:dyDescent="0.25">
      <c r="A29487" s="2" t="s">
        <v>17900</v>
      </c>
      <c r="B29487" s="6">
        <v>490891.94999999995</v>
      </c>
      <c r="C29487" s="7">
        <f t="shared" si="460"/>
        <v>490.89194999999995</v>
      </c>
    </row>
    <row r="29488" spans="1:3" x14ac:dyDescent="0.25">
      <c r="A29488" s="2" t="s">
        <v>17901</v>
      </c>
      <c r="B29488" s="6">
        <v>490908.6</v>
      </c>
      <c r="C29488" s="7">
        <f t="shared" si="460"/>
        <v>490.90859999999998</v>
      </c>
    </row>
    <row r="29489" spans="1:3" x14ac:dyDescent="0.25">
      <c r="A29489" s="2" t="s">
        <v>17902</v>
      </c>
      <c r="B29489" s="6">
        <v>490925.24999999994</v>
      </c>
      <c r="C29489" s="7">
        <f t="shared" si="460"/>
        <v>490.92524999999995</v>
      </c>
    </row>
    <row r="29490" spans="1:3" x14ac:dyDescent="0.25">
      <c r="A29490" s="2" t="s">
        <v>17903</v>
      </c>
      <c r="B29490" s="6">
        <v>490941.89999999997</v>
      </c>
      <c r="C29490" s="7">
        <f t="shared" si="460"/>
        <v>490.94189999999998</v>
      </c>
    </row>
    <row r="29491" spans="1:3" x14ac:dyDescent="0.25">
      <c r="A29491" s="2" t="s">
        <v>17904</v>
      </c>
      <c r="B29491" s="6">
        <v>490958.54999999993</v>
      </c>
      <c r="C29491" s="7">
        <f t="shared" si="460"/>
        <v>490.95854999999995</v>
      </c>
    </row>
    <row r="29492" spans="1:3" x14ac:dyDescent="0.25">
      <c r="A29492" s="2" t="s">
        <v>17905</v>
      </c>
      <c r="B29492" s="6">
        <v>490975.19999999995</v>
      </c>
      <c r="C29492" s="7">
        <f t="shared" si="460"/>
        <v>490.97519999999997</v>
      </c>
    </row>
    <row r="29493" spans="1:3" x14ac:dyDescent="0.25">
      <c r="A29493" s="2" t="s">
        <v>17906</v>
      </c>
      <c r="B29493" s="6">
        <v>490991.85</v>
      </c>
      <c r="C29493" s="7">
        <f t="shared" si="460"/>
        <v>490.99185</v>
      </c>
    </row>
    <row r="29494" spans="1:3" x14ac:dyDescent="0.25">
      <c r="A29494" s="2" t="s">
        <v>17907</v>
      </c>
      <c r="B29494" s="6">
        <v>491008.49999999994</v>
      </c>
      <c r="C29494" s="7">
        <f t="shared" si="460"/>
        <v>491.00849999999997</v>
      </c>
    </row>
    <row r="29495" spans="1:3" x14ac:dyDescent="0.25">
      <c r="A29495" s="2" t="s">
        <v>17908</v>
      </c>
      <c r="B29495" s="6">
        <v>491025.14999999997</v>
      </c>
      <c r="C29495" s="7">
        <f t="shared" si="460"/>
        <v>491.02514999999994</v>
      </c>
    </row>
    <row r="29496" spans="1:3" x14ac:dyDescent="0.25">
      <c r="A29496" s="2" t="s">
        <v>17909</v>
      </c>
      <c r="B29496" s="6">
        <v>491041.79999999993</v>
      </c>
      <c r="C29496" s="7">
        <f t="shared" si="460"/>
        <v>491.04179999999991</v>
      </c>
    </row>
    <row r="29497" spans="1:3" x14ac:dyDescent="0.25">
      <c r="A29497" s="2" t="s">
        <v>17910</v>
      </c>
      <c r="B29497" s="6">
        <v>491058.44999999995</v>
      </c>
      <c r="C29497" s="7">
        <f t="shared" si="460"/>
        <v>491.05844999999994</v>
      </c>
    </row>
    <row r="29498" spans="1:3" x14ac:dyDescent="0.25">
      <c r="A29498" s="2" t="s">
        <v>17911</v>
      </c>
      <c r="B29498" s="6">
        <v>491075.1</v>
      </c>
      <c r="C29498" s="7">
        <f t="shared" si="460"/>
        <v>491.07509999999996</v>
      </c>
    </row>
    <row r="29499" spans="1:3" x14ac:dyDescent="0.25">
      <c r="A29499" s="2" t="s">
        <v>17912</v>
      </c>
      <c r="B29499" s="6">
        <v>491091.74999999994</v>
      </c>
      <c r="C29499" s="7">
        <f t="shared" si="460"/>
        <v>491.09174999999993</v>
      </c>
    </row>
    <row r="29500" spans="1:3" x14ac:dyDescent="0.25">
      <c r="A29500" s="2" t="s">
        <v>17913</v>
      </c>
      <c r="B29500" s="6">
        <v>491108.39999999997</v>
      </c>
      <c r="C29500" s="7">
        <f t="shared" si="460"/>
        <v>491.10839999999996</v>
      </c>
    </row>
    <row r="29501" spans="1:3" x14ac:dyDescent="0.25">
      <c r="A29501" s="2" t="s">
        <v>17914</v>
      </c>
      <c r="B29501" s="6">
        <v>491125.04999999993</v>
      </c>
      <c r="C29501" s="7">
        <f t="shared" si="460"/>
        <v>491.12504999999993</v>
      </c>
    </row>
    <row r="29502" spans="1:3" x14ac:dyDescent="0.25">
      <c r="A29502" s="2" t="s">
        <v>17915</v>
      </c>
      <c r="B29502" s="6">
        <v>491141.69999999995</v>
      </c>
      <c r="C29502" s="7">
        <f t="shared" si="460"/>
        <v>491.14169999999996</v>
      </c>
    </row>
    <row r="29503" spans="1:3" x14ac:dyDescent="0.25">
      <c r="A29503" s="2" t="s">
        <v>17916</v>
      </c>
      <c r="B29503" s="6">
        <v>491158.35</v>
      </c>
      <c r="C29503" s="7">
        <f t="shared" si="460"/>
        <v>491.15834999999998</v>
      </c>
    </row>
    <row r="29504" spans="1:3" x14ac:dyDescent="0.25">
      <c r="A29504" s="2" t="s">
        <v>17917</v>
      </c>
      <c r="B29504" s="6">
        <v>491174.99999999994</v>
      </c>
      <c r="C29504" s="7">
        <f t="shared" si="460"/>
        <v>491.17499999999995</v>
      </c>
    </row>
    <row r="29505" spans="1:3" x14ac:dyDescent="0.25">
      <c r="A29505" s="2" t="s">
        <v>17918</v>
      </c>
      <c r="B29505" s="6">
        <v>491191.64999999997</v>
      </c>
      <c r="C29505" s="7">
        <f t="shared" si="460"/>
        <v>491.19164999999998</v>
      </c>
    </row>
    <row r="29506" spans="1:3" x14ac:dyDescent="0.25">
      <c r="A29506" s="2" t="s">
        <v>17919</v>
      </c>
      <c r="B29506" s="6">
        <v>491208.29999999993</v>
      </c>
      <c r="C29506" s="7">
        <f t="shared" si="460"/>
        <v>491.20829999999995</v>
      </c>
    </row>
    <row r="29507" spans="1:3" x14ac:dyDescent="0.25">
      <c r="A29507" s="2" t="s">
        <v>17920</v>
      </c>
      <c r="B29507" s="6">
        <v>491224.94999999995</v>
      </c>
      <c r="C29507" s="7">
        <f t="shared" ref="C29507:C29570" si="461">B29507/1000</f>
        <v>491.22494999999998</v>
      </c>
    </row>
    <row r="29508" spans="1:3" x14ac:dyDescent="0.25">
      <c r="A29508" s="2" t="s">
        <v>17921</v>
      </c>
      <c r="B29508" s="6">
        <v>491241.6</v>
      </c>
      <c r="C29508" s="7">
        <f t="shared" si="461"/>
        <v>491.24159999999995</v>
      </c>
    </row>
    <row r="29509" spans="1:3" x14ac:dyDescent="0.25">
      <c r="A29509" s="2" t="s">
        <v>17922</v>
      </c>
      <c r="B29509" s="6">
        <v>491258.24999999994</v>
      </c>
      <c r="C29509" s="7">
        <f t="shared" si="461"/>
        <v>491.25824999999992</v>
      </c>
    </row>
    <row r="29510" spans="1:3" x14ac:dyDescent="0.25">
      <c r="A29510" s="2" t="s">
        <v>17923</v>
      </c>
      <c r="B29510" s="6">
        <v>491274.89999999997</v>
      </c>
      <c r="C29510" s="7">
        <f t="shared" si="461"/>
        <v>491.27489999999995</v>
      </c>
    </row>
    <row r="29511" spans="1:3" x14ac:dyDescent="0.25">
      <c r="A29511" s="2" t="s">
        <v>17924</v>
      </c>
      <c r="B29511" s="6">
        <v>491291.54999999993</v>
      </c>
      <c r="C29511" s="7">
        <f t="shared" si="461"/>
        <v>491.29154999999992</v>
      </c>
    </row>
    <row r="29512" spans="1:3" x14ac:dyDescent="0.25">
      <c r="A29512" s="2" t="s">
        <v>17925</v>
      </c>
      <c r="B29512" s="6">
        <v>491308.19999999995</v>
      </c>
      <c r="C29512" s="7">
        <f t="shared" si="461"/>
        <v>491.30819999999994</v>
      </c>
    </row>
    <row r="29513" spans="1:3" x14ac:dyDescent="0.25">
      <c r="A29513" s="2" t="s">
        <v>17926</v>
      </c>
      <c r="B29513" s="6">
        <v>491324.85</v>
      </c>
      <c r="C29513" s="7">
        <f t="shared" si="461"/>
        <v>491.32484999999997</v>
      </c>
    </row>
    <row r="29514" spans="1:3" x14ac:dyDescent="0.25">
      <c r="A29514" s="2" t="s">
        <v>17927</v>
      </c>
      <c r="B29514" s="6">
        <v>491341.49999999994</v>
      </c>
      <c r="C29514" s="7">
        <f t="shared" si="461"/>
        <v>491.34149999999994</v>
      </c>
    </row>
    <row r="29515" spans="1:3" x14ac:dyDescent="0.25">
      <c r="A29515" s="2" t="s">
        <v>17928</v>
      </c>
      <c r="B29515" s="6">
        <v>491358.14999999997</v>
      </c>
      <c r="C29515" s="7">
        <f t="shared" si="461"/>
        <v>491.35814999999997</v>
      </c>
    </row>
    <row r="29516" spans="1:3" x14ac:dyDescent="0.25">
      <c r="A29516" s="2" t="s">
        <v>17929</v>
      </c>
      <c r="B29516" s="6">
        <v>491374.79999999993</v>
      </c>
      <c r="C29516" s="7">
        <f t="shared" si="461"/>
        <v>491.37479999999994</v>
      </c>
    </row>
    <row r="29517" spans="1:3" x14ac:dyDescent="0.25">
      <c r="A29517" s="2" t="s">
        <v>17930</v>
      </c>
      <c r="B29517" s="6">
        <v>491391.44999999995</v>
      </c>
      <c r="C29517" s="7">
        <f t="shared" si="461"/>
        <v>491.39144999999996</v>
      </c>
    </row>
    <row r="29518" spans="1:3" x14ac:dyDescent="0.25">
      <c r="A29518" s="2" t="s">
        <v>17931</v>
      </c>
      <c r="B29518" s="6">
        <v>491408.1</v>
      </c>
      <c r="C29518" s="7">
        <f t="shared" si="461"/>
        <v>491.40809999999999</v>
      </c>
    </row>
    <row r="29519" spans="1:3" x14ac:dyDescent="0.25">
      <c r="A29519" s="2" t="s">
        <v>17932</v>
      </c>
      <c r="B29519" s="6">
        <v>491424.74999999994</v>
      </c>
      <c r="C29519" s="7">
        <f t="shared" si="461"/>
        <v>491.42474999999996</v>
      </c>
    </row>
    <row r="29520" spans="1:3" x14ac:dyDescent="0.25">
      <c r="A29520" s="2" t="s">
        <v>17933</v>
      </c>
      <c r="B29520" s="6">
        <v>491441.39999999997</v>
      </c>
      <c r="C29520" s="7">
        <f t="shared" si="461"/>
        <v>491.44139999999999</v>
      </c>
    </row>
    <row r="29521" spans="1:3" x14ac:dyDescent="0.25">
      <c r="A29521" s="2" t="s">
        <v>17934</v>
      </c>
      <c r="B29521" s="6">
        <v>491458.04999999993</v>
      </c>
      <c r="C29521" s="7">
        <f t="shared" si="461"/>
        <v>491.45804999999996</v>
      </c>
    </row>
    <row r="29522" spans="1:3" x14ac:dyDescent="0.25">
      <c r="A29522" s="2" t="s">
        <v>17935</v>
      </c>
      <c r="B29522" s="6">
        <v>491474.69999999995</v>
      </c>
      <c r="C29522" s="7">
        <f t="shared" si="461"/>
        <v>491.47469999999993</v>
      </c>
    </row>
    <row r="29523" spans="1:3" x14ac:dyDescent="0.25">
      <c r="A29523" s="2" t="s">
        <v>17936</v>
      </c>
      <c r="B29523" s="6">
        <v>491491.35</v>
      </c>
      <c r="C29523" s="7">
        <f t="shared" si="461"/>
        <v>491.49134999999995</v>
      </c>
    </row>
    <row r="29524" spans="1:3" x14ac:dyDescent="0.25">
      <c r="A29524" s="2" t="s">
        <v>17937</v>
      </c>
      <c r="B29524" s="6">
        <v>491507.99999999994</v>
      </c>
      <c r="C29524" s="7">
        <f t="shared" si="461"/>
        <v>491.50799999999992</v>
      </c>
    </row>
    <row r="29525" spans="1:3" x14ac:dyDescent="0.25">
      <c r="A29525" s="2" t="s">
        <v>17938</v>
      </c>
      <c r="B29525" s="6">
        <v>491524.64999999997</v>
      </c>
      <c r="C29525" s="7">
        <f t="shared" si="461"/>
        <v>491.52464999999995</v>
      </c>
    </row>
    <row r="29526" spans="1:3" x14ac:dyDescent="0.25">
      <c r="A29526" s="2" t="s">
        <v>17939</v>
      </c>
      <c r="B29526" s="6">
        <v>491541.29999999993</v>
      </c>
      <c r="C29526" s="7">
        <f t="shared" si="461"/>
        <v>491.54129999999992</v>
      </c>
    </row>
    <row r="29527" spans="1:3" x14ac:dyDescent="0.25">
      <c r="A29527" s="2" t="s">
        <v>17940</v>
      </c>
      <c r="B29527" s="6">
        <v>491557.94999999995</v>
      </c>
      <c r="C29527" s="7">
        <f t="shared" si="461"/>
        <v>491.55794999999995</v>
      </c>
    </row>
    <row r="29528" spans="1:3" x14ac:dyDescent="0.25">
      <c r="A29528" s="2" t="s">
        <v>17941</v>
      </c>
      <c r="B29528" s="6">
        <v>491574.6</v>
      </c>
      <c r="C29528" s="7">
        <f t="shared" si="461"/>
        <v>491.57459999999998</v>
      </c>
    </row>
    <row r="29529" spans="1:3" x14ac:dyDescent="0.25">
      <c r="A29529" s="2" t="s">
        <v>17942</v>
      </c>
      <c r="B29529" s="6">
        <v>491591.24999999994</v>
      </c>
      <c r="C29529" s="7">
        <f t="shared" si="461"/>
        <v>491.59124999999995</v>
      </c>
    </row>
    <row r="29530" spans="1:3" x14ac:dyDescent="0.25">
      <c r="A29530" s="2" t="s">
        <v>17943</v>
      </c>
      <c r="B29530" s="6">
        <v>491607.89999999997</v>
      </c>
      <c r="C29530" s="7">
        <f t="shared" si="461"/>
        <v>491.60789999999997</v>
      </c>
    </row>
    <row r="29531" spans="1:3" x14ac:dyDescent="0.25">
      <c r="A29531" s="2" t="s">
        <v>17944</v>
      </c>
      <c r="B29531" s="6">
        <v>491624.54999999993</v>
      </c>
      <c r="C29531" s="7">
        <f t="shared" si="461"/>
        <v>491.62454999999994</v>
      </c>
    </row>
    <row r="29532" spans="1:3" x14ac:dyDescent="0.25">
      <c r="A29532" s="2" t="s">
        <v>17945</v>
      </c>
      <c r="B29532" s="6">
        <v>491641.19999999995</v>
      </c>
      <c r="C29532" s="7">
        <f t="shared" si="461"/>
        <v>491.64119999999997</v>
      </c>
    </row>
    <row r="29533" spans="1:3" x14ac:dyDescent="0.25">
      <c r="A29533" s="2" t="s">
        <v>17946</v>
      </c>
      <c r="B29533" s="6">
        <v>491657.85</v>
      </c>
      <c r="C29533" s="7">
        <f t="shared" si="461"/>
        <v>491.65785</v>
      </c>
    </row>
    <row r="29534" spans="1:3" x14ac:dyDescent="0.25">
      <c r="A29534" s="2" t="s">
        <v>17947</v>
      </c>
      <c r="B29534" s="6">
        <v>491674.49999999994</v>
      </c>
      <c r="C29534" s="7">
        <f t="shared" si="461"/>
        <v>491.67449999999997</v>
      </c>
    </row>
    <row r="29535" spans="1:3" x14ac:dyDescent="0.25">
      <c r="A29535" s="2" t="s">
        <v>17948</v>
      </c>
      <c r="B29535" s="6">
        <v>491691.14999999997</v>
      </c>
      <c r="C29535" s="7">
        <f t="shared" si="461"/>
        <v>491.69114999999999</v>
      </c>
    </row>
    <row r="29536" spans="1:3" x14ac:dyDescent="0.25">
      <c r="A29536" s="2" t="s">
        <v>17949</v>
      </c>
      <c r="B29536" s="6">
        <v>491707.79999999993</v>
      </c>
      <c r="C29536" s="7">
        <f t="shared" si="461"/>
        <v>491.70779999999991</v>
      </c>
    </row>
    <row r="29537" spans="1:3" x14ac:dyDescent="0.25">
      <c r="A29537" s="2" t="s">
        <v>17950</v>
      </c>
      <c r="B29537" s="6">
        <v>491724.44999999995</v>
      </c>
      <c r="C29537" s="7">
        <f t="shared" si="461"/>
        <v>491.72444999999993</v>
      </c>
    </row>
    <row r="29538" spans="1:3" x14ac:dyDescent="0.25">
      <c r="A29538" s="2" t="s">
        <v>17951</v>
      </c>
      <c r="B29538" s="6">
        <v>491741.1</v>
      </c>
      <c r="C29538" s="7">
        <f t="shared" si="461"/>
        <v>491.74109999999996</v>
      </c>
    </row>
    <row r="29539" spans="1:3" x14ac:dyDescent="0.25">
      <c r="A29539" s="2" t="s">
        <v>17952</v>
      </c>
      <c r="B29539" s="6">
        <v>491757.74999999994</v>
      </c>
      <c r="C29539" s="7">
        <f t="shared" si="461"/>
        <v>491.75774999999993</v>
      </c>
    </row>
    <row r="29540" spans="1:3" x14ac:dyDescent="0.25">
      <c r="A29540" s="2" t="s">
        <v>17953</v>
      </c>
      <c r="B29540" s="6">
        <v>491774.39999999997</v>
      </c>
      <c r="C29540" s="7">
        <f t="shared" si="461"/>
        <v>491.77439999999996</v>
      </c>
    </row>
    <row r="29541" spans="1:3" x14ac:dyDescent="0.25">
      <c r="A29541" s="2" t="s">
        <v>17954</v>
      </c>
      <c r="B29541" s="6">
        <v>491791.04999999993</v>
      </c>
      <c r="C29541" s="7">
        <f t="shared" si="461"/>
        <v>491.79104999999993</v>
      </c>
    </row>
    <row r="29542" spans="1:3" x14ac:dyDescent="0.25">
      <c r="A29542" s="2" t="s">
        <v>17955</v>
      </c>
      <c r="B29542" s="6">
        <v>491807.69999999995</v>
      </c>
      <c r="C29542" s="7">
        <f t="shared" si="461"/>
        <v>491.80769999999995</v>
      </c>
    </row>
    <row r="29543" spans="1:3" x14ac:dyDescent="0.25">
      <c r="A29543" s="2" t="s">
        <v>17956</v>
      </c>
      <c r="B29543" s="6">
        <v>491824.35</v>
      </c>
      <c r="C29543" s="7">
        <f t="shared" si="461"/>
        <v>491.82434999999998</v>
      </c>
    </row>
    <row r="29544" spans="1:3" x14ac:dyDescent="0.25">
      <c r="A29544" s="2" t="s">
        <v>17957</v>
      </c>
      <c r="B29544" s="6">
        <v>491840.99999999994</v>
      </c>
      <c r="C29544" s="7">
        <f t="shared" si="461"/>
        <v>491.84099999999995</v>
      </c>
    </row>
    <row r="29545" spans="1:3" x14ac:dyDescent="0.25">
      <c r="A29545" s="2" t="s">
        <v>17958</v>
      </c>
      <c r="B29545" s="6">
        <v>491857.64999999997</v>
      </c>
      <c r="C29545" s="7">
        <f t="shared" si="461"/>
        <v>491.85764999999998</v>
      </c>
    </row>
    <row r="29546" spans="1:3" x14ac:dyDescent="0.25">
      <c r="A29546" s="2" t="s">
        <v>17959</v>
      </c>
      <c r="B29546" s="6">
        <v>491874.29999999993</v>
      </c>
      <c r="C29546" s="7">
        <f t="shared" si="461"/>
        <v>491.87429999999995</v>
      </c>
    </row>
    <row r="29547" spans="1:3" x14ac:dyDescent="0.25">
      <c r="A29547" s="2" t="s">
        <v>17960</v>
      </c>
      <c r="B29547" s="6">
        <v>491890.94999999995</v>
      </c>
      <c r="C29547" s="7">
        <f t="shared" si="461"/>
        <v>491.89094999999998</v>
      </c>
    </row>
    <row r="29548" spans="1:3" x14ac:dyDescent="0.25">
      <c r="A29548" s="2" t="s">
        <v>17961</v>
      </c>
      <c r="B29548" s="6">
        <v>491907.6</v>
      </c>
      <c r="C29548" s="7">
        <f t="shared" si="461"/>
        <v>491.9076</v>
      </c>
    </row>
    <row r="29549" spans="1:3" x14ac:dyDescent="0.25">
      <c r="A29549" s="2" t="s">
        <v>17962</v>
      </c>
      <c r="B29549" s="6">
        <v>491924.24999999994</v>
      </c>
      <c r="C29549" s="7">
        <f t="shared" si="461"/>
        <v>491.92424999999992</v>
      </c>
    </row>
    <row r="29550" spans="1:3" x14ac:dyDescent="0.25">
      <c r="A29550" s="2" t="s">
        <v>17963</v>
      </c>
      <c r="B29550" s="6">
        <v>491940.89999999997</v>
      </c>
      <c r="C29550" s="7">
        <f t="shared" si="461"/>
        <v>491.94089999999994</v>
      </c>
    </row>
    <row r="29551" spans="1:3" x14ac:dyDescent="0.25">
      <c r="A29551" s="2" t="s">
        <v>17964</v>
      </c>
      <c r="B29551" s="6">
        <v>491957.54999999993</v>
      </c>
      <c r="C29551" s="7">
        <f t="shared" si="461"/>
        <v>491.95754999999991</v>
      </c>
    </row>
    <row r="29552" spans="1:3" x14ac:dyDescent="0.25">
      <c r="A29552" s="2" t="s">
        <v>17965</v>
      </c>
      <c r="B29552" s="6">
        <v>491974.19999999995</v>
      </c>
      <c r="C29552" s="7">
        <f t="shared" si="461"/>
        <v>491.97419999999994</v>
      </c>
    </row>
    <row r="29553" spans="1:3" x14ac:dyDescent="0.25">
      <c r="A29553" s="2" t="s">
        <v>17966</v>
      </c>
      <c r="B29553" s="6">
        <v>491990.85</v>
      </c>
      <c r="C29553" s="7">
        <f t="shared" si="461"/>
        <v>491.99084999999997</v>
      </c>
    </row>
    <row r="29554" spans="1:3" x14ac:dyDescent="0.25">
      <c r="A29554" s="2" t="s">
        <v>17967</v>
      </c>
      <c r="B29554" s="6">
        <v>492007.49999999994</v>
      </c>
      <c r="C29554" s="7">
        <f t="shared" si="461"/>
        <v>492.00749999999994</v>
      </c>
    </row>
    <row r="29555" spans="1:3" x14ac:dyDescent="0.25">
      <c r="A29555" s="2" t="s">
        <v>17968</v>
      </c>
      <c r="B29555" s="6">
        <v>492024.14999999997</v>
      </c>
      <c r="C29555" s="7">
        <f t="shared" si="461"/>
        <v>492.02414999999996</v>
      </c>
    </row>
    <row r="29556" spans="1:3" x14ac:dyDescent="0.25">
      <c r="A29556" s="2" t="s">
        <v>17969</v>
      </c>
      <c r="B29556" s="6">
        <v>492040.79999999993</v>
      </c>
      <c r="C29556" s="7">
        <f t="shared" si="461"/>
        <v>492.04079999999993</v>
      </c>
    </row>
    <row r="29557" spans="1:3" x14ac:dyDescent="0.25">
      <c r="A29557" s="2" t="s">
        <v>17970</v>
      </c>
      <c r="B29557" s="6">
        <v>492057.44999999995</v>
      </c>
      <c r="C29557" s="7">
        <f t="shared" si="461"/>
        <v>492.05744999999996</v>
      </c>
    </row>
    <row r="29558" spans="1:3" x14ac:dyDescent="0.25">
      <c r="A29558" s="2" t="s">
        <v>17971</v>
      </c>
      <c r="B29558" s="6">
        <v>492074.1</v>
      </c>
      <c r="C29558" s="7">
        <f t="shared" si="461"/>
        <v>492.07409999999999</v>
      </c>
    </row>
    <row r="29559" spans="1:3" x14ac:dyDescent="0.25">
      <c r="A29559" s="2" t="s">
        <v>17972</v>
      </c>
      <c r="B29559" s="6">
        <v>492090.74999999994</v>
      </c>
      <c r="C29559" s="7">
        <f t="shared" si="461"/>
        <v>492.09074999999996</v>
      </c>
    </row>
    <row r="29560" spans="1:3" x14ac:dyDescent="0.25">
      <c r="A29560" s="2" t="s">
        <v>17973</v>
      </c>
      <c r="B29560" s="6">
        <v>492107.39999999997</v>
      </c>
      <c r="C29560" s="7">
        <f t="shared" si="461"/>
        <v>492.10739999999998</v>
      </c>
    </row>
    <row r="29561" spans="1:3" x14ac:dyDescent="0.25">
      <c r="A29561" s="2" t="s">
        <v>17974</v>
      </c>
      <c r="B29561" s="6">
        <v>492124.04999999993</v>
      </c>
      <c r="C29561" s="7">
        <f t="shared" si="461"/>
        <v>492.12404999999995</v>
      </c>
    </row>
    <row r="29562" spans="1:3" x14ac:dyDescent="0.25">
      <c r="A29562" s="2" t="s">
        <v>17975</v>
      </c>
      <c r="B29562" s="6">
        <v>492140.69999999995</v>
      </c>
      <c r="C29562" s="7">
        <f t="shared" si="461"/>
        <v>492.14069999999998</v>
      </c>
    </row>
    <row r="29563" spans="1:3" x14ac:dyDescent="0.25">
      <c r="A29563" s="2" t="s">
        <v>17976</v>
      </c>
      <c r="B29563" s="6">
        <v>492157.35</v>
      </c>
      <c r="C29563" s="7">
        <f t="shared" si="461"/>
        <v>492.15734999999995</v>
      </c>
    </row>
    <row r="29564" spans="1:3" x14ac:dyDescent="0.25">
      <c r="A29564" s="2" t="s">
        <v>17977</v>
      </c>
      <c r="B29564" s="6">
        <v>492173.99999999994</v>
      </c>
      <c r="C29564" s="7">
        <f t="shared" si="461"/>
        <v>492.17399999999992</v>
      </c>
    </row>
    <row r="29565" spans="1:3" x14ac:dyDescent="0.25">
      <c r="A29565" s="2" t="s">
        <v>17978</v>
      </c>
      <c r="B29565" s="6">
        <v>492190.64999999997</v>
      </c>
      <c r="C29565" s="7">
        <f t="shared" si="461"/>
        <v>492.19064999999995</v>
      </c>
    </row>
    <row r="29566" spans="1:3" x14ac:dyDescent="0.25">
      <c r="A29566" s="2" t="s">
        <v>17979</v>
      </c>
      <c r="B29566" s="6">
        <v>492207.29999999993</v>
      </c>
      <c r="C29566" s="7">
        <f t="shared" si="461"/>
        <v>492.20729999999992</v>
      </c>
    </row>
    <row r="29567" spans="1:3" x14ac:dyDescent="0.25">
      <c r="A29567" s="2" t="s">
        <v>17980</v>
      </c>
      <c r="B29567" s="6">
        <v>492223.94999999995</v>
      </c>
      <c r="C29567" s="7">
        <f t="shared" si="461"/>
        <v>492.22394999999995</v>
      </c>
    </row>
    <row r="29568" spans="1:3" x14ac:dyDescent="0.25">
      <c r="A29568" s="2" t="s">
        <v>17981</v>
      </c>
      <c r="B29568" s="6">
        <v>492240.6</v>
      </c>
      <c r="C29568" s="7">
        <f t="shared" si="461"/>
        <v>492.24059999999997</v>
      </c>
    </row>
    <row r="29569" spans="1:3" x14ac:dyDescent="0.25">
      <c r="A29569" s="2" t="s">
        <v>17982</v>
      </c>
      <c r="B29569" s="6">
        <v>492257.24999999994</v>
      </c>
      <c r="C29569" s="7">
        <f t="shared" si="461"/>
        <v>492.25724999999994</v>
      </c>
    </row>
    <row r="29570" spans="1:3" x14ac:dyDescent="0.25">
      <c r="A29570" s="2" t="s">
        <v>17983</v>
      </c>
      <c r="B29570" s="6">
        <v>492273.89999999997</v>
      </c>
      <c r="C29570" s="7">
        <f t="shared" si="461"/>
        <v>492.27389999999997</v>
      </c>
    </row>
    <row r="29571" spans="1:3" x14ac:dyDescent="0.25">
      <c r="A29571" s="2" t="s">
        <v>17984</v>
      </c>
      <c r="B29571" s="6">
        <v>492290.54999999993</v>
      </c>
      <c r="C29571" s="7">
        <f t="shared" ref="C29571:C29634" si="462">B29571/1000</f>
        <v>492.29054999999994</v>
      </c>
    </row>
    <row r="29572" spans="1:3" x14ac:dyDescent="0.25">
      <c r="A29572" s="2" t="s">
        <v>17985</v>
      </c>
      <c r="B29572" s="6">
        <v>492307.19999999995</v>
      </c>
      <c r="C29572" s="7">
        <f t="shared" si="462"/>
        <v>492.30719999999997</v>
      </c>
    </row>
    <row r="29573" spans="1:3" x14ac:dyDescent="0.25">
      <c r="A29573" s="2" t="s">
        <v>17986</v>
      </c>
      <c r="B29573" s="6">
        <v>492323.85</v>
      </c>
      <c r="C29573" s="7">
        <f t="shared" si="462"/>
        <v>492.32384999999999</v>
      </c>
    </row>
    <row r="29574" spans="1:3" x14ac:dyDescent="0.25">
      <c r="A29574" s="2" t="s">
        <v>17987</v>
      </c>
      <c r="B29574" s="6">
        <v>492340.49999999994</v>
      </c>
      <c r="C29574" s="7">
        <f t="shared" si="462"/>
        <v>492.34049999999996</v>
      </c>
    </row>
    <row r="29575" spans="1:3" x14ac:dyDescent="0.25">
      <c r="A29575" s="2" t="s">
        <v>17988</v>
      </c>
      <c r="B29575" s="6">
        <v>492357.14999999997</v>
      </c>
      <c r="C29575" s="7">
        <f t="shared" si="462"/>
        <v>492.35714999999999</v>
      </c>
    </row>
    <row r="29576" spans="1:3" x14ac:dyDescent="0.25">
      <c r="A29576" s="2" t="s">
        <v>17989</v>
      </c>
      <c r="B29576" s="6">
        <v>492373.79999999993</v>
      </c>
      <c r="C29576" s="7">
        <f t="shared" si="462"/>
        <v>492.3737999999999</v>
      </c>
    </row>
    <row r="29577" spans="1:3" x14ac:dyDescent="0.25">
      <c r="A29577" s="2" t="s">
        <v>17990</v>
      </c>
      <c r="B29577" s="6">
        <v>492390.44999999995</v>
      </c>
      <c r="C29577" s="7">
        <f t="shared" si="462"/>
        <v>492.39044999999993</v>
      </c>
    </row>
    <row r="29578" spans="1:3" x14ac:dyDescent="0.25">
      <c r="A29578" s="2" t="s">
        <v>17991</v>
      </c>
      <c r="B29578" s="6">
        <v>492407.1</v>
      </c>
      <c r="C29578" s="7">
        <f t="shared" si="462"/>
        <v>492.40709999999996</v>
      </c>
    </row>
    <row r="29579" spans="1:3" x14ac:dyDescent="0.25">
      <c r="A29579" s="2" t="s">
        <v>17992</v>
      </c>
      <c r="B29579" s="6">
        <v>492423.74999999994</v>
      </c>
      <c r="C29579" s="7">
        <f t="shared" si="462"/>
        <v>492.42374999999993</v>
      </c>
    </row>
    <row r="29580" spans="1:3" x14ac:dyDescent="0.25">
      <c r="A29580" s="2" t="s">
        <v>17993</v>
      </c>
      <c r="B29580" s="6">
        <v>492440.39999999997</v>
      </c>
      <c r="C29580" s="7">
        <f t="shared" si="462"/>
        <v>492.44039999999995</v>
      </c>
    </row>
    <row r="29581" spans="1:3" x14ac:dyDescent="0.25">
      <c r="A29581" s="2" t="s">
        <v>17994</v>
      </c>
      <c r="B29581" s="6">
        <v>492457.04999999993</v>
      </c>
      <c r="C29581" s="7">
        <f t="shared" si="462"/>
        <v>492.45704999999992</v>
      </c>
    </row>
    <row r="29582" spans="1:3" x14ac:dyDescent="0.25">
      <c r="A29582" s="2" t="s">
        <v>17995</v>
      </c>
      <c r="B29582" s="6">
        <v>492473.69999999995</v>
      </c>
      <c r="C29582" s="7">
        <f t="shared" si="462"/>
        <v>492.47369999999995</v>
      </c>
    </row>
    <row r="29583" spans="1:3" x14ac:dyDescent="0.25">
      <c r="A29583" s="2" t="s">
        <v>17996</v>
      </c>
      <c r="B29583" s="6">
        <v>492490.35</v>
      </c>
      <c r="C29583" s="7">
        <f t="shared" si="462"/>
        <v>492.49034999999998</v>
      </c>
    </row>
    <row r="29584" spans="1:3" x14ac:dyDescent="0.25">
      <c r="A29584" s="2" t="s">
        <v>17997</v>
      </c>
      <c r="B29584" s="6">
        <v>492506.99999999994</v>
      </c>
      <c r="C29584" s="7">
        <f t="shared" si="462"/>
        <v>492.50699999999995</v>
      </c>
    </row>
    <row r="29585" spans="1:3" x14ac:dyDescent="0.25">
      <c r="A29585" s="2" t="s">
        <v>17998</v>
      </c>
      <c r="B29585" s="6">
        <v>492523.64999999997</v>
      </c>
      <c r="C29585" s="7">
        <f t="shared" si="462"/>
        <v>492.52364999999998</v>
      </c>
    </row>
    <row r="29586" spans="1:3" x14ac:dyDescent="0.25">
      <c r="A29586" s="2" t="s">
        <v>17999</v>
      </c>
      <c r="B29586" s="6">
        <v>492540.29999999993</v>
      </c>
      <c r="C29586" s="7">
        <f t="shared" si="462"/>
        <v>492.54029999999995</v>
      </c>
    </row>
    <row r="29587" spans="1:3" x14ac:dyDescent="0.25">
      <c r="A29587" s="2" t="s">
        <v>18000</v>
      </c>
      <c r="B29587" s="6">
        <v>492556.94999999995</v>
      </c>
      <c r="C29587" s="7">
        <f t="shared" si="462"/>
        <v>492.55694999999997</v>
      </c>
    </row>
    <row r="29588" spans="1:3" x14ac:dyDescent="0.25">
      <c r="A29588" s="2" t="s">
        <v>18001</v>
      </c>
      <c r="B29588" s="6">
        <v>492573.6</v>
      </c>
      <c r="C29588" s="7">
        <f t="shared" si="462"/>
        <v>492.5736</v>
      </c>
    </row>
    <row r="29589" spans="1:3" x14ac:dyDescent="0.25">
      <c r="A29589" s="2" t="s">
        <v>18002</v>
      </c>
      <c r="B29589" s="6">
        <v>492590.24999999994</v>
      </c>
      <c r="C29589" s="7">
        <f t="shared" si="462"/>
        <v>492.59024999999997</v>
      </c>
    </row>
    <row r="29590" spans="1:3" x14ac:dyDescent="0.25">
      <c r="A29590" s="2" t="s">
        <v>18003</v>
      </c>
      <c r="B29590" s="6">
        <v>492606.89999999997</v>
      </c>
      <c r="C29590" s="7">
        <f t="shared" si="462"/>
        <v>492.60689999999994</v>
      </c>
    </row>
    <row r="29591" spans="1:3" x14ac:dyDescent="0.25">
      <c r="A29591" s="2" t="s">
        <v>18004</v>
      </c>
      <c r="B29591" s="6">
        <v>492623.54999999993</v>
      </c>
      <c r="C29591" s="7">
        <f t="shared" si="462"/>
        <v>492.62354999999991</v>
      </c>
    </row>
    <row r="29592" spans="1:3" x14ac:dyDescent="0.25">
      <c r="A29592" s="2" t="s">
        <v>18005</v>
      </c>
      <c r="B29592" s="6">
        <v>492640.19999999995</v>
      </c>
      <c r="C29592" s="7">
        <f t="shared" si="462"/>
        <v>492.64019999999994</v>
      </c>
    </row>
    <row r="29593" spans="1:3" x14ac:dyDescent="0.25">
      <c r="A29593" s="2" t="s">
        <v>18006</v>
      </c>
      <c r="B29593" s="6">
        <v>492656.85</v>
      </c>
      <c r="C29593" s="7">
        <f t="shared" si="462"/>
        <v>492.65684999999996</v>
      </c>
    </row>
    <row r="29594" spans="1:3" x14ac:dyDescent="0.25">
      <c r="A29594" s="2" t="s">
        <v>18007</v>
      </c>
      <c r="B29594" s="6">
        <v>492673.49999999994</v>
      </c>
      <c r="C29594" s="7">
        <f t="shared" si="462"/>
        <v>492.67349999999993</v>
      </c>
    </row>
    <row r="29595" spans="1:3" x14ac:dyDescent="0.25">
      <c r="A29595" s="2" t="s">
        <v>18008</v>
      </c>
      <c r="B29595" s="6">
        <v>492690.14999999997</v>
      </c>
      <c r="C29595" s="7">
        <f t="shared" si="462"/>
        <v>492.69014999999996</v>
      </c>
    </row>
    <row r="29596" spans="1:3" x14ac:dyDescent="0.25">
      <c r="A29596" s="2" t="s">
        <v>18009</v>
      </c>
      <c r="B29596" s="6">
        <v>492706.79999999993</v>
      </c>
      <c r="C29596" s="7">
        <f t="shared" si="462"/>
        <v>492.70679999999993</v>
      </c>
    </row>
    <row r="29597" spans="1:3" x14ac:dyDescent="0.25">
      <c r="A29597" s="2" t="s">
        <v>18010</v>
      </c>
      <c r="B29597" s="6">
        <v>492723.44999999995</v>
      </c>
      <c r="C29597" s="7">
        <f t="shared" si="462"/>
        <v>492.72344999999996</v>
      </c>
    </row>
    <row r="29598" spans="1:3" x14ac:dyDescent="0.25">
      <c r="A29598" s="2" t="s">
        <v>18011</v>
      </c>
      <c r="B29598" s="6">
        <v>492740.1</v>
      </c>
      <c r="C29598" s="7">
        <f t="shared" si="462"/>
        <v>492.74009999999998</v>
      </c>
    </row>
    <row r="29599" spans="1:3" x14ac:dyDescent="0.25">
      <c r="A29599" s="2" t="s">
        <v>18012</v>
      </c>
      <c r="B29599" s="6">
        <v>492756.74999999994</v>
      </c>
      <c r="C29599" s="7">
        <f t="shared" si="462"/>
        <v>492.75674999999995</v>
      </c>
    </row>
    <row r="29600" spans="1:3" x14ac:dyDescent="0.25">
      <c r="A29600" s="2" t="s">
        <v>18013</v>
      </c>
      <c r="B29600" s="6">
        <v>492773.39999999997</v>
      </c>
      <c r="C29600" s="7">
        <f t="shared" si="462"/>
        <v>492.77339999999998</v>
      </c>
    </row>
    <row r="29601" spans="1:3" x14ac:dyDescent="0.25">
      <c r="A29601" s="2" t="s">
        <v>18014</v>
      </c>
      <c r="B29601" s="6">
        <v>492790.04999999993</v>
      </c>
      <c r="C29601" s="7">
        <f t="shared" si="462"/>
        <v>492.79004999999995</v>
      </c>
    </row>
    <row r="29602" spans="1:3" x14ac:dyDescent="0.25">
      <c r="A29602" s="2" t="s">
        <v>18015</v>
      </c>
      <c r="B29602" s="6">
        <v>492806.69999999995</v>
      </c>
      <c r="C29602" s="7">
        <f t="shared" si="462"/>
        <v>492.80669999999998</v>
      </c>
    </row>
    <row r="29603" spans="1:3" x14ac:dyDescent="0.25">
      <c r="A29603" s="2" t="s">
        <v>18016</v>
      </c>
      <c r="B29603" s="6">
        <v>492823.35</v>
      </c>
      <c r="C29603" s="7">
        <f t="shared" si="462"/>
        <v>492.82335</v>
      </c>
    </row>
    <row r="29604" spans="1:3" x14ac:dyDescent="0.25">
      <c r="A29604" s="2" t="s">
        <v>18017</v>
      </c>
      <c r="B29604" s="6">
        <v>492839.99999999994</v>
      </c>
      <c r="C29604" s="7">
        <f t="shared" si="462"/>
        <v>492.83999999999992</v>
      </c>
    </row>
    <row r="29605" spans="1:3" x14ac:dyDescent="0.25">
      <c r="A29605" s="2" t="s">
        <v>18018</v>
      </c>
      <c r="B29605" s="6">
        <v>492856.64999999997</v>
      </c>
      <c r="C29605" s="7">
        <f t="shared" si="462"/>
        <v>492.85664999999995</v>
      </c>
    </row>
    <row r="29606" spans="1:3" x14ac:dyDescent="0.25">
      <c r="A29606" s="2" t="s">
        <v>18019</v>
      </c>
      <c r="B29606" s="6">
        <v>492873.29999999993</v>
      </c>
      <c r="C29606" s="7">
        <f t="shared" si="462"/>
        <v>492.87329999999992</v>
      </c>
    </row>
    <row r="29607" spans="1:3" x14ac:dyDescent="0.25">
      <c r="A29607" s="2" t="s">
        <v>18020</v>
      </c>
      <c r="B29607" s="6">
        <v>492889.94999999995</v>
      </c>
      <c r="C29607" s="7">
        <f t="shared" si="462"/>
        <v>492.88994999999994</v>
      </c>
    </row>
    <row r="29608" spans="1:3" x14ac:dyDescent="0.25">
      <c r="A29608" s="2" t="s">
        <v>18021</v>
      </c>
      <c r="B29608" s="6">
        <v>492906.6</v>
      </c>
      <c r="C29608" s="7">
        <f t="shared" si="462"/>
        <v>492.90659999999997</v>
      </c>
    </row>
    <row r="29609" spans="1:3" x14ac:dyDescent="0.25">
      <c r="A29609" s="2" t="s">
        <v>18022</v>
      </c>
      <c r="B29609" s="6">
        <v>492923.24999999994</v>
      </c>
      <c r="C29609" s="7">
        <f t="shared" si="462"/>
        <v>492.92324999999994</v>
      </c>
    </row>
    <row r="29610" spans="1:3" x14ac:dyDescent="0.25">
      <c r="A29610" s="2" t="s">
        <v>18023</v>
      </c>
      <c r="B29610" s="6">
        <v>492939.89999999997</v>
      </c>
      <c r="C29610" s="7">
        <f t="shared" si="462"/>
        <v>492.93989999999997</v>
      </c>
    </row>
    <row r="29611" spans="1:3" x14ac:dyDescent="0.25">
      <c r="A29611" s="2" t="s">
        <v>18024</v>
      </c>
      <c r="B29611" s="6">
        <v>492956.54999999993</v>
      </c>
      <c r="C29611" s="7">
        <f t="shared" si="462"/>
        <v>492.95654999999994</v>
      </c>
    </row>
    <row r="29612" spans="1:3" x14ac:dyDescent="0.25">
      <c r="A29612" s="2" t="s">
        <v>18025</v>
      </c>
      <c r="B29612" s="6">
        <v>492973.19999999995</v>
      </c>
      <c r="C29612" s="7">
        <f t="shared" si="462"/>
        <v>492.97319999999996</v>
      </c>
    </row>
    <row r="29613" spans="1:3" x14ac:dyDescent="0.25">
      <c r="A29613" s="2" t="s">
        <v>18026</v>
      </c>
      <c r="B29613" s="6">
        <v>492989.85</v>
      </c>
      <c r="C29613" s="7">
        <f t="shared" si="462"/>
        <v>492.98984999999999</v>
      </c>
    </row>
    <row r="29614" spans="1:3" x14ac:dyDescent="0.25">
      <c r="A29614" s="2" t="s">
        <v>18027</v>
      </c>
      <c r="B29614" s="6">
        <v>493006.49999999994</v>
      </c>
      <c r="C29614" s="7">
        <f t="shared" si="462"/>
        <v>493.00649999999996</v>
      </c>
    </row>
    <row r="29615" spans="1:3" x14ac:dyDescent="0.25">
      <c r="A29615" s="2" t="s">
        <v>18028</v>
      </c>
      <c r="B29615" s="6">
        <v>493023.14999999997</v>
      </c>
      <c r="C29615" s="7">
        <f t="shared" si="462"/>
        <v>493.02314999999999</v>
      </c>
    </row>
    <row r="29616" spans="1:3" x14ac:dyDescent="0.25">
      <c r="A29616" s="2" t="s">
        <v>18029</v>
      </c>
      <c r="B29616" s="6">
        <v>493039.79999999993</v>
      </c>
      <c r="C29616" s="7">
        <f t="shared" si="462"/>
        <v>493.03979999999996</v>
      </c>
    </row>
    <row r="29617" spans="1:3" x14ac:dyDescent="0.25">
      <c r="A29617" s="2" t="s">
        <v>18030</v>
      </c>
      <c r="B29617" s="6">
        <v>493056.44999999995</v>
      </c>
      <c r="C29617" s="7">
        <f t="shared" si="462"/>
        <v>493.05644999999993</v>
      </c>
    </row>
    <row r="29618" spans="1:3" x14ac:dyDescent="0.25">
      <c r="A29618" s="2" t="s">
        <v>18031</v>
      </c>
      <c r="B29618" s="6">
        <v>493073.1</v>
      </c>
      <c r="C29618" s="7">
        <f t="shared" si="462"/>
        <v>493.07309999999995</v>
      </c>
    </row>
    <row r="29619" spans="1:3" x14ac:dyDescent="0.25">
      <c r="A29619" s="2" t="s">
        <v>18032</v>
      </c>
      <c r="B29619" s="6">
        <v>493089.74999999994</v>
      </c>
      <c r="C29619" s="7">
        <f t="shared" si="462"/>
        <v>493.08974999999992</v>
      </c>
    </row>
    <row r="29620" spans="1:3" x14ac:dyDescent="0.25">
      <c r="A29620" s="2" t="s">
        <v>18033</v>
      </c>
      <c r="B29620" s="6">
        <v>493106.39999999997</v>
      </c>
      <c r="C29620" s="7">
        <f t="shared" si="462"/>
        <v>493.10639999999995</v>
      </c>
    </row>
    <row r="29621" spans="1:3" x14ac:dyDescent="0.25">
      <c r="A29621" s="2" t="s">
        <v>18034</v>
      </c>
      <c r="B29621" s="6">
        <v>493123.04999999993</v>
      </c>
      <c r="C29621" s="7">
        <f t="shared" si="462"/>
        <v>493.12304999999992</v>
      </c>
    </row>
    <row r="29622" spans="1:3" x14ac:dyDescent="0.25">
      <c r="A29622" s="2" t="s">
        <v>18035</v>
      </c>
      <c r="B29622" s="6">
        <v>493139.69999999995</v>
      </c>
      <c r="C29622" s="7">
        <f t="shared" si="462"/>
        <v>493.13969999999995</v>
      </c>
    </row>
    <row r="29623" spans="1:3" x14ac:dyDescent="0.25">
      <c r="A29623" s="2" t="s">
        <v>18036</v>
      </c>
      <c r="B29623" s="6">
        <v>493156.35</v>
      </c>
      <c r="C29623" s="7">
        <f t="shared" si="462"/>
        <v>493.15634999999997</v>
      </c>
    </row>
    <row r="29624" spans="1:3" x14ac:dyDescent="0.25">
      <c r="A29624" s="2" t="s">
        <v>18037</v>
      </c>
      <c r="B29624" s="6">
        <v>493172.99999999994</v>
      </c>
      <c r="C29624" s="7">
        <f t="shared" si="462"/>
        <v>493.17299999999994</v>
      </c>
    </row>
    <row r="29625" spans="1:3" x14ac:dyDescent="0.25">
      <c r="A29625" s="2" t="s">
        <v>18038</v>
      </c>
      <c r="B29625" s="6">
        <v>493189.64999999997</v>
      </c>
      <c r="C29625" s="7">
        <f t="shared" si="462"/>
        <v>493.18964999999997</v>
      </c>
    </row>
    <row r="29626" spans="1:3" x14ac:dyDescent="0.25">
      <c r="A29626" s="2" t="s">
        <v>18039</v>
      </c>
      <c r="B29626" s="6">
        <v>493206.29999999993</v>
      </c>
      <c r="C29626" s="7">
        <f t="shared" si="462"/>
        <v>493.20629999999994</v>
      </c>
    </row>
    <row r="29627" spans="1:3" x14ac:dyDescent="0.25">
      <c r="A29627" s="2" t="s">
        <v>18040</v>
      </c>
      <c r="B29627" s="6">
        <v>493222.94999999995</v>
      </c>
      <c r="C29627" s="7">
        <f t="shared" si="462"/>
        <v>493.22294999999997</v>
      </c>
    </row>
    <row r="29628" spans="1:3" x14ac:dyDescent="0.25">
      <c r="A29628" s="2" t="s">
        <v>18041</v>
      </c>
      <c r="B29628" s="6">
        <v>493239.6</v>
      </c>
      <c r="C29628" s="7">
        <f t="shared" si="462"/>
        <v>493.2396</v>
      </c>
    </row>
    <row r="29629" spans="1:3" x14ac:dyDescent="0.25">
      <c r="A29629" s="2" t="s">
        <v>18042</v>
      </c>
      <c r="B29629" s="6">
        <v>493256.24999999994</v>
      </c>
      <c r="C29629" s="7">
        <f t="shared" si="462"/>
        <v>493.25624999999997</v>
      </c>
    </row>
    <row r="29630" spans="1:3" x14ac:dyDescent="0.25">
      <c r="A29630" s="2" t="s">
        <v>18043</v>
      </c>
      <c r="B29630" s="6">
        <v>493272.89999999997</v>
      </c>
      <c r="C29630" s="7">
        <f t="shared" si="462"/>
        <v>493.27289999999999</v>
      </c>
    </row>
    <row r="29631" spans="1:3" x14ac:dyDescent="0.25">
      <c r="A29631" s="2" t="s">
        <v>18044</v>
      </c>
      <c r="B29631" s="6">
        <v>493289.54999999993</v>
      </c>
      <c r="C29631" s="7">
        <f t="shared" si="462"/>
        <v>493.28954999999991</v>
      </c>
    </row>
    <row r="29632" spans="1:3" x14ac:dyDescent="0.25">
      <c r="A29632" s="2" t="s">
        <v>18045</v>
      </c>
      <c r="B29632" s="6">
        <v>493306.19999999995</v>
      </c>
      <c r="C29632" s="7">
        <f t="shared" si="462"/>
        <v>493.30619999999993</v>
      </c>
    </row>
    <row r="29633" spans="1:3" x14ac:dyDescent="0.25">
      <c r="A29633" s="2" t="s">
        <v>18046</v>
      </c>
      <c r="B29633" s="6">
        <v>493322.85</v>
      </c>
      <c r="C29633" s="7">
        <f t="shared" si="462"/>
        <v>493.32284999999996</v>
      </c>
    </row>
    <row r="29634" spans="1:3" x14ac:dyDescent="0.25">
      <c r="A29634" s="2" t="s">
        <v>18047</v>
      </c>
      <c r="B29634" s="6">
        <v>493339.49999999994</v>
      </c>
      <c r="C29634" s="7">
        <f t="shared" si="462"/>
        <v>493.33949999999993</v>
      </c>
    </row>
    <row r="29635" spans="1:3" x14ac:dyDescent="0.25">
      <c r="A29635" s="2" t="s">
        <v>18048</v>
      </c>
      <c r="B29635" s="6">
        <v>493356.14999999997</v>
      </c>
      <c r="C29635" s="7">
        <f t="shared" ref="C29635:C29698" si="463">B29635/1000</f>
        <v>493.35614999999996</v>
      </c>
    </row>
    <row r="29636" spans="1:3" x14ac:dyDescent="0.25">
      <c r="A29636" s="2" t="s">
        <v>18049</v>
      </c>
      <c r="B29636" s="6">
        <v>493372.79999999993</v>
      </c>
      <c r="C29636" s="7">
        <f t="shared" si="463"/>
        <v>493.37279999999993</v>
      </c>
    </row>
    <row r="29637" spans="1:3" x14ac:dyDescent="0.25">
      <c r="A29637" s="2" t="s">
        <v>18050</v>
      </c>
      <c r="B29637" s="6">
        <v>493389.44999999995</v>
      </c>
      <c r="C29637" s="7">
        <f t="shared" si="463"/>
        <v>493.38944999999995</v>
      </c>
    </row>
    <row r="29638" spans="1:3" x14ac:dyDescent="0.25">
      <c r="A29638" s="2" t="s">
        <v>18051</v>
      </c>
      <c r="B29638" s="6">
        <v>493406.1</v>
      </c>
      <c r="C29638" s="7">
        <f t="shared" si="463"/>
        <v>493.40609999999998</v>
      </c>
    </row>
    <row r="29639" spans="1:3" x14ac:dyDescent="0.25">
      <c r="A29639" s="2" t="s">
        <v>18052</v>
      </c>
      <c r="B29639" s="6">
        <v>493422.74999999994</v>
      </c>
      <c r="C29639" s="7">
        <f t="shared" si="463"/>
        <v>493.42274999999995</v>
      </c>
    </row>
    <row r="29640" spans="1:3" x14ac:dyDescent="0.25">
      <c r="A29640" s="2" t="s">
        <v>18053</v>
      </c>
      <c r="B29640" s="6">
        <v>493439.39999999997</v>
      </c>
      <c r="C29640" s="7">
        <f t="shared" si="463"/>
        <v>493.43939999999998</v>
      </c>
    </row>
    <row r="29641" spans="1:3" x14ac:dyDescent="0.25">
      <c r="A29641" s="2" t="s">
        <v>18054</v>
      </c>
      <c r="B29641" s="6">
        <v>493456.04999999993</v>
      </c>
      <c r="C29641" s="7">
        <f t="shared" si="463"/>
        <v>493.45604999999995</v>
      </c>
    </row>
    <row r="29642" spans="1:3" x14ac:dyDescent="0.25">
      <c r="A29642" s="2" t="s">
        <v>18055</v>
      </c>
      <c r="B29642" s="6">
        <v>493472.69999999995</v>
      </c>
      <c r="C29642" s="7">
        <f t="shared" si="463"/>
        <v>493.47269999999997</v>
      </c>
    </row>
    <row r="29643" spans="1:3" x14ac:dyDescent="0.25">
      <c r="A29643" s="2" t="s">
        <v>18056</v>
      </c>
      <c r="B29643" s="6">
        <v>493489.35</v>
      </c>
      <c r="C29643" s="7">
        <f t="shared" si="463"/>
        <v>493.48935</v>
      </c>
    </row>
    <row r="29644" spans="1:3" x14ac:dyDescent="0.25">
      <c r="A29644" s="2" t="s">
        <v>18057</v>
      </c>
      <c r="B29644" s="6">
        <v>493505.99999999994</v>
      </c>
      <c r="C29644" s="7">
        <f t="shared" si="463"/>
        <v>493.50599999999991</v>
      </c>
    </row>
    <row r="29645" spans="1:3" x14ac:dyDescent="0.25">
      <c r="A29645" s="2" t="s">
        <v>18058</v>
      </c>
      <c r="B29645" s="6">
        <v>493522.64999999997</v>
      </c>
      <c r="C29645" s="7">
        <f t="shared" si="463"/>
        <v>493.52264999999994</v>
      </c>
    </row>
    <row r="29646" spans="1:3" x14ac:dyDescent="0.25">
      <c r="A29646" s="2" t="s">
        <v>18059</v>
      </c>
      <c r="B29646" s="6">
        <v>493539.29999999993</v>
      </c>
      <c r="C29646" s="7">
        <f t="shared" si="463"/>
        <v>493.53929999999991</v>
      </c>
    </row>
    <row r="29647" spans="1:3" x14ac:dyDescent="0.25">
      <c r="A29647" s="2" t="s">
        <v>18060</v>
      </c>
      <c r="B29647" s="6">
        <v>493555.94999999995</v>
      </c>
      <c r="C29647" s="7">
        <f t="shared" si="463"/>
        <v>493.55594999999994</v>
      </c>
    </row>
    <row r="29648" spans="1:3" x14ac:dyDescent="0.25">
      <c r="A29648" s="2" t="s">
        <v>18061</v>
      </c>
      <c r="B29648" s="6">
        <v>493572.6</v>
      </c>
      <c r="C29648" s="7">
        <f t="shared" si="463"/>
        <v>493.57259999999997</v>
      </c>
    </row>
    <row r="29649" spans="1:3" x14ac:dyDescent="0.25">
      <c r="A29649" s="2" t="s">
        <v>18062</v>
      </c>
      <c r="B29649" s="6">
        <v>493589.24999999994</v>
      </c>
      <c r="C29649" s="7">
        <f t="shared" si="463"/>
        <v>493.58924999999994</v>
      </c>
    </row>
    <row r="29650" spans="1:3" x14ac:dyDescent="0.25">
      <c r="A29650" s="2" t="s">
        <v>18063</v>
      </c>
      <c r="B29650" s="6">
        <v>493605.89999999997</v>
      </c>
      <c r="C29650" s="7">
        <f t="shared" si="463"/>
        <v>493.60589999999996</v>
      </c>
    </row>
    <row r="29651" spans="1:3" x14ac:dyDescent="0.25">
      <c r="A29651" s="2" t="s">
        <v>18064</v>
      </c>
      <c r="B29651" s="6">
        <v>493622.54999999993</v>
      </c>
      <c r="C29651" s="7">
        <f t="shared" si="463"/>
        <v>493.62254999999993</v>
      </c>
    </row>
    <row r="29652" spans="1:3" x14ac:dyDescent="0.25">
      <c r="A29652" s="2" t="s">
        <v>18065</v>
      </c>
      <c r="B29652" s="6">
        <v>493639.19999999995</v>
      </c>
      <c r="C29652" s="7">
        <f t="shared" si="463"/>
        <v>493.63919999999996</v>
      </c>
    </row>
    <row r="29653" spans="1:3" x14ac:dyDescent="0.25">
      <c r="A29653" s="2" t="s">
        <v>18066</v>
      </c>
      <c r="B29653" s="6">
        <v>493655.85</v>
      </c>
      <c r="C29653" s="7">
        <f t="shared" si="463"/>
        <v>493.65584999999999</v>
      </c>
    </row>
    <row r="29654" spans="1:3" x14ac:dyDescent="0.25">
      <c r="A29654" s="2" t="s">
        <v>18067</v>
      </c>
      <c r="B29654" s="6">
        <v>493672.49999999994</v>
      </c>
      <c r="C29654" s="7">
        <f t="shared" si="463"/>
        <v>493.67249999999996</v>
      </c>
    </row>
    <row r="29655" spans="1:3" x14ac:dyDescent="0.25">
      <c r="A29655" s="2" t="s">
        <v>18068</v>
      </c>
      <c r="B29655" s="6">
        <v>493689.14999999997</v>
      </c>
      <c r="C29655" s="7">
        <f t="shared" si="463"/>
        <v>493.68914999999998</v>
      </c>
    </row>
    <row r="29656" spans="1:3" x14ac:dyDescent="0.25">
      <c r="A29656" s="2" t="s">
        <v>18069</v>
      </c>
      <c r="B29656" s="6">
        <v>493705.79999999993</v>
      </c>
      <c r="C29656" s="7">
        <f t="shared" si="463"/>
        <v>493.70579999999995</v>
      </c>
    </row>
    <row r="29657" spans="1:3" x14ac:dyDescent="0.25">
      <c r="A29657" s="2" t="s">
        <v>18070</v>
      </c>
      <c r="B29657" s="6">
        <v>493722.44999999995</v>
      </c>
      <c r="C29657" s="7">
        <f t="shared" si="463"/>
        <v>493.72244999999998</v>
      </c>
    </row>
    <row r="29658" spans="1:3" x14ac:dyDescent="0.25">
      <c r="A29658" s="2" t="s">
        <v>18071</v>
      </c>
      <c r="B29658" s="6">
        <v>493739.1</v>
      </c>
      <c r="C29658" s="7">
        <f t="shared" si="463"/>
        <v>493.73909999999995</v>
      </c>
    </row>
    <row r="29659" spans="1:3" x14ac:dyDescent="0.25">
      <c r="A29659" s="2" t="s">
        <v>18072</v>
      </c>
      <c r="B29659" s="6">
        <v>493755.74999999994</v>
      </c>
      <c r="C29659" s="7">
        <f t="shared" si="463"/>
        <v>493.75574999999992</v>
      </c>
    </row>
    <row r="29660" spans="1:3" x14ac:dyDescent="0.25">
      <c r="A29660" s="2" t="s">
        <v>18073</v>
      </c>
      <c r="B29660" s="6">
        <v>493772.39999999997</v>
      </c>
      <c r="C29660" s="7">
        <f t="shared" si="463"/>
        <v>493.77239999999995</v>
      </c>
    </row>
    <row r="29661" spans="1:3" x14ac:dyDescent="0.25">
      <c r="A29661" s="2" t="s">
        <v>18074</v>
      </c>
      <c r="B29661" s="6">
        <v>493789.04999999993</v>
      </c>
      <c r="C29661" s="7">
        <f t="shared" si="463"/>
        <v>493.78904999999992</v>
      </c>
    </row>
    <row r="29662" spans="1:3" x14ac:dyDescent="0.25">
      <c r="A29662" s="2" t="s">
        <v>18075</v>
      </c>
      <c r="B29662" s="6">
        <v>493805.69999999995</v>
      </c>
      <c r="C29662" s="7">
        <f t="shared" si="463"/>
        <v>493.80569999999994</v>
      </c>
    </row>
    <row r="29663" spans="1:3" x14ac:dyDescent="0.25">
      <c r="A29663" s="2" t="s">
        <v>18076</v>
      </c>
      <c r="B29663" s="6">
        <v>493822.35</v>
      </c>
      <c r="C29663" s="7">
        <f t="shared" si="463"/>
        <v>493.82234999999997</v>
      </c>
    </row>
    <row r="29664" spans="1:3" x14ac:dyDescent="0.25">
      <c r="A29664" s="2" t="s">
        <v>18077</v>
      </c>
      <c r="B29664" s="6">
        <v>493838.99999999994</v>
      </c>
      <c r="C29664" s="7">
        <f t="shared" si="463"/>
        <v>493.83899999999994</v>
      </c>
    </row>
    <row r="29665" spans="1:3" x14ac:dyDescent="0.25">
      <c r="A29665" s="2" t="s">
        <v>18078</v>
      </c>
      <c r="B29665" s="6">
        <v>493855.64999999997</v>
      </c>
      <c r="C29665" s="7">
        <f t="shared" si="463"/>
        <v>493.85564999999997</v>
      </c>
    </row>
    <row r="29666" spans="1:3" x14ac:dyDescent="0.25">
      <c r="A29666" s="2" t="s">
        <v>18079</v>
      </c>
      <c r="B29666" s="6">
        <v>493872.29999999993</v>
      </c>
      <c r="C29666" s="7">
        <f t="shared" si="463"/>
        <v>493.87229999999994</v>
      </c>
    </row>
    <row r="29667" spans="1:3" x14ac:dyDescent="0.25">
      <c r="A29667" s="2" t="s">
        <v>18080</v>
      </c>
      <c r="B29667" s="6">
        <v>493888.94999999995</v>
      </c>
      <c r="C29667" s="7">
        <f t="shared" si="463"/>
        <v>493.88894999999997</v>
      </c>
    </row>
    <row r="29668" spans="1:3" x14ac:dyDescent="0.25">
      <c r="A29668" s="2" t="s">
        <v>18081</v>
      </c>
      <c r="B29668" s="6">
        <v>493905.6</v>
      </c>
      <c r="C29668" s="7">
        <f t="shared" si="463"/>
        <v>493.90559999999999</v>
      </c>
    </row>
    <row r="29669" spans="1:3" x14ac:dyDescent="0.25">
      <c r="A29669" s="2" t="s">
        <v>18082</v>
      </c>
      <c r="B29669" s="6">
        <v>493922.24999999994</v>
      </c>
      <c r="C29669" s="7">
        <f t="shared" si="463"/>
        <v>493.92224999999996</v>
      </c>
    </row>
    <row r="29670" spans="1:3" x14ac:dyDescent="0.25">
      <c r="A29670" s="2" t="s">
        <v>18083</v>
      </c>
      <c r="B29670" s="6">
        <v>493938.89999999997</v>
      </c>
      <c r="C29670" s="7">
        <f t="shared" si="463"/>
        <v>493.93889999999999</v>
      </c>
    </row>
    <row r="29671" spans="1:3" x14ac:dyDescent="0.25">
      <c r="A29671" s="2" t="s">
        <v>18084</v>
      </c>
      <c r="B29671" s="6">
        <v>493955.54999999993</v>
      </c>
      <c r="C29671" s="7">
        <f t="shared" si="463"/>
        <v>493.9555499999999</v>
      </c>
    </row>
    <row r="29672" spans="1:3" x14ac:dyDescent="0.25">
      <c r="A29672" s="2" t="s">
        <v>18085</v>
      </c>
      <c r="B29672" s="6">
        <v>493972.19999999995</v>
      </c>
      <c r="C29672" s="7">
        <f t="shared" si="463"/>
        <v>493.97219999999993</v>
      </c>
    </row>
    <row r="29673" spans="1:3" x14ac:dyDescent="0.25">
      <c r="A29673" s="2" t="s">
        <v>18086</v>
      </c>
      <c r="B29673" s="6">
        <v>493988.85</v>
      </c>
      <c r="C29673" s="7">
        <f t="shared" si="463"/>
        <v>493.98884999999996</v>
      </c>
    </row>
    <row r="29674" spans="1:3" x14ac:dyDescent="0.25">
      <c r="A29674" s="2" t="s">
        <v>18087</v>
      </c>
      <c r="B29674" s="6">
        <v>494005.49999999994</v>
      </c>
      <c r="C29674" s="7">
        <f t="shared" si="463"/>
        <v>494.00549999999993</v>
      </c>
    </row>
    <row r="29675" spans="1:3" x14ac:dyDescent="0.25">
      <c r="A29675" s="2" t="s">
        <v>18088</v>
      </c>
      <c r="B29675" s="6">
        <v>494022.14999999997</v>
      </c>
      <c r="C29675" s="7">
        <f t="shared" si="463"/>
        <v>494.02214999999995</v>
      </c>
    </row>
    <row r="29676" spans="1:3" x14ac:dyDescent="0.25">
      <c r="A29676" s="2" t="s">
        <v>18089</v>
      </c>
      <c r="B29676" s="6">
        <v>494038.79999999993</v>
      </c>
      <c r="C29676" s="7">
        <f t="shared" si="463"/>
        <v>494.03879999999992</v>
      </c>
    </row>
    <row r="29677" spans="1:3" x14ac:dyDescent="0.25">
      <c r="A29677" s="2" t="s">
        <v>18090</v>
      </c>
      <c r="B29677" s="6">
        <v>494055.44999999995</v>
      </c>
      <c r="C29677" s="7">
        <f t="shared" si="463"/>
        <v>494.05544999999995</v>
      </c>
    </row>
    <row r="29678" spans="1:3" x14ac:dyDescent="0.25">
      <c r="A29678" s="2" t="s">
        <v>18091</v>
      </c>
      <c r="B29678" s="6">
        <v>494072.1</v>
      </c>
      <c r="C29678" s="7">
        <f t="shared" si="463"/>
        <v>494.07209999999998</v>
      </c>
    </row>
    <row r="29679" spans="1:3" x14ac:dyDescent="0.25">
      <c r="A29679" s="2" t="s">
        <v>18092</v>
      </c>
      <c r="B29679" s="6">
        <v>494088.74999999994</v>
      </c>
      <c r="C29679" s="7">
        <f t="shared" si="463"/>
        <v>494.08874999999995</v>
      </c>
    </row>
    <row r="29680" spans="1:3" x14ac:dyDescent="0.25">
      <c r="A29680" s="2" t="s">
        <v>18093</v>
      </c>
      <c r="B29680" s="6">
        <v>494105.39999999997</v>
      </c>
      <c r="C29680" s="7">
        <f t="shared" si="463"/>
        <v>494.10539999999997</v>
      </c>
    </row>
    <row r="29681" spans="1:3" x14ac:dyDescent="0.25">
      <c r="A29681" s="2" t="s">
        <v>18094</v>
      </c>
      <c r="B29681" s="6">
        <v>494122.04999999993</v>
      </c>
      <c r="C29681" s="7">
        <f t="shared" si="463"/>
        <v>494.12204999999994</v>
      </c>
    </row>
    <row r="29682" spans="1:3" x14ac:dyDescent="0.25">
      <c r="A29682" s="2" t="s">
        <v>18095</v>
      </c>
      <c r="B29682" s="6">
        <v>494138.69999999995</v>
      </c>
      <c r="C29682" s="7">
        <f t="shared" si="463"/>
        <v>494.13869999999997</v>
      </c>
    </row>
    <row r="29683" spans="1:3" x14ac:dyDescent="0.25">
      <c r="A29683" s="2" t="s">
        <v>18096</v>
      </c>
      <c r="B29683" s="6">
        <v>494155.35</v>
      </c>
      <c r="C29683" s="7">
        <f t="shared" si="463"/>
        <v>494.15535</v>
      </c>
    </row>
    <row r="29684" spans="1:3" x14ac:dyDescent="0.25">
      <c r="A29684" s="2" t="s">
        <v>18097</v>
      </c>
      <c r="B29684" s="6">
        <v>494171.99999999994</v>
      </c>
      <c r="C29684" s="7">
        <f t="shared" si="463"/>
        <v>494.17199999999997</v>
      </c>
    </row>
    <row r="29685" spans="1:3" x14ac:dyDescent="0.25">
      <c r="A29685" s="2" t="s">
        <v>18098</v>
      </c>
      <c r="B29685" s="6">
        <v>494188.64999999997</v>
      </c>
      <c r="C29685" s="7">
        <f t="shared" si="463"/>
        <v>494.18864999999994</v>
      </c>
    </row>
    <row r="29686" spans="1:3" x14ac:dyDescent="0.25">
      <c r="A29686" s="2" t="s">
        <v>18099</v>
      </c>
      <c r="B29686" s="6">
        <v>494205.29999999993</v>
      </c>
      <c r="C29686" s="7">
        <f t="shared" si="463"/>
        <v>494.20529999999991</v>
      </c>
    </row>
    <row r="29687" spans="1:3" x14ac:dyDescent="0.25">
      <c r="A29687" s="2" t="s">
        <v>18100</v>
      </c>
      <c r="B29687" s="6">
        <v>494221.94999999995</v>
      </c>
      <c r="C29687" s="7">
        <f t="shared" si="463"/>
        <v>494.22194999999994</v>
      </c>
    </row>
    <row r="29688" spans="1:3" x14ac:dyDescent="0.25">
      <c r="A29688" s="2" t="s">
        <v>18101</v>
      </c>
      <c r="B29688" s="6">
        <v>494238.6</v>
      </c>
      <c r="C29688" s="7">
        <f t="shared" si="463"/>
        <v>494.23859999999996</v>
      </c>
    </row>
    <row r="29689" spans="1:3" x14ac:dyDescent="0.25">
      <c r="A29689" s="2" t="s">
        <v>18102</v>
      </c>
      <c r="B29689" s="6">
        <v>494255.24999999994</v>
      </c>
      <c r="C29689" s="7">
        <f t="shared" si="463"/>
        <v>494.25524999999993</v>
      </c>
    </row>
    <row r="29690" spans="1:3" x14ac:dyDescent="0.25">
      <c r="A29690" s="2" t="s">
        <v>18103</v>
      </c>
      <c r="B29690" s="6">
        <v>494271.89999999997</v>
      </c>
      <c r="C29690" s="7">
        <f t="shared" si="463"/>
        <v>494.27189999999996</v>
      </c>
    </row>
    <row r="29691" spans="1:3" x14ac:dyDescent="0.25">
      <c r="A29691" s="2" t="s">
        <v>18104</v>
      </c>
      <c r="B29691" s="6">
        <v>494288.54999999993</v>
      </c>
      <c r="C29691" s="7">
        <f t="shared" si="463"/>
        <v>494.28854999999993</v>
      </c>
    </row>
    <row r="29692" spans="1:3" x14ac:dyDescent="0.25">
      <c r="A29692" s="2" t="s">
        <v>18105</v>
      </c>
      <c r="B29692" s="6">
        <v>494305.19999999995</v>
      </c>
      <c r="C29692" s="7">
        <f t="shared" si="463"/>
        <v>494.30519999999996</v>
      </c>
    </row>
    <row r="29693" spans="1:3" x14ac:dyDescent="0.25">
      <c r="A29693" s="2" t="s">
        <v>18106</v>
      </c>
      <c r="B29693" s="6">
        <v>494321.85</v>
      </c>
      <c r="C29693" s="7">
        <f t="shared" si="463"/>
        <v>494.32184999999998</v>
      </c>
    </row>
    <row r="29694" spans="1:3" x14ac:dyDescent="0.25">
      <c r="A29694" s="2" t="s">
        <v>18107</v>
      </c>
      <c r="B29694" s="6">
        <v>494338.49999999994</v>
      </c>
      <c r="C29694" s="7">
        <f t="shared" si="463"/>
        <v>494.33849999999995</v>
      </c>
    </row>
    <row r="29695" spans="1:3" x14ac:dyDescent="0.25">
      <c r="A29695" s="2" t="s">
        <v>18108</v>
      </c>
      <c r="B29695" s="6">
        <v>494355.14999999997</v>
      </c>
      <c r="C29695" s="7">
        <f t="shared" si="463"/>
        <v>494.35514999999998</v>
      </c>
    </row>
    <row r="29696" spans="1:3" x14ac:dyDescent="0.25">
      <c r="A29696" s="2" t="s">
        <v>18109</v>
      </c>
      <c r="B29696" s="6">
        <v>494371.79999999993</v>
      </c>
      <c r="C29696" s="7">
        <f t="shared" si="463"/>
        <v>494.37179999999995</v>
      </c>
    </row>
    <row r="29697" spans="1:3" x14ac:dyDescent="0.25">
      <c r="A29697" s="2" t="s">
        <v>18110</v>
      </c>
      <c r="B29697" s="6">
        <v>494388.44999999995</v>
      </c>
      <c r="C29697" s="7">
        <f t="shared" si="463"/>
        <v>494.38844999999998</v>
      </c>
    </row>
    <row r="29698" spans="1:3" x14ac:dyDescent="0.25">
      <c r="A29698" s="2" t="s">
        <v>18111</v>
      </c>
      <c r="B29698" s="6">
        <v>494405.1</v>
      </c>
      <c r="C29698" s="7">
        <f t="shared" si="463"/>
        <v>494.4051</v>
      </c>
    </row>
    <row r="29699" spans="1:3" x14ac:dyDescent="0.25">
      <c r="A29699" s="2" t="s">
        <v>18112</v>
      </c>
      <c r="B29699" s="6">
        <v>494421.74999999994</v>
      </c>
      <c r="C29699" s="7">
        <f t="shared" ref="C29699:C29762" si="464">B29699/1000</f>
        <v>494.42174999999992</v>
      </c>
    </row>
    <row r="29700" spans="1:3" x14ac:dyDescent="0.25">
      <c r="A29700" s="2" t="s">
        <v>18113</v>
      </c>
      <c r="B29700" s="6">
        <v>494438.39999999997</v>
      </c>
      <c r="C29700" s="7">
        <f t="shared" si="464"/>
        <v>494.43839999999994</v>
      </c>
    </row>
    <row r="29701" spans="1:3" x14ac:dyDescent="0.25">
      <c r="A29701" s="2" t="s">
        <v>18114</v>
      </c>
      <c r="B29701" s="6">
        <v>494455.04999999993</v>
      </c>
      <c r="C29701" s="7">
        <f t="shared" si="464"/>
        <v>494.45504999999991</v>
      </c>
    </row>
    <row r="29702" spans="1:3" x14ac:dyDescent="0.25">
      <c r="A29702" s="2" t="s">
        <v>18115</v>
      </c>
      <c r="B29702" s="6">
        <v>494471.69999999995</v>
      </c>
      <c r="C29702" s="7">
        <f t="shared" si="464"/>
        <v>494.47169999999994</v>
      </c>
    </row>
    <row r="29703" spans="1:3" x14ac:dyDescent="0.25">
      <c r="A29703" s="2" t="s">
        <v>18116</v>
      </c>
      <c r="B29703" s="6">
        <v>494488.35</v>
      </c>
      <c r="C29703" s="7">
        <f t="shared" si="464"/>
        <v>494.48834999999997</v>
      </c>
    </row>
    <row r="29704" spans="1:3" x14ac:dyDescent="0.25">
      <c r="A29704" s="2" t="s">
        <v>18117</v>
      </c>
      <c r="B29704" s="6">
        <v>494504.99999999994</v>
      </c>
      <c r="C29704" s="7">
        <f t="shared" si="464"/>
        <v>494.50499999999994</v>
      </c>
    </row>
    <row r="29705" spans="1:3" x14ac:dyDescent="0.25">
      <c r="A29705" s="2" t="s">
        <v>18118</v>
      </c>
      <c r="B29705" s="6">
        <v>494521.64999999997</v>
      </c>
      <c r="C29705" s="7">
        <f t="shared" si="464"/>
        <v>494.52164999999997</v>
      </c>
    </row>
    <row r="29706" spans="1:3" x14ac:dyDescent="0.25">
      <c r="A29706" s="2" t="s">
        <v>18119</v>
      </c>
      <c r="B29706" s="6">
        <v>494538.29999999993</v>
      </c>
      <c r="C29706" s="7">
        <f t="shared" si="464"/>
        <v>494.53829999999994</v>
      </c>
    </row>
    <row r="29707" spans="1:3" x14ac:dyDescent="0.25">
      <c r="A29707" s="2" t="s">
        <v>18120</v>
      </c>
      <c r="B29707" s="6">
        <v>494554.94999999995</v>
      </c>
      <c r="C29707" s="7">
        <f t="shared" si="464"/>
        <v>494.55494999999996</v>
      </c>
    </row>
    <row r="29708" spans="1:3" x14ac:dyDescent="0.25">
      <c r="A29708" s="2" t="s">
        <v>18121</v>
      </c>
      <c r="B29708" s="6">
        <v>494571.6</v>
      </c>
      <c r="C29708" s="7">
        <f t="shared" si="464"/>
        <v>494.57159999999999</v>
      </c>
    </row>
    <row r="29709" spans="1:3" x14ac:dyDescent="0.25">
      <c r="A29709" s="2" t="s">
        <v>18122</v>
      </c>
      <c r="B29709" s="6">
        <v>494588.24999999994</v>
      </c>
      <c r="C29709" s="7">
        <f t="shared" si="464"/>
        <v>494.58824999999996</v>
      </c>
    </row>
    <row r="29710" spans="1:3" x14ac:dyDescent="0.25">
      <c r="A29710" s="2" t="s">
        <v>18123</v>
      </c>
      <c r="B29710" s="6">
        <v>494604.89999999997</v>
      </c>
      <c r="C29710" s="7">
        <f t="shared" si="464"/>
        <v>494.60489999999999</v>
      </c>
    </row>
    <row r="29711" spans="1:3" x14ac:dyDescent="0.25">
      <c r="A29711" s="2" t="s">
        <v>18124</v>
      </c>
      <c r="B29711" s="6">
        <v>494621.54999999993</v>
      </c>
      <c r="C29711" s="7">
        <f t="shared" si="464"/>
        <v>494.62154999999996</v>
      </c>
    </row>
    <row r="29712" spans="1:3" x14ac:dyDescent="0.25">
      <c r="A29712" s="2" t="s">
        <v>18125</v>
      </c>
      <c r="B29712" s="6">
        <v>494638.19999999995</v>
      </c>
      <c r="C29712" s="7">
        <f t="shared" si="464"/>
        <v>494.63819999999993</v>
      </c>
    </row>
    <row r="29713" spans="1:3" x14ac:dyDescent="0.25">
      <c r="A29713" s="2" t="s">
        <v>18126</v>
      </c>
      <c r="B29713" s="6">
        <v>494654.85</v>
      </c>
      <c r="C29713" s="7">
        <f t="shared" si="464"/>
        <v>494.65484999999995</v>
      </c>
    </row>
    <row r="29714" spans="1:3" x14ac:dyDescent="0.25">
      <c r="A29714" s="2" t="s">
        <v>18127</v>
      </c>
      <c r="B29714" s="6">
        <v>494671.49999999994</v>
      </c>
      <c r="C29714" s="7">
        <f t="shared" si="464"/>
        <v>494.67149999999992</v>
      </c>
    </row>
    <row r="29715" spans="1:3" x14ac:dyDescent="0.25">
      <c r="A29715" s="2" t="s">
        <v>18128</v>
      </c>
      <c r="B29715" s="6">
        <v>494688.14999999997</v>
      </c>
      <c r="C29715" s="7">
        <f t="shared" si="464"/>
        <v>494.68814999999995</v>
      </c>
    </row>
    <row r="29716" spans="1:3" x14ac:dyDescent="0.25">
      <c r="A29716" s="2" t="s">
        <v>18129</v>
      </c>
      <c r="B29716" s="6">
        <v>494704.79999999993</v>
      </c>
      <c r="C29716" s="7">
        <f t="shared" si="464"/>
        <v>494.70479999999992</v>
      </c>
    </row>
    <row r="29717" spans="1:3" x14ac:dyDescent="0.25">
      <c r="A29717" s="2" t="s">
        <v>18130</v>
      </c>
      <c r="B29717" s="6">
        <v>494721.44999999995</v>
      </c>
      <c r="C29717" s="7">
        <f t="shared" si="464"/>
        <v>494.72144999999995</v>
      </c>
    </row>
    <row r="29718" spans="1:3" x14ac:dyDescent="0.25">
      <c r="A29718" s="2" t="s">
        <v>18131</v>
      </c>
      <c r="B29718" s="6">
        <v>494738.1</v>
      </c>
      <c r="C29718" s="7">
        <f t="shared" si="464"/>
        <v>494.73809999999997</v>
      </c>
    </row>
    <row r="29719" spans="1:3" x14ac:dyDescent="0.25">
      <c r="A29719" s="2" t="s">
        <v>18132</v>
      </c>
      <c r="B29719" s="6">
        <v>494754.74999999994</v>
      </c>
      <c r="C29719" s="7">
        <f t="shared" si="464"/>
        <v>494.75474999999994</v>
      </c>
    </row>
    <row r="29720" spans="1:3" x14ac:dyDescent="0.25">
      <c r="A29720" s="2" t="s">
        <v>18133</v>
      </c>
      <c r="B29720" s="6">
        <v>494771.39999999997</v>
      </c>
      <c r="C29720" s="7">
        <f t="shared" si="464"/>
        <v>494.77139999999997</v>
      </c>
    </row>
    <row r="29721" spans="1:3" x14ac:dyDescent="0.25">
      <c r="A29721" s="2" t="s">
        <v>18134</v>
      </c>
      <c r="B29721" s="6">
        <v>494788.04999999993</v>
      </c>
      <c r="C29721" s="7">
        <f t="shared" si="464"/>
        <v>494.78804999999994</v>
      </c>
    </row>
    <row r="29722" spans="1:3" x14ac:dyDescent="0.25">
      <c r="A29722" s="2" t="s">
        <v>18135</v>
      </c>
      <c r="B29722" s="6">
        <v>494804.69999999995</v>
      </c>
      <c r="C29722" s="7">
        <f t="shared" si="464"/>
        <v>494.80469999999997</v>
      </c>
    </row>
    <row r="29723" spans="1:3" x14ac:dyDescent="0.25">
      <c r="A29723" s="2" t="s">
        <v>18136</v>
      </c>
      <c r="B29723" s="6">
        <v>494821.35</v>
      </c>
      <c r="C29723" s="7">
        <f t="shared" si="464"/>
        <v>494.82135</v>
      </c>
    </row>
    <row r="29724" spans="1:3" x14ac:dyDescent="0.25">
      <c r="A29724" s="2" t="s">
        <v>18137</v>
      </c>
      <c r="B29724" s="6">
        <v>494837.99999999994</v>
      </c>
      <c r="C29724" s="7">
        <f t="shared" si="464"/>
        <v>494.83799999999997</v>
      </c>
    </row>
    <row r="29725" spans="1:3" x14ac:dyDescent="0.25">
      <c r="A29725" s="2" t="s">
        <v>18138</v>
      </c>
      <c r="B29725" s="6">
        <v>494854.64999999997</v>
      </c>
      <c r="C29725" s="7">
        <f t="shared" si="464"/>
        <v>494.85464999999999</v>
      </c>
    </row>
    <row r="29726" spans="1:3" x14ac:dyDescent="0.25">
      <c r="A29726" s="2" t="s">
        <v>18139</v>
      </c>
      <c r="B29726" s="6">
        <v>494871.29999999993</v>
      </c>
      <c r="C29726" s="7">
        <f t="shared" si="464"/>
        <v>494.87129999999991</v>
      </c>
    </row>
    <row r="29727" spans="1:3" x14ac:dyDescent="0.25">
      <c r="A29727" s="2" t="s">
        <v>18140</v>
      </c>
      <c r="B29727" s="6">
        <v>494887.94999999995</v>
      </c>
      <c r="C29727" s="7">
        <f t="shared" si="464"/>
        <v>494.88794999999993</v>
      </c>
    </row>
    <row r="29728" spans="1:3" x14ac:dyDescent="0.25">
      <c r="A29728" s="2" t="s">
        <v>18141</v>
      </c>
      <c r="B29728" s="6">
        <v>494904.6</v>
      </c>
      <c r="C29728" s="7">
        <f t="shared" si="464"/>
        <v>494.90459999999996</v>
      </c>
    </row>
    <row r="29729" spans="1:3" x14ac:dyDescent="0.25">
      <c r="A29729" s="2" t="s">
        <v>18142</v>
      </c>
      <c r="B29729" s="6">
        <v>494921.24999999994</v>
      </c>
      <c r="C29729" s="7">
        <f t="shared" si="464"/>
        <v>494.92124999999993</v>
      </c>
    </row>
    <row r="29730" spans="1:3" x14ac:dyDescent="0.25">
      <c r="A29730" s="2" t="s">
        <v>18143</v>
      </c>
      <c r="B29730" s="6">
        <v>494937.89999999997</v>
      </c>
      <c r="C29730" s="7">
        <f t="shared" si="464"/>
        <v>494.93789999999996</v>
      </c>
    </row>
    <row r="29731" spans="1:3" x14ac:dyDescent="0.25">
      <c r="A29731" s="2" t="s">
        <v>18144</v>
      </c>
      <c r="B29731" s="6">
        <v>494954.54999999993</v>
      </c>
      <c r="C29731" s="7">
        <f t="shared" si="464"/>
        <v>494.95454999999993</v>
      </c>
    </row>
    <row r="29732" spans="1:3" x14ac:dyDescent="0.25">
      <c r="A29732" s="2" t="s">
        <v>18145</v>
      </c>
      <c r="B29732" s="6">
        <v>494971.19999999995</v>
      </c>
      <c r="C29732" s="7">
        <f t="shared" si="464"/>
        <v>494.97119999999995</v>
      </c>
    </row>
    <row r="29733" spans="1:3" x14ac:dyDescent="0.25">
      <c r="A29733" s="2" t="s">
        <v>18146</v>
      </c>
      <c r="B29733" s="6">
        <v>494987.85</v>
      </c>
      <c r="C29733" s="7">
        <f t="shared" si="464"/>
        <v>494.98784999999998</v>
      </c>
    </row>
    <row r="29734" spans="1:3" x14ac:dyDescent="0.25">
      <c r="A29734" s="2" t="s">
        <v>18147</v>
      </c>
      <c r="B29734" s="6">
        <v>495004.49999999994</v>
      </c>
      <c r="C29734" s="7">
        <f t="shared" si="464"/>
        <v>495.00449999999995</v>
      </c>
    </row>
    <row r="29735" spans="1:3" x14ac:dyDescent="0.25">
      <c r="A29735" s="2" t="s">
        <v>18148</v>
      </c>
      <c r="B29735" s="6">
        <v>495021.14999999997</v>
      </c>
      <c r="C29735" s="7">
        <f t="shared" si="464"/>
        <v>495.02114999999998</v>
      </c>
    </row>
    <row r="29736" spans="1:3" x14ac:dyDescent="0.25">
      <c r="A29736" s="2" t="s">
        <v>18149</v>
      </c>
      <c r="B29736" s="6">
        <v>495037.79999999993</v>
      </c>
      <c r="C29736" s="7">
        <f t="shared" si="464"/>
        <v>495.03779999999995</v>
      </c>
    </row>
    <row r="29737" spans="1:3" x14ac:dyDescent="0.25">
      <c r="A29737" s="2" t="s">
        <v>18150</v>
      </c>
      <c r="B29737" s="6">
        <v>495054.44999999995</v>
      </c>
      <c r="C29737" s="7">
        <f t="shared" si="464"/>
        <v>495.05444999999997</v>
      </c>
    </row>
    <row r="29738" spans="1:3" x14ac:dyDescent="0.25">
      <c r="A29738" s="2" t="s">
        <v>18151</v>
      </c>
      <c r="B29738" s="6">
        <v>495071.1</v>
      </c>
      <c r="C29738" s="7">
        <f t="shared" si="464"/>
        <v>495.0711</v>
      </c>
    </row>
    <row r="29739" spans="1:3" x14ac:dyDescent="0.25">
      <c r="A29739" s="2" t="s">
        <v>18152</v>
      </c>
      <c r="B29739" s="6">
        <v>495087.74999999994</v>
      </c>
      <c r="C29739" s="7">
        <f t="shared" si="464"/>
        <v>495.08774999999991</v>
      </c>
    </row>
    <row r="29740" spans="1:3" x14ac:dyDescent="0.25">
      <c r="A29740" s="2" t="s">
        <v>18153</v>
      </c>
      <c r="B29740" s="6">
        <v>495104.39999999997</v>
      </c>
      <c r="C29740" s="7">
        <f t="shared" si="464"/>
        <v>495.10439999999994</v>
      </c>
    </row>
    <row r="29741" spans="1:3" x14ac:dyDescent="0.25">
      <c r="A29741" s="2" t="s">
        <v>18154</v>
      </c>
      <c r="B29741" s="6">
        <v>495121.04999999993</v>
      </c>
      <c r="C29741" s="7">
        <f t="shared" si="464"/>
        <v>495.12104999999991</v>
      </c>
    </row>
    <row r="29742" spans="1:3" x14ac:dyDescent="0.25">
      <c r="A29742" s="2" t="s">
        <v>18155</v>
      </c>
      <c r="B29742" s="6">
        <v>495137.69999999995</v>
      </c>
      <c r="C29742" s="7">
        <f t="shared" si="464"/>
        <v>495.13769999999994</v>
      </c>
    </row>
    <row r="29743" spans="1:3" x14ac:dyDescent="0.25">
      <c r="A29743" s="2" t="s">
        <v>18156</v>
      </c>
      <c r="B29743" s="6">
        <v>495154.35</v>
      </c>
      <c r="C29743" s="7">
        <f t="shared" si="464"/>
        <v>495.15434999999997</v>
      </c>
    </row>
    <row r="29744" spans="1:3" x14ac:dyDescent="0.25">
      <c r="A29744" s="2" t="s">
        <v>18157</v>
      </c>
      <c r="B29744" s="6">
        <v>495170.99999999994</v>
      </c>
      <c r="C29744" s="7">
        <f t="shared" si="464"/>
        <v>495.17099999999994</v>
      </c>
    </row>
    <row r="29745" spans="1:3" x14ac:dyDescent="0.25">
      <c r="A29745" s="2" t="s">
        <v>18158</v>
      </c>
      <c r="B29745" s="6">
        <v>495187.64999999997</v>
      </c>
      <c r="C29745" s="7">
        <f t="shared" si="464"/>
        <v>495.18764999999996</v>
      </c>
    </row>
    <row r="29746" spans="1:3" x14ac:dyDescent="0.25">
      <c r="A29746" s="2" t="s">
        <v>18159</v>
      </c>
      <c r="B29746" s="6">
        <v>495204.29999999993</v>
      </c>
      <c r="C29746" s="7">
        <f t="shared" si="464"/>
        <v>495.20429999999993</v>
      </c>
    </row>
    <row r="29747" spans="1:3" x14ac:dyDescent="0.25">
      <c r="A29747" s="2" t="s">
        <v>18160</v>
      </c>
      <c r="B29747" s="6">
        <v>495220.94999999995</v>
      </c>
      <c r="C29747" s="7">
        <f t="shared" si="464"/>
        <v>495.22094999999996</v>
      </c>
    </row>
    <row r="29748" spans="1:3" x14ac:dyDescent="0.25">
      <c r="A29748" s="2" t="s">
        <v>18161</v>
      </c>
      <c r="B29748" s="6">
        <v>495237.6</v>
      </c>
      <c r="C29748" s="7">
        <f t="shared" si="464"/>
        <v>495.23759999999999</v>
      </c>
    </row>
    <row r="29749" spans="1:3" x14ac:dyDescent="0.25">
      <c r="A29749" s="2" t="s">
        <v>18162</v>
      </c>
      <c r="B29749" s="6">
        <v>495254.24999999994</v>
      </c>
      <c r="C29749" s="7">
        <f t="shared" si="464"/>
        <v>495.25424999999996</v>
      </c>
    </row>
    <row r="29750" spans="1:3" x14ac:dyDescent="0.25">
      <c r="A29750" s="2" t="s">
        <v>18163</v>
      </c>
      <c r="B29750" s="6">
        <v>495270.89999999997</v>
      </c>
      <c r="C29750" s="7">
        <f t="shared" si="464"/>
        <v>495.27089999999998</v>
      </c>
    </row>
    <row r="29751" spans="1:3" x14ac:dyDescent="0.25">
      <c r="A29751" s="2" t="s">
        <v>18164</v>
      </c>
      <c r="B29751" s="6">
        <v>495287.54999999993</v>
      </c>
      <c r="C29751" s="7">
        <f t="shared" si="464"/>
        <v>495.28754999999995</v>
      </c>
    </row>
    <row r="29752" spans="1:3" x14ac:dyDescent="0.25">
      <c r="A29752" s="2" t="s">
        <v>18165</v>
      </c>
      <c r="B29752" s="6">
        <v>495304.19999999995</v>
      </c>
      <c r="C29752" s="7">
        <f t="shared" si="464"/>
        <v>495.30419999999998</v>
      </c>
    </row>
    <row r="29753" spans="1:3" x14ac:dyDescent="0.25">
      <c r="A29753" s="2" t="s">
        <v>18166</v>
      </c>
      <c r="B29753" s="6">
        <v>495320.85</v>
      </c>
      <c r="C29753" s="7">
        <f t="shared" si="464"/>
        <v>495.32084999999995</v>
      </c>
    </row>
    <row r="29754" spans="1:3" x14ac:dyDescent="0.25">
      <c r="A29754" s="2" t="s">
        <v>18167</v>
      </c>
      <c r="B29754" s="6">
        <v>495337.49999999994</v>
      </c>
      <c r="C29754" s="7">
        <f t="shared" si="464"/>
        <v>495.33749999999992</v>
      </c>
    </row>
    <row r="29755" spans="1:3" x14ac:dyDescent="0.25">
      <c r="A29755" s="2" t="s">
        <v>18168</v>
      </c>
      <c r="B29755" s="6">
        <v>495354.14999999997</v>
      </c>
      <c r="C29755" s="7">
        <f t="shared" si="464"/>
        <v>495.35414999999995</v>
      </c>
    </row>
    <row r="29756" spans="1:3" x14ac:dyDescent="0.25">
      <c r="A29756" s="2" t="s">
        <v>18169</v>
      </c>
      <c r="B29756" s="6">
        <v>495370.79999999993</v>
      </c>
      <c r="C29756" s="7">
        <f t="shared" si="464"/>
        <v>495.37079999999992</v>
      </c>
    </row>
    <row r="29757" spans="1:3" x14ac:dyDescent="0.25">
      <c r="A29757" s="2" t="s">
        <v>18170</v>
      </c>
      <c r="B29757" s="6">
        <v>495387.44999999995</v>
      </c>
      <c r="C29757" s="7">
        <f t="shared" si="464"/>
        <v>495.38744999999994</v>
      </c>
    </row>
    <row r="29758" spans="1:3" x14ac:dyDescent="0.25">
      <c r="A29758" s="2" t="s">
        <v>18171</v>
      </c>
      <c r="B29758" s="6">
        <v>495404.1</v>
      </c>
      <c r="C29758" s="7">
        <f t="shared" si="464"/>
        <v>495.40409999999997</v>
      </c>
    </row>
    <row r="29759" spans="1:3" x14ac:dyDescent="0.25">
      <c r="A29759" s="2" t="s">
        <v>18172</v>
      </c>
      <c r="B29759" s="6">
        <v>495420.74999999994</v>
      </c>
      <c r="C29759" s="7">
        <f t="shared" si="464"/>
        <v>495.42074999999994</v>
      </c>
    </row>
    <row r="29760" spans="1:3" x14ac:dyDescent="0.25">
      <c r="A29760" s="2" t="s">
        <v>18173</v>
      </c>
      <c r="B29760" s="6">
        <v>495437.39999999997</v>
      </c>
      <c r="C29760" s="7">
        <f t="shared" si="464"/>
        <v>495.43739999999997</v>
      </c>
    </row>
    <row r="29761" spans="1:3" x14ac:dyDescent="0.25">
      <c r="A29761" s="2" t="s">
        <v>18174</v>
      </c>
      <c r="B29761" s="6">
        <v>495454.04999999993</v>
      </c>
      <c r="C29761" s="7">
        <f t="shared" si="464"/>
        <v>495.45404999999994</v>
      </c>
    </row>
    <row r="29762" spans="1:3" x14ac:dyDescent="0.25">
      <c r="A29762" s="2" t="s">
        <v>18175</v>
      </c>
      <c r="B29762" s="6">
        <v>495470.69999999995</v>
      </c>
      <c r="C29762" s="7">
        <f t="shared" si="464"/>
        <v>495.47069999999997</v>
      </c>
    </row>
    <row r="29763" spans="1:3" x14ac:dyDescent="0.25">
      <c r="A29763" s="2" t="s">
        <v>18176</v>
      </c>
      <c r="B29763" s="6">
        <v>495487.35</v>
      </c>
      <c r="C29763" s="7">
        <f t="shared" ref="C29763:C29826" si="465">B29763/1000</f>
        <v>495.48734999999999</v>
      </c>
    </row>
    <row r="29764" spans="1:3" x14ac:dyDescent="0.25">
      <c r="A29764" s="2" t="s">
        <v>18177</v>
      </c>
      <c r="B29764" s="6">
        <v>495503.99999999994</v>
      </c>
      <c r="C29764" s="7">
        <f t="shared" si="465"/>
        <v>495.50399999999996</v>
      </c>
    </row>
    <row r="29765" spans="1:3" x14ac:dyDescent="0.25">
      <c r="A29765" s="2" t="s">
        <v>18178</v>
      </c>
      <c r="B29765" s="6">
        <v>495520.64999999997</v>
      </c>
      <c r="C29765" s="7">
        <f t="shared" si="465"/>
        <v>495.52064999999999</v>
      </c>
    </row>
    <row r="29766" spans="1:3" x14ac:dyDescent="0.25">
      <c r="A29766" s="2" t="s">
        <v>18179</v>
      </c>
      <c r="B29766" s="6">
        <v>495537.29999999993</v>
      </c>
      <c r="C29766" s="7">
        <f t="shared" si="465"/>
        <v>495.5372999999999</v>
      </c>
    </row>
    <row r="29767" spans="1:3" x14ac:dyDescent="0.25">
      <c r="A29767" s="2" t="s">
        <v>18180</v>
      </c>
      <c r="B29767" s="6">
        <v>495553.94999999995</v>
      </c>
      <c r="C29767" s="7">
        <f t="shared" si="465"/>
        <v>495.55394999999993</v>
      </c>
    </row>
    <row r="29768" spans="1:3" x14ac:dyDescent="0.25">
      <c r="A29768" s="2" t="s">
        <v>18181</v>
      </c>
      <c r="B29768" s="6">
        <v>495570.6</v>
      </c>
      <c r="C29768" s="7">
        <f t="shared" si="465"/>
        <v>495.57059999999996</v>
      </c>
    </row>
    <row r="29769" spans="1:3" x14ac:dyDescent="0.25">
      <c r="A29769" s="2" t="s">
        <v>18182</v>
      </c>
      <c r="B29769" s="6">
        <v>495587.24999999994</v>
      </c>
      <c r="C29769" s="7">
        <f t="shared" si="465"/>
        <v>495.58724999999993</v>
      </c>
    </row>
    <row r="29770" spans="1:3" x14ac:dyDescent="0.25">
      <c r="A29770" s="2" t="s">
        <v>18183</v>
      </c>
      <c r="B29770" s="6">
        <v>495603.89999999997</v>
      </c>
      <c r="C29770" s="7">
        <f t="shared" si="465"/>
        <v>495.60389999999995</v>
      </c>
    </row>
    <row r="29771" spans="1:3" x14ac:dyDescent="0.25">
      <c r="A29771" s="2" t="s">
        <v>18184</v>
      </c>
      <c r="B29771" s="6">
        <v>495620.54999999993</v>
      </c>
      <c r="C29771" s="7">
        <f t="shared" si="465"/>
        <v>495.62054999999992</v>
      </c>
    </row>
    <row r="29772" spans="1:3" x14ac:dyDescent="0.25">
      <c r="A29772" s="2" t="s">
        <v>18185</v>
      </c>
      <c r="B29772" s="6">
        <v>495637.19999999995</v>
      </c>
      <c r="C29772" s="7">
        <f t="shared" si="465"/>
        <v>495.63719999999995</v>
      </c>
    </row>
    <row r="29773" spans="1:3" x14ac:dyDescent="0.25">
      <c r="A29773" s="2" t="s">
        <v>18186</v>
      </c>
      <c r="B29773" s="6">
        <v>495653.85</v>
      </c>
      <c r="C29773" s="7">
        <f t="shared" si="465"/>
        <v>495.65384999999998</v>
      </c>
    </row>
    <row r="29774" spans="1:3" x14ac:dyDescent="0.25">
      <c r="A29774" s="2" t="s">
        <v>18187</v>
      </c>
      <c r="B29774" s="6">
        <v>495670.49999999994</v>
      </c>
      <c r="C29774" s="7">
        <f t="shared" si="465"/>
        <v>495.67049999999995</v>
      </c>
    </row>
    <row r="29775" spans="1:3" x14ac:dyDescent="0.25">
      <c r="A29775" s="2" t="s">
        <v>18188</v>
      </c>
      <c r="B29775" s="6">
        <v>495687.14999999997</v>
      </c>
      <c r="C29775" s="7">
        <f t="shared" si="465"/>
        <v>495.68714999999997</v>
      </c>
    </row>
    <row r="29776" spans="1:3" x14ac:dyDescent="0.25">
      <c r="A29776" s="2" t="s">
        <v>18189</v>
      </c>
      <c r="B29776" s="6">
        <v>495703.79999999993</v>
      </c>
      <c r="C29776" s="7">
        <f t="shared" si="465"/>
        <v>495.70379999999994</v>
      </c>
    </row>
    <row r="29777" spans="1:3" x14ac:dyDescent="0.25">
      <c r="A29777" s="2" t="s">
        <v>18190</v>
      </c>
      <c r="B29777" s="6">
        <v>495720.44999999995</v>
      </c>
      <c r="C29777" s="7">
        <f t="shared" si="465"/>
        <v>495.72044999999997</v>
      </c>
    </row>
    <row r="29778" spans="1:3" x14ac:dyDescent="0.25">
      <c r="A29778" s="2" t="s">
        <v>18191</v>
      </c>
      <c r="B29778" s="6">
        <v>495737.1</v>
      </c>
      <c r="C29778" s="7">
        <f t="shared" si="465"/>
        <v>495.7371</v>
      </c>
    </row>
    <row r="29779" spans="1:3" x14ac:dyDescent="0.25">
      <c r="A29779" s="2" t="s">
        <v>18192</v>
      </c>
      <c r="B29779" s="6">
        <v>495753.74999999994</v>
      </c>
      <c r="C29779" s="7">
        <f t="shared" si="465"/>
        <v>495.75374999999997</v>
      </c>
    </row>
    <row r="29780" spans="1:3" x14ac:dyDescent="0.25">
      <c r="A29780" s="2" t="s">
        <v>18193</v>
      </c>
      <c r="B29780" s="6">
        <v>495770.39999999997</v>
      </c>
      <c r="C29780" s="7">
        <f t="shared" si="465"/>
        <v>495.77039999999994</v>
      </c>
    </row>
    <row r="29781" spans="1:3" x14ac:dyDescent="0.25">
      <c r="A29781" s="2" t="s">
        <v>18194</v>
      </c>
      <c r="B29781" s="6">
        <v>495787.04999999993</v>
      </c>
      <c r="C29781" s="7">
        <f t="shared" si="465"/>
        <v>495.78704999999991</v>
      </c>
    </row>
    <row r="29782" spans="1:3" x14ac:dyDescent="0.25">
      <c r="A29782" s="2" t="s">
        <v>18195</v>
      </c>
      <c r="B29782" s="6">
        <v>495803.69999999995</v>
      </c>
      <c r="C29782" s="7">
        <f t="shared" si="465"/>
        <v>495.80369999999994</v>
      </c>
    </row>
    <row r="29783" spans="1:3" x14ac:dyDescent="0.25">
      <c r="A29783" s="2" t="s">
        <v>18196</v>
      </c>
      <c r="B29783" s="6">
        <v>495820.35</v>
      </c>
      <c r="C29783" s="7">
        <f t="shared" si="465"/>
        <v>495.82034999999996</v>
      </c>
    </row>
    <row r="29784" spans="1:3" x14ac:dyDescent="0.25">
      <c r="A29784" s="2" t="s">
        <v>18197</v>
      </c>
      <c r="B29784" s="6">
        <v>495836.99999999994</v>
      </c>
      <c r="C29784" s="7">
        <f t="shared" si="465"/>
        <v>495.83699999999993</v>
      </c>
    </row>
    <row r="29785" spans="1:3" x14ac:dyDescent="0.25">
      <c r="A29785" s="2" t="s">
        <v>18198</v>
      </c>
      <c r="B29785" s="6">
        <v>495853.64999999997</v>
      </c>
      <c r="C29785" s="7">
        <f t="shared" si="465"/>
        <v>495.85364999999996</v>
      </c>
    </row>
    <row r="29786" spans="1:3" x14ac:dyDescent="0.25">
      <c r="A29786" s="2" t="s">
        <v>18199</v>
      </c>
      <c r="B29786" s="6">
        <v>495870.29999999993</v>
      </c>
      <c r="C29786" s="7">
        <f t="shared" si="465"/>
        <v>495.87029999999993</v>
      </c>
    </row>
    <row r="29787" spans="1:3" x14ac:dyDescent="0.25">
      <c r="A29787" s="2" t="s">
        <v>18200</v>
      </c>
      <c r="B29787" s="6">
        <v>495886.94999999995</v>
      </c>
      <c r="C29787" s="7">
        <f t="shared" si="465"/>
        <v>495.88694999999996</v>
      </c>
    </row>
    <row r="29788" spans="1:3" x14ac:dyDescent="0.25">
      <c r="A29788" s="2" t="s">
        <v>18201</v>
      </c>
      <c r="B29788" s="6">
        <v>495903.6</v>
      </c>
      <c r="C29788" s="7">
        <f t="shared" si="465"/>
        <v>495.90359999999998</v>
      </c>
    </row>
    <row r="29789" spans="1:3" x14ac:dyDescent="0.25">
      <c r="A29789" s="2" t="s">
        <v>18202</v>
      </c>
      <c r="B29789" s="6">
        <v>495920.24999999994</v>
      </c>
      <c r="C29789" s="7">
        <f t="shared" si="465"/>
        <v>495.92024999999995</v>
      </c>
    </row>
    <row r="29790" spans="1:3" x14ac:dyDescent="0.25">
      <c r="A29790" s="2" t="s">
        <v>18203</v>
      </c>
      <c r="B29790" s="6">
        <v>495936.89999999997</v>
      </c>
      <c r="C29790" s="7">
        <f t="shared" si="465"/>
        <v>495.93689999999998</v>
      </c>
    </row>
    <row r="29791" spans="1:3" x14ac:dyDescent="0.25">
      <c r="A29791" s="2" t="s">
        <v>18204</v>
      </c>
      <c r="B29791" s="6">
        <v>495953.54999999993</v>
      </c>
      <c r="C29791" s="7">
        <f t="shared" si="465"/>
        <v>495.95354999999995</v>
      </c>
    </row>
    <row r="29792" spans="1:3" x14ac:dyDescent="0.25">
      <c r="A29792" s="2" t="s">
        <v>18205</v>
      </c>
      <c r="B29792" s="6">
        <v>495970.19999999995</v>
      </c>
      <c r="C29792" s="7">
        <f t="shared" si="465"/>
        <v>495.97019999999998</v>
      </c>
    </row>
    <row r="29793" spans="1:3" x14ac:dyDescent="0.25">
      <c r="A29793" s="2" t="s">
        <v>18206</v>
      </c>
      <c r="B29793" s="6">
        <v>495986.85</v>
      </c>
      <c r="C29793" s="7">
        <f t="shared" si="465"/>
        <v>495.98685</v>
      </c>
    </row>
    <row r="29794" spans="1:3" x14ac:dyDescent="0.25">
      <c r="A29794" s="2" t="s">
        <v>18207</v>
      </c>
      <c r="B29794" s="6">
        <v>496003.49999999994</v>
      </c>
      <c r="C29794" s="7">
        <f t="shared" si="465"/>
        <v>496.00349999999992</v>
      </c>
    </row>
    <row r="29795" spans="1:3" x14ac:dyDescent="0.25">
      <c r="A29795" s="2" t="s">
        <v>18208</v>
      </c>
      <c r="B29795" s="6">
        <v>496020.14999999997</v>
      </c>
      <c r="C29795" s="7">
        <f t="shared" si="465"/>
        <v>496.02014999999994</v>
      </c>
    </row>
    <row r="29796" spans="1:3" x14ac:dyDescent="0.25">
      <c r="A29796" s="2" t="s">
        <v>18209</v>
      </c>
      <c r="B29796" s="6">
        <v>496036.79999999993</v>
      </c>
      <c r="C29796" s="7">
        <f t="shared" si="465"/>
        <v>496.03679999999991</v>
      </c>
    </row>
    <row r="29797" spans="1:3" x14ac:dyDescent="0.25">
      <c r="A29797" s="2" t="s">
        <v>18210</v>
      </c>
      <c r="B29797" s="6">
        <v>496053.44999999995</v>
      </c>
      <c r="C29797" s="7">
        <f t="shared" si="465"/>
        <v>496.05344999999994</v>
      </c>
    </row>
    <row r="29798" spans="1:3" x14ac:dyDescent="0.25">
      <c r="A29798" s="2" t="s">
        <v>18211</v>
      </c>
      <c r="B29798" s="6">
        <v>496070.1</v>
      </c>
      <c r="C29798" s="7">
        <f t="shared" si="465"/>
        <v>496.07009999999997</v>
      </c>
    </row>
    <row r="29799" spans="1:3" x14ac:dyDescent="0.25">
      <c r="A29799" s="2" t="s">
        <v>18212</v>
      </c>
      <c r="B29799" s="6">
        <v>496086.74999999994</v>
      </c>
      <c r="C29799" s="7">
        <f t="shared" si="465"/>
        <v>496.08674999999994</v>
      </c>
    </row>
    <row r="29800" spans="1:3" x14ac:dyDescent="0.25">
      <c r="A29800" s="2" t="s">
        <v>18213</v>
      </c>
      <c r="B29800" s="6">
        <v>496103.39999999997</v>
      </c>
      <c r="C29800" s="7">
        <f t="shared" si="465"/>
        <v>496.10339999999997</v>
      </c>
    </row>
    <row r="29801" spans="1:3" x14ac:dyDescent="0.25">
      <c r="A29801" s="2" t="s">
        <v>18214</v>
      </c>
      <c r="B29801" s="6">
        <v>496120.04999999993</v>
      </c>
      <c r="C29801" s="7">
        <f t="shared" si="465"/>
        <v>496.12004999999994</v>
      </c>
    </row>
    <row r="29802" spans="1:3" x14ac:dyDescent="0.25">
      <c r="A29802" s="2" t="s">
        <v>18215</v>
      </c>
      <c r="B29802" s="6">
        <v>496136.69999999995</v>
      </c>
      <c r="C29802" s="7">
        <f t="shared" si="465"/>
        <v>496.13669999999996</v>
      </c>
    </row>
    <row r="29803" spans="1:3" x14ac:dyDescent="0.25">
      <c r="A29803" s="2" t="s">
        <v>18216</v>
      </c>
      <c r="B29803" s="6">
        <v>496153.35</v>
      </c>
      <c r="C29803" s="7">
        <f t="shared" si="465"/>
        <v>496.15334999999999</v>
      </c>
    </row>
    <row r="29804" spans="1:3" x14ac:dyDescent="0.25">
      <c r="A29804" s="2" t="s">
        <v>18217</v>
      </c>
      <c r="B29804" s="6">
        <v>496169.99999999994</v>
      </c>
      <c r="C29804" s="7">
        <f t="shared" si="465"/>
        <v>496.16999999999996</v>
      </c>
    </row>
    <row r="29805" spans="1:3" x14ac:dyDescent="0.25">
      <c r="A29805" s="2" t="s">
        <v>18218</v>
      </c>
      <c r="B29805" s="6">
        <v>496186.64999999997</v>
      </c>
      <c r="C29805" s="7">
        <f t="shared" si="465"/>
        <v>496.18664999999999</v>
      </c>
    </row>
    <row r="29806" spans="1:3" x14ac:dyDescent="0.25">
      <c r="A29806" s="2" t="s">
        <v>18219</v>
      </c>
      <c r="B29806" s="6">
        <v>496203.29999999993</v>
      </c>
      <c r="C29806" s="7">
        <f t="shared" si="465"/>
        <v>496.20329999999996</v>
      </c>
    </row>
    <row r="29807" spans="1:3" x14ac:dyDescent="0.25">
      <c r="A29807" s="2" t="s">
        <v>18220</v>
      </c>
      <c r="B29807" s="6">
        <v>496219.94999999995</v>
      </c>
      <c r="C29807" s="7">
        <f t="shared" si="465"/>
        <v>496.21994999999993</v>
      </c>
    </row>
    <row r="29808" spans="1:3" x14ac:dyDescent="0.25">
      <c r="A29808" s="2" t="s">
        <v>18221</v>
      </c>
      <c r="B29808" s="6">
        <v>496236.6</v>
      </c>
      <c r="C29808" s="7">
        <f t="shared" si="465"/>
        <v>496.23659999999995</v>
      </c>
    </row>
    <row r="29809" spans="1:3" x14ac:dyDescent="0.25">
      <c r="A29809" s="2" t="s">
        <v>18222</v>
      </c>
      <c r="B29809" s="6">
        <v>496253.24999999994</v>
      </c>
      <c r="C29809" s="7">
        <f t="shared" si="465"/>
        <v>496.25324999999992</v>
      </c>
    </row>
    <row r="29810" spans="1:3" x14ac:dyDescent="0.25">
      <c r="A29810" s="2" t="s">
        <v>18223</v>
      </c>
      <c r="B29810" s="6">
        <v>496269.89999999997</v>
      </c>
      <c r="C29810" s="7">
        <f t="shared" si="465"/>
        <v>496.26989999999995</v>
      </c>
    </row>
    <row r="29811" spans="1:3" x14ac:dyDescent="0.25">
      <c r="A29811" s="2" t="s">
        <v>18224</v>
      </c>
      <c r="B29811" s="6">
        <v>496286.54999999993</v>
      </c>
      <c r="C29811" s="7">
        <f t="shared" si="465"/>
        <v>496.28654999999992</v>
      </c>
    </row>
    <row r="29812" spans="1:3" x14ac:dyDescent="0.25">
      <c r="A29812" s="2" t="s">
        <v>18225</v>
      </c>
      <c r="B29812" s="6">
        <v>496303.19999999995</v>
      </c>
      <c r="C29812" s="7">
        <f t="shared" si="465"/>
        <v>496.30319999999995</v>
      </c>
    </row>
    <row r="29813" spans="1:3" x14ac:dyDescent="0.25">
      <c r="A29813" s="2" t="s">
        <v>18226</v>
      </c>
      <c r="B29813" s="6">
        <v>496319.85</v>
      </c>
      <c r="C29813" s="7">
        <f t="shared" si="465"/>
        <v>496.31984999999997</v>
      </c>
    </row>
    <row r="29814" spans="1:3" x14ac:dyDescent="0.25">
      <c r="A29814" s="2" t="s">
        <v>18227</v>
      </c>
      <c r="B29814" s="6">
        <v>496336.49999999994</v>
      </c>
      <c r="C29814" s="7">
        <f t="shared" si="465"/>
        <v>496.33649999999994</v>
      </c>
    </row>
    <row r="29815" spans="1:3" x14ac:dyDescent="0.25">
      <c r="A29815" s="2" t="s">
        <v>18228</v>
      </c>
      <c r="B29815" s="6">
        <v>496353.14999999997</v>
      </c>
      <c r="C29815" s="7">
        <f t="shared" si="465"/>
        <v>496.35314999999997</v>
      </c>
    </row>
    <row r="29816" spans="1:3" x14ac:dyDescent="0.25">
      <c r="A29816" s="2" t="s">
        <v>18229</v>
      </c>
      <c r="B29816" s="6">
        <v>496369.79999999993</v>
      </c>
      <c r="C29816" s="7">
        <f t="shared" si="465"/>
        <v>496.36979999999994</v>
      </c>
    </row>
    <row r="29817" spans="1:3" x14ac:dyDescent="0.25">
      <c r="A29817" s="2" t="s">
        <v>18230</v>
      </c>
      <c r="B29817" s="6">
        <v>496386.44999999995</v>
      </c>
      <c r="C29817" s="7">
        <f t="shared" si="465"/>
        <v>496.38644999999997</v>
      </c>
    </row>
    <row r="29818" spans="1:3" x14ac:dyDescent="0.25">
      <c r="A29818" s="2" t="s">
        <v>18231</v>
      </c>
      <c r="B29818" s="6">
        <v>496403.1</v>
      </c>
      <c r="C29818" s="7">
        <f t="shared" si="465"/>
        <v>496.40309999999999</v>
      </c>
    </row>
    <row r="29819" spans="1:3" x14ac:dyDescent="0.25">
      <c r="A29819" s="2" t="s">
        <v>18232</v>
      </c>
      <c r="B29819" s="6">
        <v>496419.74999999994</v>
      </c>
      <c r="C29819" s="7">
        <f t="shared" si="465"/>
        <v>496.41974999999996</v>
      </c>
    </row>
    <row r="29820" spans="1:3" x14ac:dyDescent="0.25">
      <c r="A29820" s="2" t="s">
        <v>18233</v>
      </c>
      <c r="B29820" s="6">
        <v>496436.39999999997</v>
      </c>
      <c r="C29820" s="7">
        <f t="shared" si="465"/>
        <v>496.43639999999999</v>
      </c>
    </row>
    <row r="29821" spans="1:3" x14ac:dyDescent="0.25">
      <c r="A29821" s="2" t="s">
        <v>18234</v>
      </c>
      <c r="B29821" s="6">
        <v>496453.04999999993</v>
      </c>
      <c r="C29821" s="7">
        <f t="shared" si="465"/>
        <v>496.45304999999991</v>
      </c>
    </row>
    <row r="29822" spans="1:3" x14ac:dyDescent="0.25">
      <c r="A29822" s="2" t="s">
        <v>18235</v>
      </c>
      <c r="B29822" s="6">
        <v>496469.69999999995</v>
      </c>
      <c r="C29822" s="7">
        <f t="shared" si="465"/>
        <v>496.46969999999993</v>
      </c>
    </row>
    <row r="29823" spans="1:3" x14ac:dyDescent="0.25">
      <c r="A29823" s="2" t="s">
        <v>18236</v>
      </c>
      <c r="B29823" s="6">
        <v>496486.35</v>
      </c>
      <c r="C29823" s="7">
        <f t="shared" si="465"/>
        <v>496.48634999999996</v>
      </c>
    </row>
    <row r="29824" spans="1:3" x14ac:dyDescent="0.25">
      <c r="A29824" s="2" t="s">
        <v>18237</v>
      </c>
      <c r="B29824" s="6">
        <v>496502.99999999994</v>
      </c>
      <c r="C29824" s="7">
        <f t="shared" si="465"/>
        <v>496.50299999999993</v>
      </c>
    </row>
    <row r="29825" spans="1:3" x14ac:dyDescent="0.25">
      <c r="A29825" s="2" t="s">
        <v>18238</v>
      </c>
      <c r="B29825" s="6">
        <v>496519.64999999997</v>
      </c>
      <c r="C29825" s="7">
        <f t="shared" si="465"/>
        <v>496.51964999999996</v>
      </c>
    </row>
    <row r="29826" spans="1:3" x14ac:dyDescent="0.25">
      <c r="A29826" s="2" t="s">
        <v>18239</v>
      </c>
      <c r="B29826" s="6">
        <v>496536.29999999993</v>
      </c>
      <c r="C29826" s="7">
        <f t="shared" si="465"/>
        <v>496.53629999999993</v>
      </c>
    </row>
    <row r="29827" spans="1:3" x14ac:dyDescent="0.25">
      <c r="A29827" s="2" t="s">
        <v>18240</v>
      </c>
      <c r="B29827" s="6">
        <v>496552.94999999995</v>
      </c>
      <c r="C29827" s="7">
        <f t="shared" ref="C29827:C29890" si="466">B29827/1000</f>
        <v>496.55294999999995</v>
      </c>
    </row>
    <row r="29828" spans="1:3" x14ac:dyDescent="0.25">
      <c r="A29828" s="2" t="s">
        <v>18241</v>
      </c>
      <c r="B29828" s="6">
        <v>496569.59999999998</v>
      </c>
      <c r="C29828" s="7">
        <f t="shared" si="466"/>
        <v>496.56959999999998</v>
      </c>
    </row>
    <row r="29829" spans="1:3" x14ac:dyDescent="0.25">
      <c r="A29829" s="2" t="s">
        <v>18242</v>
      </c>
      <c r="B29829" s="6">
        <v>496586.24999999994</v>
      </c>
      <c r="C29829" s="7">
        <f t="shared" si="466"/>
        <v>496.58624999999995</v>
      </c>
    </row>
    <row r="29830" spans="1:3" x14ac:dyDescent="0.25">
      <c r="A29830" s="2" t="s">
        <v>18243</v>
      </c>
      <c r="B29830" s="6">
        <v>496602.89999999997</v>
      </c>
      <c r="C29830" s="7">
        <f t="shared" si="466"/>
        <v>496.60289999999998</v>
      </c>
    </row>
    <row r="29831" spans="1:3" x14ac:dyDescent="0.25">
      <c r="A29831" s="2" t="s">
        <v>18244</v>
      </c>
      <c r="B29831" s="6">
        <v>496619.54999999993</v>
      </c>
      <c r="C29831" s="7">
        <f t="shared" si="466"/>
        <v>496.61954999999995</v>
      </c>
    </row>
    <row r="29832" spans="1:3" x14ac:dyDescent="0.25">
      <c r="A29832" s="2" t="s">
        <v>18245</v>
      </c>
      <c r="B29832" s="6">
        <v>496636.19999999995</v>
      </c>
      <c r="C29832" s="7">
        <f t="shared" si="466"/>
        <v>496.63619999999997</v>
      </c>
    </row>
    <row r="29833" spans="1:3" x14ac:dyDescent="0.25">
      <c r="A29833" s="2" t="s">
        <v>18246</v>
      </c>
      <c r="B29833" s="6">
        <v>496652.85</v>
      </c>
      <c r="C29833" s="7">
        <f t="shared" si="466"/>
        <v>496.65285</v>
      </c>
    </row>
    <row r="29834" spans="1:3" x14ac:dyDescent="0.25">
      <c r="A29834" s="2" t="s">
        <v>18247</v>
      </c>
      <c r="B29834" s="6">
        <v>496669.49999999994</v>
      </c>
      <c r="C29834" s="7">
        <f t="shared" si="466"/>
        <v>496.66949999999991</v>
      </c>
    </row>
    <row r="29835" spans="1:3" x14ac:dyDescent="0.25">
      <c r="A29835" s="2" t="s">
        <v>18248</v>
      </c>
      <c r="B29835" s="6">
        <v>496686.14999999997</v>
      </c>
      <c r="C29835" s="7">
        <f t="shared" si="466"/>
        <v>496.68614999999994</v>
      </c>
    </row>
    <row r="29836" spans="1:3" x14ac:dyDescent="0.25">
      <c r="A29836" s="2" t="s">
        <v>18249</v>
      </c>
      <c r="B29836" s="6">
        <v>496702.79999999993</v>
      </c>
      <c r="C29836" s="7">
        <f t="shared" si="466"/>
        <v>496.70279999999991</v>
      </c>
    </row>
    <row r="29837" spans="1:3" x14ac:dyDescent="0.25">
      <c r="A29837" s="2" t="s">
        <v>18250</v>
      </c>
      <c r="B29837" s="6">
        <v>496719.44999999995</v>
      </c>
      <c r="C29837" s="7">
        <f t="shared" si="466"/>
        <v>496.71944999999994</v>
      </c>
    </row>
    <row r="29838" spans="1:3" x14ac:dyDescent="0.25">
      <c r="A29838" s="2" t="s">
        <v>18251</v>
      </c>
      <c r="B29838" s="6">
        <v>496736.1</v>
      </c>
      <c r="C29838" s="7">
        <f t="shared" si="466"/>
        <v>496.73609999999996</v>
      </c>
    </row>
    <row r="29839" spans="1:3" x14ac:dyDescent="0.25">
      <c r="A29839" s="2" t="s">
        <v>18252</v>
      </c>
      <c r="B29839" s="6">
        <v>496752.74999999994</v>
      </c>
      <c r="C29839" s="7">
        <f t="shared" si="466"/>
        <v>496.75274999999993</v>
      </c>
    </row>
    <row r="29840" spans="1:3" x14ac:dyDescent="0.25">
      <c r="A29840" s="2" t="s">
        <v>18253</v>
      </c>
      <c r="B29840" s="6">
        <v>496769.39999999997</v>
      </c>
      <c r="C29840" s="7">
        <f t="shared" si="466"/>
        <v>496.76939999999996</v>
      </c>
    </row>
    <row r="29841" spans="1:3" x14ac:dyDescent="0.25">
      <c r="A29841" s="2" t="s">
        <v>18254</v>
      </c>
      <c r="B29841" s="6">
        <v>496786.04999999993</v>
      </c>
      <c r="C29841" s="7">
        <f t="shared" si="466"/>
        <v>496.78604999999993</v>
      </c>
    </row>
    <row r="29842" spans="1:3" x14ac:dyDescent="0.25">
      <c r="A29842" s="2" t="s">
        <v>18255</v>
      </c>
      <c r="B29842" s="6">
        <v>496802.69999999995</v>
      </c>
      <c r="C29842" s="7">
        <f t="shared" si="466"/>
        <v>496.80269999999996</v>
      </c>
    </row>
    <row r="29843" spans="1:3" x14ac:dyDescent="0.25">
      <c r="A29843" s="2" t="s">
        <v>18256</v>
      </c>
      <c r="B29843" s="6">
        <v>496819.35</v>
      </c>
      <c r="C29843" s="7">
        <f t="shared" si="466"/>
        <v>496.81934999999999</v>
      </c>
    </row>
    <row r="29844" spans="1:3" x14ac:dyDescent="0.25">
      <c r="A29844" s="2" t="s">
        <v>18257</v>
      </c>
      <c r="B29844" s="6">
        <v>496835.99999999994</v>
      </c>
      <c r="C29844" s="7">
        <f t="shared" si="466"/>
        <v>496.83599999999996</v>
      </c>
    </row>
    <row r="29845" spans="1:3" x14ac:dyDescent="0.25">
      <c r="A29845" s="2" t="s">
        <v>18258</v>
      </c>
      <c r="B29845" s="6">
        <v>496852.64999999997</v>
      </c>
      <c r="C29845" s="7">
        <f t="shared" si="466"/>
        <v>496.85264999999998</v>
      </c>
    </row>
    <row r="29846" spans="1:3" x14ac:dyDescent="0.25">
      <c r="A29846" s="2" t="s">
        <v>18259</v>
      </c>
      <c r="B29846" s="6">
        <v>496869.29999999993</v>
      </c>
      <c r="C29846" s="7">
        <f t="shared" si="466"/>
        <v>496.86929999999995</v>
      </c>
    </row>
    <row r="29847" spans="1:3" x14ac:dyDescent="0.25">
      <c r="A29847" s="2" t="s">
        <v>18260</v>
      </c>
      <c r="B29847" s="6">
        <v>496885.94999999995</v>
      </c>
      <c r="C29847" s="7">
        <f t="shared" si="466"/>
        <v>496.88594999999998</v>
      </c>
    </row>
    <row r="29848" spans="1:3" x14ac:dyDescent="0.25">
      <c r="A29848" s="2" t="s">
        <v>18261</v>
      </c>
      <c r="B29848" s="6">
        <v>496902.6</v>
      </c>
      <c r="C29848" s="7">
        <f t="shared" si="466"/>
        <v>496.90259999999995</v>
      </c>
    </row>
    <row r="29849" spans="1:3" x14ac:dyDescent="0.25">
      <c r="A29849" s="2" t="s">
        <v>18262</v>
      </c>
      <c r="B29849" s="6">
        <v>496919.24999999994</v>
      </c>
      <c r="C29849" s="7">
        <f t="shared" si="466"/>
        <v>496.91924999999992</v>
      </c>
    </row>
    <row r="29850" spans="1:3" x14ac:dyDescent="0.25">
      <c r="A29850" s="2" t="s">
        <v>18263</v>
      </c>
      <c r="B29850" s="6">
        <v>496935.89999999997</v>
      </c>
      <c r="C29850" s="7">
        <f t="shared" si="466"/>
        <v>496.93589999999995</v>
      </c>
    </row>
    <row r="29851" spans="1:3" x14ac:dyDescent="0.25">
      <c r="A29851" s="2" t="s">
        <v>18264</v>
      </c>
      <c r="B29851" s="6">
        <v>496952.54999999993</v>
      </c>
      <c r="C29851" s="7">
        <f t="shared" si="466"/>
        <v>496.95254999999992</v>
      </c>
    </row>
    <row r="29852" spans="1:3" x14ac:dyDescent="0.25">
      <c r="A29852" s="2" t="s">
        <v>18265</v>
      </c>
      <c r="B29852" s="6">
        <v>496969.19999999995</v>
      </c>
      <c r="C29852" s="7">
        <f t="shared" si="466"/>
        <v>496.96919999999994</v>
      </c>
    </row>
    <row r="29853" spans="1:3" x14ac:dyDescent="0.25">
      <c r="A29853" s="2" t="s">
        <v>18266</v>
      </c>
      <c r="B29853" s="6">
        <v>496985.85</v>
      </c>
      <c r="C29853" s="7">
        <f t="shared" si="466"/>
        <v>496.98584999999997</v>
      </c>
    </row>
    <row r="29854" spans="1:3" x14ac:dyDescent="0.25">
      <c r="A29854" s="2" t="s">
        <v>18267</v>
      </c>
      <c r="B29854" s="6">
        <v>497002.49999999994</v>
      </c>
      <c r="C29854" s="7">
        <f t="shared" si="466"/>
        <v>497.00249999999994</v>
      </c>
    </row>
    <row r="29855" spans="1:3" x14ac:dyDescent="0.25">
      <c r="A29855" s="2" t="s">
        <v>18268</v>
      </c>
      <c r="B29855" s="6">
        <v>497019.14999999997</v>
      </c>
      <c r="C29855" s="7">
        <f t="shared" si="466"/>
        <v>497.01914999999997</v>
      </c>
    </row>
    <row r="29856" spans="1:3" x14ac:dyDescent="0.25">
      <c r="A29856" s="2" t="s">
        <v>18269</v>
      </c>
      <c r="B29856" s="6">
        <v>497035.79999999993</v>
      </c>
      <c r="C29856" s="7">
        <f t="shared" si="466"/>
        <v>497.03579999999994</v>
      </c>
    </row>
    <row r="29857" spans="1:3" x14ac:dyDescent="0.25">
      <c r="A29857" s="2" t="s">
        <v>18270</v>
      </c>
      <c r="B29857" s="6">
        <v>497052.44999999995</v>
      </c>
      <c r="C29857" s="7">
        <f t="shared" si="466"/>
        <v>497.05244999999996</v>
      </c>
    </row>
    <row r="29858" spans="1:3" x14ac:dyDescent="0.25">
      <c r="A29858" s="2" t="s">
        <v>18271</v>
      </c>
      <c r="B29858" s="6">
        <v>497069.1</v>
      </c>
      <c r="C29858" s="7">
        <f t="shared" si="466"/>
        <v>497.06909999999999</v>
      </c>
    </row>
    <row r="29859" spans="1:3" x14ac:dyDescent="0.25">
      <c r="A29859" s="2" t="s">
        <v>18272</v>
      </c>
      <c r="B29859" s="6">
        <v>497085.74999999994</v>
      </c>
      <c r="C29859" s="7">
        <f t="shared" si="466"/>
        <v>497.08574999999996</v>
      </c>
    </row>
    <row r="29860" spans="1:3" x14ac:dyDescent="0.25">
      <c r="A29860" s="2" t="s">
        <v>18273</v>
      </c>
      <c r="B29860" s="6">
        <v>497102.39999999997</v>
      </c>
      <c r="C29860" s="7">
        <f t="shared" si="466"/>
        <v>497.10239999999999</v>
      </c>
    </row>
    <row r="29861" spans="1:3" x14ac:dyDescent="0.25">
      <c r="A29861" s="2" t="s">
        <v>18274</v>
      </c>
      <c r="B29861" s="6">
        <v>497119.04999999993</v>
      </c>
      <c r="C29861" s="7">
        <f t="shared" si="466"/>
        <v>497.1190499999999</v>
      </c>
    </row>
    <row r="29862" spans="1:3" x14ac:dyDescent="0.25">
      <c r="A29862" s="2" t="s">
        <v>18275</v>
      </c>
      <c r="B29862" s="6">
        <v>497135.69999999995</v>
      </c>
      <c r="C29862" s="7">
        <f t="shared" si="466"/>
        <v>497.13569999999993</v>
      </c>
    </row>
    <row r="29863" spans="1:3" x14ac:dyDescent="0.25">
      <c r="A29863" s="2" t="s">
        <v>18276</v>
      </c>
      <c r="B29863" s="6">
        <v>497152.35</v>
      </c>
      <c r="C29863" s="7">
        <f t="shared" si="466"/>
        <v>497.15234999999996</v>
      </c>
    </row>
    <row r="29864" spans="1:3" x14ac:dyDescent="0.25">
      <c r="A29864" s="2" t="s">
        <v>18277</v>
      </c>
      <c r="B29864" s="6">
        <v>497168.99999999994</v>
      </c>
      <c r="C29864" s="7">
        <f t="shared" si="466"/>
        <v>497.16899999999993</v>
      </c>
    </row>
    <row r="29865" spans="1:3" x14ac:dyDescent="0.25">
      <c r="A29865" s="2" t="s">
        <v>18278</v>
      </c>
      <c r="B29865" s="6">
        <v>497185.64999999997</v>
      </c>
      <c r="C29865" s="7">
        <f t="shared" si="466"/>
        <v>497.18564999999995</v>
      </c>
    </row>
    <row r="29866" spans="1:3" x14ac:dyDescent="0.25">
      <c r="A29866" s="2" t="s">
        <v>18279</v>
      </c>
      <c r="B29866" s="6">
        <v>497202.29999999993</v>
      </c>
      <c r="C29866" s="7">
        <f t="shared" si="466"/>
        <v>497.20229999999992</v>
      </c>
    </row>
    <row r="29867" spans="1:3" x14ac:dyDescent="0.25">
      <c r="A29867" s="2" t="s">
        <v>18280</v>
      </c>
      <c r="B29867" s="6">
        <v>497218.94999999995</v>
      </c>
      <c r="C29867" s="7">
        <f t="shared" si="466"/>
        <v>497.21894999999995</v>
      </c>
    </row>
    <row r="29868" spans="1:3" x14ac:dyDescent="0.25">
      <c r="A29868" s="2" t="s">
        <v>18281</v>
      </c>
      <c r="B29868" s="6">
        <v>497235.6</v>
      </c>
      <c r="C29868" s="7">
        <f t="shared" si="466"/>
        <v>497.23559999999998</v>
      </c>
    </row>
    <row r="29869" spans="1:3" x14ac:dyDescent="0.25">
      <c r="A29869" s="2" t="s">
        <v>18282</v>
      </c>
      <c r="B29869" s="6">
        <v>497252.24999999994</v>
      </c>
      <c r="C29869" s="7">
        <f t="shared" si="466"/>
        <v>497.25224999999995</v>
      </c>
    </row>
    <row r="29870" spans="1:3" x14ac:dyDescent="0.25">
      <c r="A29870" s="2" t="s">
        <v>18283</v>
      </c>
      <c r="B29870" s="6">
        <v>497268.89999999997</v>
      </c>
      <c r="C29870" s="7">
        <f t="shared" si="466"/>
        <v>497.26889999999997</v>
      </c>
    </row>
    <row r="29871" spans="1:3" x14ac:dyDescent="0.25">
      <c r="A29871" s="2" t="s">
        <v>18284</v>
      </c>
      <c r="B29871" s="6">
        <v>497285.54999999993</v>
      </c>
      <c r="C29871" s="7">
        <f t="shared" si="466"/>
        <v>497.28554999999994</v>
      </c>
    </row>
    <row r="29872" spans="1:3" x14ac:dyDescent="0.25">
      <c r="A29872" s="2" t="s">
        <v>18285</v>
      </c>
      <c r="B29872" s="6">
        <v>497302.19999999995</v>
      </c>
      <c r="C29872" s="7">
        <f t="shared" si="466"/>
        <v>497.30219999999997</v>
      </c>
    </row>
    <row r="29873" spans="1:3" x14ac:dyDescent="0.25">
      <c r="A29873" s="2" t="s">
        <v>18286</v>
      </c>
      <c r="B29873" s="6">
        <v>497318.85</v>
      </c>
      <c r="C29873" s="7">
        <f t="shared" si="466"/>
        <v>497.31885</v>
      </c>
    </row>
    <row r="29874" spans="1:3" x14ac:dyDescent="0.25">
      <c r="A29874" s="2" t="s">
        <v>18287</v>
      </c>
      <c r="B29874" s="6">
        <v>497335.49999999994</v>
      </c>
      <c r="C29874" s="7">
        <f t="shared" si="466"/>
        <v>497.33549999999997</v>
      </c>
    </row>
    <row r="29875" spans="1:3" x14ac:dyDescent="0.25">
      <c r="A29875" s="2" t="s">
        <v>18288</v>
      </c>
      <c r="B29875" s="6">
        <v>497352.14999999997</v>
      </c>
      <c r="C29875" s="7">
        <f t="shared" si="466"/>
        <v>497.35214999999994</v>
      </c>
    </row>
    <row r="29876" spans="1:3" x14ac:dyDescent="0.25">
      <c r="A29876" s="2" t="s">
        <v>18289</v>
      </c>
      <c r="B29876" s="6">
        <v>497368.79999999993</v>
      </c>
      <c r="C29876" s="7">
        <f t="shared" si="466"/>
        <v>497.36879999999991</v>
      </c>
    </row>
    <row r="29877" spans="1:3" x14ac:dyDescent="0.25">
      <c r="A29877" s="2" t="s">
        <v>18290</v>
      </c>
      <c r="B29877" s="6">
        <v>497385.44999999995</v>
      </c>
      <c r="C29877" s="7">
        <f t="shared" si="466"/>
        <v>497.38544999999993</v>
      </c>
    </row>
    <row r="29878" spans="1:3" x14ac:dyDescent="0.25">
      <c r="A29878" s="2" t="s">
        <v>18291</v>
      </c>
      <c r="B29878" s="6">
        <v>497402.1</v>
      </c>
      <c r="C29878" s="7">
        <f t="shared" si="466"/>
        <v>497.40209999999996</v>
      </c>
    </row>
    <row r="29879" spans="1:3" x14ac:dyDescent="0.25">
      <c r="A29879" s="2" t="s">
        <v>18292</v>
      </c>
      <c r="B29879" s="6">
        <v>497418.74999999994</v>
      </c>
      <c r="C29879" s="7">
        <f t="shared" si="466"/>
        <v>497.41874999999993</v>
      </c>
    </row>
    <row r="29880" spans="1:3" x14ac:dyDescent="0.25">
      <c r="A29880" s="2" t="s">
        <v>18293</v>
      </c>
      <c r="B29880" s="6">
        <v>497435.39999999997</v>
      </c>
      <c r="C29880" s="7">
        <f t="shared" si="466"/>
        <v>497.43539999999996</v>
      </c>
    </row>
    <row r="29881" spans="1:3" x14ac:dyDescent="0.25">
      <c r="A29881" s="2" t="s">
        <v>18294</v>
      </c>
      <c r="B29881" s="6">
        <v>497452.04999999993</v>
      </c>
      <c r="C29881" s="7">
        <f t="shared" si="466"/>
        <v>497.45204999999993</v>
      </c>
    </row>
    <row r="29882" spans="1:3" x14ac:dyDescent="0.25">
      <c r="A29882" s="2" t="s">
        <v>18295</v>
      </c>
      <c r="B29882" s="6">
        <v>497468.69999999995</v>
      </c>
      <c r="C29882" s="7">
        <f t="shared" si="466"/>
        <v>497.46869999999996</v>
      </c>
    </row>
    <row r="29883" spans="1:3" x14ac:dyDescent="0.25">
      <c r="A29883" s="2" t="s">
        <v>18296</v>
      </c>
      <c r="B29883" s="6">
        <v>497485.35</v>
      </c>
      <c r="C29883" s="7">
        <f t="shared" si="466"/>
        <v>497.48534999999998</v>
      </c>
    </row>
    <row r="29884" spans="1:3" x14ac:dyDescent="0.25">
      <c r="A29884" s="2" t="s">
        <v>18297</v>
      </c>
      <c r="B29884" s="6">
        <v>497501.99999999994</v>
      </c>
      <c r="C29884" s="7">
        <f t="shared" si="466"/>
        <v>497.50199999999995</v>
      </c>
    </row>
    <row r="29885" spans="1:3" x14ac:dyDescent="0.25">
      <c r="A29885" s="2" t="s">
        <v>18298</v>
      </c>
      <c r="B29885" s="6">
        <v>497518.64999999997</v>
      </c>
      <c r="C29885" s="7">
        <f t="shared" si="466"/>
        <v>497.51864999999998</v>
      </c>
    </row>
    <row r="29886" spans="1:3" x14ac:dyDescent="0.25">
      <c r="A29886" s="2" t="s">
        <v>18299</v>
      </c>
      <c r="B29886" s="6">
        <v>497535.29999999993</v>
      </c>
      <c r="C29886" s="7">
        <f t="shared" si="466"/>
        <v>497.53529999999995</v>
      </c>
    </row>
    <row r="29887" spans="1:3" x14ac:dyDescent="0.25">
      <c r="A29887" s="2" t="s">
        <v>18300</v>
      </c>
      <c r="B29887" s="6">
        <v>497551.94999999995</v>
      </c>
      <c r="C29887" s="7">
        <f t="shared" si="466"/>
        <v>497.55194999999998</v>
      </c>
    </row>
    <row r="29888" spans="1:3" x14ac:dyDescent="0.25">
      <c r="A29888" s="2" t="s">
        <v>18301</v>
      </c>
      <c r="B29888" s="6">
        <v>497568.6</v>
      </c>
      <c r="C29888" s="7">
        <f t="shared" si="466"/>
        <v>497.5686</v>
      </c>
    </row>
    <row r="29889" spans="1:3" x14ac:dyDescent="0.25">
      <c r="A29889" s="2" t="s">
        <v>18302</v>
      </c>
      <c r="B29889" s="6">
        <v>497585.24999999994</v>
      </c>
      <c r="C29889" s="7">
        <f t="shared" si="466"/>
        <v>497.58524999999992</v>
      </c>
    </row>
    <row r="29890" spans="1:3" x14ac:dyDescent="0.25">
      <c r="A29890" s="2" t="s">
        <v>18303</v>
      </c>
      <c r="B29890" s="6">
        <v>497601.89999999997</v>
      </c>
      <c r="C29890" s="7">
        <f t="shared" si="466"/>
        <v>497.60189999999994</v>
      </c>
    </row>
    <row r="29891" spans="1:3" x14ac:dyDescent="0.25">
      <c r="A29891" s="2" t="s">
        <v>18304</v>
      </c>
      <c r="B29891" s="6">
        <v>497618.54999999993</v>
      </c>
      <c r="C29891" s="7">
        <f t="shared" ref="C29891:C29954" si="467">B29891/1000</f>
        <v>497.61854999999991</v>
      </c>
    </row>
    <row r="29892" spans="1:3" x14ac:dyDescent="0.25">
      <c r="A29892" s="2" t="s">
        <v>18305</v>
      </c>
      <c r="B29892" s="6">
        <v>497635.19999999995</v>
      </c>
      <c r="C29892" s="7">
        <f t="shared" si="467"/>
        <v>497.63519999999994</v>
      </c>
    </row>
    <row r="29893" spans="1:3" x14ac:dyDescent="0.25">
      <c r="A29893" s="2" t="s">
        <v>18306</v>
      </c>
      <c r="B29893" s="6">
        <v>497651.85</v>
      </c>
      <c r="C29893" s="7">
        <f t="shared" si="467"/>
        <v>497.65184999999997</v>
      </c>
    </row>
    <row r="29894" spans="1:3" x14ac:dyDescent="0.25">
      <c r="A29894" s="2" t="s">
        <v>18307</v>
      </c>
      <c r="B29894" s="6">
        <v>497668.49999999994</v>
      </c>
      <c r="C29894" s="7">
        <f t="shared" si="467"/>
        <v>497.66849999999994</v>
      </c>
    </row>
    <row r="29895" spans="1:3" x14ac:dyDescent="0.25">
      <c r="A29895" s="2" t="s">
        <v>18308</v>
      </c>
      <c r="B29895" s="6">
        <v>497685.14999999997</v>
      </c>
      <c r="C29895" s="7">
        <f t="shared" si="467"/>
        <v>497.68514999999996</v>
      </c>
    </row>
    <row r="29896" spans="1:3" x14ac:dyDescent="0.25">
      <c r="A29896" s="2" t="s">
        <v>18309</v>
      </c>
      <c r="B29896" s="6">
        <v>497701.79999999993</v>
      </c>
      <c r="C29896" s="7">
        <f t="shared" si="467"/>
        <v>497.70179999999993</v>
      </c>
    </row>
    <row r="29897" spans="1:3" x14ac:dyDescent="0.25">
      <c r="A29897" s="2" t="s">
        <v>18310</v>
      </c>
      <c r="B29897" s="6">
        <v>497718.44999999995</v>
      </c>
      <c r="C29897" s="7">
        <f t="shared" si="467"/>
        <v>497.71844999999996</v>
      </c>
    </row>
    <row r="29898" spans="1:3" x14ac:dyDescent="0.25">
      <c r="A29898" s="2" t="s">
        <v>18311</v>
      </c>
      <c r="B29898" s="6">
        <v>497735.1</v>
      </c>
      <c r="C29898" s="7">
        <f t="shared" si="467"/>
        <v>497.73509999999999</v>
      </c>
    </row>
    <row r="29899" spans="1:3" x14ac:dyDescent="0.25">
      <c r="A29899" s="2" t="s">
        <v>18312</v>
      </c>
      <c r="B29899" s="6">
        <v>497751.74999999994</v>
      </c>
      <c r="C29899" s="7">
        <f t="shared" si="467"/>
        <v>497.75174999999996</v>
      </c>
    </row>
    <row r="29900" spans="1:3" x14ac:dyDescent="0.25">
      <c r="A29900" s="2" t="s">
        <v>18313</v>
      </c>
      <c r="B29900" s="6">
        <v>497768.39999999997</v>
      </c>
      <c r="C29900" s="7">
        <f t="shared" si="467"/>
        <v>497.76839999999999</v>
      </c>
    </row>
    <row r="29901" spans="1:3" x14ac:dyDescent="0.25">
      <c r="A29901" s="2" t="s">
        <v>18314</v>
      </c>
      <c r="B29901" s="6">
        <v>497785.04999999993</v>
      </c>
      <c r="C29901" s="7">
        <f t="shared" si="467"/>
        <v>497.78504999999996</v>
      </c>
    </row>
    <row r="29902" spans="1:3" x14ac:dyDescent="0.25">
      <c r="A29902" s="2" t="s">
        <v>18315</v>
      </c>
      <c r="B29902" s="6">
        <v>497801.69999999995</v>
      </c>
      <c r="C29902" s="7">
        <f t="shared" si="467"/>
        <v>497.80169999999993</v>
      </c>
    </row>
    <row r="29903" spans="1:3" x14ac:dyDescent="0.25">
      <c r="A29903" s="2" t="s">
        <v>18316</v>
      </c>
      <c r="B29903" s="6">
        <v>497818.35</v>
      </c>
      <c r="C29903" s="7">
        <f t="shared" si="467"/>
        <v>497.81834999999995</v>
      </c>
    </row>
    <row r="29904" spans="1:3" x14ac:dyDescent="0.25">
      <c r="A29904" s="2" t="s">
        <v>18317</v>
      </c>
      <c r="B29904" s="6">
        <v>497834.99999999994</v>
      </c>
      <c r="C29904" s="7">
        <f t="shared" si="467"/>
        <v>497.83499999999992</v>
      </c>
    </row>
    <row r="29905" spans="1:3" x14ac:dyDescent="0.25">
      <c r="A29905" s="2" t="s">
        <v>18318</v>
      </c>
      <c r="B29905" s="6">
        <v>497851.64999999997</v>
      </c>
      <c r="C29905" s="7">
        <f t="shared" si="467"/>
        <v>497.85164999999995</v>
      </c>
    </row>
    <row r="29906" spans="1:3" x14ac:dyDescent="0.25">
      <c r="A29906" s="2" t="s">
        <v>18319</v>
      </c>
      <c r="B29906" s="6">
        <v>497868.29999999993</v>
      </c>
      <c r="C29906" s="7">
        <f t="shared" si="467"/>
        <v>497.86829999999992</v>
      </c>
    </row>
    <row r="29907" spans="1:3" x14ac:dyDescent="0.25">
      <c r="A29907" s="2" t="s">
        <v>18320</v>
      </c>
      <c r="B29907" s="6">
        <v>497884.94999999995</v>
      </c>
      <c r="C29907" s="7">
        <f t="shared" si="467"/>
        <v>497.88494999999995</v>
      </c>
    </row>
    <row r="29908" spans="1:3" x14ac:dyDescent="0.25">
      <c r="A29908" s="2" t="s">
        <v>18321</v>
      </c>
      <c r="B29908" s="6">
        <v>497901.6</v>
      </c>
      <c r="C29908" s="7">
        <f t="shared" si="467"/>
        <v>497.90159999999997</v>
      </c>
    </row>
    <row r="29909" spans="1:3" x14ac:dyDescent="0.25">
      <c r="A29909" s="2" t="s">
        <v>18322</v>
      </c>
      <c r="B29909" s="6">
        <v>497918.24999999994</v>
      </c>
      <c r="C29909" s="7">
        <f t="shared" si="467"/>
        <v>497.91824999999994</v>
      </c>
    </row>
    <row r="29910" spans="1:3" x14ac:dyDescent="0.25">
      <c r="A29910" s="2" t="s">
        <v>18323</v>
      </c>
      <c r="B29910" s="6">
        <v>497934.89999999997</v>
      </c>
      <c r="C29910" s="7">
        <f t="shared" si="467"/>
        <v>497.93489999999997</v>
      </c>
    </row>
    <row r="29911" spans="1:3" x14ac:dyDescent="0.25">
      <c r="A29911" s="2" t="s">
        <v>18324</v>
      </c>
      <c r="B29911" s="6">
        <v>497951.54999999993</v>
      </c>
      <c r="C29911" s="7">
        <f t="shared" si="467"/>
        <v>497.95154999999994</v>
      </c>
    </row>
    <row r="29912" spans="1:3" x14ac:dyDescent="0.25">
      <c r="A29912" s="2" t="s">
        <v>18325</v>
      </c>
      <c r="B29912" s="6">
        <v>497968.19999999995</v>
      </c>
      <c r="C29912" s="7">
        <f t="shared" si="467"/>
        <v>497.96819999999997</v>
      </c>
    </row>
    <row r="29913" spans="1:3" x14ac:dyDescent="0.25">
      <c r="A29913" s="2" t="s">
        <v>18326</v>
      </c>
      <c r="B29913" s="6">
        <v>497984.85</v>
      </c>
      <c r="C29913" s="7">
        <f t="shared" si="467"/>
        <v>497.98484999999999</v>
      </c>
    </row>
    <row r="29914" spans="1:3" x14ac:dyDescent="0.25">
      <c r="A29914" s="2" t="s">
        <v>18327</v>
      </c>
      <c r="B29914" s="6">
        <v>498001.49999999994</v>
      </c>
      <c r="C29914" s="7">
        <f t="shared" si="467"/>
        <v>498.00149999999996</v>
      </c>
    </row>
    <row r="29915" spans="1:3" x14ac:dyDescent="0.25">
      <c r="A29915" s="2" t="s">
        <v>18328</v>
      </c>
      <c r="B29915" s="6">
        <v>498018.14999999997</v>
      </c>
      <c r="C29915" s="7">
        <f t="shared" si="467"/>
        <v>498.01814999999999</v>
      </c>
    </row>
    <row r="29916" spans="1:3" x14ac:dyDescent="0.25">
      <c r="A29916" s="2" t="s">
        <v>18329</v>
      </c>
      <c r="B29916" s="6">
        <v>498034.79999999993</v>
      </c>
      <c r="C29916" s="7">
        <f t="shared" si="467"/>
        <v>498.0347999999999</v>
      </c>
    </row>
    <row r="29917" spans="1:3" x14ac:dyDescent="0.25">
      <c r="A29917" s="2" t="s">
        <v>18330</v>
      </c>
      <c r="B29917" s="6">
        <v>498051.44999999995</v>
      </c>
      <c r="C29917" s="7">
        <f t="shared" si="467"/>
        <v>498.05144999999993</v>
      </c>
    </row>
    <row r="29918" spans="1:3" x14ac:dyDescent="0.25">
      <c r="A29918" s="2" t="s">
        <v>18331</v>
      </c>
      <c r="B29918" s="6">
        <v>498068.1</v>
      </c>
      <c r="C29918" s="7">
        <f t="shared" si="467"/>
        <v>498.06809999999996</v>
      </c>
    </row>
    <row r="29919" spans="1:3" x14ac:dyDescent="0.25">
      <c r="A29919" s="2" t="s">
        <v>18332</v>
      </c>
      <c r="B29919" s="6">
        <v>498084.74999999994</v>
      </c>
      <c r="C29919" s="7">
        <f t="shared" si="467"/>
        <v>498.08474999999993</v>
      </c>
    </row>
    <row r="29920" spans="1:3" x14ac:dyDescent="0.25">
      <c r="A29920" s="2" t="s">
        <v>18333</v>
      </c>
      <c r="B29920" s="6">
        <v>498101.39999999997</v>
      </c>
      <c r="C29920" s="7">
        <f t="shared" si="467"/>
        <v>498.10139999999996</v>
      </c>
    </row>
    <row r="29921" spans="1:3" x14ac:dyDescent="0.25">
      <c r="A29921" s="2" t="s">
        <v>18334</v>
      </c>
      <c r="B29921" s="6">
        <v>498118.04999999993</v>
      </c>
      <c r="C29921" s="7">
        <f t="shared" si="467"/>
        <v>498.11804999999993</v>
      </c>
    </row>
    <row r="29922" spans="1:3" x14ac:dyDescent="0.25">
      <c r="A29922" s="2" t="s">
        <v>18335</v>
      </c>
      <c r="B29922" s="6">
        <v>498134.69999999995</v>
      </c>
      <c r="C29922" s="7">
        <f t="shared" si="467"/>
        <v>498.13469999999995</v>
      </c>
    </row>
    <row r="29923" spans="1:3" x14ac:dyDescent="0.25">
      <c r="A29923" s="2" t="s">
        <v>18336</v>
      </c>
      <c r="B29923" s="6">
        <v>498151.35</v>
      </c>
      <c r="C29923" s="7">
        <f t="shared" si="467"/>
        <v>498.15134999999998</v>
      </c>
    </row>
    <row r="29924" spans="1:3" x14ac:dyDescent="0.25">
      <c r="A29924" s="2" t="s">
        <v>18337</v>
      </c>
      <c r="B29924" s="6">
        <v>498167.99999999994</v>
      </c>
      <c r="C29924" s="7">
        <f t="shared" si="467"/>
        <v>498.16799999999995</v>
      </c>
    </row>
    <row r="29925" spans="1:3" x14ac:dyDescent="0.25">
      <c r="A29925" s="2" t="s">
        <v>18338</v>
      </c>
      <c r="B29925" s="6">
        <v>498184.64999999997</v>
      </c>
      <c r="C29925" s="7">
        <f t="shared" si="467"/>
        <v>498.18464999999998</v>
      </c>
    </row>
    <row r="29926" spans="1:3" x14ac:dyDescent="0.25">
      <c r="A29926" s="2" t="s">
        <v>18339</v>
      </c>
      <c r="B29926" s="6">
        <v>498201.29999999993</v>
      </c>
      <c r="C29926" s="7">
        <f t="shared" si="467"/>
        <v>498.20129999999995</v>
      </c>
    </row>
    <row r="29927" spans="1:3" x14ac:dyDescent="0.25">
      <c r="A29927" s="2" t="s">
        <v>18340</v>
      </c>
      <c r="B29927" s="6">
        <v>498217.94999999995</v>
      </c>
      <c r="C29927" s="7">
        <f t="shared" si="467"/>
        <v>498.21794999999997</v>
      </c>
    </row>
    <row r="29928" spans="1:3" x14ac:dyDescent="0.25">
      <c r="A29928" s="2" t="s">
        <v>18341</v>
      </c>
      <c r="B29928" s="6">
        <v>498234.6</v>
      </c>
      <c r="C29928" s="7">
        <f t="shared" si="467"/>
        <v>498.2346</v>
      </c>
    </row>
    <row r="29929" spans="1:3" x14ac:dyDescent="0.25">
      <c r="A29929" s="2" t="s">
        <v>18342</v>
      </c>
      <c r="B29929" s="6">
        <v>498251.24999999994</v>
      </c>
      <c r="C29929" s="7">
        <f t="shared" si="467"/>
        <v>498.25124999999991</v>
      </c>
    </row>
    <row r="29930" spans="1:3" x14ac:dyDescent="0.25">
      <c r="A29930" s="2" t="s">
        <v>18343</v>
      </c>
      <c r="B29930" s="6">
        <v>498267.89999999997</v>
      </c>
      <c r="C29930" s="7">
        <f t="shared" si="467"/>
        <v>498.26789999999994</v>
      </c>
    </row>
    <row r="29931" spans="1:3" x14ac:dyDescent="0.25">
      <c r="A29931" s="2" t="s">
        <v>18344</v>
      </c>
      <c r="B29931" s="6">
        <v>498284.54999999993</v>
      </c>
      <c r="C29931" s="7">
        <f t="shared" si="467"/>
        <v>498.28454999999991</v>
      </c>
    </row>
    <row r="29932" spans="1:3" x14ac:dyDescent="0.25">
      <c r="A29932" s="2" t="s">
        <v>18345</v>
      </c>
      <c r="B29932" s="6">
        <v>498301.19999999995</v>
      </c>
      <c r="C29932" s="7">
        <f t="shared" si="467"/>
        <v>498.30119999999994</v>
      </c>
    </row>
    <row r="29933" spans="1:3" x14ac:dyDescent="0.25">
      <c r="A29933" s="2" t="s">
        <v>18346</v>
      </c>
      <c r="B29933" s="6">
        <v>498317.85</v>
      </c>
      <c r="C29933" s="7">
        <f t="shared" si="467"/>
        <v>498.31784999999996</v>
      </c>
    </row>
    <row r="29934" spans="1:3" x14ac:dyDescent="0.25">
      <c r="A29934" s="2" t="s">
        <v>18347</v>
      </c>
      <c r="B29934" s="6">
        <v>498334.49999999994</v>
      </c>
      <c r="C29934" s="7">
        <f t="shared" si="467"/>
        <v>498.33449999999993</v>
      </c>
    </row>
    <row r="29935" spans="1:3" x14ac:dyDescent="0.25">
      <c r="A29935" s="2" t="s">
        <v>18348</v>
      </c>
      <c r="B29935" s="6">
        <v>498351.14999999997</v>
      </c>
      <c r="C29935" s="7">
        <f t="shared" si="467"/>
        <v>498.35114999999996</v>
      </c>
    </row>
    <row r="29936" spans="1:3" x14ac:dyDescent="0.25">
      <c r="A29936" s="2" t="s">
        <v>18349</v>
      </c>
      <c r="B29936" s="6">
        <v>498367.79999999993</v>
      </c>
      <c r="C29936" s="7">
        <f t="shared" si="467"/>
        <v>498.36779999999993</v>
      </c>
    </row>
    <row r="29937" spans="1:3" x14ac:dyDescent="0.25">
      <c r="A29937" s="2" t="s">
        <v>18350</v>
      </c>
      <c r="B29937" s="6">
        <v>498384.44999999995</v>
      </c>
      <c r="C29937" s="7">
        <f t="shared" si="467"/>
        <v>498.38444999999996</v>
      </c>
    </row>
    <row r="29938" spans="1:3" x14ac:dyDescent="0.25">
      <c r="A29938" s="2" t="s">
        <v>18351</v>
      </c>
      <c r="B29938" s="6">
        <v>498401.1</v>
      </c>
      <c r="C29938" s="7">
        <f t="shared" si="467"/>
        <v>498.40109999999999</v>
      </c>
    </row>
    <row r="29939" spans="1:3" x14ac:dyDescent="0.25">
      <c r="A29939" s="2" t="s">
        <v>18352</v>
      </c>
      <c r="B29939" s="6">
        <v>498417.74999999994</v>
      </c>
      <c r="C29939" s="7">
        <f t="shared" si="467"/>
        <v>498.41774999999996</v>
      </c>
    </row>
    <row r="29940" spans="1:3" x14ac:dyDescent="0.25">
      <c r="A29940" s="2" t="s">
        <v>18353</v>
      </c>
      <c r="B29940" s="6">
        <v>498434.39999999997</v>
      </c>
      <c r="C29940" s="7">
        <f t="shared" si="467"/>
        <v>498.43439999999998</v>
      </c>
    </row>
    <row r="29941" spans="1:3" x14ac:dyDescent="0.25">
      <c r="A29941" s="2" t="s">
        <v>18354</v>
      </c>
      <c r="B29941" s="6">
        <v>498451.04999999993</v>
      </c>
      <c r="C29941" s="7">
        <f t="shared" si="467"/>
        <v>498.45104999999995</v>
      </c>
    </row>
    <row r="29942" spans="1:3" x14ac:dyDescent="0.25">
      <c r="A29942" s="2" t="s">
        <v>18355</v>
      </c>
      <c r="B29942" s="6">
        <v>498467.69999999995</v>
      </c>
      <c r="C29942" s="7">
        <f t="shared" si="467"/>
        <v>498.46769999999998</v>
      </c>
    </row>
    <row r="29943" spans="1:3" x14ac:dyDescent="0.25">
      <c r="A29943" s="2" t="s">
        <v>18356</v>
      </c>
      <c r="B29943" s="6">
        <v>498484.35</v>
      </c>
      <c r="C29943" s="7">
        <f t="shared" si="467"/>
        <v>498.48434999999995</v>
      </c>
    </row>
    <row r="29944" spans="1:3" x14ac:dyDescent="0.25">
      <c r="A29944" s="2" t="s">
        <v>18357</v>
      </c>
      <c r="B29944" s="6">
        <v>498500.99999999994</v>
      </c>
      <c r="C29944" s="7">
        <f t="shared" si="467"/>
        <v>498.50099999999992</v>
      </c>
    </row>
    <row r="29945" spans="1:3" x14ac:dyDescent="0.25">
      <c r="A29945" s="2" t="s">
        <v>18358</v>
      </c>
      <c r="B29945" s="6">
        <v>498517.64999999997</v>
      </c>
      <c r="C29945" s="7">
        <f t="shared" si="467"/>
        <v>498.51764999999995</v>
      </c>
    </row>
    <row r="29946" spans="1:3" x14ac:dyDescent="0.25">
      <c r="A29946" s="2" t="s">
        <v>18359</v>
      </c>
      <c r="B29946" s="6">
        <v>498534.29999999993</v>
      </c>
      <c r="C29946" s="7">
        <f t="shared" si="467"/>
        <v>498.53429999999992</v>
      </c>
    </row>
    <row r="29947" spans="1:3" x14ac:dyDescent="0.25">
      <c r="A29947" s="2" t="s">
        <v>18360</v>
      </c>
      <c r="B29947" s="6">
        <v>498550.94999999995</v>
      </c>
      <c r="C29947" s="7">
        <f t="shared" si="467"/>
        <v>498.55094999999994</v>
      </c>
    </row>
    <row r="29948" spans="1:3" x14ac:dyDescent="0.25">
      <c r="A29948" s="2" t="s">
        <v>18361</v>
      </c>
      <c r="B29948" s="6">
        <v>498567.6</v>
      </c>
      <c r="C29948" s="7">
        <f t="shared" si="467"/>
        <v>498.56759999999997</v>
      </c>
    </row>
    <row r="29949" spans="1:3" x14ac:dyDescent="0.25">
      <c r="A29949" s="2" t="s">
        <v>18362</v>
      </c>
      <c r="B29949" s="6">
        <v>498584.24999999994</v>
      </c>
      <c r="C29949" s="7">
        <f t="shared" si="467"/>
        <v>498.58424999999994</v>
      </c>
    </row>
    <row r="29950" spans="1:3" x14ac:dyDescent="0.25">
      <c r="A29950" s="2" t="s">
        <v>18363</v>
      </c>
      <c r="B29950" s="6">
        <v>498600.89999999997</v>
      </c>
      <c r="C29950" s="7">
        <f t="shared" si="467"/>
        <v>498.60089999999997</v>
      </c>
    </row>
    <row r="29951" spans="1:3" x14ac:dyDescent="0.25">
      <c r="A29951" s="2" t="s">
        <v>18364</v>
      </c>
      <c r="B29951" s="6">
        <v>498617.54999999993</v>
      </c>
      <c r="C29951" s="7">
        <f t="shared" si="467"/>
        <v>498.61754999999994</v>
      </c>
    </row>
    <row r="29952" spans="1:3" x14ac:dyDescent="0.25">
      <c r="A29952" s="2" t="s">
        <v>18365</v>
      </c>
      <c r="B29952" s="6">
        <v>498634.19999999995</v>
      </c>
      <c r="C29952" s="7">
        <f t="shared" si="467"/>
        <v>498.63419999999996</v>
      </c>
    </row>
    <row r="29953" spans="1:3" x14ac:dyDescent="0.25">
      <c r="A29953" s="2" t="s">
        <v>18366</v>
      </c>
      <c r="B29953" s="6">
        <v>498650.85</v>
      </c>
      <c r="C29953" s="7">
        <f t="shared" si="467"/>
        <v>498.65084999999999</v>
      </c>
    </row>
    <row r="29954" spans="1:3" x14ac:dyDescent="0.25">
      <c r="A29954" s="2" t="s">
        <v>18367</v>
      </c>
      <c r="B29954" s="6">
        <v>498667.49999999994</v>
      </c>
      <c r="C29954" s="7">
        <f t="shared" si="467"/>
        <v>498.66749999999996</v>
      </c>
    </row>
    <row r="29955" spans="1:3" x14ac:dyDescent="0.25">
      <c r="A29955" s="2" t="s">
        <v>18368</v>
      </c>
      <c r="B29955" s="6">
        <v>498684.14999999997</v>
      </c>
      <c r="C29955" s="7">
        <f t="shared" ref="C29955:C30018" si="468">B29955/1000</f>
        <v>498.68414999999999</v>
      </c>
    </row>
    <row r="29956" spans="1:3" x14ac:dyDescent="0.25">
      <c r="A29956" s="2" t="s">
        <v>18369</v>
      </c>
      <c r="B29956" s="6">
        <v>498700.79999999993</v>
      </c>
      <c r="C29956" s="7">
        <f t="shared" si="468"/>
        <v>498.70079999999996</v>
      </c>
    </row>
    <row r="29957" spans="1:3" x14ac:dyDescent="0.25">
      <c r="A29957" s="2" t="s">
        <v>18370</v>
      </c>
      <c r="B29957" s="6">
        <v>498717.44999999995</v>
      </c>
      <c r="C29957" s="7">
        <f t="shared" si="468"/>
        <v>498.71744999999993</v>
      </c>
    </row>
    <row r="29958" spans="1:3" x14ac:dyDescent="0.25">
      <c r="A29958" s="2" t="s">
        <v>18371</v>
      </c>
      <c r="B29958" s="6">
        <v>498734.1</v>
      </c>
      <c r="C29958" s="7">
        <f t="shared" si="468"/>
        <v>498.73409999999996</v>
      </c>
    </row>
    <row r="29959" spans="1:3" x14ac:dyDescent="0.25">
      <c r="A29959" s="2" t="s">
        <v>18372</v>
      </c>
      <c r="B29959" s="6">
        <v>498750.74999999994</v>
      </c>
      <c r="C29959" s="7">
        <f t="shared" si="468"/>
        <v>498.75074999999993</v>
      </c>
    </row>
    <row r="29960" spans="1:3" x14ac:dyDescent="0.25">
      <c r="A29960" s="2" t="s">
        <v>18373</v>
      </c>
      <c r="B29960" s="6">
        <v>498767.39999999997</v>
      </c>
      <c r="C29960" s="7">
        <f t="shared" si="468"/>
        <v>498.76739999999995</v>
      </c>
    </row>
    <row r="29961" spans="1:3" x14ac:dyDescent="0.25">
      <c r="A29961" s="2" t="s">
        <v>18374</v>
      </c>
      <c r="B29961" s="6">
        <v>498784.04999999993</v>
      </c>
      <c r="C29961" s="7">
        <f t="shared" si="468"/>
        <v>498.78404999999992</v>
      </c>
    </row>
    <row r="29962" spans="1:3" x14ac:dyDescent="0.25">
      <c r="A29962" s="2" t="s">
        <v>18375</v>
      </c>
      <c r="B29962" s="6">
        <v>498800.69999999995</v>
      </c>
      <c r="C29962" s="7">
        <f t="shared" si="468"/>
        <v>498.80069999999995</v>
      </c>
    </row>
    <row r="29963" spans="1:3" x14ac:dyDescent="0.25">
      <c r="A29963" s="2" t="s">
        <v>18376</v>
      </c>
      <c r="B29963" s="6">
        <v>498817.35</v>
      </c>
      <c r="C29963" s="7">
        <f t="shared" si="468"/>
        <v>498.81734999999998</v>
      </c>
    </row>
    <row r="29964" spans="1:3" x14ac:dyDescent="0.25">
      <c r="A29964" s="2" t="s">
        <v>18377</v>
      </c>
      <c r="B29964" s="6">
        <v>498833.99999999994</v>
      </c>
      <c r="C29964" s="7">
        <f t="shared" si="468"/>
        <v>498.83399999999995</v>
      </c>
    </row>
    <row r="29965" spans="1:3" x14ac:dyDescent="0.25">
      <c r="A29965" s="2" t="s">
        <v>18378</v>
      </c>
      <c r="B29965" s="6">
        <v>498850.64999999997</v>
      </c>
      <c r="C29965" s="7">
        <f t="shared" si="468"/>
        <v>498.85064999999997</v>
      </c>
    </row>
    <row r="29966" spans="1:3" x14ac:dyDescent="0.25">
      <c r="A29966" s="2" t="s">
        <v>18379</v>
      </c>
      <c r="B29966" s="6">
        <v>498867.29999999993</v>
      </c>
      <c r="C29966" s="7">
        <f t="shared" si="468"/>
        <v>498.86729999999994</v>
      </c>
    </row>
    <row r="29967" spans="1:3" x14ac:dyDescent="0.25">
      <c r="A29967" s="2" t="s">
        <v>18380</v>
      </c>
      <c r="B29967" s="6">
        <v>498883.94999999995</v>
      </c>
      <c r="C29967" s="7">
        <f t="shared" si="468"/>
        <v>498.88394999999997</v>
      </c>
    </row>
    <row r="29968" spans="1:3" x14ac:dyDescent="0.25">
      <c r="A29968" s="2" t="s">
        <v>18381</v>
      </c>
      <c r="B29968" s="6">
        <v>498900.6</v>
      </c>
      <c r="C29968" s="7">
        <f t="shared" si="468"/>
        <v>498.9006</v>
      </c>
    </row>
    <row r="29969" spans="1:3" x14ac:dyDescent="0.25">
      <c r="A29969" s="2" t="s">
        <v>18382</v>
      </c>
      <c r="B29969" s="6">
        <v>498917.24999999994</v>
      </c>
      <c r="C29969" s="7">
        <f t="shared" si="468"/>
        <v>498.91724999999997</v>
      </c>
    </row>
    <row r="29970" spans="1:3" x14ac:dyDescent="0.25">
      <c r="A29970" s="2" t="s">
        <v>18383</v>
      </c>
      <c r="B29970" s="6">
        <v>498933.89999999997</v>
      </c>
      <c r="C29970" s="7">
        <f t="shared" si="468"/>
        <v>498.93389999999994</v>
      </c>
    </row>
    <row r="29971" spans="1:3" x14ac:dyDescent="0.25">
      <c r="A29971" s="2" t="s">
        <v>18384</v>
      </c>
      <c r="B29971" s="6">
        <v>498950.54999999993</v>
      </c>
      <c r="C29971" s="7">
        <f t="shared" si="468"/>
        <v>498.95054999999991</v>
      </c>
    </row>
    <row r="29972" spans="1:3" x14ac:dyDescent="0.25">
      <c r="A29972" s="2" t="s">
        <v>18385</v>
      </c>
      <c r="B29972" s="6">
        <v>498967.19999999995</v>
      </c>
      <c r="C29972" s="7">
        <f t="shared" si="468"/>
        <v>498.96719999999993</v>
      </c>
    </row>
    <row r="29973" spans="1:3" x14ac:dyDescent="0.25">
      <c r="A29973" s="2" t="s">
        <v>18386</v>
      </c>
      <c r="B29973" s="6">
        <v>498983.85</v>
      </c>
      <c r="C29973" s="7">
        <f t="shared" si="468"/>
        <v>498.98384999999996</v>
      </c>
    </row>
    <row r="29974" spans="1:3" x14ac:dyDescent="0.25">
      <c r="A29974" s="2" t="s">
        <v>18387</v>
      </c>
      <c r="B29974" s="6">
        <v>499000.49999999994</v>
      </c>
      <c r="C29974" s="7">
        <f t="shared" si="468"/>
        <v>499.00049999999993</v>
      </c>
    </row>
    <row r="29975" spans="1:3" x14ac:dyDescent="0.25">
      <c r="A29975" s="2" t="s">
        <v>18388</v>
      </c>
      <c r="B29975" s="6">
        <v>499017.14999999997</v>
      </c>
      <c r="C29975" s="7">
        <f t="shared" si="468"/>
        <v>499.01714999999996</v>
      </c>
    </row>
    <row r="29976" spans="1:3" x14ac:dyDescent="0.25">
      <c r="A29976" s="2" t="s">
        <v>18389</v>
      </c>
      <c r="B29976" s="6">
        <v>499033.79999999993</v>
      </c>
      <c r="C29976" s="7">
        <f t="shared" si="468"/>
        <v>499.03379999999993</v>
      </c>
    </row>
    <row r="29977" spans="1:3" x14ac:dyDescent="0.25">
      <c r="A29977" s="2" t="s">
        <v>18390</v>
      </c>
      <c r="B29977" s="6">
        <v>499050.44999999995</v>
      </c>
      <c r="C29977" s="7">
        <f t="shared" si="468"/>
        <v>499.05044999999996</v>
      </c>
    </row>
    <row r="29978" spans="1:3" x14ac:dyDescent="0.25">
      <c r="A29978" s="2" t="s">
        <v>18391</v>
      </c>
      <c r="B29978" s="6">
        <v>499067.1</v>
      </c>
      <c r="C29978" s="7">
        <f t="shared" si="468"/>
        <v>499.06709999999998</v>
      </c>
    </row>
    <row r="29979" spans="1:3" x14ac:dyDescent="0.25">
      <c r="A29979" s="2" t="s">
        <v>18392</v>
      </c>
      <c r="B29979" s="6">
        <v>499083.74999999994</v>
      </c>
      <c r="C29979" s="7">
        <f t="shared" si="468"/>
        <v>499.08374999999995</v>
      </c>
    </row>
    <row r="29980" spans="1:3" x14ac:dyDescent="0.25">
      <c r="A29980" s="2" t="s">
        <v>18393</v>
      </c>
      <c r="B29980" s="6">
        <v>499100.39999999997</v>
      </c>
      <c r="C29980" s="7">
        <f t="shared" si="468"/>
        <v>499.10039999999998</v>
      </c>
    </row>
    <row r="29981" spans="1:3" x14ac:dyDescent="0.25">
      <c r="A29981" s="2" t="s">
        <v>18394</v>
      </c>
      <c r="B29981" s="6">
        <v>499117.04999999993</v>
      </c>
      <c r="C29981" s="7">
        <f t="shared" si="468"/>
        <v>499.11704999999995</v>
      </c>
    </row>
    <row r="29982" spans="1:3" x14ac:dyDescent="0.25">
      <c r="A29982" s="2" t="s">
        <v>18395</v>
      </c>
      <c r="B29982" s="6">
        <v>499133.69999999995</v>
      </c>
      <c r="C29982" s="7">
        <f t="shared" si="468"/>
        <v>499.13369999999998</v>
      </c>
    </row>
    <row r="29983" spans="1:3" x14ac:dyDescent="0.25">
      <c r="A29983" s="2" t="s">
        <v>18396</v>
      </c>
      <c r="B29983" s="6">
        <v>499150.35</v>
      </c>
      <c r="C29983" s="7">
        <f t="shared" si="468"/>
        <v>499.15035</v>
      </c>
    </row>
    <row r="29984" spans="1:3" x14ac:dyDescent="0.25">
      <c r="A29984" s="2" t="s">
        <v>18397</v>
      </c>
      <c r="B29984" s="6">
        <v>499166.99999999994</v>
      </c>
      <c r="C29984" s="7">
        <f t="shared" si="468"/>
        <v>499.16699999999992</v>
      </c>
    </row>
    <row r="29985" spans="1:3" x14ac:dyDescent="0.25">
      <c r="A29985" s="2" t="s">
        <v>18398</v>
      </c>
      <c r="B29985" s="6">
        <v>499183.64999999997</v>
      </c>
      <c r="C29985" s="7">
        <f t="shared" si="468"/>
        <v>499.18364999999994</v>
      </c>
    </row>
    <row r="29986" spans="1:3" x14ac:dyDescent="0.25">
      <c r="A29986" s="2" t="s">
        <v>18399</v>
      </c>
      <c r="B29986" s="6">
        <v>499200.29999999993</v>
      </c>
      <c r="C29986" s="7">
        <f t="shared" si="468"/>
        <v>499.20029999999991</v>
      </c>
    </row>
    <row r="29987" spans="1:3" x14ac:dyDescent="0.25">
      <c r="A29987" s="2" t="s">
        <v>18400</v>
      </c>
      <c r="B29987" s="6">
        <v>499216.94999999995</v>
      </c>
      <c r="C29987" s="7">
        <f t="shared" si="468"/>
        <v>499.21694999999994</v>
      </c>
    </row>
    <row r="29988" spans="1:3" x14ac:dyDescent="0.25">
      <c r="A29988" s="2" t="s">
        <v>18401</v>
      </c>
      <c r="B29988" s="6">
        <v>499233.6</v>
      </c>
      <c r="C29988" s="7">
        <f t="shared" si="468"/>
        <v>499.23359999999997</v>
      </c>
    </row>
    <row r="29989" spans="1:3" x14ac:dyDescent="0.25">
      <c r="A29989" s="2" t="s">
        <v>18402</v>
      </c>
      <c r="B29989" s="6">
        <v>499250.24999999994</v>
      </c>
      <c r="C29989" s="7">
        <f t="shared" si="468"/>
        <v>499.25024999999994</v>
      </c>
    </row>
    <row r="29990" spans="1:3" x14ac:dyDescent="0.25">
      <c r="A29990" s="2" t="s">
        <v>18403</v>
      </c>
      <c r="B29990" s="6">
        <v>499266.89999999997</v>
      </c>
      <c r="C29990" s="7">
        <f t="shared" si="468"/>
        <v>499.26689999999996</v>
      </c>
    </row>
    <row r="29991" spans="1:3" x14ac:dyDescent="0.25">
      <c r="A29991" s="2" t="s">
        <v>18404</v>
      </c>
      <c r="B29991" s="6">
        <v>499283.54999999993</v>
      </c>
      <c r="C29991" s="7">
        <f t="shared" si="468"/>
        <v>499.28354999999993</v>
      </c>
    </row>
    <row r="29992" spans="1:3" x14ac:dyDescent="0.25">
      <c r="A29992" s="2" t="s">
        <v>18405</v>
      </c>
      <c r="B29992" s="6">
        <v>499300.19999999995</v>
      </c>
      <c r="C29992" s="7">
        <f t="shared" si="468"/>
        <v>499.30019999999996</v>
      </c>
    </row>
    <row r="29993" spans="1:3" x14ac:dyDescent="0.25">
      <c r="A29993" s="2" t="s">
        <v>18406</v>
      </c>
      <c r="B29993" s="6">
        <v>499316.85</v>
      </c>
      <c r="C29993" s="7">
        <f t="shared" si="468"/>
        <v>499.31684999999999</v>
      </c>
    </row>
    <row r="29994" spans="1:3" x14ac:dyDescent="0.25">
      <c r="A29994" s="2" t="s">
        <v>18407</v>
      </c>
      <c r="B29994" s="6">
        <v>499333.49999999994</v>
      </c>
      <c r="C29994" s="7">
        <f t="shared" si="468"/>
        <v>499.33349999999996</v>
      </c>
    </row>
    <row r="29995" spans="1:3" x14ac:dyDescent="0.25">
      <c r="A29995" s="2" t="s">
        <v>18408</v>
      </c>
      <c r="B29995" s="6">
        <v>499350.14999999997</v>
      </c>
      <c r="C29995" s="7">
        <f t="shared" si="468"/>
        <v>499.35014999999999</v>
      </c>
    </row>
    <row r="29996" spans="1:3" x14ac:dyDescent="0.25">
      <c r="A29996" s="2" t="s">
        <v>18409</v>
      </c>
      <c r="B29996" s="6">
        <v>499366.79999999993</v>
      </c>
      <c r="C29996" s="7">
        <f t="shared" si="468"/>
        <v>499.36679999999996</v>
      </c>
    </row>
    <row r="29997" spans="1:3" x14ac:dyDescent="0.25">
      <c r="A29997" s="2" t="s">
        <v>18410</v>
      </c>
      <c r="B29997" s="6">
        <v>499383.44999999995</v>
      </c>
      <c r="C29997" s="7">
        <f t="shared" si="468"/>
        <v>499.38344999999993</v>
      </c>
    </row>
    <row r="29998" spans="1:3" x14ac:dyDescent="0.25">
      <c r="A29998" s="2" t="s">
        <v>18411</v>
      </c>
      <c r="B29998" s="6">
        <v>499400.1</v>
      </c>
      <c r="C29998" s="7">
        <f t="shared" si="468"/>
        <v>499.40009999999995</v>
      </c>
    </row>
    <row r="29999" spans="1:3" x14ac:dyDescent="0.25">
      <c r="A29999" s="2" t="s">
        <v>18412</v>
      </c>
      <c r="B29999" s="6">
        <v>499416.74999999994</v>
      </c>
      <c r="C29999" s="7">
        <f t="shared" si="468"/>
        <v>499.41674999999992</v>
      </c>
    </row>
    <row r="30000" spans="1:3" x14ac:dyDescent="0.25">
      <c r="A30000" s="2" t="s">
        <v>18413</v>
      </c>
      <c r="B30000" s="6">
        <v>499433.39999999997</v>
      </c>
      <c r="C30000" s="7">
        <f t="shared" si="468"/>
        <v>499.43339999999995</v>
      </c>
    </row>
    <row r="30001" spans="1:3" x14ac:dyDescent="0.25">
      <c r="A30001" s="2" t="s">
        <v>18414</v>
      </c>
      <c r="B30001" s="6">
        <v>499450.04999999993</v>
      </c>
      <c r="C30001" s="7">
        <f t="shared" si="468"/>
        <v>499.45004999999992</v>
      </c>
    </row>
    <row r="30002" spans="1:3" x14ac:dyDescent="0.25">
      <c r="A30002" s="2" t="s">
        <v>18415</v>
      </c>
      <c r="B30002" s="6">
        <v>499466.69999999995</v>
      </c>
      <c r="C30002" s="7">
        <f t="shared" si="468"/>
        <v>499.46669999999995</v>
      </c>
    </row>
    <row r="30003" spans="1:3" x14ac:dyDescent="0.25">
      <c r="A30003" s="2" t="s">
        <v>18416</v>
      </c>
      <c r="B30003" s="6">
        <v>499483.35</v>
      </c>
      <c r="C30003" s="7">
        <f t="shared" si="468"/>
        <v>499.48334999999997</v>
      </c>
    </row>
    <row r="30004" spans="1:3" x14ac:dyDescent="0.25">
      <c r="A30004" s="2" t="s">
        <v>18417</v>
      </c>
      <c r="B30004" s="6">
        <v>499499.99999999994</v>
      </c>
      <c r="C30004" s="7">
        <f t="shared" si="468"/>
        <v>499.49999999999994</v>
      </c>
    </row>
    <row r="30005" spans="1:3" x14ac:dyDescent="0.25">
      <c r="A30005" s="2" t="s">
        <v>18418</v>
      </c>
      <c r="B30005" s="6">
        <v>499516.64999999997</v>
      </c>
      <c r="C30005" s="7">
        <f t="shared" si="468"/>
        <v>499.51664999999997</v>
      </c>
    </row>
    <row r="30006" spans="1:3" x14ac:dyDescent="0.25">
      <c r="A30006" s="2" t="s">
        <v>18419</v>
      </c>
      <c r="B30006" s="6">
        <v>499533.29999999993</v>
      </c>
      <c r="C30006" s="7">
        <f t="shared" si="468"/>
        <v>499.53329999999994</v>
      </c>
    </row>
    <row r="30007" spans="1:3" x14ac:dyDescent="0.25">
      <c r="A30007" s="2" t="s">
        <v>18420</v>
      </c>
      <c r="B30007" s="6">
        <v>499549.94999999995</v>
      </c>
      <c r="C30007" s="7">
        <f t="shared" si="468"/>
        <v>499.54994999999997</v>
      </c>
    </row>
    <row r="30008" spans="1:3" x14ac:dyDescent="0.25">
      <c r="A30008" s="2" t="s">
        <v>18421</v>
      </c>
      <c r="B30008" s="6">
        <v>499566.6</v>
      </c>
      <c r="C30008" s="7">
        <f t="shared" si="468"/>
        <v>499.56659999999999</v>
      </c>
    </row>
    <row r="30009" spans="1:3" x14ac:dyDescent="0.25">
      <c r="A30009" s="2" t="s">
        <v>18422</v>
      </c>
      <c r="B30009" s="6">
        <v>499583.24999999994</v>
      </c>
      <c r="C30009" s="7">
        <f t="shared" si="468"/>
        <v>499.58324999999996</v>
      </c>
    </row>
    <row r="30010" spans="1:3" x14ac:dyDescent="0.25">
      <c r="A30010" s="2" t="s">
        <v>18423</v>
      </c>
      <c r="B30010" s="6">
        <v>499599.89999999997</v>
      </c>
      <c r="C30010" s="7">
        <f t="shared" si="468"/>
        <v>499.59989999999999</v>
      </c>
    </row>
    <row r="30011" spans="1:3" x14ac:dyDescent="0.25">
      <c r="A30011" s="2" t="s">
        <v>18424</v>
      </c>
      <c r="B30011" s="6">
        <v>499616.54999999993</v>
      </c>
      <c r="C30011" s="7">
        <f t="shared" si="468"/>
        <v>499.6165499999999</v>
      </c>
    </row>
    <row r="30012" spans="1:3" x14ac:dyDescent="0.25">
      <c r="A30012" s="2" t="s">
        <v>18425</v>
      </c>
      <c r="B30012" s="6">
        <v>499633.19999999995</v>
      </c>
      <c r="C30012" s="7">
        <f t="shared" si="468"/>
        <v>499.63319999999993</v>
      </c>
    </row>
    <row r="30013" spans="1:3" x14ac:dyDescent="0.25">
      <c r="A30013" s="2" t="s">
        <v>18426</v>
      </c>
      <c r="B30013" s="6">
        <v>499649.85</v>
      </c>
      <c r="C30013" s="7">
        <f t="shared" si="468"/>
        <v>499.64984999999996</v>
      </c>
    </row>
    <row r="30014" spans="1:3" x14ac:dyDescent="0.25">
      <c r="A30014" s="2" t="s">
        <v>18427</v>
      </c>
      <c r="B30014" s="6">
        <v>499666.49999999994</v>
      </c>
      <c r="C30014" s="7">
        <f t="shared" si="468"/>
        <v>499.66649999999993</v>
      </c>
    </row>
    <row r="30015" spans="1:3" x14ac:dyDescent="0.25">
      <c r="A30015" s="2" t="s">
        <v>18428</v>
      </c>
      <c r="B30015" s="6">
        <v>499683.14999999997</v>
      </c>
      <c r="C30015" s="7">
        <f t="shared" si="468"/>
        <v>499.68314999999996</v>
      </c>
    </row>
    <row r="30016" spans="1:3" x14ac:dyDescent="0.25">
      <c r="A30016" s="2" t="s">
        <v>18429</v>
      </c>
      <c r="B30016" s="6">
        <v>499699.79999999993</v>
      </c>
      <c r="C30016" s="7">
        <f t="shared" si="468"/>
        <v>499.69979999999993</v>
      </c>
    </row>
    <row r="30017" spans="1:3" x14ac:dyDescent="0.25">
      <c r="A30017" s="2" t="s">
        <v>18430</v>
      </c>
      <c r="B30017" s="6">
        <v>499716.44999999995</v>
      </c>
      <c r="C30017" s="7">
        <f t="shared" si="468"/>
        <v>499.71644999999995</v>
      </c>
    </row>
    <row r="30018" spans="1:3" x14ac:dyDescent="0.25">
      <c r="A30018" s="2" t="s">
        <v>18431</v>
      </c>
      <c r="B30018" s="6">
        <v>499733.1</v>
      </c>
      <c r="C30018" s="7">
        <f t="shared" si="468"/>
        <v>499.73309999999998</v>
      </c>
    </row>
    <row r="30019" spans="1:3" x14ac:dyDescent="0.25">
      <c r="A30019" s="2" t="s">
        <v>18432</v>
      </c>
      <c r="B30019" s="6">
        <v>499749.74999999994</v>
      </c>
      <c r="C30019" s="7">
        <f t="shared" ref="C30019:C30082" si="469">B30019/1000</f>
        <v>499.74974999999995</v>
      </c>
    </row>
    <row r="30020" spans="1:3" x14ac:dyDescent="0.25">
      <c r="A30020" s="2" t="s">
        <v>18433</v>
      </c>
      <c r="B30020" s="6">
        <v>499766.39999999997</v>
      </c>
      <c r="C30020" s="7">
        <f t="shared" si="469"/>
        <v>499.76639999999998</v>
      </c>
    </row>
    <row r="30021" spans="1:3" x14ac:dyDescent="0.25">
      <c r="A30021" s="2" t="s">
        <v>18434</v>
      </c>
      <c r="B30021" s="6">
        <v>499783.04999999993</v>
      </c>
      <c r="C30021" s="7">
        <f t="shared" si="469"/>
        <v>499.78304999999995</v>
      </c>
    </row>
    <row r="30022" spans="1:3" x14ac:dyDescent="0.25">
      <c r="A30022" s="2" t="s">
        <v>18435</v>
      </c>
      <c r="B30022" s="6">
        <v>499799.69999999995</v>
      </c>
      <c r="C30022" s="7">
        <f t="shared" si="469"/>
        <v>499.79969999999997</v>
      </c>
    </row>
    <row r="30023" spans="1:3" x14ac:dyDescent="0.25">
      <c r="A30023" s="2" t="s">
        <v>18436</v>
      </c>
      <c r="B30023" s="6">
        <v>499816.35</v>
      </c>
      <c r="C30023" s="7">
        <f t="shared" si="469"/>
        <v>499.81635</v>
      </c>
    </row>
    <row r="30024" spans="1:3" x14ac:dyDescent="0.25">
      <c r="A30024" s="2" t="s">
        <v>18437</v>
      </c>
      <c r="B30024" s="6">
        <v>499832.99999999994</v>
      </c>
      <c r="C30024" s="7">
        <f t="shared" si="469"/>
        <v>499.83299999999997</v>
      </c>
    </row>
    <row r="30025" spans="1:3" x14ac:dyDescent="0.25">
      <c r="A30025" s="2" t="s">
        <v>18438</v>
      </c>
      <c r="B30025" s="6">
        <v>499849.64999999997</v>
      </c>
      <c r="C30025" s="7">
        <f t="shared" si="469"/>
        <v>499.84964999999994</v>
      </c>
    </row>
    <row r="30026" spans="1:3" x14ac:dyDescent="0.25">
      <c r="A30026" s="2" t="s">
        <v>18439</v>
      </c>
      <c r="B30026" s="6">
        <v>499866.29999999993</v>
      </c>
      <c r="C30026" s="7">
        <f t="shared" si="469"/>
        <v>499.86629999999991</v>
      </c>
    </row>
    <row r="30027" spans="1:3" x14ac:dyDescent="0.25">
      <c r="A30027" s="2" t="s">
        <v>18440</v>
      </c>
      <c r="B30027" s="6">
        <v>499882.94999999995</v>
      </c>
      <c r="C30027" s="7">
        <f t="shared" si="469"/>
        <v>499.88294999999994</v>
      </c>
    </row>
    <row r="30028" spans="1:3" x14ac:dyDescent="0.25">
      <c r="A30028" s="2" t="s">
        <v>18441</v>
      </c>
      <c r="B30028" s="6">
        <v>499899.6</v>
      </c>
      <c r="C30028" s="7">
        <f t="shared" si="469"/>
        <v>499.89959999999996</v>
      </c>
    </row>
    <row r="30029" spans="1:3" x14ac:dyDescent="0.25">
      <c r="A30029" s="2" t="s">
        <v>18442</v>
      </c>
      <c r="B30029" s="6">
        <v>499916.24999999994</v>
      </c>
      <c r="C30029" s="7">
        <f t="shared" si="469"/>
        <v>499.91624999999993</v>
      </c>
    </row>
    <row r="30030" spans="1:3" x14ac:dyDescent="0.25">
      <c r="A30030" s="2" t="s">
        <v>18443</v>
      </c>
      <c r="B30030" s="6">
        <v>499932.89999999997</v>
      </c>
      <c r="C30030" s="7">
        <f t="shared" si="469"/>
        <v>499.93289999999996</v>
      </c>
    </row>
    <row r="30031" spans="1:3" x14ac:dyDescent="0.25">
      <c r="A30031" s="2" t="s">
        <v>18444</v>
      </c>
      <c r="B30031" s="6">
        <v>499949.54999999993</v>
      </c>
      <c r="C30031" s="7">
        <f t="shared" si="469"/>
        <v>499.94954999999993</v>
      </c>
    </row>
    <row r="30032" spans="1:3" x14ac:dyDescent="0.25">
      <c r="A30032" s="2" t="s">
        <v>18445</v>
      </c>
      <c r="B30032" s="6">
        <v>499966.19999999995</v>
      </c>
      <c r="C30032" s="7">
        <f t="shared" si="469"/>
        <v>499.96619999999996</v>
      </c>
    </row>
    <row r="30033" spans="1:3" x14ac:dyDescent="0.25">
      <c r="A30033" s="2" t="s">
        <v>18446</v>
      </c>
      <c r="B30033" s="6">
        <v>499982.85</v>
      </c>
      <c r="C30033" s="7">
        <f t="shared" si="469"/>
        <v>499.98284999999998</v>
      </c>
    </row>
    <row r="30034" spans="1:3" x14ac:dyDescent="0.25">
      <c r="A30034" s="2" t="s">
        <v>18447</v>
      </c>
      <c r="B30034" s="6">
        <v>499999.49999999994</v>
      </c>
      <c r="C30034" s="7">
        <f t="shared" si="469"/>
        <v>499.99949999999995</v>
      </c>
    </row>
    <row r="30035" spans="1:3" x14ac:dyDescent="0.25">
      <c r="A30035" s="2" t="s">
        <v>18448</v>
      </c>
      <c r="B30035" s="6">
        <v>500016.14999999997</v>
      </c>
      <c r="C30035" s="7">
        <f t="shared" si="469"/>
        <v>500.01614999999998</v>
      </c>
    </row>
    <row r="30036" spans="1:3" x14ac:dyDescent="0.25">
      <c r="A30036" s="2" t="s">
        <v>18449</v>
      </c>
      <c r="B30036" s="6">
        <v>500032.79999999993</v>
      </c>
      <c r="C30036" s="7">
        <f t="shared" si="469"/>
        <v>500.03279999999995</v>
      </c>
    </row>
    <row r="30037" spans="1:3" x14ac:dyDescent="0.25">
      <c r="A30037" s="2" t="s">
        <v>18450</v>
      </c>
      <c r="B30037" s="6">
        <v>500049.44999999995</v>
      </c>
      <c r="C30037" s="7">
        <f t="shared" si="469"/>
        <v>500.04944999999998</v>
      </c>
    </row>
    <row r="30038" spans="1:3" x14ac:dyDescent="0.25">
      <c r="A30038" s="2" t="s">
        <v>18451</v>
      </c>
      <c r="B30038" s="6">
        <v>500066.1</v>
      </c>
      <c r="C30038" s="7">
        <f t="shared" si="469"/>
        <v>500.06609999999995</v>
      </c>
    </row>
    <row r="30039" spans="1:3" x14ac:dyDescent="0.25">
      <c r="A30039" s="2" t="s">
        <v>18452</v>
      </c>
      <c r="B30039" s="6">
        <v>500082.74999999994</v>
      </c>
      <c r="C30039" s="7">
        <f t="shared" si="469"/>
        <v>500.08274999999992</v>
      </c>
    </row>
    <row r="30040" spans="1:3" x14ac:dyDescent="0.25">
      <c r="A30040" s="2" t="s">
        <v>18453</v>
      </c>
      <c r="B30040" s="6">
        <v>500099.39999999997</v>
      </c>
      <c r="C30040" s="7">
        <f t="shared" si="469"/>
        <v>500.09939999999995</v>
      </c>
    </row>
    <row r="30041" spans="1:3" x14ac:dyDescent="0.25">
      <c r="A30041" s="2" t="s">
        <v>18454</v>
      </c>
      <c r="B30041" s="6">
        <v>500116.04999999993</v>
      </c>
      <c r="C30041" s="7">
        <f t="shared" si="469"/>
        <v>500.11604999999992</v>
      </c>
    </row>
    <row r="30042" spans="1:3" x14ac:dyDescent="0.25">
      <c r="A30042" s="2" t="s">
        <v>18455</v>
      </c>
      <c r="B30042" s="6">
        <v>500132.69999999995</v>
      </c>
      <c r="C30042" s="7">
        <f t="shared" si="469"/>
        <v>500.13269999999994</v>
      </c>
    </row>
    <row r="30043" spans="1:3" x14ac:dyDescent="0.25">
      <c r="A30043" s="2" t="s">
        <v>18456</v>
      </c>
      <c r="B30043" s="6">
        <v>500149.35</v>
      </c>
      <c r="C30043" s="7">
        <f t="shared" si="469"/>
        <v>500.14934999999997</v>
      </c>
    </row>
    <row r="30044" spans="1:3" x14ac:dyDescent="0.25">
      <c r="A30044" s="2" t="s">
        <v>18457</v>
      </c>
      <c r="B30044" s="6">
        <v>500165.99999999994</v>
      </c>
      <c r="C30044" s="7">
        <f t="shared" si="469"/>
        <v>500.16599999999994</v>
      </c>
    </row>
    <row r="30045" spans="1:3" x14ac:dyDescent="0.25">
      <c r="A30045" s="2" t="s">
        <v>18458</v>
      </c>
      <c r="B30045" s="6">
        <v>500182.64999999997</v>
      </c>
      <c r="C30045" s="7">
        <f t="shared" si="469"/>
        <v>500.18264999999997</v>
      </c>
    </row>
    <row r="30046" spans="1:3" x14ac:dyDescent="0.25">
      <c r="A30046" s="2" t="s">
        <v>18459</v>
      </c>
      <c r="B30046" s="6">
        <v>500199.29999999993</v>
      </c>
      <c r="C30046" s="7">
        <f t="shared" si="469"/>
        <v>500.19929999999994</v>
      </c>
    </row>
    <row r="30047" spans="1:3" x14ac:dyDescent="0.25">
      <c r="A30047" s="2" t="s">
        <v>18460</v>
      </c>
      <c r="B30047" s="6">
        <v>500215.94999999995</v>
      </c>
      <c r="C30047" s="7">
        <f t="shared" si="469"/>
        <v>500.21594999999996</v>
      </c>
    </row>
    <row r="30048" spans="1:3" x14ac:dyDescent="0.25">
      <c r="A30048" s="2" t="s">
        <v>18461</v>
      </c>
      <c r="B30048" s="6">
        <v>500232.6</v>
      </c>
      <c r="C30048" s="7">
        <f t="shared" si="469"/>
        <v>500.23259999999999</v>
      </c>
    </row>
    <row r="30049" spans="1:3" x14ac:dyDescent="0.25">
      <c r="A30049" s="2" t="s">
        <v>18462</v>
      </c>
      <c r="B30049" s="6">
        <v>500249.24999999994</v>
      </c>
      <c r="C30049" s="7">
        <f t="shared" si="469"/>
        <v>500.24924999999996</v>
      </c>
    </row>
    <row r="30050" spans="1:3" x14ac:dyDescent="0.25">
      <c r="A30050" s="2" t="s">
        <v>18463</v>
      </c>
      <c r="B30050" s="6">
        <v>500265.89999999997</v>
      </c>
      <c r="C30050" s="7">
        <f t="shared" si="469"/>
        <v>500.26589999999999</v>
      </c>
    </row>
    <row r="30051" spans="1:3" x14ac:dyDescent="0.25">
      <c r="A30051" s="2" t="s">
        <v>18464</v>
      </c>
      <c r="B30051" s="6">
        <v>500282.54999999993</v>
      </c>
      <c r="C30051" s="7">
        <f t="shared" si="469"/>
        <v>500.28254999999996</v>
      </c>
    </row>
    <row r="30052" spans="1:3" x14ac:dyDescent="0.25">
      <c r="A30052" s="2" t="s">
        <v>18465</v>
      </c>
      <c r="B30052" s="6">
        <v>500299.19999999995</v>
      </c>
      <c r="C30052" s="7">
        <f t="shared" si="469"/>
        <v>500.29919999999993</v>
      </c>
    </row>
    <row r="30053" spans="1:3" x14ac:dyDescent="0.25">
      <c r="A30053" s="2" t="s">
        <v>18466</v>
      </c>
      <c r="B30053" s="6">
        <v>500315.85</v>
      </c>
      <c r="C30053" s="7">
        <f t="shared" si="469"/>
        <v>500.31584999999995</v>
      </c>
    </row>
    <row r="30054" spans="1:3" x14ac:dyDescent="0.25">
      <c r="A30054" s="2" t="s">
        <v>18467</v>
      </c>
      <c r="B30054" s="6">
        <v>500332.49999999994</v>
      </c>
      <c r="C30054" s="7">
        <f t="shared" si="469"/>
        <v>500.33249999999992</v>
      </c>
    </row>
    <row r="30055" spans="1:3" x14ac:dyDescent="0.25">
      <c r="A30055" s="2" t="s">
        <v>18468</v>
      </c>
      <c r="B30055" s="6">
        <v>500349.14999999997</v>
      </c>
      <c r="C30055" s="7">
        <f t="shared" si="469"/>
        <v>500.34914999999995</v>
      </c>
    </row>
    <row r="30056" spans="1:3" x14ac:dyDescent="0.25">
      <c r="A30056" s="2" t="s">
        <v>18469</v>
      </c>
      <c r="B30056" s="6">
        <v>500365.79999999993</v>
      </c>
      <c r="C30056" s="7">
        <f t="shared" si="469"/>
        <v>500.36579999999992</v>
      </c>
    </row>
    <row r="30057" spans="1:3" x14ac:dyDescent="0.25">
      <c r="A30057" s="2" t="s">
        <v>18470</v>
      </c>
      <c r="B30057" s="6">
        <v>500382.44999999995</v>
      </c>
      <c r="C30057" s="7">
        <f t="shared" si="469"/>
        <v>500.38244999999995</v>
      </c>
    </row>
    <row r="30058" spans="1:3" x14ac:dyDescent="0.25">
      <c r="A30058" s="2" t="s">
        <v>18471</v>
      </c>
      <c r="B30058" s="6">
        <v>500399.1</v>
      </c>
      <c r="C30058" s="7">
        <f t="shared" si="469"/>
        <v>500.39909999999998</v>
      </c>
    </row>
    <row r="30059" spans="1:3" x14ac:dyDescent="0.25">
      <c r="A30059" s="2" t="s">
        <v>18472</v>
      </c>
      <c r="B30059" s="6">
        <v>500415.74999999994</v>
      </c>
      <c r="C30059" s="7">
        <f t="shared" si="469"/>
        <v>500.41574999999995</v>
      </c>
    </row>
    <row r="30060" spans="1:3" x14ac:dyDescent="0.25">
      <c r="A30060" s="2" t="s">
        <v>18473</v>
      </c>
      <c r="B30060" s="6">
        <v>500432.39999999997</v>
      </c>
      <c r="C30060" s="7">
        <f t="shared" si="469"/>
        <v>500.43239999999997</v>
      </c>
    </row>
    <row r="30061" spans="1:3" x14ac:dyDescent="0.25">
      <c r="A30061" s="2" t="s">
        <v>18474</v>
      </c>
      <c r="B30061" s="6">
        <v>500449.04999999993</v>
      </c>
      <c r="C30061" s="7">
        <f t="shared" si="469"/>
        <v>500.44904999999994</v>
      </c>
    </row>
    <row r="30062" spans="1:3" x14ac:dyDescent="0.25">
      <c r="A30062" s="2" t="s">
        <v>18475</v>
      </c>
      <c r="B30062" s="6">
        <v>500465.69999999995</v>
      </c>
      <c r="C30062" s="7">
        <f t="shared" si="469"/>
        <v>500.46569999999997</v>
      </c>
    </row>
    <row r="30063" spans="1:3" x14ac:dyDescent="0.25">
      <c r="A30063" s="2" t="s">
        <v>18476</v>
      </c>
      <c r="B30063" s="6">
        <v>500482.35</v>
      </c>
      <c r="C30063" s="7">
        <f t="shared" si="469"/>
        <v>500.48235</v>
      </c>
    </row>
    <row r="30064" spans="1:3" x14ac:dyDescent="0.25">
      <c r="A30064" s="2" t="s">
        <v>18477</v>
      </c>
      <c r="B30064" s="6">
        <v>500498.99999999994</v>
      </c>
      <c r="C30064" s="7">
        <f t="shared" si="469"/>
        <v>500.49899999999997</v>
      </c>
    </row>
    <row r="30065" spans="1:3" x14ac:dyDescent="0.25">
      <c r="A30065" s="2" t="s">
        <v>18478</v>
      </c>
      <c r="B30065" s="6">
        <v>500515.64999999997</v>
      </c>
      <c r="C30065" s="7">
        <f t="shared" si="469"/>
        <v>500.51564999999994</v>
      </c>
    </row>
    <row r="30066" spans="1:3" x14ac:dyDescent="0.25">
      <c r="A30066" s="2" t="s">
        <v>18479</v>
      </c>
      <c r="B30066" s="6">
        <v>500532.29999999993</v>
      </c>
      <c r="C30066" s="7">
        <f t="shared" si="469"/>
        <v>500.53229999999991</v>
      </c>
    </row>
    <row r="30067" spans="1:3" x14ac:dyDescent="0.25">
      <c r="A30067" s="2" t="s">
        <v>18480</v>
      </c>
      <c r="B30067" s="6">
        <v>500548.94999999995</v>
      </c>
      <c r="C30067" s="7">
        <f t="shared" si="469"/>
        <v>500.54894999999993</v>
      </c>
    </row>
    <row r="30068" spans="1:3" x14ac:dyDescent="0.25">
      <c r="A30068" s="2" t="s">
        <v>18481</v>
      </c>
      <c r="B30068" s="6">
        <v>500565.6</v>
      </c>
      <c r="C30068" s="7">
        <f t="shared" si="469"/>
        <v>500.56559999999996</v>
      </c>
    </row>
    <row r="30069" spans="1:3" x14ac:dyDescent="0.25">
      <c r="A30069" s="2" t="s">
        <v>18482</v>
      </c>
      <c r="B30069" s="6">
        <v>500582.24999999994</v>
      </c>
      <c r="C30069" s="7">
        <f t="shared" si="469"/>
        <v>500.58224999999993</v>
      </c>
    </row>
    <row r="30070" spans="1:3" x14ac:dyDescent="0.25">
      <c r="A30070" s="2" t="s">
        <v>18483</v>
      </c>
      <c r="B30070" s="6">
        <v>500598.89999999997</v>
      </c>
      <c r="C30070" s="7">
        <f t="shared" si="469"/>
        <v>500.59889999999996</v>
      </c>
    </row>
    <row r="30071" spans="1:3" x14ac:dyDescent="0.25">
      <c r="A30071" s="2" t="s">
        <v>18484</v>
      </c>
      <c r="B30071" s="6">
        <v>500615.54999999993</v>
      </c>
      <c r="C30071" s="7">
        <f t="shared" si="469"/>
        <v>500.61554999999993</v>
      </c>
    </row>
    <row r="30072" spans="1:3" x14ac:dyDescent="0.25">
      <c r="A30072" s="2" t="s">
        <v>18485</v>
      </c>
      <c r="B30072" s="6">
        <v>500632.19999999995</v>
      </c>
      <c r="C30072" s="7">
        <f t="shared" si="469"/>
        <v>500.63219999999995</v>
      </c>
    </row>
    <row r="30073" spans="1:3" x14ac:dyDescent="0.25">
      <c r="A30073" s="2" t="s">
        <v>18486</v>
      </c>
      <c r="B30073" s="6">
        <v>500648.85</v>
      </c>
      <c r="C30073" s="7">
        <f t="shared" si="469"/>
        <v>500.64884999999998</v>
      </c>
    </row>
    <row r="30074" spans="1:3" x14ac:dyDescent="0.25">
      <c r="A30074" s="2" t="s">
        <v>18487</v>
      </c>
      <c r="B30074" s="6">
        <v>500665.49999999994</v>
      </c>
      <c r="C30074" s="7">
        <f t="shared" si="469"/>
        <v>500.66549999999995</v>
      </c>
    </row>
    <row r="30075" spans="1:3" x14ac:dyDescent="0.25">
      <c r="A30075" s="2" t="s">
        <v>18488</v>
      </c>
      <c r="B30075" s="6">
        <v>500682.14999999997</v>
      </c>
      <c r="C30075" s="7">
        <f t="shared" si="469"/>
        <v>500.68214999999998</v>
      </c>
    </row>
    <row r="30076" spans="1:3" x14ac:dyDescent="0.25">
      <c r="A30076" s="2" t="s">
        <v>18489</v>
      </c>
      <c r="B30076" s="6">
        <v>500698.79999999993</v>
      </c>
      <c r="C30076" s="7">
        <f t="shared" si="469"/>
        <v>500.69879999999995</v>
      </c>
    </row>
    <row r="30077" spans="1:3" x14ac:dyDescent="0.25">
      <c r="A30077" s="2" t="s">
        <v>18490</v>
      </c>
      <c r="B30077" s="6">
        <v>500715.44999999995</v>
      </c>
      <c r="C30077" s="7">
        <f t="shared" si="469"/>
        <v>500.71544999999998</v>
      </c>
    </row>
    <row r="30078" spans="1:3" x14ac:dyDescent="0.25">
      <c r="A30078" s="2" t="s">
        <v>18491</v>
      </c>
      <c r="B30078" s="6">
        <v>500732.1</v>
      </c>
      <c r="C30078" s="7">
        <f t="shared" si="469"/>
        <v>500.7321</v>
      </c>
    </row>
    <row r="30079" spans="1:3" x14ac:dyDescent="0.25">
      <c r="A30079" s="2" t="s">
        <v>18492</v>
      </c>
      <c r="B30079" s="6">
        <v>500748.74999999994</v>
      </c>
      <c r="C30079" s="7">
        <f t="shared" si="469"/>
        <v>500.74874999999992</v>
      </c>
    </row>
    <row r="30080" spans="1:3" x14ac:dyDescent="0.25">
      <c r="A30080" s="2" t="s">
        <v>18493</v>
      </c>
      <c r="B30080" s="6">
        <v>500765.39999999997</v>
      </c>
      <c r="C30080" s="7">
        <f t="shared" si="469"/>
        <v>500.76539999999994</v>
      </c>
    </row>
    <row r="30081" spans="1:3" x14ac:dyDescent="0.25">
      <c r="A30081" s="2" t="s">
        <v>18494</v>
      </c>
      <c r="B30081" s="6">
        <v>500782.04999999993</v>
      </c>
      <c r="C30081" s="7">
        <f t="shared" si="469"/>
        <v>500.78204999999991</v>
      </c>
    </row>
    <row r="30082" spans="1:3" x14ac:dyDescent="0.25">
      <c r="A30082" s="2" t="s">
        <v>18495</v>
      </c>
      <c r="B30082" s="6">
        <v>500798.69999999995</v>
      </c>
      <c r="C30082" s="7">
        <f t="shared" si="469"/>
        <v>500.79869999999994</v>
      </c>
    </row>
    <row r="30083" spans="1:3" x14ac:dyDescent="0.25">
      <c r="A30083" s="2" t="s">
        <v>18496</v>
      </c>
      <c r="B30083" s="6">
        <v>500815.35</v>
      </c>
      <c r="C30083" s="7">
        <f t="shared" ref="C30083:C30146" si="470">B30083/1000</f>
        <v>500.81534999999997</v>
      </c>
    </row>
    <row r="30084" spans="1:3" x14ac:dyDescent="0.25">
      <c r="A30084" s="2" t="s">
        <v>18497</v>
      </c>
      <c r="B30084" s="6">
        <v>500831.99999999994</v>
      </c>
      <c r="C30084" s="7">
        <f t="shared" si="470"/>
        <v>500.83199999999994</v>
      </c>
    </row>
    <row r="30085" spans="1:3" x14ac:dyDescent="0.25">
      <c r="A30085" s="2" t="s">
        <v>18498</v>
      </c>
      <c r="B30085" s="6">
        <v>500848.64999999997</v>
      </c>
      <c r="C30085" s="7">
        <f t="shared" si="470"/>
        <v>500.84864999999996</v>
      </c>
    </row>
    <row r="30086" spans="1:3" x14ac:dyDescent="0.25">
      <c r="A30086" s="2" t="s">
        <v>18499</v>
      </c>
      <c r="B30086" s="6">
        <v>500865.29999999993</v>
      </c>
      <c r="C30086" s="7">
        <f t="shared" si="470"/>
        <v>500.86529999999993</v>
      </c>
    </row>
    <row r="30087" spans="1:3" x14ac:dyDescent="0.25">
      <c r="A30087" s="2" t="s">
        <v>18500</v>
      </c>
      <c r="B30087" s="6">
        <v>500881.94999999995</v>
      </c>
      <c r="C30087" s="7">
        <f t="shared" si="470"/>
        <v>500.88194999999996</v>
      </c>
    </row>
    <row r="30088" spans="1:3" x14ac:dyDescent="0.25">
      <c r="A30088" s="2" t="s">
        <v>18501</v>
      </c>
      <c r="B30088" s="6">
        <v>500898.6</v>
      </c>
      <c r="C30088" s="7">
        <f t="shared" si="470"/>
        <v>500.89859999999999</v>
      </c>
    </row>
    <row r="30089" spans="1:3" x14ac:dyDescent="0.25">
      <c r="A30089" s="2" t="s">
        <v>18502</v>
      </c>
      <c r="B30089" s="6">
        <v>500915.24999999994</v>
      </c>
      <c r="C30089" s="7">
        <f t="shared" si="470"/>
        <v>500.91524999999996</v>
      </c>
    </row>
    <row r="30090" spans="1:3" x14ac:dyDescent="0.25">
      <c r="A30090" s="2" t="s">
        <v>18503</v>
      </c>
      <c r="B30090" s="6">
        <v>500931.89999999997</v>
      </c>
      <c r="C30090" s="7">
        <f t="shared" si="470"/>
        <v>500.93189999999998</v>
      </c>
    </row>
    <row r="30091" spans="1:3" x14ac:dyDescent="0.25">
      <c r="A30091" s="2" t="s">
        <v>18504</v>
      </c>
      <c r="B30091" s="6">
        <v>500948.54999999993</v>
      </c>
      <c r="C30091" s="7">
        <f t="shared" si="470"/>
        <v>500.94854999999995</v>
      </c>
    </row>
    <row r="30092" spans="1:3" x14ac:dyDescent="0.25">
      <c r="A30092" s="2" t="s">
        <v>18505</v>
      </c>
      <c r="B30092" s="6">
        <v>500965.19999999995</v>
      </c>
      <c r="C30092" s="7">
        <f t="shared" si="470"/>
        <v>500.96519999999998</v>
      </c>
    </row>
    <row r="30093" spans="1:3" x14ac:dyDescent="0.25">
      <c r="A30093" s="2" t="s">
        <v>18506</v>
      </c>
      <c r="B30093" s="6">
        <v>500981.85</v>
      </c>
      <c r="C30093" s="7">
        <f t="shared" si="470"/>
        <v>500.98184999999995</v>
      </c>
    </row>
    <row r="30094" spans="1:3" x14ac:dyDescent="0.25">
      <c r="A30094" s="2" t="s">
        <v>18507</v>
      </c>
      <c r="B30094" s="6">
        <v>500998.49999999994</v>
      </c>
      <c r="C30094" s="7">
        <f t="shared" si="470"/>
        <v>500.99849999999992</v>
      </c>
    </row>
    <row r="30095" spans="1:3" x14ac:dyDescent="0.25">
      <c r="A30095" s="2" t="s">
        <v>18508</v>
      </c>
      <c r="B30095" s="6">
        <v>501015.14999999997</v>
      </c>
      <c r="C30095" s="7">
        <f t="shared" si="470"/>
        <v>501.01514999999995</v>
      </c>
    </row>
    <row r="30096" spans="1:3" x14ac:dyDescent="0.25">
      <c r="A30096" s="2" t="s">
        <v>18509</v>
      </c>
      <c r="B30096" s="6">
        <v>501031.79999999993</v>
      </c>
      <c r="C30096" s="7">
        <f t="shared" si="470"/>
        <v>501.03179999999992</v>
      </c>
    </row>
    <row r="30097" spans="1:3" x14ac:dyDescent="0.25">
      <c r="A30097" s="2" t="s">
        <v>18510</v>
      </c>
      <c r="B30097" s="6">
        <v>501048.44999999995</v>
      </c>
      <c r="C30097" s="7">
        <f t="shared" si="470"/>
        <v>501.04844999999995</v>
      </c>
    </row>
    <row r="30098" spans="1:3" x14ac:dyDescent="0.25">
      <c r="A30098" s="2" t="s">
        <v>18511</v>
      </c>
      <c r="B30098" s="6">
        <v>501065.1</v>
      </c>
      <c r="C30098" s="7">
        <f t="shared" si="470"/>
        <v>501.06509999999997</v>
      </c>
    </row>
    <row r="30099" spans="1:3" x14ac:dyDescent="0.25">
      <c r="A30099" s="2" t="s">
        <v>18512</v>
      </c>
      <c r="B30099" s="6">
        <v>501081.74999999994</v>
      </c>
      <c r="C30099" s="7">
        <f t="shared" si="470"/>
        <v>501.08174999999994</v>
      </c>
    </row>
    <row r="30100" spans="1:3" x14ac:dyDescent="0.25">
      <c r="A30100" s="2" t="s">
        <v>18513</v>
      </c>
      <c r="B30100" s="6">
        <v>501098.39999999997</v>
      </c>
      <c r="C30100" s="7">
        <f t="shared" si="470"/>
        <v>501.09839999999997</v>
      </c>
    </row>
    <row r="30101" spans="1:3" x14ac:dyDescent="0.25">
      <c r="A30101" s="2" t="s">
        <v>18514</v>
      </c>
      <c r="B30101" s="6">
        <v>501115.04999999993</v>
      </c>
      <c r="C30101" s="7">
        <f t="shared" si="470"/>
        <v>501.11504999999994</v>
      </c>
    </row>
    <row r="30102" spans="1:3" x14ac:dyDescent="0.25">
      <c r="A30102" s="2" t="s">
        <v>18515</v>
      </c>
      <c r="B30102" s="6">
        <v>501131.69999999995</v>
      </c>
      <c r="C30102" s="7">
        <f t="shared" si="470"/>
        <v>501.13169999999997</v>
      </c>
    </row>
    <row r="30103" spans="1:3" x14ac:dyDescent="0.25">
      <c r="A30103" s="2" t="s">
        <v>18516</v>
      </c>
      <c r="B30103" s="6">
        <v>501148.35</v>
      </c>
      <c r="C30103" s="7">
        <f t="shared" si="470"/>
        <v>501.14834999999999</v>
      </c>
    </row>
    <row r="30104" spans="1:3" x14ac:dyDescent="0.25">
      <c r="A30104" s="2" t="s">
        <v>18517</v>
      </c>
      <c r="B30104" s="6">
        <v>501164.99999999994</v>
      </c>
      <c r="C30104" s="7">
        <f t="shared" si="470"/>
        <v>501.16499999999996</v>
      </c>
    </row>
    <row r="30105" spans="1:3" x14ac:dyDescent="0.25">
      <c r="A30105" s="2" t="s">
        <v>18518</v>
      </c>
      <c r="B30105" s="6">
        <v>501181.64999999997</v>
      </c>
      <c r="C30105" s="7">
        <f t="shared" si="470"/>
        <v>501.18164999999999</v>
      </c>
    </row>
    <row r="30106" spans="1:3" x14ac:dyDescent="0.25">
      <c r="A30106" s="2" t="s">
        <v>18519</v>
      </c>
      <c r="B30106" s="6">
        <v>501198.29999999993</v>
      </c>
      <c r="C30106" s="7">
        <f t="shared" si="470"/>
        <v>501.1982999999999</v>
      </c>
    </row>
    <row r="30107" spans="1:3" x14ac:dyDescent="0.25">
      <c r="A30107" s="2" t="s">
        <v>18520</v>
      </c>
      <c r="B30107" s="6">
        <v>501214.94999999995</v>
      </c>
      <c r="C30107" s="7">
        <f t="shared" si="470"/>
        <v>501.21494999999993</v>
      </c>
    </row>
    <row r="30108" spans="1:3" x14ac:dyDescent="0.25">
      <c r="A30108" s="2" t="s">
        <v>18521</v>
      </c>
      <c r="B30108" s="6">
        <v>501231.6</v>
      </c>
      <c r="C30108" s="7">
        <f t="shared" si="470"/>
        <v>501.23159999999996</v>
      </c>
    </row>
    <row r="30109" spans="1:3" x14ac:dyDescent="0.25">
      <c r="A30109" s="2" t="s">
        <v>18522</v>
      </c>
      <c r="B30109" s="6">
        <v>501248.24999999994</v>
      </c>
      <c r="C30109" s="7">
        <f t="shared" si="470"/>
        <v>501.24824999999993</v>
      </c>
    </row>
    <row r="30110" spans="1:3" x14ac:dyDescent="0.25">
      <c r="A30110" s="2" t="s">
        <v>18523</v>
      </c>
      <c r="B30110" s="6">
        <v>501264.89999999997</v>
      </c>
      <c r="C30110" s="7">
        <f t="shared" si="470"/>
        <v>501.26489999999995</v>
      </c>
    </row>
    <row r="30111" spans="1:3" x14ac:dyDescent="0.25">
      <c r="A30111" s="2" t="s">
        <v>18524</v>
      </c>
      <c r="B30111" s="6">
        <v>501281.54999999993</v>
      </c>
      <c r="C30111" s="7">
        <f t="shared" si="470"/>
        <v>501.28154999999992</v>
      </c>
    </row>
    <row r="30112" spans="1:3" x14ac:dyDescent="0.25">
      <c r="A30112" s="2" t="s">
        <v>18525</v>
      </c>
      <c r="B30112" s="6">
        <v>501298.19999999995</v>
      </c>
      <c r="C30112" s="7">
        <f t="shared" si="470"/>
        <v>501.29819999999995</v>
      </c>
    </row>
    <row r="30113" spans="1:3" x14ac:dyDescent="0.25">
      <c r="A30113" s="2" t="s">
        <v>18526</v>
      </c>
      <c r="B30113" s="6">
        <v>501314.85</v>
      </c>
      <c r="C30113" s="7">
        <f t="shared" si="470"/>
        <v>501.31484999999998</v>
      </c>
    </row>
    <row r="30114" spans="1:3" x14ac:dyDescent="0.25">
      <c r="A30114" s="2" t="s">
        <v>18527</v>
      </c>
      <c r="B30114" s="6">
        <v>501331.49999999994</v>
      </c>
      <c r="C30114" s="7">
        <f t="shared" si="470"/>
        <v>501.33149999999995</v>
      </c>
    </row>
    <row r="30115" spans="1:3" x14ac:dyDescent="0.25">
      <c r="A30115" s="2" t="s">
        <v>18528</v>
      </c>
      <c r="B30115" s="6">
        <v>501348.14999999997</v>
      </c>
      <c r="C30115" s="7">
        <f t="shared" si="470"/>
        <v>501.34814999999998</v>
      </c>
    </row>
    <row r="30116" spans="1:3" x14ac:dyDescent="0.25">
      <c r="A30116" s="2" t="s">
        <v>18529</v>
      </c>
      <c r="B30116" s="6">
        <v>501364.79999999993</v>
      </c>
      <c r="C30116" s="7">
        <f t="shared" si="470"/>
        <v>501.36479999999995</v>
      </c>
    </row>
    <row r="30117" spans="1:3" x14ac:dyDescent="0.25">
      <c r="A30117" s="2" t="s">
        <v>18530</v>
      </c>
      <c r="B30117" s="6">
        <v>501381.44999999995</v>
      </c>
      <c r="C30117" s="7">
        <f t="shared" si="470"/>
        <v>501.38144999999997</v>
      </c>
    </row>
    <row r="30118" spans="1:3" x14ac:dyDescent="0.25">
      <c r="A30118" s="2" t="s">
        <v>18531</v>
      </c>
      <c r="B30118" s="6">
        <v>501398.1</v>
      </c>
      <c r="C30118" s="7">
        <f t="shared" si="470"/>
        <v>501.3981</v>
      </c>
    </row>
    <row r="30119" spans="1:3" x14ac:dyDescent="0.25">
      <c r="A30119" s="2" t="s">
        <v>18532</v>
      </c>
      <c r="B30119" s="6">
        <v>501414.74999999994</v>
      </c>
      <c r="C30119" s="7">
        <f t="shared" si="470"/>
        <v>501.41474999999997</v>
      </c>
    </row>
    <row r="30120" spans="1:3" x14ac:dyDescent="0.25">
      <c r="A30120" s="2" t="s">
        <v>18533</v>
      </c>
      <c r="B30120" s="6">
        <v>501431.39999999997</v>
      </c>
      <c r="C30120" s="7">
        <f t="shared" si="470"/>
        <v>501.43139999999994</v>
      </c>
    </row>
    <row r="30121" spans="1:3" x14ac:dyDescent="0.25">
      <c r="A30121" s="2" t="s">
        <v>18534</v>
      </c>
      <c r="B30121" s="6">
        <v>501448.04999999993</v>
      </c>
      <c r="C30121" s="7">
        <f t="shared" si="470"/>
        <v>501.44804999999991</v>
      </c>
    </row>
    <row r="30122" spans="1:3" x14ac:dyDescent="0.25">
      <c r="A30122" s="2" t="s">
        <v>18535</v>
      </c>
      <c r="B30122" s="6">
        <v>501464.69999999995</v>
      </c>
      <c r="C30122" s="7">
        <f t="shared" si="470"/>
        <v>501.46469999999994</v>
      </c>
    </row>
    <row r="30123" spans="1:3" x14ac:dyDescent="0.25">
      <c r="A30123" s="2" t="s">
        <v>18536</v>
      </c>
      <c r="B30123" s="6">
        <v>501481.35</v>
      </c>
      <c r="C30123" s="7">
        <f t="shared" si="470"/>
        <v>501.48134999999996</v>
      </c>
    </row>
    <row r="30124" spans="1:3" x14ac:dyDescent="0.25">
      <c r="A30124" s="2" t="s">
        <v>18537</v>
      </c>
      <c r="B30124" s="6">
        <v>501497.99999999994</v>
      </c>
      <c r="C30124" s="7">
        <f t="shared" si="470"/>
        <v>501.49799999999993</v>
      </c>
    </row>
    <row r="30125" spans="1:3" x14ac:dyDescent="0.25">
      <c r="A30125" s="2" t="s">
        <v>18538</v>
      </c>
      <c r="B30125" s="6">
        <v>501514.64999999997</v>
      </c>
      <c r="C30125" s="7">
        <f t="shared" si="470"/>
        <v>501.51464999999996</v>
      </c>
    </row>
    <row r="30126" spans="1:3" x14ac:dyDescent="0.25">
      <c r="A30126" s="2" t="s">
        <v>18539</v>
      </c>
      <c r="B30126" s="6">
        <v>501531.29999999993</v>
      </c>
      <c r="C30126" s="7">
        <f t="shared" si="470"/>
        <v>501.53129999999993</v>
      </c>
    </row>
    <row r="30127" spans="1:3" x14ac:dyDescent="0.25">
      <c r="A30127" s="2" t="s">
        <v>18540</v>
      </c>
      <c r="B30127" s="6">
        <v>501547.94999999995</v>
      </c>
      <c r="C30127" s="7">
        <f t="shared" si="470"/>
        <v>501.54794999999996</v>
      </c>
    </row>
    <row r="30128" spans="1:3" x14ac:dyDescent="0.25">
      <c r="A30128" s="2" t="s">
        <v>18541</v>
      </c>
      <c r="B30128" s="6">
        <v>501564.6</v>
      </c>
      <c r="C30128" s="7">
        <f t="shared" si="470"/>
        <v>501.56459999999998</v>
      </c>
    </row>
    <row r="30129" spans="1:3" x14ac:dyDescent="0.25">
      <c r="A30129" s="2" t="s">
        <v>18542</v>
      </c>
      <c r="B30129" s="6">
        <v>501581.24999999994</v>
      </c>
      <c r="C30129" s="7">
        <f t="shared" si="470"/>
        <v>501.58124999999995</v>
      </c>
    </row>
    <row r="30130" spans="1:3" x14ac:dyDescent="0.25">
      <c r="A30130" s="2" t="s">
        <v>18543</v>
      </c>
      <c r="B30130" s="6">
        <v>501597.89999999997</v>
      </c>
      <c r="C30130" s="7">
        <f t="shared" si="470"/>
        <v>501.59789999999998</v>
      </c>
    </row>
    <row r="30131" spans="1:3" x14ac:dyDescent="0.25">
      <c r="A30131" s="2" t="s">
        <v>18544</v>
      </c>
      <c r="B30131" s="6">
        <v>501614.54999999993</v>
      </c>
      <c r="C30131" s="7">
        <f t="shared" si="470"/>
        <v>501.61454999999995</v>
      </c>
    </row>
    <row r="30132" spans="1:3" x14ac:dyDescent="0.25">
      <c r="A30132" s="2" t="s">
        <v>18545</v>
      </c>
      <c r="B30132" s="6">
        <v>501631.19999999995</v>
      </c>
      <c r="C30132" s="7">
        <f t="shared" si="470"/>
        <v>501.63119999999998</v>
      </c>
    </row>
    <row r="30133" spans="1:3" x14ac:dyDescent="0.25">
      <c r="A30133" s="2" t="s">
        <v>18546</v>
      </c>
      <c r="B30133" s="6">
        <v>501647.85</v>
      </c>
      <c r="C30133" s="7">
        <f t="shared" si="470"/>
        <v>501.64784999999995</v>
      </c>
    </row>
    <row r="30134" spans="1:3" x14ac:dyDescent="0.25">
      <c r="A30134" s="2" t="s">
        <v>18547</v>
      </c>
      <c r="B30134" s="6">
        <v>501664.49999999994</v>
      </c>
      <c r="C30134" s="7">
        <f t="shared" si="470"/>
        <v>501.66449999999992</v>
      </c>
    </row>
    <row r="30135" spans="1:3" x14ac:dyDescent="0.25">
      <c r="A30135" s="2" t="s">
        <v>18548</v>
      </c>
      <c r="B30135" s="6">
        <v>501681.14999999997</v>
      </c>
      <c r="C30135" s="7">
        <f t="shared" si="470"/>
        <v>501.68114999999995</v>
      </c>
    </row>
    <row r="30136" spans="1:3" x14ac:dyDescent="0.25">
      <c r="A30136" s="2" t="s">
        <v>18549</v>
      </c>
      <c r="B30136" s="6">
        <v>501697.79999999993</v>
      </c>
      <c r="C30136" s="7">
        <f t="shared" si="470"/>
        <v>501.69779999999992</v>
      </c>
    </row>
    <row r="30137" spans="1:3" x14ac:dyDescent="0.25">
      <c r="A30137" s="2" t="s">
        <v>18550</v>
      </c>
      <c r="B30137" s="6">
        <v>501714.44999999995</v>
      </c>
      <c r="C30137" s="7">
        <f t="shared" si="470"/>
        <v>501.71444999999994</v>
      </c>
    </row>
    <row r="30138" spans="1:3" x14ac:dyDescent="0.25">
      <c r="A30138" s="2" t="s">
        <v>18551</v>
      </c>
      <c r="B30138" s="6">
        <v>501731.1</v>
      </c>
      <c r="C30138" s="7">
        <f t="shared" si="470"/>
        <v>501.73109999999997</v>
      </c>
    </row>
    <row r="30139" spans="1:3" x14ac:dyDescent="0.25">
      <c r="A30139" s="2" t="s">
        <v>18552</v>
      </c>
      <c r="B30139" s="6">
        <v>501747.74999999994</v>
      </c>
      <c r="C30139" s="7">
        <f t="shared" si="470"/>
        <v>501.74774999999994</v>
      </c>
    </row>
    <row r="30140" spans="1:3" x14ac:dyDescent="0.25">
      <c r="A30140" s="2" t="s">
        <v>18553</v>
      </c>
      <c r="B30140" s="6">
        <v>501764.39999999997</v>
      </c>
      <c r="C30140" s="7">
        <f t="shared" si="470"/>
        <v>501.76439999999997</v>
      </c>
    </row>
    <row r="30141" spans="1:3" x14ac:dyDescent="0.25">
      <c r="A30141" s="2" t="s">
        <v>18554</v>
      </c>
      <c r="B30141" s="6">
        <v>501781.04999999993</v>
      </c>
      <c r="C30141" s="7">
        <f t="shared" si="470"/>
        <v>501.78104999999994</v>
      </c>
    </row>
    <row r="30142" spans="1:3" x14ac:dyDescent="0.25">
      <c r="A30142" s="2" t="s">
        <v>18555</v>
      </c>
      <c r="B30142" s="6">
        <v>501797.69999999995</v>
      </c>
      <c r="C30142" s="7">
        <f t="shared" si="470"/>
        <v>501.79769999999996</v>
      </c>
    </row>
    <row r="30143" spans="1:3" x14ac:dyDescent="0.25">
      <c r="A30143" s="2" t="s">
        <v>18556</v>
      </c>
      <c r="B30143" s="6">
        <v>501814.35</v>
      </c>
      <c r="C30143" s="7">
        <f t="shared" si="470"/>
        <v>501.81434999999999</v>
      </c>
    </row>
    <row r="30144" spans="1:3" x14ac:dyDescent="0.25">
      <c r="A30144" s="2" t="s">
        <v>18557</v>
      </c>
      <c r="B30144" s="6">
        <v>501830.99999999994</v>
      </c>
      <c r="C30144" s="7">
        <f t="shared" si="470"/>
        <v>501.83099999999996</v>
      </c>
    </row>
    <row r="30145" spans="1:3" x14ac:dyDescent="0.25">
      <c r="A30145" s="2" t="s">
        <v>18558</v>
      </c>
      <c r="B30145" s="6">
        <v>501847.64999999997</v>
      </c>
      <c r="C30145" s="7">
        <f t="shared" si="470"/>
        <v>501.84764999999999</v>
      </c>
    </row>
    <row r="30146" spans="1:3" x14ac:dyDescent="0.25">
      <c r="A30146" s="2" t="s">
        <v>18559</v>
      </c>
      <c r="B30146" s="6">
        <v>501864.29999999993</v>
      </c>
      <c r="C30146" s="7">
        <f t="shared" si="470"/>
        <v>501.86429999999996</v>
      </c>
    </row>
    <row r="30147" spans="1:3" x14ac:dyDescent="0.25">
      <c r="A30147" s="2" t="s">
        <v>18560</v>
      </c>
      <c r="B30147" s="6">
        <v>501880.94999999995</v>
      </c>
      <c r="C30147" s="7">
        <f t="shared" ref="C30147:C30210" si="471">B30147/1000</f>
        <v>501.88094999999993</v>
      </c>
    </row>
    <row r="30148" spans="1:3" x14ac:dyDescent="0.25">
      <c r="A30148" s="2" t="s">
        <v>18561</v>
      </c>
      <c r="B30148" s="6">
        <v>501897.6</v>
      </c>
      <c r="C30148" s="7">
        <f t="shared" si="471"/>
        <v>501.89759999999995</v>
      </c>
    </row>
    <row r="30149" spans="1:3" x14ac:dyDescent="0.25">
      <c r="A30149" s="2" t="s">
        <v>18562</v>
      </c>
      <c r="B30149" s="6">
        <v>501914.24999999994</v>
      </c>
      <c r="C30149" s="7">
        <f t="shared" si="471"/>
        <v>501.91424999999992</v>
      </c>
    </row>
    <row r="30150" spans="1:3" x14ac:dyDescent="0.25">
      <c r="A30150" s="2" t="s">
        <v>18563</v>
      </c>
      <c r="B30150" s="6">
        <v>501930.89999999997</v>
      </c>
      <c r="C30150" s="7">
        <f t="shared" si="471"/>
        <v>501.93089999999995</v>
      </c>
    </row>
    <row r="30151" spans="1:3" x14ac:dyDescent="0.25">
      <c r="A30151" s="2" t="s">
        <v>18564</v>
      </c>
      <c r="B30151" s="6">
        <v>501947.54999999993</v>
      </c>
      <c r="C30151" s="7">
        <f t="shared" si="471"/>
        <v>501.94754999999992</v>
      </c>
    </row>
    <row r="30152" spans="1:3" x14ac:dyDescent="0.25">
      <c r="A30152" s="2" t="s">
        <v>18565</v>
      </c>
      <c r="B30152" s="6">
        <v>501964.19999999995</v>
      </c>
      <c r="C30152" s="7">
        <f t="shared" si="471"/>
        <v>501.96419999999995</v>
      </c>
    </row>
    <row r="30153" spans="1:3" x14ac:dyDescent="0.25">
      <c r="A30153" s="2" t="s">
        <v>18566</v>
      </c>
      <c r="B30153" s="6">
        <v>501980.85</v>
      </c>
      <c r="C30153" s="7">
        <f t="shared" si="471"/>
        <v>501.98084999999998</v>
      </c>
    </row>
    <row r="30154" spans="1:3" x14ac:dyDescent="0.25">
      <c r="A30154" s="2" t="s">
        <v>18567</v>
      </c>
      <c r="B30154" s="6">
        <v>501997.49999999994</v>
      </c>
      <c r="C30154" s="7">
        <f t="shared" si="471"/>
        <v>501.99749999999995</v>
      </c>
    </row>
    <row r="30155" spans="1:3" x14ac:dyDescent="0.25">
      <c r="A30155" s="2" t="s">
        <v>18568</v>
      </c>
      <c r="B30155" s="6">
        <v>502014.14999999997</v>
      </c>
      <c r="C30155" s="7">
        <f t="shared" si="471"/>
        <v>502.01414999999997</v>
      </c>
    </row>
    <row r="30156" spans="1:3" x14ac:dyDescent="0.25">
      <c r="A30156" s="2" t="s">
        <v>18569</v>
      </c>
      <c r="B30156" s="6">
        <v>502030.79999999993</v>
      </c>
      <c r="C30156" s="7">
        <f t="shared" si="471"/>
        <v>502.03079999999994</v>
      </c>
    </row>
    <row r="30157" spans="1:3" x14ac:dyDescent="0.25">
      <c r="A30157" s="2" t="s">
        <v>18570</v>
      </c>
      <c r="B30157" s="6">
        <v>502047.44999999995</v>
      </c>
      <c r="C30157" s="7">
        <f t="shared" si="471"/>
        <v>502.04744999999997</v>
      </c>
    </row>
    <row r="30158" spans="1:3" x14ac:dyDescent="0.25">
      <c r="A30158" s="2" t="s">
        <v>18571</v>
      </c>
      <c r="B30158" s="6">
        <v>502064.1</v>
      </c>
      <c r="C30158" s="7">
        <f t="shared" si="471"/>
        <v>502.0641</v>
      </c>
    </row>
    <row r="30159" spans="1:3" x14ac:dyDescent="0.25">
      <c r="A30159" s="2" t="s">
        <v>18572</v>
      </c>
      <c r="B30159" s="6">
        <v>502080.74999999994</v>
      </c>
      <c r="C30159" s="7">
        <f t="shared" si="471"/>
        <v>502.08074999999997</v>
      </c>
    </row>
    <row r="30160" spans="1:3" x14ac:dyDescent="0.25">
      <c r="A30160" s="2" t="s">
        <v>18573</v>
      </c>
      <c r="B30160" s="6">
        <v>502097.39999999997</v>
      </c>
      <c r="C30160" s="7">
        <f t="shared" si="471"/>
        <v>502.09739999999999</v>
      </c>
    </row>
    <row r="30161" spans="1:3" x14ac:dyDescent="0.25">
      <c r="A30161" s="2" t="s">
        <v>18574</v>
      </c>
      <c r="B30161" s="6">
        <v>502114.04999999993</v>
      </c>
      <c r="C30161" s="7">
        <f t="shared" si="471"/>
        <v>502.11404999999991</v>
      </c>
    </row>
    <row r="30162" spans="1:3" x14ac:dyDescent="0.25">
      <c r="A30162" s="2" t="s">
        <v>18575</v>
      </c>
      <c r="B30162" s="6">
        <v>502130.69999999995</v>
      </c>
      <c r="C30162" s="7">
        <f t="shared" si="471"/>
        <v>502.13069999999993</v>
      </c>
    </row>
    <row r="30163" spans="1:3" x14ac:dyDescent="0.25">
      <c r="A30163" s="2" t="s">
        <v>18576</v>
      </c>
      <c r="B30163" s="6">
        <v>502147.35</v>
      </c>
      <c r="C30163" s="7">
        <f t="shared" si="471"/>
        <v>502.14734999999996</v>
      </c>
    </row>
    <row r="30164" spans="1:3" x14ac:dyDescent="0.25">
      <c r="A30164" s="2" t="s">
        <v>18577</v>
      </c>
      <c r="B30164" s="6">
        <v>502163.99999999994</v>
      </c>
      <c r="C30164" s="7">
        <f t="shared" si="471"/>
        <v>502.16399999999993</v>
      </c>
    </row>
    <row r="30165" spans="1:3" x14ac:dyDescent="0.25">
      <c r="A30165" s="2" t="s">
        <v>18578</v>
      </c>
      <c r="B30165" s="6">
        <v>502180.64999999997</v>
      </c>
      <c r="C30165" s="7">
        <f t="shared" si="471"/>
        <v>502.18064999999996</v>
      </c>
    </row>
    <row r="30166" spans="1:3" x14ac:dyDescent="0.25">
      <c r="A30166" s="2" t="s">
        <v>18579</v>
      </c>
      <c r="B30166" s="6">
        <v>502197.29999999993</v>
      </c>
      <c r="C30166" s="7">
        <f t="shared" si="471"/>
        <v>502.19729999999993</v>
      </c>
    </row>
    <row r="30167" spans="1:3" x14ac:dyDescent="0.25">
      <c r="A30167" s="2" t="s">
        <v>18580</v>
      </c>
      <c r="B30167" s="6">
        <v>502213.94999999995</v>
      </c>
      <c r="C30167" s="7">
        <f t="shared" si="471"/>
        <v>502.21394999999995</v>
      </c>
    </row>
    <row r="30168" spans="1:3" x14ac:dyDescent="0.25">
      <c r="A30168" s="2" t="s">
        <v>18581</v>
      </c>
      <c r="B30168" s="6">
        <v>502230.6</v>
      </c>
      <c r="C30168" s="7">
        <f t="shared" si="471"/>
        <v>502.23059999999998</v>
      </c>
    </row>
    <row r="30169" spans="1:3" x14ac:dyDescent="0.25">
      <c r="A30169" s="2" t="s">
        <v>18582</v>
      </c>
      <c r="B30169" s="6">
        <v>502247.24999999994</v>
      </c>
      <c r="C30169" s="7">
        <f t="shared" si="471"/>
        <v>502.24724999999995</v>
      </c>
    </row>
    <row r="30170" spans="1:3" x14ac:dyDescent="0.25">
      <c r="A30170" s="2" t="s">
        <v>18583</v>
      </c>
      <c r="B30170" s="6">
        <v>502263.89999999997</v>
      </c>
      <c r="C30170" s="7">
        <f t="shared" si="471"/>
        <v>502.26389999999998</v>
      </c>
    </row>
    <row r="30171" spans="1:3" x14ac:dyDescent="0.25">
      <c r="A30171" s="2" t="s">
        <v>18584</v>
      </c>
      <c r="B30171" s="6">
        <v>502280.54999999993</v>
      </c>
      <c r="C30171" s="7">
        <f t="shared" si="471"/>
        <v>502.28054999999995</v>
      </c>
    </row>
    <row r="30172" spans="1:3" x14ac:dyDescent="0.25">
      <c r="A30172" s="2" t="s">
        <v>18585</v>
      </c>
      <c r="B30172" s="6">
        <v>502297.19999999995</v>
      </c>
      <c r="C30172" s="7">
        <f t="shared" si="471"/>
        <v>502.29719999999998</v>
      </c>
    </row>
    <row r="30173" spans="1:3" x14ac:dyDescent="0.25">
      <c r="A30173" s="2" t="s">
        <v>18586</v>
      </c>
      <c r="B30173" s="6">
        <v>502313.85</v>
      </c>
      <c r="C30173" s="7">
        <f t="shared" si="471"/>
        <v>502.31385</v>
      </c>
    </row>
    <row r="30174" spans="1:3" x14ac:dyDescent="0.25">
      <c r="A30174" s="2" t="s">
        <v>18587</v>
      </c>
      <c r="B30174" s="6">
        <v>502330.49999999994</v>
      </c>
      <c r="C30174" s="7">
        <f t="shared" si="471"/>
        <v>502.33049999999992</v>
      </c>
    </row>
    <row r="30175" spans="1:3" x14ac:dyDescent="0.25">
      <c r="A30175" s="2" t="s">
        <v>18588</v>
      </c>
      <c r="B30175" s="6">
        <v>502347.14999999997</v>
      </c>
      <c r="C30175" s="7">
        <f t="shared" si="471"/>
        <v>502.34714999999994</v>
      </c>
    </row>
    <row r="30176" spans="1:3" x14ac:dyDescent="0.25">
      <c r="A30176" s="2" t="s">
        <v>18589</v>
      </c>
      <c r="B30176" s="6">
        <v>502363.79999999993</v>
      </c>
      <c r="C30176" s="7">
        <f t="shared" si="471"/>
        <v>502.36379999999991</v>
      </c>
    </row>
    <row r="30177" spans="1:3" x14ac:dyDescent="0.25">
      <c r="A30177" s="2" t="s">
        <v>18590</v>
      </c>
      <c r="B30177" s="6">
        <v>502380.44999999995</v>
      </c>
      <c r="C30177" s="7">
        <f t="shared" si="471"/>
        <v>502.38044999999994</v>
      </c>
    </row>
    <row r="30178" spans="1:3" x14ac:dyDescent="0.25">
      <c r="A30178" s="2" t="s">
        <v>18591</v>
      </c>
      <c r="B30178" s="6">
        <v>502397.1</v>
      </c>
      <c r="C30178" s="7">
        <f t="shared" si="471"/>
        <v>502.39709999999997</v>
      </c>
    </row>
    <row r="30179" spans="1:3" x14ac:dyDescent="0.25">
      <c r="A30179" s="2" t="s">
        <v>18592</v>
      </c>
      <c r="B30179" s="6">
        <v>502413.74999999994</v>
      </c>
      <c r="C30179" s="7">
        <f t="shared" si="471"/>
        <v>502.41374999999994</v>
      </c>
    </row>
    <row r="30180" spans="1:3" x14ac:dyDescent="0.25">
      <c r="A30180" s="2" t="s">
        <v>18593</v>
      </c>
      <c r="B30180" s="6">
        <v>502430.39999999997</v>
      </c>
      <c r="C30180" s="7">
        <f t="shared" si="471"/>
        <v>502.43039999999996</v>
      </c>
    </row>
    <row r="30181" spans="1:3" x14ac:dyDescent="0.25">
      <c r="A30181" s="2" t="s">
        <v>18594</v>
      </c>
      <c r="B30181" s="6">
        <v>502447.04999999993</v>
      </c>
      <c r="C30181" s="7">
        <f t="shared" si="471"/>
        <v>502.44704999999993</v>
      </c>
    </row>
    <row r="30182" spans="1:3" x14ac:dyDescent="0.25">
      <c r="A30182" s="2" t="s">
        <v>18595</v>
      </c>
      <c r="B30182" s="6">
        <v>502463.69999999995</v>
      </c>
      <c r="C30182" s="7">
        <f t="shared" si="471"/>
        <v>502.46369999999996</v>
      </c>
    </row>
    <row r="30183" spans="1:3" x14ac:dyDescent="0.25">
      <c r="A30183" s="2" t="s">
        <v>18596</v>
      </c>
      <c r="B30183" s="6">
        <v>502480.35</v>
      </c>
      <c r="C30183" s="7">
        <f t="shared" si="471"/>
        <v>502.48034999999999</v>
      </c>
    </row>
    <row r="30184" spans="1:3" x14ac:dyDescent="0.25">
      <c r="A30184" s="2" t="s">
        <v>18597</v>
      </c>
      <c r="B30184" s="6">
        <v>502496.99999999994</v>
      </c>
      <c r="C30184" s="7">
        <f t="shared" si="471"/>
        <v>502.49699999999996</v>
      </c>
    </row>
    <row r="30185" spans="1:3" x14ac:dyDescent="0.25">
      <c r="A30185" s="2" t="s">
        <v>18598</v>
      </c>
      <c r="B30185" s="6">
        <v>502513.64999999997</v>
      </c>
      <c r="C30185" s="7">
        <f t="shared" si="471"/>
        <v>502.51364999999998</v>
      </c>
    </row>
    <row r="30186" spans="1:3" x14ac:dyDescent="0.25">
      <c r="A30186" s="2" t="s">
        <v>18599</v>
      </c>
      <c r="B30186" s="6">
        <v>502530.29999999993</v>
      </c>
      <c r="C30186" s="7">
        <f t="shared" si="471"/>
        <v>502.53029999999995</v>
      </c>
    </row>
    <row r="30187" spans="1:3" x14ac:dyDescent="0.25">
      <c r="A30187" s="2" t="s">
        <v>18600</v>
      </c>
      <c r="B30187" s="6">
        <v>502546.94999999995</v>
      </c>
      <c r="C30187" s="7">
        <f t="shared" si="471"/>
        <v>502.54694999999998</v>
      </c>
    </row>
    <row r="30188" spans="1:3" x14ac:dyDescent="0.25">
      <c r="A30188" s="2" t="s">
        <v>18601</v>
      </c>
      <c r="B30188" s="6">
        <v>502563.6</v>
      </c>
      <c r="C30188" s="7">
        <f t="shared" si="471"/>
        <v>502.56359999999995</v>
      </c>
    </row>
    <row r="30189" spans="1:3" x14ac:dyDescent="0.25">
      <c r="A30189" s="2" t="s">
        <v>18602</v>
      </c>
      <c r="B30189" s="6">
        <v>502580.24999999994</v>
      </c>
      <c r="C30189" s="7">
        <f t="shared" si="471"/>
        <v>502.58024999999992</v>
      </c>
    </row>
    <row r="30190" spans="1:3" x14ac:dyDescent="0.25">
      <c r="A30190" s="2" t="s">
        <v>18603</v>
      </c>
      <c r="B30190" s="6">
        <v>502596.89999999997</v>
      </c>
      <c r="C30190" s="7">
        <f t="shared" si="471"/>
        <v>502.59689999999995</v>
      </c>
    </row>
    <row r="30191" spans="1:3" x14ac:dyDescent="0.25">
      <c r="A30191" s="2" t="s">
        <v>18604</v>
      </c>
      <c r="B30191" s="6">
        <v>502613.54999999993</v>
      </c>
      <c r="C30191" s="7">
        <f t="shared" si="471"/>
        <v>502.61354999999992</v>
      </c>
    </row>
    <row r="30192" spans="1:3" x14ac:dyDescent="0.25">
      <c r="A30192" s="2" t="s">
        <v>18605</v>
      </c>
      <c r="B30192" s="6">
        <v>502630.19999999995</v>
      </c>
      <c r="C30192" s="7">
        <f t="shared" si="471"/>
        <v>502.63019999999995</v>
      </c>
    </row>
    <row r="30193" spans="1:3" x14ac:dyDescent="0.25">
      <c r="A30193" s="2" t="s">
        <v>18606</v>
      </c>
      <c r="B30193" s="6">
        <v>502646.85</v>
      </c>
      <c r="C30193" s="7">
        <f t="shared" si="471"/>
        <v>502.64684999999997</v>
      </c>
    </row>
    <row r="30194" spans="1:3" x14ac:dyDescent="0.25">
      <c r="A30194" s="2" t="s">
        <v>18607</v>
      </c>
      <c r="B30194" s="6">
        <v>502663.49999999994</v>
      </c>
      <c r="C30194" s="7">
        <f t="shared" si="471"/>
        <v>502.66349999999994</v>
      </c>
    </row>
    <row r="30195" spans="1:3" x14ac:dyDescent="0.25">
      <c r="A30195" s="2" t="s">
        <v>18608</v>
      </c>
      <c r="B30195" s="6">
        <v>502680.14999999997</v>
      </c>
      <c r="C30195" s="7">
        <f t="shared" si="471"/>
        <v>502.68014999999997</v>
      </c>
    </row>
    <row r="30196" spans="1:3" x14ac:dyDescent="0.25">
      <c r="A30196" s="2" t="s">
        <v>18609</v>
      </c>
      <c r="B30196" s="6">
        <v>502696.79999999993</v>
      </c>
      <c r="C30196" s="7">
        <f t="shared" si="471"/>
        <v>502.69679999999994</v>
      </c>
    </row>
    <row r="30197" spans="1:3" x14ac:dyDescent="0.25">
      <c r="A30197" s="2" t="s">
        <v>18610</v>
      </c>
      <c r="B30197" s="6">
        <v>502713.44999999995</v>
      </c>
      <c r="C30197" s="7">
        <f t="shared" si="471"/>
        <v>502.71344999999997</v>
      </c>
    </row>
    <row r="30198" spans="1:3" x14ac:dyDescent="0.25">
      <c r="A30198" s="2" t="s">
        <v>18611</v>
      </c>
      <c r="B30198" s="6">
        <v>502730.1</v>
      </c>
      <c r="C30198" s="7">
        <f t="shared" si="471"/>
        <v>502.73009999999999</v>
      </c>
    </row>
    <row r="30199" spans="1:3" x14ac:dyDescent="0.25">
      <c r="A30199" s="2" t="s">
        <v>18612</v>
      </c>
      <c r="B30199" s="6">
        <v>502746.74999999994</v>
      </c>
      <c r="C30199" s="7">
        <f t="shared" si="471"/>
        <v>502.74674999999996</v>
      </c>
    </row>
    <row r="30200" spans="1:3" x14ac:dyDescent="0.25">
      <c r="A30200" s="2" t="s">
        <v>18613</v>
      </c>
      <c r="B30200" s="6">
        <v>502763.39999999997</v>
      </c>
      <c r="C30200" s="7">
        <f t="shared" si="471"/>
        <v>502.76339999999999</v>
      </c>
    </row>
    <row r="30201" spans="1:3" x14ac:dyDescent="0.25">
      <c r="A30201" s="2" t="s">
        <v>18614</v>
      </c>
      <c r="B30201" s="6">
        <v>502780.04999999993</v>
      </c>
      <c r="C30201" s="7">
        <f t="shared" si="471"/>
        <v>502.7800499999999</v>
      </c>
    </row>
    <row r="30202" spans="1:3" x14ac:dyDescent="0.25">
      <c r="A30202" s="2" t="s">
        <v>18615</v>
      </c>
      <c r="B30202" s="6">
        <v>502796.69999999995</v>
      </c>
      <c r="C30202" s="7">
        <f t="shared" si="471"/>
        <v>502.79669999999993</v>
      </c>
    </row>
    <row r="30203" spans="1:3" x14ac:dyDescent="0.25">
      <c r="A30203" s="2" t="s">
        <v>18616</v>
      </c>
      <c r="B30203" s="6">
        <v>502813.35</v>
      </c>
      <c r="C30203" s="7">
        <f t="shared" si="471"/>
        <v>502.81334999999996</v>
      </c>
    </row>
    <row r="30204" spans="1:3" x14ac:dyDescent="0.25">
      <c r="A30204" s="2" t="s">
        <v>18617</v>
      </c>
      <c r="B30204" s="6">
        <v>502829.99999999994</v>
      </c>
      <c r="C30204" s="7">
        <f t="shared" si="471"/>
        <v>502.82999999999993</v>
      </c>
    </row>
    <row r="30205" spans="1:3" x14ac:dyDescent="0.25">
      <c r="A30205" s="2" t="s">
        <v>18618</v>
      </c>
      <c r="B30205" s="6">
        <v>502846.64999999997</v>
      </c>
      <c r="C30205" s="7">
        <f t="shared" si="471"/>
        <v>502.84664999999995</v>
      </c>
    </row>
    <row r="30206" spans="1:3" x14ac:dyDescent="0.25">
      <c r="A30206" s="2" t="s">
        <v>18619</v>
      </c>
      <c r="B30206" s="6">
        <v>502863.29999999993</v>
      </c>
      <c r="C30206" s="7">
        <f t="shared" si="471"/>
        <v>502.86329999999992</v>
      </c>
    </row>
    <row r="30207" spans="1:3" x14ac:dyDescent="0.25">
      <c r="A30207" s="2" t="s">
        <v>18620</v>
      </c>
      <c r="B30207" s="6">
        <v>502879.94999999995</v>
      </c>
      <c r="C30207" s="7">
        <f t="shared" si="471"/>
        <v>502.87994999999995</v>
      </c>
    </row>
    <row r="30208" spans="1:3" x14ac:dyDescent="0.25">
      <c r="A30208" s="2" t="s">
        <v>18621</v>
      </c>
      <c r="B30208" s="6">
        <v>502896.6</v>
      </c>
      <c r="C30208" s="7">
        <f t="shared" si="471"/>
        <v>502.89659999999998</v>
      </c>
    </row>
    <row r="30209" spans="1:3" x14ac:dyDescent="0.25">
      <c r="A30209" s="2" t="s">
        <v>18622</v>
      </c>
      <c r="B30209" s="6">
        <v>502913.24999999994</v>
      </c>
      <c r="C30209" s="7">
        <f t="shared" si="471"/>
        <v>502.91324999999995</v>
      </c>
    </row>
    <row r="30210" spans="1:3" x14ac:dyDescent="0.25">
      <c r="A30210" s="2" t="s">
        <v>18623</v>
      </c>
      <c r="B30210" s="6">
        <v>502929.89999999997</v>
      </c>
      <c r="C30210" s="7">
        <f t="shared" si="471"/>
        <v>502.92989999999998</v>
      </c>
    </row>
    <row r="30211" spans="1:3" x14ac:dyDescent="0.25">
      <c r="A30211" s="2" t="s">
        <v>18624</v>
      </c>
      <c r="B30211" s="6">
        <v>502946.54999999993</v>
      </c>
      <c r="C30211" s="7">
        <f t="shared" ref="C30211:C30274" si="472">B30211/1000</f>
        <v>502.94654999999995</v>
      </c>
    </row>
    <row r="30212" spans="1:3" x14ac:dyDescent="0.25">
      <c r="A30212" s="2" t="s">
        <v>18625</v>
      </c>
      <c r="B30212" s="6">
        <v>502963.19999999995</v>
      </c>
      <c r="C30212" s="7">
        <f t="shared" si="472"/>
        <v>502.96319999999997</v>
      </c>
    </row>
    <row r="30213" spans="1:3" x14ac:dyDescent="0.25">
      <c r="A30213" s="2" t="s">
        <v>18626</v>
      </c>
      <c r="B30213" s="6">
        <v>502979.85</v>
      </c>
      <c r="C30213" s="7">
        <f t="shared" si="472"/>
        <v>502.97985</v>
      </c>
    </row>
    <row r="30214" spans="1:3" x14ac:dyDescent="0.25">
      <c r="A30214" s="2" t="s">
        <v>18627</v>
      </c>
      <c r="B30214" s="6">
        <v>502996.49999999994</v>
      </c>
      <c r="C30214" s="7">
        <f t="shared" si="472"/>
        <v>502.99649999999997</v>
      </c>
    </row>
    <row r="30215" spans="1:3" x14ac:dyDescent="0.25">
      <c r="A30215" s="2" t="s">
        <v>18628</v>
      </c>
      <c r="B30215" s="6">
        <v>503013.14999999997</v>
      </c>
      <c r="C30215" s="7">
        <f t="shared" si="472"/>
        <v>503.01314999999994</v>
      </c>
    </row>
    <row r="30216" spans="1:3" x14ac:dyDescent="0.25">
      <c r="A30216" s="2" t="s">
        <v>18629</v>
      </c>
      <c r="B30216" s="6">
        <v>503029.79999999993</v>
      </c>
      <c r="C30216" s="7">
        <f t="shared" si="472"/>
        <v>503.02979999999991</v>
      </c>
    </row>
    <row r="30217" spans="1:3" x14ac:dyDescent="0.25">
      <c r="A30217" s="2" t="s">
        <v>18630</v>
      </c>
      <c r="B30217" s="6">
        <v>503046.44999999995</v>
      </c>
      <c r="C30217" s="7">
        <f t="shared" si="472"/>
        <v>503.04644999999994</v>
      </c>
    </row>
    <row r="30218" spans="1:3" x14ac:dyDescent="0.25">
      <c r="A30218" s="2" t="s">
        <v>18631</v>
      </c>
      <c r="B30218" s="6">
        <v>503063.1</v>
      </c>
      <c r="C30218" s="7">
        <f t="shared" si="472"/>
        <v>503.06309999999996</v>
      </c>
    </row>
    <row r="30219" spans="1:3" x14ac:dyDescent="0.25">
      <c r="A30219" s="2" t="s">
        <v>18632</v>
      </c>
      <c r="B30219" s="6">
        <v>503079.74999999994</v>
      </c>
      <c r="C30219" s="7">
        <f t="shared" si="472"/>
        <v>503.07974999999993</v>
      </c>
    </row>
    <row r="30220" spans="1:3" x14ac:dyDescent="0.25">
      <c r="A30220" s="2" t="s">
        <v>18633</v>
      </c>
      <c r="B30220" s="6">
        <v>503096.39999999997</v>
      </c>
      <c r="C30220" s="7">
        <f t="shared" si="472"/>
        <v>503.09639999999996</v>
      </c>
    </row>
    <row r="30221" spans="1:3" x14ac:dyDescent="0.25">
      <c r="A30221" s="2" t="s">
        <v>18634</v>
      </c>
      <c r="B30221" s="6">
        <v>503113.04999999993</v>
      </c>
      <c r="C30221" s="7">
        <f t="shared" si="472"/>
        <v>503.11304999999993</v>
      </c>
    </row>
    <row r="30222" spans="1:3" x14ac:dyDescent="0.25">
      <c r="A30222" s="2" t="s">
        <v>18635</v>
      </c>
      <c r="B30222" s="6">
        <v>503129.69999999995</v>
      </c>
      <c r="C30222" s="7">
        <f t="shared" si="472"/>
        <v>503.12969999999996</v>
      </c>
    </row>
    <row r="30223" spans="1:3" x14ac:dyDescent="0.25">
      <c r="A30223" s="2" t="s">
        <v>18636</v>
      </c>
      <c r="B30223" s="6">
        <v>503146.35</v>
      </c>
      <c r="C30223" s="7">
        <f t="shared" si="472"/>
        <v>503.14634999999998</v>
      </c>
    </row>
    <row r="30224" spans="1:3" x14ac:dyDescent="0.25">
      <c r="A30224" s="2" t="s">
        <v>18637</v>
      </c>
      <c r="B30224" s="6">
        <v>503162.99999999994</v>
      </c>
      <c r="C30224" s="7">
        <f t="shared" si="472"/>
        <v>503.16299999999995</v>
      </c>
    </row>
    <row r="30225" spans="1:3" x14ac:dyDescent="0.25">
      <c r="A30225" s="2" t="s">
        <v>18638</v>
      </c>
      <c r="B30225" s="6">
        <v>503179.64999999997</v>
      </c>
      <c r="C30225" s="7">
        <f t="shared" si="472"/>
        <v>503.17964999999998</v>
      </c>
    </row>
    <row r="30226" spans="1:3" x14ac:dyDescent="0.25">
      <c r="A30226" s="2" t="s">
        <v>18639</v>
      </c>
      <c r="B30226" s="6">
        <v>503196.29999999993</v>
      </c>
      <c r="C30226" s="7">
        <f t="shared" si="472"/>
        <v>503.19629999999995</v>
      </c>
    </row>
    <row r="30227" spans="1:3" x14ac:dyDescent="0.25">
      <c r="A30227" s="2" t="s">
        <v>18640</v>
      </c>
      <c r="B30227" s="6">
        <v>503212.94999999995</v>
      </c>
      <c r="C30227" s="7">
        <f t="shared" si="472"/>
        <v>503.21294999999998</v>
      </c>
    </row>
    <row r="30228" spans="1:3" x14ac:dyDescent="0.25">
      <c r="A30228" s="2" t="s">
        <v>18641</v>
      </c>
      <c r="B30228" s="6">
        <v>503229.6</v>
      </c>
      <c r="C30228" s="7">
        <f t="shared" si="472"/>
        <v>503.2296</v>
      </c>
    </row>
    <row r="30229" spans="1:3" x14ac:dyDescent="0.25">
      <c r="A30229" s="2" t="s">
        <v>18642</v>
      </c>
      <c r="B30229" s="6">
        <v>503246.24999999994</v>
      </c>
      <c r="C30229" s="7">
        <f t="shared" si="472"/>
        <v>503.24624999999992</v>
      </c>
    </row>
    <row r="30230" spans="1:3" x14ac:dyDescent="0.25">
      <c r="A30230" s="2" t="s">
        <v>18643</v>
      </c>
      <c r="B30230" s="6">
        <v>503262.89999999997</v>
      </c>
      <c r="C30230" s="7">
        <f t="shared" si="472"/>
        <v>503.26289999999995</v>
      </c>
    </row>
    <row r="30231" spans="1:3" x14ac:dyDescent="0.25">
      <c r="A30231" s="2" t="s">
        <v>18644</v>
      </c>
      <c r="B30231" s="6">
        <v>503279.54999999993</v>
      </c>
      <c r="C30231" s="7">
        <f t="shared" si="472"/>
        <v>503.27954999999992</v>
      </c>
    </row>
    <row r="30232" spans="1:3" x14ac:dyDescent="0.25">
      <c r="A30232" s="2" t="s">
        <v>18645</v>
      </c>
      <c r="B30232" s="6">
        <v>503296.19999999995</v>
      </c>
      <c r="C30232" s="7">
        <f t="shared" si="472"/>
        <v>503.29619999999994</v>
      </c>
    </row>
    <row r="30233" spans="1:3" x14ac:dyDescent="0.25">
      <c r="A30233" s="2" t="s">
        <v>18646</v>
      </c>
      <c r="B30233" s="6">
        <v>503312.85</v>
      </c>
      <c r="C30233" s="7">
        <f t="shared" si="472"/>
        <v>503.31284999999997</v>
      </c>
    </row>
    <row r="30234" spans="1:3" x14ac:dyDescent="0.25">
      <c r="A30234" s="2" t="s">
        <v>18647</v>
      </c>
      <c r="B30234" s="6">
        <v>503329.49999999994</v>
      </c>
      <c r="C30234" s="7">
        <f t="shared" si="472"/>
        <v>503.32949999999994</v>
      </c>
    </row>
    <row r="30235" spans="1:3" x14ac:dyDescent="0.25">
      <c r="A30235" s="2" t="s">
        <v>18648</v>
      </c>
      <c r="B30235" s="6">
        <v>503346.14999999997</v>
      </c>
      <c r="C30235" s="7">
        <f t="shared" si="472"/>
        <v>503.34614999999997</v>
      </c>
    </row>
    <row r="30236" spans="1:3" x14ac:dyDescent="0.25">
      <c r="A30236" s="2" t="s">
        <v>18649</v>
      </c>
      <c r="B30236" s="6">
        <v>503362.79999999993</v>
      </c>
      <c r="C30236" s="7">
        <f t="shared" si="472"/>
        <v>503.36279999999994</v>
      </c>
    </row>
    <row r="30237" spans="1:3" x14ac:dyDescent="0.25">
      <c r="A30237" s="2" t="s">
        <v>18650</v>
      </c>
      <c r="B30237" s="6">
        <v>503379.44999999995</v>
      </c>
      <c r="C30237" s="7">
        <f t="shared" si="472"/>
        <v>503.37944999999996</v>
      </c>
    </row>
    <row r="30238" spans="1:3" x14ac:dyDescent="0.25">
      <c r="A30238" s="2" t="s">
        <v>18651</v>
      </c>
      <c r="B30238" s="6">
        <v>503396.1</v>
      </c>
      <c r="C30238" s="7">
        <f t="shared" si="472"/>
        <v>503.39609999999999</v>
      </c>
    </row>
    <row r="30239" spans="1:3" x14ac:dyDescent="0.25">
      <c r="A30239" s="2" t="s">
        <v>18652</v>
      </c>
      <c r="B30239" s="6">
        <v>503412.74999999994</v>
      </c>
      <c r="C30239" s="7">
        <f t="shared" si="472"/>
        <v>503.41274999999996</v>
      </c>
    </row>
    <row r="30240" spans="1:3" x14ac:dyDescent="0.25">
      <c r="A30240" s="2" t="s">
        <v>18653</v>
      </c>
      <c r="B30240" s="6">
        <v>503429.39999999997</v>
      </c>
      <c r="C30240" s="7">
        <f t="shared" si="472"/>
        <v>503.42939999999999</v>
      </c>
    </row>
    <row r="30241" spans="1:3" x14ac:dyDescent="0.25">
      <c r="A30241" s="2" t="s">
        <v>18654</v>
      </c>
      <c r="B30241" s="6">
        <v>503446.04999999993</v>
      </c>
      <c r="C30241" s="7">
        <f t="shared" si="472"/>
        <v>503.44604999999996</v>
      </c>
    </row>
    <row r="30242" spans="1:3" x14ac:dyDescent="0.25">
      <c r="A30242" s="2" t="s">
        <v>18655</v>
      </c>
      <c r="B30242" s="6">
        <v>503462.69999999995</v>
      </c>
      <c r="C30242" s="7">
        <f t="shared" si="472"/>
        <v>503.46269999999993</v>
      </c>
    </row>
    <row r="30243" spans="1:3" x14ac:dyDescent="0.25">
      <c r="A30243" s="2" t="s">
        <v>18656</v>
      </c>
      <c r="B30243" s="6">
        <v>503479.35</v>
      </c>
      <c r="C30243" s="7">
        <f t="shared" si="472"/>
        <v>503.47934999999995</v>
      </c>
    </row>
    <row r="30244" spans="1:3" x14ac:dyDescent="0.25">
      <c r="A30244" s="2" t="s">
        <v>18657</v>
      </c>
      <c r="B30244" s="6">
        <v>503495.99999999994</v>
      </c>
      <c r="C30244" s="7">
        <f t="shared" si="472"/>
        <v>503.49599999999992</v>
      </c>
    </row>
    <row r="30245" spans="1:3" x14ac:dyDescent="0.25">
      <c r="A30245" s="2" t="s">
        <v>18658</v>
      </c>
      <c r="B30245" s="6">
        <v>503512.64999999997</v>
      </c>
      <c r="C30245" s="7">
        <f t="shared" si="472"/>
        <v>503.51264999999995</v>
      </c>
    </row>
    <row r="30246" spans="1:3" x14ac:dyDescent="0.25">
      <c r="A30246" s="2" t="s">
        <v>18659</v>
      </c>
      <c r="B30246" s="6">
        <v>503529.29999999993</v>
      </c>
      <c r="C30246" s="7">
        <f t="shared" si="472"/>
        <v>503.52929999999992</v>
      </c>
    </row>
    <row r="30247" spans="1:3" x14ac:dyDescent="0.25">
      <c r="A30247" s="2" t="s">
        <v>18660</v>
      </c>
      <c r="B30247" s="6">
        <v>503545.94999999995</v>
      </c>
      <c r="C30247" s="7">
        <f t="shared" si="472"/>
        <v>503.54594999999995</v>
      </c>
    </row>
    <row r="30248" spans="1:3" x14ac:dyDescent="0.25">
      <c r="A30248" s="2" t="s">
        <v>18661</v>
      </c>
      <c r="B30248" s="6">
        <v>503562.6</v>
      </c>
      <c r="C30248" s="7">
        <f t="shared" si="472"/>
        <v>503.56259999999997</v>
      </c>
    </row>
    <row r="30249" spans="1:3" x14ac:dyDescent="0.25">
      <c r="A30249" s="2" t="s">
        <v>18662</v>
      </c>
      <c r="B30249" s="6">
        <v>503579.24999999994</v>
      </c>
      <c r="C30249" s="7">
        <f t="shared" si="472"/>
        <v>503.57924999999994</v>
      </c>
    </row>
    <row r="30250" spans="1:3" x14ac:dyDescent="0.25">
      <c r="A30250" s="2" t="s">
        <v>18663</v>
      </c>
      <c r="B30250" s="6">
        <v>503595.89999999997</v>
      </c>
      <c r="C30250" s="7">
        <f t="shared" si="472"/>
        <v>503.59589999999997</v>
      </c>
    </row>
    <row r="30251" spans="1:3" x14ac:dyDescent="0.25">
      <c r="A30251" s="2" t="s">
        <v>18664</v>
      </c>
      <c r="B30251" s="6">
        <v>503612.54999999993</v>
      </c>
      <c r="C30251" s="7">
        <f t="shared" si="472"/>
        <v>503.61254999999994</v>
      </c>
    </row>
    <row r="30252" spans="1:3" x14ac:dyDescent="0.25">
      <c r="A30252" s="2" t="s">
        <v>18665</v>
      </c>
      <c r="B30252" s="6">
        <v>503629.19999999995</v>
      </c>
      <c r="C30252" s="7">
        <f t="shared" si="472"/>
        <v>503.62919999999997</v>
      </c>
    </row>
    <row r="30253" spans="1:3" x14ac:dyDescent="0.25">
      <c r="A30253" s="2" t="s">
        <v>18666</v>
      </c>
      <c r="B30253" s="6">
        <v>503645.85</v>
      </c>
      <c r="C30253" s="7">
        <f t="shared" si="472"/>
        <v>503.64585</v>
      </c>
    </row>
    <row r="30254" spans="1:3" x14ac:dyDescent="0.25">
      <c r="A30254" s="2" t="s">
        <v>18667</v>
      </c>
      <c r="B30254" s="6">
        <v>503662.49999999994</v>
      </c>
      <c r="C30254" s="7">
        <f t="shared" si="472"/>
        <v>503.66249999999997</v>
      </c>
    </row>
    <row r="30255" spans="1:3" x14ac:dyDescent="0.25">
      <c r="A30255" s="2" t="s">
        <v>18668</v>
      </c>
      <c r="B30255" s="6">
        <v>503679.14999999997</v>
      </c>
      <c r="C30255" s="7">
        <f t="shared" si="472"/>
        <v>503.67914999999999</v>
      </c>
    </row>
    <row r="30256" spans="1:3" x14ac:dyDescent="0.25">
      <c r="A30256" s="2" t="s">
        <v>18669</v>
      </c>
      <c r="B30256" s="6">
        <v>503695.79999999993</v>
      </c>
      <c r="C30256" s="7">
        <f t="shared" si="472"/>
        <v>503.69579999999991</v>
      </c>
    </row>
    <row r="30257" spans="1:3" x14ac:dyDescent="0.25">
      <c r="A30257" s="2" t="s">
        <v>18670</v>
      </c>
      <c r="B30257" s="6">
        <v>503712.44999999995</v>
      </c>
      <c r="C30257" s="7">
        <f t="shared" si="472"/>
        <v>503.71244999999993</v>
      </c>
    </row>
    <row r="30258" spans="1:3" x14ac:dyDescent="0.25">
      <c r="A30258" s="2" t="s">
        <v>18671</v>
      </c>
      <c r="B30258" s="6">
        <v>503729.1</v>
      </c>
      <c r="C30258" s="7">
        <f t="shared" si="472"/>
        <v>503.72909999999996</v>
      </c>
    </row>
    <row r="30259" spans="1:3" x14ac:dyDescent="0.25">
      <c r="A30259" s="2" t="s">
        <v>18672</v>
      </c>
      <c r="B30259" s="6">
        <v>503745.74999999994</v>
      </c>
      <c r="C30259" s="7">
        <f t="shared" si="472"/>
        <v>503.74574999999993</v>
      </c>
    </row>
    <row r="30260" spans="1:3" x14ac:dyDescent="0.25">
      <c r="A30260" s="2" t="s">
        <v>18673</v>
      </c>
      <c r="B30260" s="6">
        <v>503762.39999999997</v>
      </c>
      <c r="C30260" s="7">
        <f t="shared" si="472"/>
        <v>503.76239999999996</v>
      </c>
    </row>
    <row r="30261" spans="1:3" x14ac:dyDescent="0.25">
      <c r="A30261" s="2" t="s">
        <v>18674</v>
      </c>
      <c r="B30261" s="6">
        <v>503779.04999999993</v>
      </c>
      <c r="C30261" s="7">
        <f t="shared" si="472"/>
        <v>503.77904999999993</v>
      </c>
    </row>
    <row r="30262" spans="1:3" x14ac:dyDescent="0.25">
      <c r="A30262" s="2" t="s">
        <v>18675</v>
      </c>
      <c r="B30262" s="6">
        <v>503795.69999999995</v>
      </c>
      <c r="C30262" s="7">
        <f t="shared" si="472"/>
        <v>503.79569999999995</v>
      </c>
    </row>
    <row r="30263" spans="1:3" x14ac:dyDescent="0.25">
      <c r="A30263" s="2" t="s">
        <v>18676</v>
      </c>
      <c r="B30263" s="6">
        <v>503812.35</v>
      </c>
      <c r="C30263" s="7">
        <f t="shared" si="472"/>
        <v>503.81234999999998</v>
      </c>
    </row>
    <row r="30264" spans="1:3" x14ac:dyDescent="0.25">
      <c r="A30264" s="2" t="s">
        <v>18677</v>
      </c>
      <c r="B30264" s="6">
        <v>503828.99999999994</v>
      </c>
      <c r="C30264" s="7">
        <f t="shared" si="472"/>
        <v>503.82899999999995</v>
      </c>
    </row>
    <row r="30265" spans="1:3" x14ac:dyDescent="0.25">
      <c r="A30265" s="2" t="s">
        <v>18678</v>
      </c>
      <c r="B30265" s="6">
        <v>503845.64999999997</v>
      </c>
      <c r="C30265" s="7">
        <f t="shared" si="472"/>
        <v>503.84564999999998</v>
      </c>
    </row>
    <row r="30266" spans="1:3" x14ac:dyDescent="0.25">
      <c r="A30266" s="2" t="s">
        <v>18679</v>
      </c>
      <c r="B30266" s="6">
        <v>503862.29999999993</v>
      </c>
      <c r="C30266" s="7">
        <f t="shared" si="472"/>
        <v>503.86229999999995</v>
      </c>
    </row>
    <row r="30267" spans="1:3" x14ac:dyDescent="0.25">
      <c r="A30267" s="2" t="s">
        <v>18680</v>
      </c>
      <c r="B30267" s="6">
        <v>503878.94999999995</v>
      </c>
      <c r="C30267" s="7">
        <f t="shared" si="472"/>
        <v>503.87894999999997</v>
      </c>
    </row>
    <row r="30268" spans="1:3" x14ac:dyDescent="0.25">
      <c r="A30268" s="2" t="s">
        <v>18681</v>
      </c>
      <c r="B30268" s="6">
        <v>503895.6</v>
      </c>
      <c r="C30268" s="7">
        <f t="shared" si="472"/>
        <v>503.8956</v>
      </c>
    </row>
    <row r="30269" spans="1:3" x14ac:dyDescent="0.25">
      <c r="A30269" s="2" t="s">
        <v>18682</v>
      </c>
      <c r="B30269" s="6">
        <v>503912.24999999994</v>
      </c>
      <c r="C30269" s="7">
        <f t="shared" si="472"/>
        <v>503.91224999999991</v>
      </c>
    </row>
    <row r="30270" spans="1:3" x14ac:dyDescent="0.25">
      <c r="A30270" s="2" t="s">
        <v>18683</v>
      </c>
      <c r="B30270" s="6">
        <v>503928.89999999997</v>
      </c>
      <c r="C30270" s="7">
        <f t="shared" si="472"/>
        <v>503.92889999999994</v>
      </c>
    </row>
    <row r="30271" spans="1:3" x14ac:dyDescent="0.25">
      <c r="A30271" s="2" t="s">
        <v>18684</v>
      </c>
      <c r="B30271" s="6">
        <v>503945.54999999993</v>
      </c>
      <c r="C30271" s="7">
        <f t="shared" si="472"/>
        <v>503.94554999999991</v>
      </c>
    </row>
    <row r="30272" spans="1:3" x14ac:dyDescent="0.25">
      <c r="A30272" s="2" t="s">
        <v>18685</v>
      </c>
      <c r="B30272" s="6">
        <v>503962.19999999995</v>
      </c>
      <c r="C30272" s="7">
        <f t="shared" si="472"/>
        <v>503.96219999999994</v>
      </c>
    </row>
    <row r="30273" spans="1:3" x14ac:dyDescent="0.25">
      <c r="A30273" s="2" t="s">
        <v>18686</v>
      </c>
      <c r="B30273" s="6">
        <v>503978.85</v>
      </c>
      <c r="C30273" s="7">
        <f t="shared" si="472"/>
        <v>503.97884999999997</v>
      </c>
    </row>
    <row r="30274" spans="1:3" x14ac:dyDescent="0.25">
      <c r="A30274" s="2" t="s">
        <v>18687</v>
      </c>
      <c r="B30274" s="6">
        <v>503995.49999999994</v>
      </c>
      <c r="C30274" s="7">
        <f t="shared" si="472"/>
        <v>503.99549999999994</v>
      </c>
    </row>
    <row r="30275" spans="1:3" x14ac:dyDescent="0.25">
      <c r="A30275" s="2" t="s">
        <v>18688</v>
      </c>
      <c r="B30275" s="6">
        <v>504012.14999999997</v>
      </c>
      <c r="C30275" s="7">
        <f t="shared" ref="C30275:C30338" si="473">B30275/1000</f>
        <v>504.01214999999996</v>
      </c>
    </row>
    <row r="30276" spans="1:3" x14ac:dyDescent="0.25">
      <c r="A30276" s="2" t="s">
        <v>18689</v>
      </c>
      <c r="B30276" s="6">
        <v>504028.79999999993</v>
      </c>
      <c r="C30276" s="7">
        <f t="shared" si="473"/>
        <v>504.02879999999993</v>
      </c>
    </row>
    <row r="30277" spans="1:3" x14ac:dyDescent="0.25">
      <c r="A30277" s="2" t="s">
        <v>18690</v>
      </c>
      <c r="B30277" s="6">
        <v>504045.44999999995</v>
      </c>
      <c r="C30277" s="7">
        <f t="shared" si="473"/>
        <v>504.04544999999996</v>
      </c>
    </row>
    <row r="30278" spans="1:3" x14ac:dyDescent="0.25">
      <c r="A30278" s="2" t="s">
        <v>18691</v>
      </c>
      <c r="B30278" s="6">
        <v>504062.1</v>
      </c>
      <c r="C30278" s="7">
        <f t="shared" si="473"/>
        <v>504.06209999999999</v>
      </c>
    </row>
    <row r="30279" spans="1:3" x14ac:dyDescent="0.25">
      <c r="A30279" s="2" t="s">
        <v>18692</v>
      </c>
      <c r="B30279" s="6">
        <v>504078.74999999994</v>
      </c>
      <c r="C30279" s="7">
        <f t="shared" si="473"/>
        <v>504.07874999999996</v>
      </c>
    </row>
    <row r="30280" spans="1:3" x14ac:dyDescent="0.25">
      <c r="A30280" s="2" t="s">
        <v>18693</v>
      </c>
      <c r="B30280" s="6">
        <v>504095.39999999997</v>
      </c>
      <c r="C30280" s="7">
        <f t="shared" si="473"/>
        <v>504.09539999999998</v>
      </c>
    </row>
    <row r="30281" spans="1:3" x14ac:dyDescent="0.25">
      <c r="A30281" s="2" t="s">
        <v>18694</v>
      </c>
      <c r="B30281" s="6">
        <v>504112.04999999993</v>
      </c>
      <c r="C30281" s="7">
        <f t="shared" si="473"/>
        <v>504.11204999999995</v>
      </c>
    </row>
    <row r="30282" spans="1:3" x14ac:dyDescent="0.25">
      <c r="A30282" s="2" t="s">
        <v>18695</v>
      </c>
      <c r="B30282" s="6">
        <v>504128.69999999995</v>
      </c>
      <c r="C30282" s="7">
        <f t="shared" si="473"/>
        <v>504.12869999999998</v>
      </c>
    </row>
    <row r="30283" spans="1:3" x14ac:dyDescent="0.25">
      <c r="A30283" s="2" t="s">
        <v>18696</v>
      </c>
      <c r="B30283" s="6">
        <v>504145.35</v>
      </c>
      <c r="C30283" s="7">
        <f t="shared" si="473"/>
        <v>504.14534999999995</v>
      </c>
    </row>
    <row r="30284" spans="1:3" x14ac:dyDescent="0.25">
      <c r="A30284" s="2" t="s">
        <v>18697</v>
      </c>
      <c r="B30284" s="6">
        <v>504161.99999999994</v>
      </c>
      <c r="C30284" s="7">
        <f t="shared" si="473"/>
        <v>504.16199999999992</v>
      </c>
    </row>
    <row r="30285" spans="1:3" x14ac:dyDescent="0.25">
      <c r="A30285" s="2" t="s">
        <v>18698</v>
      </c>
      <c r="B30285" s="6">
        <v>504178.64999999997</v>
      </c>
      <c r="C30285" s="7">
        <f t="shared" si="473"/>
        <v>504.17864999999995</v>
      </c>
    </row>
    <row r="30286" spans="1:3" x14ac:dyDescent="0.25">
      <c r="A30286" s="2" t="s">
        <v>18699</v>
      </c>
      <c r="B30286" s="6">
        <v>504195.29999999993</v>
      </c>
      <c r="C30286" s="7">
        <f t="shared" si="473"/>
        <v>504.19529999999992</v>
      </c>
    </row>
    <row r="30287" spans="1:3" x14ac:dyDescent="0.25">
      <c r="A30287" s="2" t="s">
        <v>18700</v>
      </c>
      <c r="B30287" s="6">
        <v>504211.94999999995</v>
      </c>
      <c r="C30287" s="7">
        <f t="shared" si="473"/>
        <v>504.21194999999994</v>
      </c>
    </row>
    <row r="30288" spans="1:3" x14ac:dyDescent="0.25">
      <c r="A30288" s="2" t="s">
        <v>18701</v>
      </c>
      <c r="B30288" s="6">
        <v>504228.6</v>
      </c>
      <c r="C30288" s="7">
        <f t="shared" si="473"/>
        <v>504.22859999999997</v>
      </c>
    </row>
    <row r="30289" spans="1:3" x14ac:dyDescent="0.25">
      <c r="A30289" s="2" t="s">
        <v>18702</v>
      </c>
      <c r="B30289" s="6">
        <v>504245.24999999994</v>
      </c>
      <c r="C30289" s="7">
        <f t="shared" si="473"/>
        <v>504.24524999999994</v>
      </c>
    </row>
    <row r="30290" spans="1:3" x14ac:dyDescent="0.25">
      <c r="A30290" s="2" t="s">
        <v>18703</v>
      </c>
      <c r="B30290" s="6">
        <v>504261.89999999997</v>
      </c>
      <c r="C30290" s="7">
        <f t="shared" si="473"/>
        <v>504.26189999999997</v>
      </c>
    </row>
    <row r="30291" spans="1:3" x14ac:dyDescent="0.25">
      <c r="A30291" s="2" t="s">
        <v>18704</v>
      </c>
      <c r="B30291" s="6">
        <v>504278.54999999993</v>
      </c>
      <c r="C30291" s="7">
        <f t="shared" si="473"/>
        <v>504.27854999999994</v>
      </c>
    </row>
    <row r="30292" spans="1:3" x14ac:dyDescent="0.25">
      <c r="A30292" s="2" t="s">
        <v>18705</v>
      </c>
      <c r="B30292" s="6">
        <v>504295.19999999995</v>
      </c>
      <c r="C30292" s="7">
        <f t="shared" si="473"/>
        <v>504.29519999999997</v>
      </c>
    </row>
    <row r="30293" spans="1:3" x14ac:dyDescent="0.25">
      <c r="A30293" s="2" t="s">
        <v>18706</v>
      </c>
      <c r="B30293" s="6">
        <v>504311.85</v>
      </c>
      <c r="C30293" s="7">
        <f t="shared" si="473"/>
        <v>504.31184999999999</v>
      </c>
    </row>
    <row r="30294" spans="1:3" x14ac:dyDescent="0.25">
      <c r="A30294" s="2" t="s">
        <v>18707</v>
      </c>
      <c r="B30294" s="6">
        <v>504328.49999999994</v>
      </c>
      <c r="C30294" s="7">
        <f t="shared" si="473"/>
        <v>504.32849999999996</v>
      </c>
    </row>
    <row r="30295" spans="1:3" x14ac:dyDescent="0.25">
      <c r="A30295" s="2" t="s">
        <v>18708</v>
      </c>
      <c r="B30295" s="6">
        <v>504345.14999999997</v>
      </c>
      <c r="C30295" s="7">
        <f t="shared" si="473"/>
        <v>504.34514999999999</v>
      </c>
    </row>
    <row r="30296" spans="1:3" x14ac:dyDescent="0.25">
      <c r="A30296" s="2" t="s">
        <v>18709</v>
      </c>
      <c r="B30296" s="6">
        <v>504361.79999999993</v>
      </c>
      <c r="C30296" s="7">
        <f t="shared" si="473"/>
        <v>504.3617999999999</v>
      </c>
    </row>
    <row r="30297" spans="1:3" x14ac:dyDescent="0.25">
      <c r="A30297" s="2" t="s">
        <v>18710</v>
      </c>
      <c r="B30297" s="6">
        <v>504378.44999999995</v>
      </c>
      <c r="C30297" s="7">
        <f t="shared" si="473"/>
        <v>504.37844999999993</v>
      </c>
    </row>
    <row r="30298" spans="1:3" x14ac:dyDescent="0.25">
      <c r="A30298" s="2" t="s">
        <v>18711</v>
      </c>
      <c r="B30298" s="6">
        <v>504395.1</v>
      </c>
      <c r="C30298" s="7">
        <f t="shared" si="473"/>
        <v>504.39509999999996</v>
      </c>
    </row>
    <row r="30299" spans="1:3" x14ac:dyDescent="0.25">
      <c r="A30299" s="2" t="s">
        <v>18712</v>
      </c>
      <c r="B30299" s="6">
        <v>504411.74999999994</v>
      </c>
      <c r="C30299" s="7">
        <f t="shared" si="473"/>
        <v>504.41174999999993</v>
      </c>
    </row>
    <row r="30300" spans="1:3" x14ac:dyDescent="0.25">
      <c r="A30300" s="2" t="s">
        <v>18713</v>
      </c>
      <c r="B30300" s="6">
        <v>504428.39999999997</v>
      </c>
      <c r="C30300" s="7">
        <f t="shared" si="473"/>
        <v>504.42839999999995</v>
      </c>
    </row>
    <row r="30301" spans="1:3" x14ac:dyDescent="0.25">
      <c r="A30301" s="2" t="s">
        <v>18714</v>
      </c>
      <c r="B30301" s="6">
        <v>504445.04999999993</v>
      </c>
      <c r="C30301" s="7">
        <f t="shared" si="473"/>
        <v>504.44504999999992</v>
      </c>
    </row>
    <row r="30302" spans="1:3" x14ac:dyDescent="0.25">
      <c r="A30302" s="2" t="s">
        <v>18715</v>
      </c>
      <c r="B30302" s="6">
        <v>504461.69999999995</v>
      </c>
      <c r="C30302" s="7">
        <f t="shared" si="473"/>
        <v>504.46169999999995</v>
      </c>
    </row>
    <row r="30303" spans="1:3" x14ac:dyDescent="0.25">
      <c r="A30303" s="2" t="s">
        <v>18716</v>
      </c>
      <c r="B30303" s="6">
        <v>504478.35</v>
      </c>
      <c r="C30303" s="7">
        <f t="shared" si="473"/>
        <v>504.47834999999998</v>
      </c>
    </row>
    <row r="30304" spans="1:3" x14ac:dyDescent="0.25">
      <c r="A30304" s="2" t="s">
        <v>18717</v>
      </c>
      <c r="B30304" s="6">
        <v>504494.99999999994</v>
      </c>
      <c r="C30304" s="7">
        <f t="shared" si="473"/>
        <v>504.49499999999995</v>
      </c>
    </row>
    <row r="30305" spans="1:3" x14ac:dyDescent="0.25">
      <c r="A30305" s="2" t="s">
        <v>18718</v>
      </c>
      <c r="B30305" s="6">
        <v>504511.64999999997</v>
      </c>
      <c r="C30305" s="7">
        <f t="shared" si="473"/>
        <v>504.51164999999997</v>
      </c>
    </row>
    <row r="30306" spans="1:3" x14ac:dyDescent="0.25">
      <c r="A30306" s="2" t="s">
        <v>18719</v>
      </c>
      <c r="B30306" s="6">
        <v>504528.29999999993</v>
      </c>
      <c r="C30306" s="7">
        <f t="shared" si="473"/>
        <v>504.52829999999994</v>
      </c>
    </row>
    <row r="30307" spans="1:3" x14ac:dyDescent="0.25">
      <c r="A30307" s="2" t="s">
        <v>18720</v>
      </c>
      <c r="B30307" s="6">
        <v>504544.94999999995</v>
      </c>
      <c r="C30307" s="7">
        <f t="shared" si="473"/>
        <v>504.54494999999997</v>
      </c>
    </row>
    <row r="30308" spans="1:3" x14ac:dyDescent="0.25">
      <c r="A30308" s="2" t="s">
        <v>18721</v>
      </c>
      <c r="B30308" s="6">
        <v>504561.6</v>
      </c>
      <c r="C30308" s="7">
        <f t="shared" si="473"/>
        <v>504.5616</v>
      </c>
    </row>
    <row r="30309" spans="1:3" x14ac:dyDescent="0.25">
      <c r="A30309" s="2" t="s">
        <v>18722</v>
      </c>
      <c r="B30309" s="6">
        <v>504578.24999999994</v>
      </c>
      <c r="C30309" s="7">
        <f t="shared" si="473"/>
        <v>504.57824999999997</v>
      </c>
    </row>
    <row r="30310" spans="1:3" x14ac:dyDescent="0.25">
      <c r="A30310" s="2" t="s">
        <v>18723</v>
      </c>
      <c r="B30310" s="6">
        <v>504594.89999999997</v>
      </c>
      <c r="C30310" s="7">
        <f t="shared" si="473"/>
        <v>504.59489999999994</v>
      </c>
    </row>
    <row r="30311" spans="1:3" x14ac:dyDescent="0.25">
      <c r="A30311" s="2" t="s">
        <v>18724</v>
      </c>
      <c r="B30311" s="6">
        <v>504611.54999999993</v>
      </c>
      <c r="C30311" s="7">
        <f t="shared" si="473"/>
        <v>504.61154999999991</v>
      </c>
    </row>
    <row r="30312" spans="1:3" x14ac:dyDescent="0.25">
      <c r="A30312" s="2" t="s">
        <v>18725</v>
      </c>
      <c r="B30312" s="6">
        <v>504628.19999999995</v>
      </c>
      <c r="C30312" s="7">
        <f t="shared" si="473"/>
        <v>504.62819999999994</v>
      </c>
    </row>
    <row r="30313" spans="1:3" x14ac:dyDescent="0.25">
      <c r="A30313" s="2" t="s">
        <v>18726</v>
      </c>
      <c r="B30313" s="6">
        <v>504644.85</v>
      </c>
      <c r="C30313" s="7">
        <f t="shared" si="473"/>
        <v>504.64484999999996</v>
      </c>
    </row>
    <row r="30314" spans="1:3" x14ac:dyDescent="0.25">
      <c r="A30314" s="2" t="s">
        <v>18727</v>
      </c>
      <c r="B30314" s="6">
        <v>504661.49999999994</v>
      </c>
      <c r="C30314" s="7">
        <f t="shared" si="473"/>
        <v>504.66149999999993</v>
      </c>
    </row>
    <row r="30315" spans="1:3" x14ac:dyDescent="0.25">
      <c r="A30315" s="2" t="s">
        <v>18728</v>
      </c>
      <c r="B30315" s="6">
        <v>504678.14999999997</v>
      </c>
      <c r="C30315" s="7">
        <f t="shared" si="473"/>
        <v>504.67814999999996</v>
      </c>
    </row>
    <row r="30316" spans="1:3" x14ac:dyDescent="0.25">
      <c r="A30316" s="2" t="s">
        <v>18729</v>
      </c>
      <c r="B30316" s="6">
        <v>504694.79999999993</v>
      </c>
      <c r="C30316" s="7">
        <f t="shared" si="473"/>
        <v>504.69479999999993</v>
      </c>
    </row>
    <row r="30317" spans="1:3" x14ac:dyDescent="0.25">
      <c r="A30317" s="2" t="s">
        <v>18730</v>
      </c>
      <c r="B30317" s="6">
        <v>504711.44999999995</v>
      </c>
      <c r="C30317" s="7">
        <f t="shared" si="473"/>
        <v>504.71144999999996</v>
      </c>
    </row>
    <row r="30318" spans="1:3" x14ac:dyDescent="0.25">
      <c r="A30318" s="2" t="s">
        <v>18731</v>
      </c>
      <c r="B30318" s="6">
        <v>504728.1</v>
      </c>
      <c r="C30318" s="7">
        <f t="shared" si="473"/>
        <v>504.72809999999998</v>
      </c>
    </row>
    <row r="30319" spans="1:3" x14ac:dyDescent="0.25">
      <c r="A30319" s="2" t="s">
        <v>18732</v>
      </c>
      <c r="B30319" s="6">
        <v>504744.74999999994</v>
      </c>
      <c r="C30319" s="7">
        <f t="shared" si="473"/>
        <v>504.74474999999995</v>
      </c>
    </row>
    <row r="30320" spans="1:3" x14ac:dyDescent="0.25">
      <c r="A30320" s="2" t="s">
        <v>18733</v>
      </c>
      <c r="B30320" s="6">
        <v>504761.39999999997</v>
      </c>
      <c r="C30320" s="7">
        <f t="shared" si="473"/>
        <v>504.76139999999998</v>
      </c>
    </row>
    <row r="30321" spans="1:3" x14ac:dyDescent="0.25">
      <c r="A30321" s="2" t="s">
        <v>18734</v>
      </c>
      <c r="B30321" s="6">
        <v>504778.04999999993</v>
      </c>
      <c r="C30321" s="7">
        <f t="shared" si="473"/>
        <v>504.77804999999995</v>
      </c>
    </row>
    <row r="30322" spans="1:3" x14ac:dyDescent="0.25">
      <c r="A30322" s="2" t="s">
        <v>18735</v>
      </c>
      <c r="B30322" s="6">
        <v>504794.69999999995</v>
      </c>
      <c r="C30322" s="7">
        <f t="shared" si="473"/>
        <v>504.79469999999998</v>
      </c>
    </row>
    <row r="30323" spans="1:3" x14ac:dyDescent="0.25">
      <c r="A30323" s="2" t="s">
        <v>18736</v>
      </c>
      <c r="B30323" s="6">
        <v>504811.35</v>
      </c>
      <c r="C30323" s="7">
        <f t="shared" si="473"/>
        <v>504.81135</v>
      </c>
    </row>
    <row r="30324" spans="1:3" x14ac:dyDescent="0.25">
      <c r="A30324" s="2" t="s">
        <v>18737</v>
      </c>
      <c r="B30324" s="6">
        <v>504827.99999999994</v>
      </c>
      <c r="C30324" s="7">
        <f t="shared" si="473"/>
        <v>504.82799999999992</v>
      </c>
    </row>
    <row r="30325" spans="1:3" x14ac:dyDescent="0.25">
      <c r="A30325" s="2" t="s">
        <v>18738</v>
      </c>
      <c r="B30325" s="6">
        <v>504844.64999999997</v>
      </c>
      <c r="C30325" s="7">
        <f t="shared" si="473"/>
        <v>504.84464999999994</v>
      </c>
    </row>
    <row r="30326" spans="1:3" x14ac:dyDescent="0.25">
      <c r="A30326" s="2" t="s">
        <v>18739</v>
      </c>
      <c r="B30326" s="6">
        <v>504861.29999999993</v>
      </c>
      <c r="C30326" s="7">
        <f t="shared" si="473"/>
        <v>504.86129999999991</v>
      </c>
    </row>
    <row r="30327" spans="1:3" x14ac:dyDescent="0.25">
      <c r="A30327" s="2" t="s">
        <v>18740</v>
      </c>
      <c r="B30327" s="6">
        <v>504877.94999999995</v>
      </c>
      <c r="C30327" s="7">
        <f t="shared" si="473"/>
        <v>504.87794999999994</v>
      </c>
    </row>
    <row r="30328" spans="1:3" x14ac:dyDescent="0.25">
      <c r="A30328" s="2" t="s">
        <v>18741</v>
      </c>
      <c r="B30328" s="6">
        <v>504894.6</v>
      </c>
      <c r="C30328" s="7">
        <f t="shared" si="473"/>
        <v>504.89459999999997</v>
      </c>
    </row>
    <row r="30329" spans="1:3" x14ac:dyDescent="0.25">
      <c r="A30329" s="2" t="s">
        <v>18742</v>
      </c>
      <c r="B30329" s="6">
        <v>504911.24999999994</v>
      </c>
      <c r="C30329" s="7">
        <f t="shared" si="473"/>
        <v>504.91124999999994</v>
      </c>
    </row>
    <row r="30330" spans="1:3" x14ac:dyDescent="0.25">
      <c r="A30330" s="2" t="s">
        <v>18743</v>
      </c>
      <c r="B30330" s="6">
        <v>504927.89999999997</v>
      </c>
      <c r="C30330" s="7">
        <f t="shared" si="473"/>
        <v>504.92789999999997</v>
      </c>
    </row>
    <row r="30331" spans="1:3" x14ac:dyDescent="0.25">
      <c r="A30331" s="2" t="s">
        <v>18744</v>
      </c>
      <c r="B30331" s="6">
        <v>504944.54999999993</v>
      </c>
      <c r="C30331" s="7">
        <f t="shared" si="473"/>
        <v>504.94454999999994</v>
      </c>
    </row>
    <row r="30332" spans="1:3" x14ac:dyDescent="0.25">
      <c r="A30332" s="2" t="s">
        <v>18745</v>
      </c>
      <c r="B30332" s="6">
        <v>504961.19999999995</v>
      </c>
      <c r="C30332" s="7">
        <f t="shared" si="473"/>
        <v>504.96119999999996</v>
      </c>
    </row>
    <row r="30333" spans="1:3" x14ac:dyDescent="0.25">
      <c r="A30333" s="2" t="s">
        <v>18746</v>
      </c>
      <c r="B30333" s="6">
        <v>504977.85</v>
      </c>
      <c r="C30333" s="7">
        <f t="shared" si="473"/>
        <v>504.97784999999999</v>
      </c>
    </row>
    <row r="30334" spans="1:3" x14ac:dyDescent="0.25">
      <c r="A30334" s="2" t="s">
        <v>18747</v>
      </c>
      <c r="B30334" s="6">
        <v>504994.49999999994</v>
      </c>
      <c r="C30334" s="7">
        <f t="shared" si="473"/>
        <v>504.99449999999996</v>
      </c>
    </row>
    <row r="30335" spans="1:3" x14ac:dyDescent="0.25">
      <c r="A30335" s="2" t="s">
        <v>18748</v>
      </c>
      <c r="B30335" s="6">
        <v>505011.14999999997</v>
      </c>
      <c r="C30335" s="7">
        <f t="shared" si="473"/>
        <v>505.01114999999999</v>
      </c>
    </row>
    <row r="30336" spans="1:3" x14ac:dyDescent="0.25">
      <c r="A30336" s="2" t="s">
        <v>18749</v>
      </c>
      <c r="B30336" s="6">
        <v>505027.79999999993</v>
      </c>
      <c r="C30336" s="7">
        <f t="shared" si="473"/>
        <v>505.02779999999996</v>
      </c>
    </row>
    <row r="30337" spans="1:3" x14ac:dyDescent="0.25">
      <c r="A30337" s="2" t="s">
        <v>18750</v>
      </c>
      <c r="B30337" s="6">
        <v>505044.44999999995</v>
      </c>
      <c r="C30337" s="7">
        <f t="shared" si="473"/>
        <v>505.04444999999993</v>
      </c>
    </row>
    <row r="30338" spans="1:3" x14ac:dyDescent="0.25">
      <c r="A30338" s="2" t="s">
        <v>18751</v>
      </c>
      <c r="B30338" s="6">
        <v>505061.1</v>
      </c>
      <c r="C30338" s="7">
        <f t="shared" si="473"/>
        <v>505.06109999999995</v>
      </c>
    </row>
    <row r="30339" spans="1:3" x14ac:dyDescent="0.25">
      <c r="A30339" s="2" t="s">
        <v>18752</v>
      </c>
      <c r="B30339" s="6">
        <v>505077.74999999994</v>
      </c>
      <c r="C30339" s="7">
        <f t="shared" ref="C30339:C30402" si="474">B30339/1000</f>
        <v>505.07774999999992</v>
      </c>
    </row>
    <row r="30340" spans="1:3" x14ac:dyDescent="0.25">
      <c r="A30340" s="2" t="s">
        <v>18753</v>
      </c>
      <c r="B30340" s="6">
        <v>505094.39999999997</v>
      </c>
      <c r="C30340" s="7">
        <f t="shared" si="474"/>
        <v>505.09439999999995</v>
      </c>
    </row>
    <row r="30341" spans="1:3" x14ac:dyDescent="0.25">
      <c r="A30341" s="2" t="s">
        <v>18754</v>
      </c>
      <c r="B30341" s="6">
        <v>505111.04999999993</v>
      </c>
      <c r="C30341" s="7">
        <f t="shared" si="474"/>
        <v>505.11104999999992</v>
      </c>
    </row>
    <row r="30342" spans="1:3" x14ac:dyDescent="0.25">
      <c r="A30342" s="2" t="s">
        <v>18755</v>
      </c>
      <c r="B30342" s="6">
        <v>505127.69999999995</v>
      </c>
      <c r="C30342" s="7">
        <f t="shared" si="474"/>
        <v>505.12769999999995</v>
      </c>
    </row>
    <row r="30343" spans="1:3" x14ac:dyDescent="0.25">
      <c r="A30343" s="2" t="s">
        <v>18756</v>
      </c>
      <c r="B30343" s="6">
        <v>505144.35</v>
      </c>
      <c r="C30343" s="7">
        <f t="shared" si="474"/>
        <v>505.14434999999997</v>
      </c>
    </row>
    <row r="30344" spans="1:3" x14ac:dyDescent="0.25">
      <c r="A30344" s="2" t="s">
        <v>18757</v>
      </c>
      <c r="B30344" s="6">
        <v>505160.99999999994</v>
      </c>
      <c r="C30344" s="7">
        <f t="shared" si="474"/>
        <v>505.16099999999994</v>
      </c>
    </row>
    <row r="30345" spans="1:3" x14ac:dyDescent="0.25">
      <c r="A30345" s="2" t="s">
        <v>18758</v>
      </c>
      <c r="B30345" s="6">
        <v>505177.64999999997</v>
      </c>
      <c r="C30345" s="7">
        <f t="shared" si="474"/>
        <v>505.17764999999997</v>
      </c>
    </row>
    <row r="30346" spans="1:3" x14ac:dyDescent="0.25">
      <c r="A30346" s="2" t="s">
        <v>18759</v>
      </c>
      <c r="B30346" s="6">
        <v>505194.29999999993</v>
      </c>
      <c r="C30346" s="7">
        <f t="shared" si="474"/>
        <v>505.19429999999994</v>
      </c>
    </row>
    <row r="30347" spans="1:3" x14ac:dyDescent="0.25">
      <c r="A30347" s="2" t="s">
        <v>18760</v>
      </c>
      <c r="B30347" s="6">
        <v>505210.94999999995</v>
      </c>
      <c r="C30347" s="7">
        <f t="shared" si="474"/>
        <v>505.21094999999997</v>
      </c>
    </row>
    <row r="30348" spans="1:3" x14ac:dyDescent="0.25">
      <c r="A30348" s="2" t="s">
        <v>18761</v>
      </c>
      <c r="B30348" s="6">
        <v>505227.6</v>
      </c>
      <c r="C30348" s="7">
        <f t="shared" si="474"/>
        <v>505.2276</v>
      </c>
    </row>
    <row r="30349" spans="1:3" x14ac:dyDescent="0.25">
      <c r="A30349" s="2" t="s">
        <v>18762</v>
      </c>
      <c r="B30349" s="6">
        <v>505244.24999999994</v>
      </c>
      <c r="C30349" s="7">
        <f t="shared" si="474"/>
        <v>505.24424999999997</v>
      </c>
    </row>
    <row r="30350" spans="1:3" x14ac:dyDescent="0.25">
      <c r="A30350" s="2" t="s">
        <v>18763</v>
      </c>
      <c r="B30350" s="6">
        <v>505260.89999999997</v>
      </c>
      <c r="C30350" s="7">
        <f t="shared" si="474"/>
        <v>505.26089999999999</v>
      </c>
    </row>
    <row r="30351" spans="1:3" x14ac:dyDescent="0.25">
      <c r="A30351" s="2" t="s">
        <v>18764</v>
      </c>
      <c r="B30351" s="6">
        <v>505277.54999999993</v>
      </c>
      <c r="C30351" s="7">
        <f t="shared" si="474"/>
        <v>505.27754999999991</v>
      </c>
    </row>
    <row r="30352" spans="1:3" x14ac:dyDescent="0.25">
      <c r="A30352" s="2" t="s">
        <v>18765</v>
      </c>
      <c r="B30352" s="6">
        <v>505294.19999999995</v>
      </c>
      <c r="C30352" s="7">
        <f t="shared" si="474"/>
        <v>505.29419999999993</v>
      </c>
    </row>
    <row r="30353" spans="1:3" x14ac:dyDescent="0.25">
      <c r="A30353" s="2" t="s">
        <v>18766</v>
      </c>
      <c r="B30353" s="6">
        <v>505310.85</v>
      </c>
      <c r="C30353" s="7">
        <f t="shared" si="474"/>
        <v>505.31084999999996</v>
      </c>
    </row>
    <row r="30354" spans="1:3" x14ac:dyDescent="0.25">
      <c r="A30354" s="2" t="s">
        <v>18767</v>
      </c>
      <c r="B30354" s="6">
        <v>505327.49999999994</v>
      </c>
      <c r="C30354" s="7">
        <f t="shared" si="474"/>
        <v>505.32749999999993</v>
      </c>
    </row>
    <row r="30355" spans="1:3" x14ac:dyDescent="0.25">
      <c r="A30355" s="2" t="s">
        <v>18768</v>
      </c>
      <c r="B30355" s="6">
        <v>505344.14999999997</v>
      </c>
      <c r="C30355" s="7">
        <f t="shared" si="474"/>
        <v>505.34414999999996</v>
      </c>
    </row>
    <row r="30356" spans="1:3" x14ac:dyDescent="0.25">
      <c r="A30356" s="2" t="s">
        <v>18769</v>
      </c>
      <c r="B30356" s="6">
        <v>505360.79999999993</v>
      </c>
      <c r="C30356" s="7">
        <f t="shared" si="474"/>
        <v>505.36079999999993</v>
      </c>
    </row>
    <row r="30357" spans="1:3" x14ac:dyDescent="0.25">
      <c r="A30357" s="2" t="s">
        <v>18770</v>
      </c>
      <c r="B30357" s="6">
        <v>505377.44999999995</v>
      </c>
      <c r="C30357" s="7">
        <f t="shared" si="474"/>
        <v>505.37744999999995</v>
      </c>
    </row>
    <row r="30358" spans="1:3" x14ac:dyDescent="0.25">
      <c r="A30358" s="2" t="s">
        <v>18771</v>
      </c>
      <c r="B30358" s="6">
        <v>505394.1</v>
      </c>
      <c r="C30358" s="7">
        <f t="shared" si="474"/>
        <v>505.39409999999998</v>
      </c>
    </row>
    <row r="30359" spans="1:3" x14ac:dyDescent="0.25">
      <c r="A30359" s="2" t="s">
        <v>18772</v>
      </c>
      <c r="B30359" s="6">
        <v>505410.74999999994</v>
      </c>
      <c r="C30359" s="7">
        <f t="shared" si="474"/>
        <v>505.41074999999995</v>
      </c>
    </row>
    <row r="30360" spans="1:3" x14ac:dyDescent="0.25">
      <c r="A30360" s="2" t="s">
        <v>18773</v>
      </c>
      <c r="B30360" s="6">
        <v>505427.39999999997</v>
      </c>
      <c r="C30360" s="7">
        <f t="shared" si="474"/>
        <v>505.42739999999998</v>
      </c>
    </row>
    <row r="30361" spans="1:3" x14ac:dyDescent="0.25">
      <c r="A30361" s="2" t="s">
        <v>18774</v>
      </c>
      <c r="B30361" s="6">
        <v>505444.04999999993</v>
      </c>
      <c r="C30361" s="7">
        <f t="shared" si="474"/>
        <v>505.44404999999995</v>
      </c>
    </row>
    <row r="30362" spans="1:3" x14ac:dyDescent="0.25">
      <c r="A30362" s="2" t="s">
        <v>18775</v>
      </c>
      <c r="B30362" s="6">
        <v>505460.69999999995</v>
      </c>
      <c r="C30362" s="7">
        <f t="shared" si="474"/>
        <v>505.46069999999997</v>
      </c>
    </row>
    <row r="30363" spans="1:3" x14ac:dyDescent="0.25">
      <c r="A30363" s="2" t="s">
        <v>18776</v>
      </c>
      <c r="B30363" s="6">
        <v>505477.35</v>
      </c>
      <c r="C30363" s="7">
        <f t="shared" si="474"/>
        <v>505.47735</v>
      </c>
    </row>
    <row r="30364" spans="1:3" x14ac:dyDescent="0.25">
      <c r="A30364" s="2" t="s">
        <v>18777</v>
      </c>
      <c r="B30364" s="6">
        <v>505493.99999999994</v>
      </c>
      <c r="C30364" s="7">
        <f t="shared" si="474"/>
        <v>505.49399999999991</v>
      </c>
    </row>
    <row r="30365" spans="1:3" x14ac:dyDescent="0.25">
      <c r="A30365" s="2" t="s">
        <v>18778</v>
      </c>
      <c r="B30365" s="6">
        <v>505510.64999999997</v>
      </c>
      <c r="C30365" s="7">
        <f t="shared" si="474"/>
        <v>505.51064999999994</v>
      </c>
    </row>
    <row r="30366" spans="1:3" x14ac:dyDescent="0.25">
      <c r="A30366" s="2" t="s">
        <v>18779</v>
      </c>
      <c r="B30366" s="6">
        <v>505527.29999999993</v>
      </c>
      <c r="C30366" s="7">
        <f t="shared" si="474"/>
        <v>505.52729999999991</v>
      </c>
    </row>
    <row r="30367" spans="1:3" x14ac:dyDescent="0.25">
      <c r="A30367" s="2" t="s">
        <v>18780</v>
      </c>
      <c r="B30367" s="6">
        <v>505543.94999999995</v>
      </c>
      <c r="C30367" s="7">
        <f t="shared" si="474"/>
        <v>505.54394999999994</v>
      </c>
    </row>
    <row r="30368" spans="1:3" x14ac:dyDescent="0.25">
      <c r="A30368" s="2" t="s">
        <v>18781</v>
      </c>
      <c r="B30368" s="6">
        <v>505560.6</v>
      </c>
      <c r="C30368" s="7">
        <f t="shared" si="474"/>
        <v>505.56059999999997</v>
      </c>
    </row>
    <row r="30369" spans="1:3" x14ac:dyDescent="0.25">
      <c r="A30369" s="2" t="s">
        <v>18782</v>
      </c>
      <c r="B30369" s="6">
        <v>505577.24999999994</v>
      </c>
      <c r="C30369" s="7">
        <f t="shared" si="474"/>
        <v>505.57724999999994</v>
      </c>
    </row>
    <row r="30370" spans="1:3" x14ac:dyDescent="0.25">
      <c r="A30370" s="2" t="s">
        <v>18783</v>
      </c>
      <c r="B30370" s="6">
        <v>505593.89999999997</v>
      </c>
      <c r="C30370" s="7">
        <f t="shared" si="474"/>
        <v>505.59389999999996</v>
      </c>
    </row>
    <row r="30371" spans="1:3" x14ac:dyDescent="0.25">
      <c r="A30371" s="2" t="s">
        <v>18784</v>
      </c>
      <c r="B30371" s="6">
        <v>505610.54999999993</v>
      </c>
      <c r="C30371" s="7">
        <f t="shared" si="474"/>
        <v>505.61054999999993</v>
      </c>
    </row>
    <row r="30372" spans="1:3" x14ac:dyDescent="0.25">
      <c r="A30372" s="2" t="s">
        <v>18785</v>
      </c>
      <c r="B30372" s="6">
        <v>505627.19999999995</v>
      </c>
      <c r="C30372" s="7">
        <f t="shared" si="474"/>
        <v>505.62719999999996</v>
      </c>
    </row>
    <row r="30373" spans="1:3" x14ac:dyDescent="0.25">
      <c r="A30373" s="2" t="s">
        <v>18786</v>
      </c>
      <c r="B30373" s="6">
        <v>505643.85</v>
      </c>
      <c r="C30373" s="7">
        <f t="shared" si="474"/>
        <v>505.64384999999999</v>
      </c>
    </row>
    <row r="30374" spans="1:3" x14ac:dyDescent="0.25">
      <c r="A30374" s="2" t="s">
        <v>18787</v>
      </c>
      <c r="B30374" s="6">
        <v>505660.49999999994</v>
      </c>
      <c r="C30374" s="7">
        <f t="shared" si="474"/>
        <v>505.66049999999996</v>
      </c>
    </row>
    <row r="30375" spans="1:3" x14ac:dyDescent="0.25">
      <c r="A30375" s="2" t="s">
        <v>18788</v>
      </c>
      <c r="B30375" s="6">
        <v>505677.14999999997</v>
      </c>
      <c r="C30375" s="7">
        <f t="shared" si="474"/>
        <v>505.67714999999998</v>
      </c>
    </row>
    <row r="30376" spans="1:3" x14ac:dyDescent="0.25">
      <c r="A30376" s="2" t="s">
        <v>18789</v>
      </c>
      <c r="B30376" s="6">
        <v>505693.79999999993</v>
      </c>
      <c r="C30376" s="7">
        <f t="shared" si="474"/>
        <v>505.69379999999995</v>
      </c>
    </row>
    <row r="30377" spans="1:3" x14ac:dyDescent="0.25">
      <c r="A30377" s="2" t="s">
        <v>18790</v>
      </c>
      <c r="B30377" s="6">
        <v>505710.44999999995</v>
      </c>
      <c r="C30377" s="7">
        <f t="shared" si="474"/>
        <v>505.71044999999998</v>
      </c>
    </row>
    <row r="30378" spans="1:3" x14ac:dyDescent="0.25">
      <c r="A30378" s="2" t="s">
        <v>18791</v>
      </c>
      <c r="B30378" s="6">
        <v>505727.1</v>
      </c>
      <c r="C30378" s="7">
        <f t="shared" si="474"/>
        <v>505.72709999999995</v>
      </c>
    </row>
    <row r="30379" spans="1:3" x14ac:dyDescent="0.25">
      <c r="A30379" s="2" t="s">
        <v>18792</v>
      </c>
      <c r="B30379" s="6">
        <v>505743.74999999994</v>
      </c>
      <c r="C30379" s="7">
        <f t="shared" si="474"/>
        <v>505.74374999999992</v>
      </c>
    </row>
    <row r="30380" spans="1:3" x14ac:dyDescent="0.25">
      <c r="A30380" s="2" t="s">
        <v>18793</v>
      </c>
      <c r="B30380" s="6">
        <v>505760.39999999997</v>
      </c>
      <c r="C30380" s="7">
        <f t="shared" si="474"/>
        <v>505.76039999999995</v>
      </c>
    </row>
    <row r="30381" spans="1:3" x14ac:dyDescent="0.25">
      <c r="A30381" s="2" t="s">
        <v>18794</v>
      </c>
      <c r="B30381" s="6">
        <v>505777.04999999993</v>
      </c>
      <c r="C30381" s="7">
        <f t="shared" si="474"/>
        <v>505.77704999999992</v>
      </c>
    </row>
    <row r="30382" spans="1:3" x14ac:dyDescent="0.25">
      <c r="A30382" s="2" t="s">
        <v>18795</v>
      </c>
      <c r="B30382" s="6">
        <v>505793.69999999995</v>
      </c>
      <c r="C30382" s="7">
        <f t="shared" si="474"/>
        <v>505.79369999999994</v>
      </c>
    </row>
    <row r="30383" spans="1:3" x14ac:dyDescent="0.25">
      <c r="A30383" s="2" t="s">
        <v>18796</v>
      </c>
      <c r="B30383" s="6">
        <v>505810.35</v>
      </c>
      <c r="C30383" s="7">
        <f t="shared" si="474"/>
        <v>505.81034999999997</v>
      </c>
    </row>
    <row r="30384" spans="1:3" x14ac:dyDescent="0.25">
      <c r="A30384" s="2" t="s">
        <v>18797</v>
      </c>
      <c r="B30384" s="6">
        <v>505826.99999999994</v>
      </c>
      <c r="C30384" s="7">
        <f t="shared" si="474"/>
        <v>505.82699999999994</v>
      </c>
    </row>
    <row r="30385" spans="1:3" x14ac:dyDescent="0.25">
      <c r="A30385" s="2" t="s">
        <v>18798</v>
      </c>
      <c r="B30385" s="6">
        <v>505843.64999999997</v>
      </c>
      <c r="C30385" s="7">
        <f t="shared" si="474"/>
        <v>505.84364999999997</v>
      </c>
    </row>
    <row r="30386" spans="1:3" x14ac:dyDescent="0.25">
      <c r="A30386" s="2" t="s">
        <v>18799</v>
      </c>
      <c r="B30386" s="6">
        <v>505860.29999999993</v>
      </c>
      <c r="C30386" s="7">
        <f t="shared" si="474"/>
        <v>505.86029999999994</v>
      </c>
    </row>
    <row r="30387" spans="1:3" x14ac:dyDescent="0.25">
      <c r="A30387" s="2" t="s">
        <v>18800</v>
      </c>
      <c r="B30387" s="6">
        <v>505876.94999999995</v>
      </c>
      <c r="C30387" s="7">
        <f t="shared" si="474"/>
        <v>505.87694999999997</v>
      </c>
    </row>
    <row r="30388" spans="1:3" x14ac:dyDescent="0.25">
      <c r="A30388" s="2" t="s">
        <v>18801</v>
      </c>
      <c r="B30388" s="6">
        <v>505893.6</v>
      </c>
      <c r="C30388" s="7">
        <f t="shared" si="474"/>
        <v>505.89359999999999</v>
      </c>
    </row>
    <row r="30389" spans="1:3" x14ac:dyDescent="0.25">
      <c r="A30389" s="2" t="s">
        <v>18802</v>
      </c>
      <c r="B30389" s="6">
        <v>505910.24999999994</v>
      </c>
      <c r="C30389" s="7">
        <f t="shared" si="474"/>
        <v>505.91024999999996</v>
      </c>
    </row>
    <row r="30390" spans="1:3" x14ac:dyDescent="0.25">
      <c r="A30390" s="2" t="s">
        <v>18803</v>
      </c>
      <c r="B30390" s="6">
        <v>505926.89999999997</v>
      </c>
      <c r="C30390" s="7">
        <f t="shared" si="474"/>
        <v>505.92689999999999</v>
      </c>
    </row>
    <row r="30391" spans="1:3" x14ac:dyDescent="0.25">
      <c r="A30391" s="2" t="s">
        <v>18804</v>
      </c>
      <c r="B30391" s="6">
        <v>505943.54999999993</v>
      </c>
      <c r="C30391" s="7">
        <f t="shared" si="474"/>
        <v>505.9435499999999</v>
      </c>
    </row>
    <row r="30392" spans="1:3" x14ac:dyDescent="0.25">
      <c r="A30392" s="2" t="s">
        <v>18805</v>
      </c>
      <c r="B30392" s="6">
        <v>505960.19999999995</v>
      </c>
      <c r="C30392" s="7">
        <f t="shared" si="474"/>
        <v>505.96019999999993</v>
      </c>
    </row>
    <row r="30393" spans="1:3" x14ac:dyDescent="0.25">
      <c r="A30393" s="2" t="s">
        <v>18806</v>
      </c>
      <c r="B30393" s="6">
        <v>505976.85</v>
      </c>
      <c r="C30393" s="7">
        <f t="shared" si="474"/>
        <v>505.97684999999996</v>
      </c>
    </row>
    <row r="30394" spans="1:3" x14ac:dyDescent="0.25">
      <c r="A30394" s="2" t="s">
        <v>18807</v>
      </c>
      <c r="B30394" s="6">
        <v>505993.49999999994</v>
      </c>
      <c r="C30394" s="7">
        <f t="shared" si="474"/>
        <v>505.99349999999993</v>
      </c>
    </row>
    <row r="30395" spans="1:3" x14ac:dyDescent="0.25">
      <c r="A30395" s="2" t="s">
        <v>18808</v>
      </c>
      <c r="B30395" s="6">
        <v>506010.14999999997</v>
      </c>
      <c r="C30395" s="7">
        <f t="shared" si="474"/>
        <v>506.01014999999995</v>
      </c>
    </row>
    <row r="30396" spans="1:3" x14ac:dyDescent="0.25">
      <c r="A30396" s="2" t="s">
        <v>18809</v>
      </c>
      <c r="B30396" s="6">
        <v>506026.79999999993</v>
      </c>
      <c r="C30396" s="7">
        <f t="shared" si="474"/>
        <v>506.02679999999992</v>
      </c>
    </row>
    <row r="30397" spans="1:3" x14ac:dyDescent="0.25">
      <c r="A30397" s="2" t="s">
        <v>18810</v>
      </c>
      <c r="B30397" s="6">
        <v>506043.44999999995</v>
      </c>
      <c r="C30397" s="7">
        <f t="shared" si="474"/>
        <v>506.04344999999995</v>
      </c>
    </row>
    <row r="30398" spans="1:3" x14ac:dyDescent="0.25">
      <c r="A30398" s="2" t="s">
        <v>18811</v>
      </c>
      <c r="B30398" s="6">
        <v>506060.1</v>
      </c>
      <c r="C30398" s="7">
        <f t="shared" si="474"/>
        <v>506.06009999999998</v>
      </c>
    </row>
    <row r="30399" spans="1:3" x14ac:dyDescent="0.25">
      <c r="A30399" s="2" t="s">
        <v>18812</v>
      </c>
      <c r="B30399" s="6">
        <v>506076.74999999994</v>
      </c>
      <c r="C30399" s="7">
        <f t="shared" si="474"/>
        <v>506.07674999999995</v>
      </c>
    </row>
    <row r="30400" spans="1:3" x14ac:dyDescent="0.25">
      <c r="A30400" s="2" t="s">
        <v>18813</v>
      </c>
      <c r="B30400" s="6">
        <v>506093.39999999997</v>
      </c>
      <c r="C30400" s="7">
        <f t="shared" si="474"/>
        <v>506.09339999999997</v>
      </c>
    </row>
    <row r="30401" spans="1:3" x14ac:dyDescent="0.25">
      <c r="A30401" s="2" t="s">
        <v>18814</v>
      </c>
      <c r="B30401" s="6">
        <v>506110.04999999993</v>
      </c>
      <c r="C30401" s="7">
        <f t="shared" si="474"/>
        <v>506.11004999999994</v>
      </c>
    </row>
    <row r="30402" spans="1:3" x14ac:dyDescent="0.25">
      <c r="A30402" s="2" t="s">
        <v>18815</v>
      </c>
      <c r="B30402" s="6">
        <v>506126.69999999995</v>
      </c>
      <c r="C30402" s="7">
        <f t="shared" si="474"/>
        <v>506.12669999999997</v>
      </c>
    </row>
    <row r="30403" spans="1:3" x14ac:dyDescent="0.25">
      <c r="A30403" s="2" t="s">
        <v>18816</v>
      </c>
      <c r="B30403" s="6">
        <v>506143.35</v>
      </c>
      <c r="C30403" s="7">
        <f t="shared" ref="C30403:C30466" si="475">B30403/1000</f>
        <v>506.14335</v>
      </c>
    </row>
    <row r="30404" spans="1:3" x14ac:dyDescent="0.25">
      <c r="A30404" s="2" t="s">
        <v>18817</v>
      </c>
      <c r="B30404" s="6">
        <v>506159.99999999994</v>
      </c>
      <c r="C30404" s="7">
        <f t="shared" si="475"/>
        <v>506.15999999999997</v>
      </c>
    </row>
    <row r="30405" spans="1:3" x14ac:dyDescent="0.25">
      <c r="A30405" s="2" t="s">
        <v>18818</v>
      </c>
      <c r="B30405" s="6">
        <v>506176.64999999997</v>
      </c>
      <c r="C30405" s="7">
        <f t="shared" si="475"/>
        <v>506.17664999999994</v>
      </c>
    </row>
    <row r="30406" spans="1:3" x14ac:dyDescent="0.25">
      <c r="A30406" s="2" t="s">
        <v>18819</v>
      </c>
      <c r="B30406" s="6">
        <v>506193.29999999993</v>
      </c>
      <c r="C30406" s="7">
        <f t="shared" si="475"/>
        <v>506.19329999999991</v>
      </c>
    </row>
    <row r="30407" spans="1:3" x14ac:dyDescent="0.25">
      <c r="A30407" s="2" t="s">
        <v>18820</v>
      </c>
      <c r="B30407" s="6">
        <v>506209.94999999995</v>
      </c>
      <c r="C30407" s="7">
        <f t="shared" si="475"/>
        <v>506.20994999999994</v>
      </c>
    </row>
    <row r="30408" spans="1:3" x14ac:dyDescent="0.25">
      <c r="A30408" s="2" t="s">
        <v>18821</v>
      </c>
      <c r="B30408" s="6">
        <v>506226.6</v>
      </c>
      <c r="C30408" s="7">
        <f t="shared" si="475"/>
        <v>506.22659999999996</v>
      </c>
    </row>
    <row r="30409" spans="1:3" x14ac:dyDescent="0.25">
      <c r="A30409" s="2" t="s">
        <v>18822</v>
      </c>
      <c r="B30409" s="6">
        <v>506243.24999999994</v>
      </c>
      <c r="C30409" s="7">
        <f t="shared" si="475"/>
        <v>506.24324999999993</v>
      </c>
    </row>
    <row r="30410" spans="1:3" x14ac:dyDescent="0.25">
      <c r="A30410" s="2" t="s">
        <v>18823</v>
      </c>
      <c r="B30410" s="6">
        <v>506259.89999999997</v>
      </c>
      <c r="C30410" s="7">
        <f t="shared" si="475"/>
        <v>506.25989999999996</v>
      </c>
    </row>
    <row r="30411" spans="1:3" x14ac:dyDescent="0.25">
      <c r="A30411" s="2" t="s">
        <v>18824</v>
      </c>
      <c r="B30411" s="6">
        <v>506276.54999999993</v>
      </c>
      <c r="C30411" s="7">
        <f t="shared" si="475"/>
        <v>506.27654999999993</v>
      </c>
    </row>
    <row r="30412" spans="1:3" x14ac:dyDescent="0.25">
      <c r="A30412" s="2" t="s">
        <v>18825</v>
      </c>
      <c r="B30412" s="6">
        <v>506293.19999999995</v>
      </c>
      <c r="C30412" s="7">
        <f t="shared" si="475"/>
        <v>506.29319999999996</v>
      </c>
    </row>
    <row r="30413" spans="1:3" x14ac:dyDescent="0.25">
      <c r="A30413" s="2" t="s">
        <v>18826</v>
      </c>
      <c r="B30413" s="6">
        <v>506309.85</v>
      </c>
      <c r="C30413" s="7">
        <f t="shared" si="475"/>
        <v>506.30984999999998</v>
      </c>
    </row>
    <row r="30414" spans="1:3" x14ac:dyDescent="0.25">
      <c r="A30414" s="2" t="s">
        <v>18827</v>
      </c>
      <c r="B30414" s="6">
        <v>506326.49999999994</v>
      </c>
      <c r="C30414" s="7">
        <f t="shared" si="475"/>
        <v>506.32649999999995</v>
      </c>
    </row>
    <row r="30415" spans="1:3" x14ac:dyDescent="0.25">
      <c r="A30415" s="2" t="s">
        <v>18828</v>
      </c>
      <c r="B30415" s="6">
        <v>506343.14999999997</v>
      </c>
      <c r="C30415" s="7">
        <f t="shared" si="475"/>
        <v>506.34314999999998</v>
      </c>
    </row>
    <row r="30416" spans="1:3" x14ac:dyDescent="0.25">
      <c r="A30416" s="2" t="s">
        <v>18829</v>
      </c>
      <c r="B30416" s="6">
        <v>506359.79999999993</v>
      </c>
      <c r="C30416" s="7">
        <f t="shared" si="475"/>
        <v>506.35979999999995</v>
      </c>
    </row>
    <row r="30417" spans="1:3" x14ac:dyDescent="0.25">
      <c r="A30417" s="2" t="s">
        <v>18830</v>
      </c>
      <c r="B30417" s="6">
        <v>506376.44999999995</v>
      </c>
      <c r="C30417" s="7">
        <f t="shared" si="475"/>
        <v>506.37644999999998</v>
      </c>
    </row>
    <row r="30418" spans="1:3" x14ac:dyDescent="0.25">
      <c r="A30418" s="2" t="s">
        <v>18831</v>
      </c>
      <c r="B30418" s="6">
        <v>506393.1</v>
      </c>
      <c r="C30418" s="7">
        <f t="shared" si="475"/>
        <v>506.3931</v>
      </c>
    </row>
    <row r="30419" spans="1:3" x14ac:dyDescent="0.25">
      <c r="A30419" s="2" t="s">
        <v>18832</v>
      </c>
      <c r="B30419" s="6">
        <v>506409.74999999994</v>
      </c>
      <c r="C30419" s="7">
        <f t="shared" si="475"/>
        <v>506.40974999999992</v>
      </c>
    </row>
    <row r="30420" spans="1:3" x14ac:dyDescent="0.25">
      <c r="A30420" s="2" t="s">
        <v>18833</v>
      </c>
      <c r="B30420" s="6">
        <v>506426.39999999997</v>
      </c>
      <c r="C30420" s="7">
        <f t="shared" si="475"/>
        <v>506.42639999999994</v>
      </c>
    </row>
    <row r="30421" spans="1:3" x14ac:dyDescent="0.25">
      <c r="A30421" s="2" t="s">
        <v>18834</v>
      </c>
      <c r="B30421" s="6">
        <v>506443.04999999993</v>
      </c>
      <c r="C30421" s="7">
        <f t="shared" si="475"/>
        <v>506.44304999999991</v>
      </c>
    </row>
    <row r="30422" spans="1:3" x14ac:dyDescent="0.25">
      <c r="A30422" s="2" t="s">
        <v>18835</v>
      </c>
      <c r="B30422" s="6">
        <v>506459.69999999995</v>
      </c>
      <c r="C30422" s="7">
        <f t="shared" si="475"/>
        <v>506.45969999999994</v>
      </c>
    </row>
    <row r="30423" spans="1:3" x14ac:dyDescent="0.25">
      <c r="A30423" s="2" t="s">
        <v>18836</v>
      </c>
      <c r="B30423" s="6">
        <v>506476.35</v>
      </c>
      <c r="C30423" s="7">
        <f t="shared" si="475"/>
        <v>506.47634999999997</v>
      </c>
    </row>
    <row r="30424" spans="1:3" x14ac:dyDescent="0.25">
      <c r="A30424" s="2" t="s">
        <v>18837</v>
      </c>
      <c r="B30424" s="6">
        <v>506492.99999999994</v>
      </c>
      <c r="C30424" s="7">
        <f t="shared" si="475"/>
        <v>506.49299999999994</v>
      </c>
    </row>
    <row r="30425" spans="1:3" x14ac:dyDescent="0.25">
      <c r="A30425" s="2" t="s">
        <v>18838</v>
      </c>
      <c r="B30425" s="6">
        <v>506509.64999999997</v>
      </c>
      <c r="C30425" s="7">
        <f t="shared" si="475"/>
        <v>506.50964999999997</v>
      </c>
    </row>
    <row r="30426" spans="1:3" x14ac:dyDescent="0.25">
      <c r="A30426" s="2" t="s">
        <v>18839</v>
      </c>
      <c r="B30426" s="6">
        <v>506526.29999999993</v>
      </c>
      <c r="C30426" s="7">
        <f t="shared" si="475"/>
        <v>506.52629999999994</v>
      </c>
    </row>
    <row r="30427" spans="1:3" x14ac:dyDescent="0.25">
      <c r="A30427" s="2" t="s">
        <v>18840</v>
      </c>
      <c r="B30427" s="6">
        <v>506542.94999999995</v>
      </c>
      <c r="C30427" s="7">
        <f t="shared" si="475"/>
        <v>506.54294999999996</v>
      </c>
    </row>
    <row r="30428" spans="1:3" x14ac:dyDescent="0.25">
      <c r="A30428" s="2" t="s">
        <v>18841</v>
      </c>
      <c r="B30428" s="6">
        <v>506559.6</v>
      </c>
      <c r="C30428" s="7">
        <f t="shared" si="475"/>
        <v>506.55959999999999</v>
      </c>
    </row>
    <row r="30429" spans="1:3" x14ac:dyDescent="0.25">
      <c r="A30429" s="2" t="s">
        <v>18842</v>
      </c>
      <c r="B30429" s="6">
        <v>506576.24999999994</v>
      </c>
      <c r="C30429" s="7">
        <f t="shared" si="475"/>
        <v>506.57624999999996</v>
      </c>
    </row>
    <row r="30430" spans="1:3" x14ac:dyDescent="0.25">
      <c r="A30430" s="2" t="s">
        <v>18843</v>
      </c>
      <c r="B30430" s="6">
        <v>506592.89999999997</v>
      </c>
      <c r="C30430" s="7">
        <f t="shared" si="475"/>
        <v>506.59289999999999</v>
      </c>
    </row>
    <row r="30431" spans="1:3" x14ac:dyDescent="0.25">
      <c r="A30431" s="2" t="s">
        <v>18844</v>
      </c>
      <c r="B30431" s="6">
        <v>506609.54999999993</v>
      </c>
      <c r="C30431" s="7">
        <f t="shared" si="475"/>
        <v>506.60954999999996</v>
      </c>
    </row>
    <row r="30432" spans="1:3" x14ac:dyDescent="0.25">
      <c r="A30432" s="2" t="s">
        <v>18845</v>
      </c>
      <c r="B30432" s="6">
        <v>506626.19999999995</v>
      </c>
      <c r="C30432" s="7">
        <f t="shared" si="475"/>
        <v>506.62619999999993</v>
      </c>
    </row>
    <row r="30433" spans="1:3" x14ac:dyDescent="0.25">
      <c r="A30433" s="2" t="s">
        <v>18846</v>
      </c>
      <c r="B30433" s="6">
        <v>506642.85</v>
      </c>
      <c r="C30433" s="7">
        <f t="shared" si="475"/>
        <v>506.64284999999995</v>
      </c>
    </row>
    <row r="30434" spans="1:3" x14ac:dyDescent="0.25">
      <c r="A30434" s="2" t="s">
        <v>18847</v>
      </c>
      <c r="B30434" s="6">
        <v>506659.49999999994</v>
      </c>
      <c r="C30434" s="7">
        <f t="shared" si="475"/>
        <v>506.65949999999992</v>
      </c>
    </row>
    <row r="30435" spans="1:3" x14ac:dyDescent="0.25">
      <c r="A30435" s="2" t="s">
        <v>18848</v>
      </c>
      <c r="B30435" s="6">
        <v>506676.14999999997</v>
      </c>
      <c r="C30435" s="7">
        <f t="shared" si="475"/>
        <v>506.67614999999995</v>
      </c>
    </row>
    <row r="30436" spans="1:3" x14ac:dyDescent="0.25">
      <c r="A30436" s="2" t="s">
        <v>18849</v>
      </c>
      <c r="B30436" s="6">
        <v>506692.79999999993</v>
      </c>
      <c r="C30436" s="7">
        <f t="shared" si="475"/>
        <v>506.69279999999992</v>
      </c>
    </row>
    <row r="30437" spans="1:3" x14ac:dyDescent="0.25">
      <c r="A30437" s="2" t="s">
        <v>18850</v>
      </c>
      <c r="B30437" s="6">
        <v>506709.44999999995</v>
      </c>
      <c r="C30437" s="7">
        <f t="shared" si="475"/>
        <v>506.70944999999995</v>
      </c>
    </row>
    <row r="30438" spans="1:3" x14ac:dyDescent="0.25">
      <c r="A30438" s="2" t="s">
        <v>18851</v>
      </c>
      <c r="B30438" s="6">
        <v>506726.1</v>
      </c>
      <c r="C30438" s="7">
        <f t="shared" si="475"/>
        <v>506.72609999999997</v>
      </c>
    </row>
    <row r="30439" spans="1:3" x14ac:dyDescent="0.25">
      <c r="A30439" s="2" t="s">
        <v>18852</v>
      </c>
      <c r="B30439" s="6">
        <v>506742.74999999994</v>
      </c>
      <c r="C30439" s="7">
        <f t="shared" si="475"/>
        <v>506.74274999999994</v>
      </c>
    </row>
    <row r="30440" spans="1:3" x14ac:dyDescent="0.25">
      <c r="A30440" s="2" t="s">
        <v>18853</v>
      </c>
      <c r="B30440" s="6">
        <v>506759.39999999997</v>
      </c>
      <c r="C30440" s="7">
        <f t="shared" si="475"/>
        <v>506.75939999999997</v>
      </c>
    </row>
    <row r="30441" spans="1:3" x14ac:dyDescent="0.25">
      <c r="A30441" s="2" t="s">
        <v>18854</v>
      </c>
      <c r="B30441" s="6">
        <v>506776.04999999993</v>
      </c>
      <c r="C30441" s="7">
        <f t="shared" si="475"/>
        <v>506.77604999999994</v>
      </c>
    </row>
    <row r="30442" spans="1:3" x14ac:dyDescent="0.25">
      <c r="A30442" s="2" t="s">
        <v>18855</v>
      </c>
      <c r="B30442" s="6">
        <v>506792.69999999995</v>
      </c>
      <c r="C30442" s="7">
        <f t="shared" si="475"/>
        <v>506.79269999999997</v>
      </c>
    </row>
    <row r="30443" spans="1:3" x14ac:dyDescent="0.25">
      <c r="A30443" s="2" t="s">
        <v>18856</v>
      </c>
      <c r="B30443" s="6">
        <v>506809.35</v>
      </c>
      <c r="C30443" s="7">
        <f t="shared" si="475"/>
        <v>506.80934999999999</v>
      </c>
    </row>
    <row r="30444" spans="1:3" x14ac:dyDescent="0.25">
      <c r="A30444" s="2" t="s">
        <v>18857</v>
      </c>
      <c r="B30444" s="6">
        <v>506825.99999999994</v>
      </c>
      <c r="C30444" s="7">
        <f t="shared" si="475"/>
        <v>506.82599999999996</v>
      </c>
    </row>
    <row r="30445" spans="1:3" x14ac:dyDescent="0.25">
      <c r="A30445" s="2" t="s">
        <v>18858</v>
      </c>
      <c r="B30445" s="6">
        <v>506842.64999999997</v>
      </c>
      <c r="C30445" s="7">
        <f t="shared" si="475"/>
        <v>506.84264999999999</v>
      </c>
    </row>
    <row r="30446" spans="1:3" x14ac:dyDescent="0.25">
      <c r="A30446" s="2" t="s">
        <v>18859</v>
      </c>
      <c r="B30446" s="6">
        <v>506859.29999999993</v>
      </c>
      <c r="C30446" s="7">
        <f t="shared" si="475"/>
        <v>506.85929999999991</v>
      </c>
    </row>
    <row r="30447" spans="1:3" x14ac:dyDescent="0.25">
      <c r="A30447" s="2" t="s">
        <v>18860</v>
      </c>
      <c r="B30447" s="6">
        <v>506875.94999999995</v>
      </c>
      <c r="C30447" s="7">
        <f t="shared" si="475"/>
        <v>506.87594999999993</v>
      </c>
    </row>
    <row r="30448" spans="1:3" x14ac:dyDescent="0.25">
      <c r="A30448" s="2" t="s">
        <v>18861</v>
      </c>
      <c r="B30448" s="6">
        <v>506892.6</v>
      </c>
      <c r="C30448" s="7">
        <f t="shared" si="475"/>
        <v>506.89259999999996</v>
      </c>
    </row>
    <row r="30449" spans="1:3" x14ac:dyDescent="0.25">
      <c r="A30449" s="2" t="s">
        <v>18862</v>
      </c>
      <c r="B30449" s="6">
        <v>506909.24999999994</v>
      </c>
      <c r="C30449" s="7">
        <f t="shared" si="475"/>
        <v>506.90924999999993</v>
      </c>
    </row>
    <row r="30450" spans="1:3" x14ac:dyDescent="0.25">
      <c r="A30450" s="2" t="s">
        <v>18863</v>
      </c>
      <c r="B30450" s="6">
        <v>506925.89999999997</v>
      </c>
      <c r="C30450" s="7">
        <f t="shared" si="475"/>
        <v>506.92589999999996</v>
      </c>
    </row>
    <row r="30451" spans="1:3" x14ac:dyDescent="0.25">
      <c r="A30451" s="2" t="s">
        <v>18864</v>
      </c>
      <c r="B30451" s="6">
        <v>506942.54999999993</v>
      </c>
      <c r="C30451" s="7">
        <f t="shared" si="475"/>
        <v>506.94254999999993</v>
      </c>
    </row>
    <row r="30452" spans="1:3" x14ac:dyDescent="0.25">
      <c r="A30452" s="2" t="s">
        <v>18865</v>
      </c>
      <c r="B30452" s="6">
        <v>506959.19999999995</v>
      </c>
      <c r="C30452" s="7">
        <f t="shared" si="475"/>
        <v>506.95919999999995</v>
      </c>
    </row>
    <row r="30453" spans="1:3" x14ac:dyDescent="0.25">
      <c r="A30453" s="2" t="s">
        <v>18866</v>
      </c>
      <c r="B30453" s="6">
        <v>506975.85</v>
      </c>
      <c r="C30453" s="7">
        <f t="shared" si="475"/>
        <v>506.97584999999998</v>
      </c>
    </row>
    <row r="30454" spans="1:3" x14ac:dyDescent="0.25">
      <c r="A30454" s="2" t="s">
        <v>18867</v>
      </c>
      <c r="B30454" s="6">
        <v>506992.49999999994</v>
      </c>
      <c r="C30454" s="7">
        <f t="shared" si="475"/>
        <v>506.99249999999995</v>
      </c>
    </row>
    <row r="30455" spans="1:3" x14ac:dyDescent="0.25">
      <c r="A30455" s="2" t="s">
        <v>18868</v>
      </c>
      <c r="B30455" s="6">
        <v>507009.14999999997</v>
      </c>
      <c r="C30455" s="7">
        <f t="shared" si="475"/>
        <v>507.00914999999998</v>
      </c>
    </row>
    <row r="30456" spans="1:3" x14ac:dyDescent="0.25">
      <c r="A30456" s="2" t="s">
        <v>18869</v>
      </c>
      <c r="B30456" s="6">
        <v>507025.79999999993</v>
      </c>
      <c r="C30456" s="7">
        <f t="shared" si="475"/>
        <v>507.02579999999995</v>
      </c>
    </row>
    <row r="30457" spans="1:3" x14ac:dyDescent="0.25">
      <c r="A30457" s="2" t="s">
        <v>18870</v>
      </c>
      <c r="B30457" s="6">
        <v>507042.44999999995</v>
      </c>
      <c r="C30457" s="7">
        <f t="shared" si="475"/>
        <v>507.04244999999997</v>
      </c>
    </row>
    <row r="30458" spans="1:3" x14ac:dyDescent="0.25">
      <c r="A30458" s="2" t="s">
        <v>18871</v>
      </c>
      <c r="B30458" s="6">
        <v>507059.1</v>
      </c>
      <c r="C30458" s="7">
        <f t="shared" si="475"/>
        <v>507.0591</v>
      </c>
    </row>
    <row r="30459" spans="1:3" x14ac:dyDescent="0.25">
      <c r="A30459" s="2" t="s">
        <v>18872</v>
      </c>
      <c r="B30459" s="6">
        <v>507075.74999999994</v>
      </c>
      <c r="C30459" s="7">
        <f t="shared" si="475"/>
        <v>507.07574999999991</v>
      </c>
    </row>
    <row r="30460" spans="1:3" x14ac:dyDescent="0.25">
      <c r="A30460" s="2" t="s">
        <v>18873</v>
      </c>
      <c r="B30460" s="6">
        <v>507092.39999999997</v>
      </c>
      <c r="C30460" s="7">
        <f t="shared" si="475"/>
        <v>507.09239999999994</v>
      </c>
    </row>
    <row r="30461" spans="1:3" x14ac:dyDescent="0.25">
      <c r="A30461" s="2" t="s">
        <v>18874</v>
      </c>
      <c r="B30461" s="6">
        <v>507109.04999999993</v>
      </c>
      <c r="C30461" s="7">
        <f t="shared" si="475"/>
        <v>507.10904999999991</v>
      </c>
    </row>
    <row r="30462" spans="1:3" x14ac:dyDescent="0.25">
      <c r="A30462" s="2" t="s">
        <v>18875</v>
      </c>
      <c r="B30462" s="6">
        <v>507125.69999999995</v>
      </c>
      <c r="C30462" s="7">
        <f t="shared" si="475"/>
        <v>507.12569999999994</v>
      </c>
    </row>
    <row r="30463" spans="1:3" x14ac:dyDescent="0.25">
      <c r="A30463" s="2" t="s">
        <v>18876</v>
      </c>
      <c r="B30463" s="6">
        <v>507142.35</v>
      </c>
      <c r="C30463" s="7">
        <f t="shared" si="475"/>
        <v>507.14234999999996</v>
      </c>
    </row>
    <row r="30464" spans="1:3" x14ac:dyDescent="0.25">
      <c r="A30464" s="2" t="s">
        <v>18877</v>
      </c>
      <c r="B30464" s="6">
        <v>507158.99999999994</v>
      </c>
      <c r="C30464" s="7">
        <f t="shared" si="475"/>
        <v>507.15899999999993</v>
      </c>
    </row>
    <row r="30465" spans="1:3" x14ac:dyDescent="0.25">
      <c r="A30465" s="2" t="s">
        <v>18878</v>
      </c>
      <c r="B30465" s="6">
        <v>507175.64999999997</v>
      </c>
      <c r="C30465" s="7">
        <f t="shared" si="475"/>
        <v>507.17564999999996</v>
      </c>
    </row>
    <row r="30466" spans="1:3" x14ac:dyDescent="0.25">
      <c r="A30466" s="2" t="s">
        <v>18879</v>
      </c>
      <c r="B30466" s="6">
        <v>507192.29999999993</v>
      </c>
      <c r="C30466" s="7">
        <f t="shared" si="475"/>
        <v>507.19229999999993</v>
      </c>
    </row>
    <row r="30467" spans="1:3" x14ac:dyDescent="0.25">
      <c r="A30467" s="2" t="s">
        <v>18880</v>
      </c>
      <c r="B30467" s="6">
        <v>507208.94999999995</v>
      </c>
      <c r="C30467" s="7">
        <f t="shared" ref="C30467:C30530" si="476">B30467/1000</f>
        <v>507.20894999999996</v>
      </c>
    </row>
    <row r="30468" spans="1:3" x14ac:dyDescent="0.25">
      <c r="A30468" s="2" t="s">
        <v>18881</v>
      </c>
      <c r="B30468" s="6">
        <v>507225.59999999998</v>
      </c>
      <c r="C30468" s="7">
        <f t="shared" si="476"/>
        <v>507.22559999999999</v>
      </c>
    </row>
    <row r="30469" spans="1:3" x14ac:dyDescent="0.25">
      <c r="A30469" s="2" t="s">
        <v>18882</v>
      </c>
      <c r="B30469" s="6">
        <v>507242.24999999994</v>
      </c>
      <c r="C30469" s="7">
        <f t="shared" si="476"/>
        <v>507.24224999999996</v>
      </c>
    </row>
    <row r="30470" spans="1:3" x14ac:dyDescent="0.25">
      <c r="A30470" s="2" t="s">
        <v>18883</v>
      </c>
      <c r="B30470" s="6">
        <v>507258.89999999997</v>
      </c>
      <c r="C30470" s="7">
        <f t="shared" si="476"/>
        <v>507.25889999999998</v>
      </c>
    </row>
    <row r="30471" spans="1:3" x14ac:dyDescent="0.25">
      <c r="A30471" s="2" t="s">
        <v>18884</v>
      </c>
      <c r="B30471" s="6">
        <v>507275.54999999993</v>
      </c>
      <c r="C30471" s="7">
        <f t="shared" si="476"/>
        <v>507.27554999999995</v>
      </c>
    </row>
    <row r="30472" spans="1:3" x14ac:dyDescent="0.25">
      <c r="A30472" s="2" t="s">
        <v>18885</v>
      </c>
      <c r="B30472" s="6">
        <v>507292.19999999995</v>
      </c>
      <c r="C30472" s="7">
        <f t="shared" si="476"/>
        <v>507.29219999999998</v>
      </c>
    </row>
    <row r="30473" spans="1:3" x14ac:dyDescent="0.25">
      <c r="A30473" s="2" t="s">
        <v>18886</v>
      </c>
      <c r="B30473" s="6">
        <v>507308.85</v>
      </c>
      <c r="C30473" s="7">
        <f t="shared" si="476"/>
        <v>507.30884999999995</v>
      </c>
    </row>
    <row r="30474" spans="1:3" x14ac:dyDescent="0.25">
      <c r="A30474" s="2" t="s">
        <v>18887</v>
      </c>
      <c r="B30474" s="6">
        <v>507325.49999999994</v>
      </c>
      <c r="C30474" s="7">
        <f t="shared" si="476"/>
        <v>507.32549999999992</v>
      </c>
    </row>
    <row r="30475" spans="1:3" x14ac:dyDescent="0.25">
      <c r="A30475" s="2" t="s">
        <v>18888</v>
      </c>
      <c r="B30475" s="6">
        <v>507342.14999999997</v>
      </c>
      <c r="C30475" s="7">
        <f t="shared" si="476"/>
        <v>507.34214999999995</v>
      </c>
    </row>
    <row r="30476" spans="1:3" x14ac:dyDescent="0.25">
      <c r="A30476" s="2" t="s">
        <v>18889</v>
      </c>
      <c r="B30476" s="6">
        <v>507358.79999999993</v>
      </c>
      <c r="C30476" s="7">
        <f t="shared" si="476"/>
        <v>507.35879999999992</v>
      </c>
    </row>
    <row r="30477" spans="1:3" x14ac:dyDescent="0.25">
      <c r="A30477" s="2" t="s">
        <v>18890</v>
      </c>
      <c r="B30477" s="6">
        <v>507375.44999999995</v>
      </c>
      <c r="C30477" s="7">
        <f t="shared" si="476"/>
        <v>507.37544999999994</v>
      </c>
    </row>
    <row r="30478" spans="1:3" x14ac:dyDescent="0.25">
      <c r="A30478" s="2" t="s">
        <v>18891</v>
      </c>
      <c r="B30478" s="6">
        <v>507392.1</v>
      </c>
      <c r="C30478" s="7">
        <f t="shared" si="476"/>
        <v>507.39209999999997</v>
      </c>
    </row>
    <row r="30479" spans="1:3" x14ac:dyDescent="0.25">
      <c r="A30479" s="2" t="s">
        <v>18892</v>
      </c>
      <c r="B30479" s="6">
        <v>507408.74999999994</v>
      </c>
      <c r="C30479" s="7">
        <f t="shared" si="476"/>
        <v>507.40874999999994</v>
      </c>
    </row>
    <row r="30480" spans="1:3" x14ac:dyDescent="0.25">
      <c r="A30480" s="2" t="s">
        <v>18893</v>
      </c>
      <c r="B30480" s="6">
        <v>507425.39999999997</v>
      </c>
      <c r="C30480" s="7">
        <f t="shared" si="476"/>
        <v>507.42539999999997</v>
      </c>
    </row>
    <row r="30481" spans="1:3" x14ac:dyDescent="0.25">
      <c r="A30481" s="2" t="s">
        <v>18894</v>
      </c>
      <c r="B30481" s="6">
        <v>507442.04999999993</v>
      </c>
      <c r="C30481" s="7">
        <f t="shared" si="476"/>
        <v>507.44204999999994</v>
      </c>
    </row>
    <row r="30482" spans="1:3" x14ac:dyDescent="0.25">
      <c r="A30482" s="2" t="s">
        <v>18895</v>
      </c>
      <c r="B30482" s="6">
        <v>507458.69999999995</v>
      </c>
      <c r="C30482" s="7">
        <f t="shared" si="476"/>
        <v>507.45869999999996</v>
      </c>
    </row>
    <row r="30483" spans="1:3" x14ac:dyDescent="0.25">
      <c r="A30483" s="2" t="s">
        <v>18896</v>
      </c>
      <c r="B30483" s="6">
        <v>507475.35</v>
      </c>
      <c r="C30483" s="7">
        <f t="shared" si="476"/>
        <v>507.47534999999999</v>
      </c>
    </row>
    <row r="30484" spans="1:3" x14ac:dyDescent="0.25">
      <c r="A30484" s="2" t="s">
        <v>18897</v>
      </c>
      <c r="B30484" s="6">
        <v>507491.99999999994</v>
      </c>
      <c r="C30484" s="7">
        <f t="shared" si="476"/>
        <v>507.49199999999996</v>
      </c>
    </row>
    <row r="30485" spans="1:3" x14ac:dyDescent="0.25">
      <c r="A30485" s="2" t="s">
        <v>18898</v>
      </c>
      <c r="B30485" s="6">
        <v>507508.64999999997</v>
      </c>
      <c r="C30485" s="7">
        <f t="shared" si="476"/>
        <v>507.50864999999999</v>
      </c>
    </row>
    <row r="30486" spans="1:3" x14ac:dyDescent="0.25">
      <c r="A30486" s="2" t="s">
        <v>18899</v>
      </c>
      <c r="B30486" s="6">
        <v>507525.29999999993</v>
      </c>
      <c r="C30486" s="7">
        <f t="shared" si="476"/>
        <v>507.5252999999999</v>
      </c>
    </row>
    <row r="30487" spans="1:3" x14ac:dyDescent="0.25">
      <c r="A30487" s="2" t="s">
        <v>18900</v>
      </c>
      <c r="B30487" s="6">
        <v>507541.94999999995</v>
      </c>
      <c r="C30487" s="7">
        <f t="shared" si="476"/>
        <v>507.54194999999993</v>
      </c>
    </row>
    <row r="30488" spans="1:3" x14ac:dyDescent="0.25">
      <c r="A30488" s="2" t="s">
        <v>18901</v>
      </c>
      <c r="B30488" s="6">
        <v>507558.6</v>
      </c>
      <c r="C30488" s="7">
        <f t="shared" si="476"/>
        <v>507.55859999999996</v>
      </c>
    </row>
    <row r="30489" spans="1:3" x14ac:dyDescent="0.25">
      <c r="A30489" s="2" t="s">
        <v>18902</v>
      </c>
      <c r="B30489" s="6">
        <v>507575.24999999994</v>
      </c>
      <c r="C30489" s="7">
        <f t="shared" si="476"/>
        <v>507.57524999999993</v>
      </c>
    </row>
    <row r="30490" spans="1:3" x14ac:dyDescent="0.25">
      <c r="A30490" s="2" t="s">
        <v>18903</v>
      </c>
      <c r="B30490" s="6">
        <v>507591.89999999997</v>
      </c>
      <c r="C30490" s="7">
        <f t="shared" si="476"/>
        <v>507.59189999999995</v>
      </c>
    </row>
    <row r="30491" spans="1:3" x14ac:dyDescent="0.25">
      <c r="A30491" s="2" t="s">
        <v>18904</v>
      </c>
      <c r="B30491" s="6">
        <v>507608.54999999993</v>
      </c>
      <c r="C30491" s="7">
        <f t="shared" si="476"/>
        <v>507.60854999999992</v>
      </c>
    </row>
    <row r="30492" spans="1:3" x14ac:dyDescent="0.25">
      <c r="A30492" s="2" t="s">
        <v>18905</v>
      </c>
      <c r="B30492" s="6">
        <v>507625.19999999995</v>
      </c>
      <c r="C30492" s="7">
        <f t="shared" si="476"/>
        <v>507.62519999999995</v>
      </c>
    </row>
    <row r="30493" spans="1:3" x14ac:dyDescent="0.25">
      <c r="A30493" s="2" t="s">
        <v>18906</v>
      </c>
      <c r="B30493" s="6">
        <v>507641.85</v>
      </c>
      <c r="C30493" s="7">
        <f t="shared" si="476"/>
        <v>507.64184999999998</v>
      </c>
    </row>
    <row r="30494" spans="1:3" x14ac:dyDescent="0.25">
      <c r="A30494" s="2" t="s">
        <v>18907</v>
      </c>
      <c r="B30494" s="6">
        <v>507658.49999999994</v>
      </c>
      <c r="C30494" s="7">
        <f t="shared" si="476"/>
        <v>507.65849999999995</v>
      </c>
    </row>
    <row r="30495" spans="1:3" x14ac:dyDescent="0.25">
      <c r="A30495" s="2" t="s">
        <v>18908</v>
      </c>
      <c r="B30495" s="6">
        <v>507675.14999999997</v>
      </c>
      <c r="C30495" s="7">
        <f t="shared" si="476"/>
        <v>507.67514999999997</v>
      </c>
    </row>
    <row r="30496" spans="1:3" x14ac:dyDescent="0.25">
      <c r="A30496" s="2" t="s">
        <v>18909</v>
      </c>
      <c r="B30496" s="6">
        <v>507691.79999999993</v>
      </c>
      <c r="C30496" s="7">
        <f t="shared" si="476"/>
        <v>507.69179999999994</v>
      </c>
    </row>
    <row r="30497" spans="1:3" x14ac:dyDescent="0.25">
      <c r="A30497" s="2" t="s">
        <v>18910</v>
      </c>
      <c r="B30497" s="6">
        <v>507708.44999999995</v>
      </c>
      <c r="C30497" s="7">
        <f t="shared" si="476"/>
        <v>507.70844999999997</v>
      </c>
    </row>
    <row r="30498" spans="1:3" x14ac:dyDescent="0.25">
      <c r="A30498" s="2" t="s">
        <v>18911</v>
      </c>
      <c r="B30498" s="6">
        <v>507725.1</v>
      </c>
      <c r="C30498" s="7">
        <f t="shared" si="476"/>
        <v>507.7251</v>
      </c>
    </row>
    <row r="30499" spans="1:3" x14ac:dyDescent="0.25">
      <c r="A30499" s="2" t="s">
        <v>18912</v>
      </c>
      <c r="B30499" s="6">
        <v>507741.74999999994</v>
      </c>
      <c r="C30499" s="7">
        <f t="shared" si="476"/>
        <v>507.74174999999997</v>
      </c>
    </row>
    <row r="30500" spans="1:3" x14ac:dyDescent="0.25">
      <c r="A30500" s="2" t="s">
        <v>18913</v>
      </c>
      <c r="B30500" s="6">
        <v>507758.39999999997</v>
      </c>
      <c r="C30500" s="7">
        <f t="shared" si="476"/>
        <v>507.75839999999994</v>
      </c>
    </row>
    <row r="30501" spans="1:3" x14ac:dyDescent="0.25">
      <c r="A30501" s="2" t="s">
        <v>18914</v>
      </c>
      <c r="B30501" s="6">
        <v>507775.04999999993</v>
      </c>
      <c r="C30501" s="7">
        <f t="shared" si="476"/>
        <v>507.77504999999991</v>
      </c>
    </row>
    <row r="30502" spans="1:3" x14ac:dyDescent="0.25">
      <c r="A30502" s="2" t="s">
        <v>18915</v>
      </c>
      <c r="B30502" s="6">
        <v>507791.69999999995</v>
      </c>
      <c r="C30502" s="7">
        <f t="shared" si="476"/>
        <v>507.79169999999993</v>
      </c>
    </row>
    <row r="30503" spans="1:3" x14ac:dyDescent="0.25">
      <c r="A30503" s="2" t="s">
        <v>18916</v>
      </c>
      <c r="B30503" s="6">
        <v>507808.35</v>
      </c>
      <c r="C30503" s="7">
        <f t="shared" si="476"/>
        <v>507.80834999999996</v>
      </c>
    </row>
    <row r="30504" spans="1:3" x14ac:dyDescent="0.25">
      <c r="A30504" s="2" t="s">
        <v>18917</v>
      </c>
      <c r="B30504" s="6">
        <v>507824.99999999994</v>
      </c>
      <c r="C30504" s="7">
        <f t="shared" si="476"/>
        <v>507.82499999999993</v>
      </c>
    </row>
    <row r="30505" spans="1:3" x14ac:dyDescent="0.25">
      <c r="A30505" s="2" t="s">
        <v>18918</v>
      </c>
      <c r="B30505" s="6">
        <v>507841.64999999997</v>
      </c>
      <c r="C30505" s="7">
        <f t="shared" si="476"/>
        <v>507.84164999999996</v>
      </c>
    </row>
    <row r="30506" spans="1:3" x14ac:dyDescent="0.25">
      <c r="A30506" s="2" t="s">
        <v>18919</v>
      </c>
      <c r="B30506" s="6">
        <v>507858.29999999993</v>
      </c>
      <c r="C30506" s="7">
        <f t="shared" si="476"/>
        <v>507.85829999999993</v>
      </c>
    </row>
    <row r="30507" spans="1:3" x14ac:dyDescent="0.25">
      <c r="A30507" s="2" t="s">
        <v>18920</v>
      </c>
      <c r="B30507" s="6">
        <v>507874.94999999995</v>
      </c>
      <c r="C30507" s="7">
        <f t="shared" si="476"/>
        <v>507.87494999999996</v>
      </c>
    </row>
    <row r="30508" spans="1:3" x14ac:dyDescent="0.25">
      <c r="A30508" s="2" t="s">
        <v>18921</v>
      </c>
      <c r="B30508" s="6">
        <v>507891.6</v>
      </c>
      <c r="C30508" s="7">
        <f t="shared" si="476"/>
        <v>507.89159999999998</v>
      </c>
    </row>
    <row r="30509" spans="1:3" x14ac:dyDescent="0.25">
      <c r="A30509" s="2" t="s">
        <v>18922</v>
      </c>
      <c r="B30509" s="6">
        <v>507908.24999999994</v>
      </c>
      <c r="C30509" s="7">
        <f t="shared" si="476"/>
        <v>507.90824999999995</v>
      </c>
    </row>
    <row r="30510" spans="1:3" x14ac:dyDescent="0.25">
      <c r="A30510" s="2" t="s">
        <v>18923</v>
      </c>
      <c r="B30510" s="6">
        <v>507924.89999999997</v>
      </c>
      <c r="C30510" s="7">
        <f t="shared" si="476"/>
        <v>507.92489999999998</v>
      </c>
    </row>
    <row r="30511" spans="1:3" x14ac:dyDescent="0.25">
      <c r="A30511" s="2" t="s">
        <v>18924</v>
      </c>
      <c r="B30511" s="6">
        <v>507941.54999999993</v>
      </c>
      <c r="C30511" s="7">
        <f t="shared" si="476"/>
        <v>507.94154999999995</v>
      </c>
    </row>
    <row r="30512" spans="1:3" x14ac:dyDescent="0.25">
      <c r="A30512" s="2" t="s">
        <v>18925</v>
      </c>
      <c r="B30512" s="6">
        <v>507958.19999999995</v>
      </c>
      <c r="C30512" s="7">
        <f t="shared" si="476"/>
        <v>507.95819999999998</v>
      </c>
    </row>
    <row r="30513" spans="1:3" x14ac:dyDescent="0.25">
      <c r="A30513" s="2" t="s">
        <v>18926</v>
      </c>
      <c r="B30513" s="6">
        <v>507974.85</v>
      </c>
      <c r="C30513" s="7">
        <f t="shared" si="476"/>
        <v>507.97485</v>
      </c>
    </row>
    <row r="30514" spans="1:3" x14ac:dyDescent="0.25">
      <c r="A30514" s="2" t="s">
        <v>18927</v>
      </c>
      <c r="B30514" s="6">
        <v>507991.49999999994</v>
      </c>
      <c r="C30514" s="7">
        <f t="shared" si="476"/>
        <v>507.99149999999992</v>
      </c>
    </row>
    <row r="30515" spans="1:3" x14ac:dyDescent="0.25">
      <c r="A30515" s="2" t="s">
        <v>18928</v>
      </c>
      <c r="B30515" s="6">
        <v>508008.14999999997</v>
      </c>
      <c r="C30515" s="7">
        <f t="shared" si="476"/>
        <v>508.00814999999994</v>
      </c>
    </row>
    <row r="30516" spans="1:3" x14ac:dyDescent="0.25">
      <c r="A30516" s="2" t="s">
        <v>18929</v>
      </c>
      <c r="B30516" s="6">
        <v>508024.79999999993</v>
      </c>
      <c r="C30516" s="7">
        <f t="shared" si="476"/>
        <v>508.02479999999991</v>
      </c>
    </row>
    <row r="30517" spans="1:3" x14ac:dyDescent="0.25">
      <c r="A30517" s="2" t="s">
        <v>18930</v>
      </c>
      <c r="B30517" s="6">
        <v>508041.44999999995</v>
      </c>
      <c r="C30517" s="7">
        <f t="shared" si="476"/>
        <v>508.04144999999994</v>
      </c>
    </row>
    <row r="30518" spans="1:3" x14ac:dyDescent="0.25">
      <c r="A30518" s="2" t="s">
        <v>18931</v>
      </c>
      <c r="B30518" s="6">
        <v>508058.1</v>
      </c>
      <c r="C30518" s="7">
        <f t="shared" si="476"/>
        <v>508.05809999999997</v>
      </c>
    </row>
    <row r="30519" spans="1:3" x14ac:dyDescent="0.25">
      <c r="A30519" s="2" t="s">
        <v>18932</v>
      </c>
      <c r="B30519" s="6">
        <v>508074.74999999994</v>
      </c>
      <c r="C30519" s="7">
        <f t="shared" si="476"/>
        <v>508.07474999999994</v>
      </c>
    </row>
    <row r="30520" spans="1:3" x14ac:dyDescent="0.25">
      <c r="A30520" s="2" t="s">
        <v>18933</v>
      </c>
      <c r="B30520" s="6">
        <v>508091.39999999997</v>
      </c>
      <c r="C30520" s="7">
        <f t="shared" si="476"/>
        <v>508.09139999999996</v>
      </c>
    </row>
    <row r="30521" spans="1:3" x14ac:dyDescent="0.25">
      <c r="A30521" s="2" t="s">
        <v>18934</v>
      </c>
      <c r="B30521" s="6">
        <v>508108.04999999993</v>
      </c>
      <c r="C30521" s="7">
        <f t="shared" si="476"/>
        <v>508.10804999999993</v>
      </c>
    </row>
    <row r="30522" spans="1:3" x14ac:dyDescent="0.25">
      <c r="A30522" s="2" t="s">
        <v>18935</v>
      </c>
      <c r="B30522" s="6">
        <v>508124.69999999995</v>
      </c>
      <c r="C30522" s="7">
        <f t="shared" si="476"/>
        <v>508.12469999999996</v>
      </c>
    </row>
    <row r="30523" spans="1:3" x14ac:dyDescent="0.25">
      <c r="A30523" s="2" t="s">
        <v>18936</v>
      </c>
      <c r="B30523" s="6">
        <v>508141.35</v>
      </c>
      <c r="C30523" s="7">
        <f t="shared" si="476"/>
        <v>508.14134999999999</v>
      </c>
    </row>
    <row r="30524" spans="1:3" x14ac:dyDescent="0.25">
      <c r="A30524" s="2" t="s">
        <v>18937</v>
      </c>
      <c r="B30524" s="6">
        <v>508157.99999999994</v>
      </c>
      <c r="C30524" s="7">
        <f t="shared" si="476"/>
        <v>508.15799999999996</v>
      </c>
    </row>
    <row r="30525" spans="1:3" x14ac:dyDescent="0.25">
      <c r="A30525" s="2" t="s">
        <v>18938</v>
      </c>
      <c r="B30525" s="6">
        <v>508174.64999999997</v>
      </c>
      <c r="C30525" s="7">
        <f t="shared" si="476"/>
        <v>508.17464999999999</v>
      </c>
    </row>
    <row r="30526" spans="1:3" x14ac:dyDescent="0.25">
      <c r="A30526" s="2" t="s">
        <v>18939</v>
      </c>
      <c r="B30526" s="6">
        <v>508191.29999999993</v>
      </c>
      <c r="C30526" s="7">
        <f t="shared" si="476"/>
        <v>508.19129999999996</v>
      </c>
    </row>
    <row r="30527" spans="1:3" x14ac:dyDescent="0.25">
      <c r="A30527" s="2" t="s">
        <v>18940</v>
      </c>
      <c r="B30527" s="6">
        <v>508207.94999999995</v>
      </c>
      <c r="C30527" s="7">
        <f t="shared" si="476"/>
        <v>508.20794999999993</v>
      </c>
    </row>
    <row r="30528" spans="1:3" x14ac:dyDescent="0.25">
      <c r="A30528" s="2" t="s">
        <v>18941</v>
      </c>
      <c r="B30528" s="6">
        <v>508224.6</v>
      </c>
      <c r="C30528" s="7">
        <f t="shared" si="476"/>
        <v>508.22459999999995</v>
      </c>
    </row>
    <row r="30529" spans="1:3" x14ac:dyDescent="0.25">
      <c r="A30529" s="2" t="s">
        <v>18942</v>
      </c>
      <c r="B30529" s="6">
        <v>508241.24999999994</v>
      </c>
      <c r="C30529" s="7">
        <f t="shared" si="476"/>
        <v>508.24124999999992</v>
      </c>
    </row>
    <row r="30530" spans="1:3" x14ac:dyDescent="0.25">
      <c r="A30530" s="2" t="s">
        <v>18943</v>
      </c>
      <c r="B30530" s="6">
        <v>508257.89999999997</v>
      </c>
      <c r="C30530" s="7">
        <f t="shared" si="476"/>
        <v>508.25789999999995</v>
      </c>
    </row>
    <row r="30531" spans="1:3" x14ac:dyDescent="0.25">
      <c r="A30531" s="2" t="s">
        <v>18944</v>
      </c>
      <c r="B30531" s="6">
        <v>508274.54999999993</v>
      </c>
      <c r="C30531" s="7">
        <f t="shared" ref="C30531:C30594" si="477">B30531/1000</f>
        <v>508.27454999999992</v>
      </c>
    </row>
    <row r="30532" spans="1:3" x14ac:dyDescent="0.25">
      <c r="A30532" s="2" t="s">
        <v>18945</v>
      </c>
      <c r="B30532" s="6">
        <v>508291.19999999995</v>
      </c>
      <c r="C30532" s="7">
        <f t="shared" si="477"/>
        <v>508.29119999999995</v>
      </c>
    </row>
    <row r="30533" spans="1:3" x14ac:dyDescent="0.25">
      <c r="A30533" s="2" t="s">
        <v>18946</v>
      </c>
      <c r="B30533" s="6">
        <v>508307.85</v>
      </c>
      <c r="C30533" s="7">
        <f t="shared" si="477"/>
        <v>508.30784999999997</v>
      </c>
    </row>
    <row r="30534" spans="1:3" x14ac:dyDescent="0.25">
      <c r="A30534" s="2" t="s">
        <v>18947</v>
      </c>
      <c r="B30534" s="6">
        <v>508324.49999999994</v>
      </c>
      <c r="C30534" s="7">
        <f t="shared" si="477"/>
        <v>508.32449999999994</v>
      </c>
    </row>
    <row r="30535" spans="1:3" x14ac:dyDescent="0.25">
      <c r="A30535" s="2" t="s">
        <v>18948</v>
      </c>
      <c r="B30535" s="6">
        <v>508341.14999999997</v>
      </c>
      <c r="C30535" s="7">
        <f t="shared" si="477"/>
        <v>508.34114999999997</v>
      </c>
    </row>
    <row r="30536" spans="1:3" x14ac:dyDescent="0.25">
      <c r="A30536" s="2" t="s">
        <v>18949</v>
      </c>
      <c r="B30536" s="6">
        <v>508357.79999999993</v>
      </c>
      <c r="C30536" s="7">
        <f t="shared" si="477"/>
        <v>508.35779999999994</v>
      </c>
    </row>
    <row r="30537" spans="1:3" x14ac:dyDescent="0.25">
      <c r="A30537" s="2" t="s">
        <v>18950</v>
      </c>
      <c r="B30537" s="6">
        <v>508374.44999999995</v>
      </c>
      <c r="C30537" s="7">
        <f t="shared" si="477"/>
        <v>508.37444999999997</v>
      </c>
    </row>
    <row r="30538" spans="1:3" x14ac:dyDescent="0.25">
      <c r="A30538" s="2" t="s">
        <v>18951</v>
      </c>
      <c r="B30538" s="6">
        <v>508391.1</v>
      </c>
      <c r="C30538" s="7">
        <f t="shared" si="477"/>
        <v>508.39109999999999</v>
      </c>
    </row>
    <row r="30539" spans="1:3" x14ac:dyDescent="0.25">
      <c r="A30539" s="2" t="s">
        <v>18952</v>
      </c>
      <c r="B30539" s="6">
        <v>508407.74999999994</v>
      </c>
      <c r="C30539" s="7">
        <f t="shared" si="477"/>
        <v>508.40774999999996</v>
      </c>
    </row>
    <row r="30540" spans="1:3" x14ac:dyDescent="0.25">
      <c r="A30540" s="2" t="s">
        <v>18953</v>
      </c>
      <c r="B30540" s="6">
        <v>508424.39999999997</v>
      </c>
      <c r="C30540" s="7">
        <f t="shared" si="477"/>
        <v>508.42439999999999</v>
      </c>
    </row>
    <row r="30541" spans="1:3" x14ac:dyDescent="0.25">
      <c r="A30541" s="2" t="s">
        <v>18954</v>
      </c>
      <c r="B30541" s="6">
        <v>508441.04999999993</v>
      </c>
      <c r="C30541" s="7">
        <f t="shared" si="477"/>
        <v>508.4410499999999</v>
      </c>
    </row>
    <row r="30542" spans="1:3" x14ac:dyDescent="0.25">
      <c r="A30542" s="2" t="s">
        <v>18955</v>
      </c>
      <c r="B30542" s="6">
        <v>508457.69999999995</v>
      </c>
      <c r="C30542" s="7">
        <f t="shared" si="477"/>
        <v>508.45769999999993</v>
      </c>
    </row>
    <row r="30543" spans="1:3" x14ac:dyDescent="0.25">
      <c r="A30543" s="2" t="s">
        <v>18956</v>
      </c>
      <c r="B30543" s="6">
        <v>508474.35</v>
      </c>
      <c r="C30543" s="7">
        <f t="shared" si="477"/>
        <v>508.47434999999996</v>
      </c>
    </row>
    <row r="30544" spans="1:3" x14ac:dyDescent="0.25">
      <c r="A30544" s="2" t="s">
        <v>18957</v>
      </c>
      <c r="B30544" s="6">
        <v>508490.99999999994</v>
      </c>
      <c r="C30544" s="7">
        <f t="shared" si="477"/>
        <v>508.49099999999993</v>
      </c>
    </row>
    <row r="30545" spans="1:3" x14ac:dyDescent="0.25">
      <c r="A30545" s="2" t="s">
        <v>18958</v>
      </c>
      <c r="B30545" s="6">
        <v>508507.64999999997</v>
      </c>
      <c r="C30545" s="7">
        <f t="shared" si="477"/>
        <v>508.50764999999996</v>
      </c>
    </row>
    <row r="30546" spans="1:3" x14ac:dyDescent="0.25">
      <c r="A30546" s="2" t="s">
        <v>18959</v>
      </c>
      <c r="B30546" s="6">
        <v>508524.29999999993</v>
      </c>
      <c r="C30546" s="7">
        <f t="shared" si="477"/>
        <v>508.52429999999993</v>
      </c>
    </row>
    <row r="30547" spans="1:3" x14ac:dyDescent="0.25">
      <c r="A30547" s="2" t="s">
        <v>18960</v>
      </c>
      <c r="B30547" s="6">
        <v>508540.94999999995</v>
      </c>
      <c r="C30547" s="7">
        <f t="shared" si="477"/>
        <v>508.54094999999995</v>
      </c>
    </row>
    <row r="30548" spans="1:3" x14ac:dyDescent="0.25">
      <c r="A30548" s="2" t="s">
        <v>18961</v>
      </c>
      <c r="B30548" s="6">
        <v>508557.6</v>
      </c>
      <c r="C30548" s="7">
        <f t="shared" si="477"/>
        <v>508.55759999999998</v>
      </c>
    </row>
    <row r="30549" spans="1:3" x14ac:dyDescent="0.25">
      <c r="A30549" s="2" t="s">
        <v>18962</v>
      </c>
      <c r="B30549" s="6">
        <v>508574.24999999994</v>
      </c>
      <c r="C30549" s="7">
        <f t="shared" si="477"/>
        <v>508.57424999999995</v>
      </c>
    </row>
    <row r="30550" spans="1:3" x14ac:dyDescent="0.25">
      <c r="A30550" s="2" t="s">
        <v>18963</v>
      </c>
      <c r="B30550" s="6">
        <v>508590.89999999997</v>
      </c>
      <c r="C30550" s="7">
        <f t="shared" si="477"/>
        <v>508.59089999999998</v>
      </c>
    </row>
    <row r="30551" spans="1:3" x14ac:dyDescent="0.25">
      <c r="A30551" s="2" t="s">
        <v>18964</v>
      </c>
      <c r="B30551" s="6">
        <v>508607.54999999993</v>
      </c>
      <c r="C30551" s="7">
        <f t="shared" si="477"/>
        <v>508.60754999999995</v>
      </c>
    </row>
    <row r="30552" spans="1:3" x14ac:dyDescent="0.25">
      <c r="A30552" s="2" t="s">
        <v>18965</v>
      </c>
      <c r="B30552" s="6">
        <v>508624.19999999995</v>
      </c>
      <c r="C30552" s="7">
        <f t="shared" si="477"/>
        <v>508.62419999999997</v>
      </c>
    </row>
    <row r="30553" spans="1:3" x14ac:dyDescent="0.25">
      <c r="A30553" s="2" t="s">
        <v>18966</v>
      </c>
      <c r="B30553" s="6">
        <v>508640.85</v>
      </c>
      <c r="C30553" s="7">
        <f t="shared" si="477"/>
        <v>508.64085</v>
      </c>
    </row>
    <row r="30554" spans="1:3" x14ac:dyDescent="0.25">
      <c r="A30554" s="2" t="s">
        <v>18967</v>
      </c>
      <c r="B30554" s="6">
        <v>508657.49999999994</v>
      </c>
      <c r="C30554" s="7">
        <f t="shared" si="477"/>
        <v>508.65749999999991</v>
      </c>
    </row>
    <row r="30555" spans="1:3" x14ac:dyDescent="0.25">
      <c r="A30555" s="2" t="s">
        <v>18968</v>
      </c>
      <c r="B30555" s="6">
        <v>508674.14999999997</v>
      </c>
      <c r="C30555" s="7">
        <f t="shared" si="477"/>
        <v>508.67414999999994</v>
      </c>
    </row>
    <row r="30556" spans="1:3" x14ac:dyDescent="0.25">
      <c r="A30556" s="2" t="s">
        <v>18969</v>
      </c>
      <c r="B30556" s="6">
        <v>508690.79999999993</v>
      </c>
      <c r="C30556" s="7">
        <f t="shared" si="477"/>
        <v>508.69079999999991</v>
      </c>
    </row>
    <row r="30557" spans="1:3" x14ac:dyDescent="0.25">
      <c r="A30557" s="2" t="s">
        <v>18970</v>
      </c>
      <c r="B30557" s="6">
        <v>508707.44999999995</v>
      </c>
      <c r="C30557" s="7">
        <f t="shared" si="477"/>
        <v>508.70744999999994</v>
      </c>
    </row>
    <row r="30558" spans="1:3" x14ac:dyDescent="0.25">
      <c r="A30558" s="2" t="s">
        <v>18971</v>
      </c>
      <c r="B30558" s="6">
        <v>508724.1</v>
      </c>
      <c r="C30558" s="7">
        <f t="shared" si="477"/>
        <v>508.72409999999996</v>
      </c>
    </row>
    <row r="30559" spans="1:3" x14ac:dyDescent="0.25">
      <c r="A30559" s="2" t="s">
        <v>18972</v>
      </c>
      <c r="B30559" s="6">
        <v>508740.74999999994</v>
      </c>
      <c r="C30559" s="7">
        <f t="shared" si="477"/>
        <v>508.74074999999993</v>
      </c>
    </row>
    <row r="30560" spans="1:3" x14ac:dyDescent="0.25">
      <c r="A30560" s="2" t="s">
        <v>18973</v>
      </c>
      <c r="B30560" s="6">
        <v>508757.39999999997</v>
      </c>
      <c r="C30560" s="7">
        <f t="shared" si="477"/>
        <v>508.75739999999996</v>
      </c>
    </row>
    <row r="30561" spans="1:3" x14ac:dyDescent="0.25">
      <c r="A30561" s="2" t="s">
        <v>18974</v>
      </c>
      <c r="B30561" s="6">
        <v>508774.04999999993</v>
      </c>
      <c r="C30561" s="7">
        <f t="shared" si="477"/>
        <v>508.77404999999993</v>
      </c>
    </row>
    <row r="30562" spans="1:3" x14ac:dyDescent="0.25">
      <c r="A30562" s="2" t="s">
        <v>18975</v>
      </c>
      <c r="B30562" s="6">
        <v>508790.69999999995</v>
      </c>
      <c r="C30562" s="7">
        <f t="shared" si="477"/>
        <v>508.79069999999996</v>
      </c>
    </row>
    <row r="30563" spans="1:3" x14ac:dyDescent="0.25">
      <c r="A30563" s="2" t="s">
        <v>18976</v>
      </c>
      <c r="B30563" s="6">
        <v>508807.35</v>
      </c>
      <c r="C30563" s="7">
        <f t="shared" si="477"/>
        <v>508.80734999999999</v>
      </c>
    </row>
    <row r="30564" spans="1:3" x14ac:dyDescent="0.25">
      <c r="A30564" s="2" t="s">
        <v>18977</v>
      </c>
      <c r="B30564" s="6">
        <v>508823.99999999994</v>
      </c>
      <c r="C30564" s="7">
        <f t="shared" si="477"/>
        <v>508.82399999999996</v>
      </c>
    </row>
    <row r="30565" spans="1:3" x14ac:dyDescent="0.25">
      <c r="A30565" s="2" t="s">
        <v>18978</v>
      </c>
      <c r="B30565" s="6">
        <v>508840.64999999997</v>
      </c>
      <c r="C30565" s="7">
        <f t="shared" si="477"/>
        <v>508.84064999999998</v>
      </c>
    </row>
    <row r="30566" spans="1:3" x14ac:dyDescent="0.25">
      <c r="A30566" s="2" t="s">
        <v>18979</v>
      </c>
      <c r="B30566" s="6">
        <v>508857.29999999993</v>
      </c>
      <c r="C30566" s="7">
        <f t="shared" si="477"/>
        <v>508.85729999999995</v>
      </c>
    </row>
    <row r="30567" spans="1:3" x14ac:dyDescent="0.25">
      <c r="A30567" s="2" t="s">
        <v>18980</v>
      </c>
      <c r="B30567" s="6">
        <v>508873.94999999995</v>
      </c>
      <c r="C30567" s="7">
        <f t="shared" si="477"/>
        <v>508.87394999999998</v>
      </c>
    </row>
    <row r="30568" spans="1:3" x14ac:dyDescent="0.25">
      <c r="A30568" s="2" t="s">
        <v>18981</v>
      </c>
      <c r="B30568" s="6">
        <v>508890.6</v>
      </c>
      <c r="C30568" s="7">
        <f t="shared" si="477"/>
        <v>508.89059999999995</v>
      </c>
    </row>
    <row r="30569" spans="1:3" x14ac:dyDescent="0.25">
      <c r="A30569" s="2" t="s">
        <v>18982</v>
      </c>
      <c r="B30569" s="6">
        <v>508907.24999999994</v>
      </c>
      <c r="C30569" s="7">
        <f t="shared" si="477"/>
        <v>508.90724999999992</v>
      </c>
    </row>
    <row r="30570" spans="1:3" x14ac:dyDescent="0.25">
      <c r="A30570" s="2" t="s">
        <v>18983</v>
      </c>
      <c r="B30570" s="6">
        <v>508923.89999999997</v>
      </c>
      <c r="C30570" s="7">
        <f t="shared" si="477"/>
        <v>508.92389999999995</v>
      </c>
    </row>
    <row r="30571" spans="1:3" x14ac:dyDescent="0.25">
      <c r="A30571" s="2" t="s">
        <v>18984</v>
      </c>
      <c r="B30571" s="6">
        <v>508940.54999999993</v>
      </c>
      <c r="C30571" s="7">
        <f t="shared" si="477"/>
        <v>508.94054999999992</v>
      </c>
    </row>
    <row r="30572" spans="1:3" x14ac:dyDescent="0.25">
      <c r="A30572" s="2" t="s">
        <v>18985</v>
      </c>
      <c r="B30572" s="6">
        <v>508957.19999999995</v>
      </c>
      <c r="C30572" s="7">
        <f t="shared" si="477"/>
        <v>508.95719999999994</v>
      </c>
    </row>
    <row r="30573" spans="1:3" x14ac:dyDescent="0.25">
      <c r="A30573" s="2" t="s">
        <v>18986</v>
      </c>
      <c r="B30573" s="6">
        <v>508973.85</v>
      </c>
      <c r="C30573" s="7">
        <f t="shared" si="477"/>
        <v>508.97384999999997</v>
      </c>
    </row>
    <row r="30574" spans="1:3" x14ac:dyDescent="0.25">
      <c r="A30574" s="2" t="s">
        <v>18987</v>
      </c>
      <c r="B30574" s="6">
        <v>508990.49999999994</v>
      </c>
      <c r="C30574" s="7">
        <f t="shared" si="477"/>
        <v>508.99049999999994</v>
      </c>
    </row>
    <row r="30575" spans="1:3" x14ac:dyDescent="0.25">
      <c r="A30575" s="2" t="s">
        <v>18988</v>
      </c>
      <c r="B30575" s="6">
        <v>509007.14999999997</v>
      </c>
      <c r="C30575" s="7">
        <f t="shared" si="477"/>
        <v>509.00714999999997</v>
      </c>
    </row>
    <row r="30576" spans="1:3" x14ac:dyDescent="0.25">
      <c r="A30576" s="2" t="s">
        <v>18989</v>
      </c>
      <c r="B30576" s="6">
        <v>509023.79999999993</v>
      </c>
      <c r="C30576" s="7">
        <f t="shared" si="477"/>
        <v>509.02379999999994</v>
      </c>
    </row>
    <row r="30577" spans="1:3" x14ac:dyDescent="0.25">
      <c r="A30577" s="2" t="s">
        <v>18990</v>
      </c>
      <c r="B30577" s="6">
        <v>509040.44999999995</v>
      </c>
      <c r="C30577" s="7">
        <f t="shared" si="477"/>
        <v>509.04044999999996</v>
      </c>
    </row>
    <row r="30578" spans="1:3" x14ac:dyDescent="0.25">
      <c r="A30578" s="2" t="s">
        <v>18991</v>
      </c>
      <c r="B30578" s="6">
        <v>509057.1</v>
      </c>
      <c r="C30578" s="7">
        <f t="shared" si="477"/>
        <v>509.05709999999999</v>
      </c>
    </row>
    <row r="30579" spans="1:3" x14ac:dyDescent="0.25">
      <c r="A30579" s="2" t="s">
        <v>18992</v>
      </c>
      <c r="B30579" s="6">
        <v>509073.74999999994</v>
      </c>
      <c r="C30579" s="7">
        <f t="shared" si="477"/>
        <v>509.07374999999996</v>
      </c>
    </row>
    <row r="30580" spans="1:3" x14ac:dyDescent="0.25">
      <c r="A30580" s="2" t="s">
        <v>18993</v>
      </c>
      <c r="B30580" s="6">
        <v>509090.39999999997</v>
      </c>
      <c r="C30580" s="7">
        <f t="shared" si="477"/>
        <v>509.09039999999999</v>
      </c>
    </row>
    <row r="30581" spans="1:3" x14ac:dyDescent="0.25">
      <c r="A30581" s="2" t="s">
        <v>18994</v>
      </c>
      <c r="B30581" s="6">
        <v>509107.04999999993</v>
      </c>
      <c r="C30581" s="7">
        <f t="shared" si="477"/>
        <v>509.10704999999996</v>
      </c>
    </row>
    <row r="30582" spans="1:3" x14ac:dyDescent="0.25">
      <c r="A30582" s="2" t="s">
        <v>18995</v>
      </c>
      <c r="B30582" s="6">
        <v>509123.69999999995</v>
      </c>
      <c r="C30582" s="7">
        <f t="shared" si="477"/>
        <v>509.12369999999993</v>
      </c>
    </row>
    <row r="30583" spans="1:3" x14ac:dyDescent="0.25">
      <c r="A30583" s="2" t="s">
        <v>18996</v>
      </c>
      <c r="B30583" s="6">
        <v>509140.35</v>
      </c>
      <c r="C30583" s="7">
        <f t="shared" si="477"/>
        <v>509.14034999999996</v>
      </c>
    </row>
    <row r="30584" spans="1:3" x14ac:dyDescent="0.25">
      <c r="A30584" s="2" t="s">
        <v>18997</v>
      </c>
      <c r="B30584" s="6">
        <v>509156.99999999994</v>
      </c>
      <c r="C30584" s="7">
        <f t="shared" si="477"/>
        <v>509.15699999999993</v>
      </c>
    </row>
    <row r="30585" spans="1:3" x14ac:dyDescent="0.25">
      <c r="A30585" s="2" t="s">
        <v>18998</v>
      </c>
      <c r="B30585" s="6">
        <v>509173.64999999997</v>
      </c>
      <c r="C30585" s="7">
        <f t="shared" si="477"/>
        <v>509.17364999999995</v>
      </c>
    </row>
    <row r="30586" spans="1:3" x14ac:dyDescent="0.25">
      <c r="A30586" s="2" t="s">
        <v>18999</v>
      </c>
      <c r="B30586" s="6">
        <v>509190.29999999993</v>
      </c>
      <c r="C30586" s="7">
        <f t="shared" si="477"/>
        <v>509.19029999999992</v>
      </c>
    </row>
    <row r="30587" spans="1:3" x14ac:dyDescent="0.25">
      <c r="A30587" s="2" t="s">
        <v>19000</v>
      </c>
      <c r="B30587" s="6">
        <v>509206.94999999995</v>
      </c>
      <c r="C30587" s="7">
        <f t="shared" si="477"/>
        <v>509.20694999999995</v>
      </c>
    </row>
    <row r="30588" spans="1:3" x14ac:dyDescent="0.25">
      <c r="A30588" s="2" t="s">
        <v>19001</v>
      </c>
      <c r="B30588" s="6">
        <v>509223.6</v>
      </c>
      <c r="C30588" s="7">
        <f t="shared" si="477"/>
        <v>509.22359999999998</v>
      </c>
    </row>
    <row r="30589" spans="1:3" x14ac:dyDescent="0.25">
      <c r="A30589" s="2" t="s">
        <v>19002</v>
      </c>
      <c r="B30589" s="6">
        <v>509240.24999999994</v>
      </c>
      <c r="C30589" s="7">
        <f t="shared" si="477"/>
        <v>509.24024999999995</v>
      </c>
    </row>
    <row r="30590" spans="1:3" x14ac:dyDescent="0.25">
      <c r="A30590" s="2" t="s">
        <v>19003</v>
      </c>
      <c r="B30590" s="6">
        <v>509256.89999999997</v>
      </c>
      <c r="C30590" s="7">
        <f t="shared" si="477"/>
        <v>509.25689999999997</v>
      </c>
    </row>
    <row r="30591" spans="1:3" x14ac:dyDescent="0.25">
      <c r="A30591" s="2" t="s">
        <v>19004</v>
      </c>
      <c r="B30591" s="6">
        <v>509273.54999999993</v>
      </c>
      <c r="C30591" s="7">
        <f t="shared" si="477"/>
        <v>509.27354999999994</v>
      </c>
    </row>
    <row r="30592" spans="1:3" x14ac:dyDescent="0.25">
      <c r="A30592" s="2" t="s">
        <v>19005</v>
      </c>
      <c r="B30592" s="6">
        <v>509290.19999999995</v>
      </c>
      <c r="C30592" s="7">
        <f t="shared" si="477"/>
        <v>509.29019999999997</v>
      </c>
    </row>
    <row r="30593" spans="1:3" x14ac:dyDescent="0.25">
      <c r="A30593" s="2" t="s">
        <v>19006</v>
      </c>
      <c r="B30593" s="6">
        <v>509306.85</v>
      </c>
      <c r="C30593" s="7">
        <f t="shared" si="477"/>
        <v>509.30685</v>
      </c>
    </row>
    <row r="30594" spans="1:3" x14ac:dyDescent="0.25">
      <c r="A30594" s="2" t="s">
        <v>19007</v>
      </c>
      <c r="B30594" s="6">
        <v>509323.49999999994</v>
      </c>
      <c r="C30594" s="7">
        <f t="shared" si="477"/>
        <v>509.32349999999997</v>
      </c>
    </row>
    <row r="30595" spans="1:3" x14ac:dyDescent="0.25">
      <c r="A30595" s="2" t="s">
        <v>19008</v>
      </c>
      <c r="B30595" s="6">
        <v>509340.14999999997</v>
      </c>
      <c r="C30595" s="7">
        <f t="shared" ref="C30595:C30658" si="478">B30595/1000</f>
        <v>509.34014999999994</v>
      </c>
    </row>
    <row r="30596" spans="1:3" x14ac:dyDescent="0.25">
      <c r="A30596" s="2" t="s">
        <v>19009</v>
      </c>
      <c r="B30596" s="6">
        <v>509356.79999999993</v>
      </c>
      <c r="C30596" s="7">
        <f t="shared" si="478"/>
        <v>509.35679999999991</v>
      </c>
    </row>
    <row r="30597" spans="1:3" x14ac:dyDescent="0.25">
      <c r="A30597" s="2" t="s">
        <v>19010</v>
      </c>
      <c r="B30597" s="6">
        <v>509373.44999999995</v>
      </c>
      <c r="C30597" s="7">
        <f t="shared" si="478"/>
        <v>509.37344999999993</v>
      </c>
    </row>
    <row r="30598" spans="1:3" x14ac:dyDescent="0.25">
      <c r="A30598" s="2" t="s">
        <v>19011</v>
      </c>
      <c r="B30598" s="6">
        <v>509390.1</v>
      </c>
      <c r="C30598" s="7">
        <f t="shared" si="478"/>
        <v>509.39009999999996</v>
      </c>
    </row>
    <row r="30599" spans="1:3" x14ac:dyDescent="0.25">
      <c r="A30599" s="2" t="s">
        <v>19012</v>
      </c>
      <c r="B30599" s="6">
        <v>509406.74999999994</v>
      </c>
      <c r="C30599" s="7">
        <f t="shared" si="478"/>
        <v>509.40674999999993</v>
      </c>
    </row>
    <row r="30600" spans="1:3" x14ac:dyDescent="0.25">
      <c r="A30600" s="2" t="s">
        <v>19013</v>
      </c>
      <c r="B30600" s="6">
        <v>509423.39999999997</v>
      </c>
      <c r="C30600" s="7">
        <f t="shared" si="478"/>
        <v>509.42339999999996</v>
      </c>
    </row>
    <row r="30601" spans="1:3" x14ac:dyDescent="0.25">
      <c r="A30601" s="2" t="s">
        <v>19014</v>
      </c>
      <c r="B30601" s="6">
        <v>509440.04999999993</v>
      </c>
      <c r="C30601" s="7">
        <f t="shared" si="478"/>
        <v>509.44004999999993</v>
      </c>
    </row>
    <row r="30602" spans="1:3" x14ac:dyDescent="0.25">
      <c r="A30602" s="2" t="s">
        <v>19015</v>
      </c>
      <c r="B30602" s="6">
        <v>509456.69999999995</v>
      </c>
      <c r="C30602" s="7">
        <f t="shared" si="478"/>
        <v>509.45669999999996</v>
      </c>
    </row>
    <row r="30603" spans="1:3" x14ac:dyDescent="0.25">
      <c r="A30603" s="2" t="s">
        <v>19016</v>
      </c>
      <c r="B30603" s="6">
        <v>509473.35</v>
      </c>
      <c r="C30603" s="7">
        <f t="shared" si="478"/>
        <v>509.47334999999998</v>
      </c>
    </row>
    <row r="30604" spans="1:3" x14ac:dyDescent="0.25">
      <c r="A30604" s="2" t="s">
        <v>19017</v>
      </c>
      <c r="B30604" s="6">
        <v>509489.99999999994</v>
      </c>
      <c r="C30604" s="7">
        <f t="shared" si="478"/>
        <v>509.48999999999995</v>
      </c>
    </row>
    <row r="30605" spans="1:3" x14ac:dyDescent="0.25">
      <c r="A30605" s="2" t="s">
        <v>19018</v>
      </c>
      <c r="B30605" s="6">
        <v>509506.64999999997</v>
      </c>
      <c r="C30605" s="7">
        <f t="shared" si="478"/>
        <v>509.50664999999998</v>
      </c>
    </row>
    <row r="30606" spans="1:3" x14ac:dyDescent="0.25">
      <c r="A30606" s="2" t="s">
        <v>19019</v>
      </c>
      <c r="B30606" s="6">
        <v>509523.29999999993</v>
      </c>
      <c r="C30606" s="7">
        <f t="shared" si="478"/>
        <v>509.52329999999995</v>
      </c>
    </row>
    <row r="30607" spans="1:3" x14ac:dyDescent="0.25">
      <c r="A30607" s="2" t="s">
        <v>19020</v>
      </c>
      <c r="B30607" s="6">
        <v>509539.94999999995</v>
      </c>
      <c r="C30607" s="7">
        <f t="shared" si="478"/>
        <v>509.53994999999998</v>
      </c>
    </row>
    <row r="30608" spans="1:3" x14ac:dyDescent="0.25">
      <c r="A30608" s="2" t="s">
        <v>19021</v>
      </c>
      <c r="B30608" s="6">
        <v>509556.6</v>
      </c>
      <c r="C30608" s="7">
        <f t="shared" si="478"/>
        <v>509.5566</v>
      </c>
    </row>
    <row r="30609" spans="1:3" x14ac:dyDescent="0.25">
      <c r="A30609" s="2" t="s">
        <v>19022</v>
      </c>
      <c r="B30609" s="6">
        <v>509573.24999999994</v>
      </c>
      <c r="C30609" s="7">
        <f t="shared" si="478"/>
        <v>509.57324999999992</v>
      </c>
    </row>
    <row r="30610" spans="1:3" x14ac:dyDescent="0.25">
      <c r="A30610" s="2" t="s">
        <v>19023</v>
      </c>
      <c r="B30610" s="6">
        <v>509589.89999999997</v>
      </c>
      <c r="C30610" s="7">
        <f t="shared" si="478"/>
        <v>509.58989999999994</v>
      </c>
    </row>
    <row r="30611" spans="1:3" x14ac:dyDescent="0.25">
      <c r="A30611" s="2" t="s">
        <v>19024</v>
      </c>
      <c r="B30611" s="6">
        <v>509606.54999999993</v>
      </c>
      <c r="C30611" s="7">
        <f t="shared" si="478"/>
        <v>509.60654999999991</v>
      </c>
    </row>
    <row r="30612" spans="1:3" x14ac:dyDescent="0.25">
      <c r="A30612" s="2" t="s">
        <v>19025</v>
      </c>
      <c r="B30612" s="6">
        <v>509623.19999999995</v>
      </c>
      <c r="C30612" s="7">
        <f t="shared" si="478"/>
        <v>509.62319999999994</v>
      </c>
    </row>
    <row r="30613" spans="1:3" x14ac:dyDescent="0.25">
      <c r="A30613" s="2" t="s">
        <v>19026</v>
      </c>
      <c r="B30613" s="6">
        <v>509639.85</v>
      </c>
      <c r="C30613" s="7">
        <f t="shared" si="478"/>
        <v>509.63984999999997</v>
      </c>
    </row>
    <row r="30614" spans="1:3" x14ac:dyDescent="0.25">
      <c r="A30614" s="2" t="s">
        <v>19027</v>
      </c>
      <c r="B30614" s="6">
        <v>509656.49999999994</v>
      </c>
      <c r="C30614" s="7">
        <f t="shared" si="478"/>
        <v>509.65649999999994</v>
      </c>
    </row>
    <row r="30615" spans="1:3" x14ac:dyDescent="0.25">
      <c r="A30615" s="2" t="s">
        <v>19028</v>
      </c>
      <c r="B30615" s="6">
        <v>509673.14999999997</v>
      </c>
      <c r="C30615" s="7">
        <f t="shared" si="478"/>
        <v>509.67314999999996</v>
      </c>
    </row>
    <row r="30616" spans="1:3" x14ac:dyDescent="0.25">
      <c r="A30616" s="2" t="s">
        <v>19029</v>
      </c>
      <c r="B30616" s="6">
        <v>509689.79999999993</v>
      </c>
      <c r="C30616" s="7">
        <f t="shared" si="478"/>
        <v>509.68979999999993</v>
      </c>
    </row>
    <row r="30617" spans="1:3" x14ac:dyDescent="0.25">
      <c r="A30617" s="2" t="s">
        <v>19030</v>
      </c>
      <c r="B30617" s="6">
        <v>509706.44999999995</v>
      </c>
      <c r="C30617" s="7">
        <f t="shared" si="478"/>
        <v>509.70644999999996</v>
      </c>
    </row>
    <row r="30618" spans="1:3" x14ac:dyDescent="0.25">
      <c r="A30618" s="2" t="s">
        <v>19031</v>
      </c>
      <c r="B30618" s="6">
        <v>509723.1</v>
      </c>
      <c r="C30618" s="7">
        <f t="shared" si="478"/>
        <v>509.72309999999999</v>
      </c>
    </row>
    <row r="30619" spans="1:3" x14ac:dyDescent="0.25">
      <c r="A30619" s="2" t="s">
        <v>19032</v>
      </c>
      <c r="B30619" s="6">
        <v>509739.74999999994</v>
      </c>
      <c r="C30619" s="7">
        <f t="shared" si="478"/>
        <v>509.73974999999996</v>
      </c>
    </row>
    <row r="30620" spans="1:3" x14ac:dyDescent="0.25">
      <c r="A30620" s="2" t="s">
        <v>19033</v>
      </c>
      <c r="B30620" s="6">
        <v>509756.39999999997</v>
      </c>
      <c r="C30620" s="7">
        <f t="shared" si="478"/>
        <v>509.75639999999999</v>
      </c>
    </row>
    <row r="30621" spans="1:3" x14ac:dyDescent="0.25">
      <c r="A30621" s="2" t="s">
        <v>19034</v>
      </c>
      <c r="B30621" s="6">
        <v>509773.04999999993</v>
      </c>
      <c r="C30621" s="7">
        <f t="shared" si="478"/>
        <v>509.77304999999996</v>
      </c>
    </row>
    <row r="30622" spans="1:3" x14ac:dyDescent="0.25">
      <c r="A30622" s="2" t="s">
        <v>19035</v>
      </c>
      <c r="B30622" s="6">
        <v>509789.69999999995</v>
      </c>
      <c r="C30622" s="7">
        <f t="shared" si="478"/>
        <v>509.78969999999993</v>
      </c>
    </row>
    <row r="30623" spans="1:3" x14ac:dyDescent="0.25">
      <c r="A30623" s="2" t="s">
        <v>19036</v>
      </c>
      <c r="B30623" s="6">
        <v>509806.35</v>
      </c>
      <c r="C30623" s="7">
        <f t="shared" si="478"/>
        <v>509.80634999999995</v>
      </c>
    </row>
    <row r="30624" spans="1:3" x14ac:dyDescent="0.25">
      <c r="A30624" s="2" t="s">
        <v>19037</v>
      </c>
      <c r="B30624" s="6">
        <v>509822.99999999994</v>
      </c>
      <c r="C30624" s="7">
        <f t="shared" si="478"/>
        <v>509.82299999999992</v>
      </c>
    </row>
    <row r="30625" spans="1:3" x14ac:dyDescent="0.25">
      <c r="A30625" s="2" t="s">
        <v>19038</v>
      </c>
      <c r="B30625" s="6">
        <v>509839.64999999997</v>
      </c>
      <c r="C30625" s="7">
        <f t="shared" si="478"/>
        <v>509.83964999999995</v>
      </c>
    </row>
    <row r="30626" spans="1:3" x14ac:dyDescent="0.25">
      <c r="A30626" s="2" t="s">
        <v>19039</v>
      </c>
      <c r="B30626" s="6">
        <v>509856.29999999993</v>
      </c>
      <c r="C30626" s="7">
        <f t="shared" si="478"/>
        <v>509.85629999999992</v>
      </c>
    </row>
    <row r="30627" spans="1:3" x14ac:dyDescent="0.25">
      <c r="A30627" s="2" t="s">
        <v>19040</v>
      </c>
      <c r="B30627" s="6">
        <v>509872.94999999995</v>
      </c>
      <c r="C30627" s="7">
        <f t="shared" si="478"/>
        <v>509.87294999999995</v>
      </c>
    </row>
    <row r="30628" spans="1:3" x14ac:dyDescent="0.25">
      <c r="A30628" s="2" t="s">
        <v>19041</v>
      </c>
      <c r="B30628" s="6">
        <v>509889.6</v>
      </c>
      <c r="C30628" s="7">
        <f t="shared" si="478"/>
        <v>509.88959999999997</v>
      </c>
    </row>
    <row r="30629" spans="1:3" x14ac:dyDescent="0.25">
      <c r="A30629" s="2" t="s">
        <v>19042</v>
      </c>
      <c r="B30629" s="6">
        <v>509906.24999999994</v>
      </c>
      <c r="C30629" s="7">
        <f t="shared" si="478"/>
        <v>509.90624999999994</v>
      </c>
    </row>
    <row r="30630" spans="1:3" x14ac:dyDescent="0.25">
      <c r="A30630" s="2" t="s">
        <v>19043</v>
      </c>
      <c r="B30630" s="6">
        <v>509922.89999999997</v>
      </c>
      <c r="C30630" s="7">
        <f t="shared" si="478"/>
        <v>509.92289999999997</v>
      </c>
    </row>
    <row r="30631" spans="1:3" x14ac:dyDescent="0.25">
      <c r="A30631" s="2" t="s">
        <v>19044</v>
      </c>
      <c r="B30631" s="6">
        <v>509939.54999999993</v>
      </c>
      <c r="C30631" s="7">
        <f t="shared" si="478"/>
        <v>509.93954999999994</v>
      </c>
    </row>
    <row r="30632" spans="1:3" x14ac:dyDescent="0.25">
      <c r="A30632" s="2" t="s">
        <v>19045</v>
      </c>
      <c r="B30632" s="6">
        <v>509956.19999999995</v>
      </c>
      <c r="C30632" s="7">
        <f t="shared" si="478"/>
        <v>509.95619999999997</v>
      </c>
    </row>
    <row r="30633" spans="1:3" x14ac:dyDescent="0.25">
      <c r="A30633" s="2" t="s">
        <v>19046</v>
      </c>
      <c r="B30633" s="6">
        <v>509972.85</v>
      </c>
      <c r="C30633" s="7">
        <f t="shared" si="478"/>
        <v>509.97284999999999</v>
      </c>
    </row>
    <row r="30634" spans="1:3" x14ac:dyDescent="0.25">
      <c r="A30634" s="2" t="s">
        <v>19047</v>
      </c>
      <c r="B30634" s="6">
        <v>509989.49999999994</v>
      </c>
      <c r="C30634" s="7">
        <f t="shared" si="478"/>
        <v>509.98949999999996</v>
      </c>
    </row>
    <row r="30635" spans="1:3" x14ac:dyDescent="0.25">
      <c r="A30635" s="2" t="s">
        <v>19048</v>
      </c>
      <c r="B30635" s="6">
        <v>510006.14999999997</v>
      </c>
      <c r="C30635" s="7">
        <f t="shared" si="478"/>
        <v>510.00614999999999</v>
      </c>
    </row>
    <row r="30636" spans="1:3" x14ac:dyDescent="0.25">
      <c r="A30636" s="2" t="s">
        <v>19049</v>
      </c>
      <c r="B30636" s="6">
        <v>510022.79999999993</v>
      </c>
      <c r="C30636" s="7">
        <f t="shared" si="478"/>
        <v>510.0227999999999</v>
      </c>
    </row>
    <row r="30637" spans="1:3" x14ac:dyDescent="0.25">
      <c r="A30637" s="2" t="s">
        <v>19050</v>
      </c>
      <c r="B30637" s="6">
        <v>510039.44999999995</v>
      </c>
      <c r="C30637" s="7">
        <f t="shared" si="478"/>
        <v>510.03944999999993</v>
      </c>
    </row>
    <row r="30638" spans="1:3" x14ac:dyDescent="0.25">
      <c r="A30638" s="2" t="s">
        <v>19051</v>
      </c>
      <c r="B30638" s="6">
        <v>510056.1</v>
      </c>
      <c r="C30638" s="7">
        <f t="shared" si="478"/>
        <v>510.05609999999996</v>
      </c>
    </row>
    <row r="30639" spans="1:3" x14ac:dyDescent="0.25">
      <c r="A30639" s="2" t="s">
        <v>19052</v>
      </c>
      <c r="B30639" s="6">
        <v>510072.74999999994</v>
      </c>
      <c r="C30639" s="7">
        <f t="shared" si="478"/>
        <v>510.07274999999993</v>
      </c>
    </row>
    <row r="30640" spans="1:3" x14ac:dyDescent="0.25">
      <c r="A30640" s="2" t="s">
        <v>19053</v>
      </c>
      <c r="B30640" s="6">
        <v>510089.39999999997</v>
      </c>
      <c r="C30640" s="7">
        <f t="shared" si="478"/>
        <v>510.08939999999996</v>
      </c>
    </row>
    <row r="30641" spans="1:3" x14ac:dyDescent="0.25">
      <c r="A30641" s="2" t="s">
        <v>19054</v>
      </c>
      <c r="B30641" s="6">
        <v>510106.04999999993</v>
      </c>
      <c r="C30641" s="7">
        <f t="shared" si="478"/>
        <v>510.10604999999993</v>
      </c>
    </row>
    <row r="30642" spans="1:3" x14ac:dyDescent="0.25">
      <c r="A30642" s="2" t="s">
        <v>19055</v>
      </c>
      <c r="B30642" s="6">
        <v>510122.69999999995</v>
      </c>
      <c r="C30642" s="7">
        <f t="shared" si="478"/>
        <v>510.12269999999995</v>
      </c>
    </row>
    <row r="30643" spans="1:3" x14ac:dyDescent="0.25">
      <c r="A30643" s="2" t="s">
        <v>19056</v>
      </c>
      <c r="B30643" s="6">
        <v>510139.35</v>
      </c>
      <c r="C30643" s="7">
        <f t="shared" si="478"/>
        <v>510.13934999999998</v>
      </c>
    </row>
    <row r="30644" spans="1:3" x14ac:dyDescent="0.25">
      <c r="A30644" s="2" t="s">
        <v>19057</v>
      </c>
      <c r="B30644" s="6">
        <v>510155.99999999994</v>
      </c>
      <c r="C30644" s="7">
        <f t="shared" si="478"/>
        <v>510.15599999999995</v>
      </c>
    </row>
    <row r="30645" spans="1:3" x14ac:dyDescent="0.25">
      <c r="A30645" s="2" t="s">
        <v>19058</v>
      </c>
      <c r="B30645" s="6">
        <v>510172.64999999997</v>
      </c>
      <c r="C30645" s="7">
        <f t="shared" si="478"/>
        <v>510.17264999999998</v>
      </c>
    </row>
    <row r="30646" spans="1:3" x14ac:dyDescent="0.25">
      <c r="A30646" s="2" t="s">
        <v>19059</v>
      </c>
      <c r="B30646" s="6">
        <v>510189.29999999993</v>
      </c>
      <c r="C30646" s="7">
        <f t="shared" si="478"/>
        <v>510.18929999999995</v>
      </c>
    </row>
    <row r="30647" spans="1:3" x14ac:dyDescent="0.25">
      <c r="A30647" s="2" t="s">
        <v>19060</v>
      </c>
      <c r="B30647" s="6">
        <v>510205.94999999995</v>
      </c>
      <c r="C30647" s="7">
        <f t="shared" si="478"/>
        <v>510.20594999999997</v>
      </c>
    </row>
    <row r="30648" spans="1:3" x14ac:dyDescent="0.25">
      <c r="A30648" s="2" t="s">
        <v>19061</v>
      </c>
      <c r="B30648" s="6">
        <v>510222.6</v>
      </c>
      <c r="C30648" s="7">
        <f t="shared" si="478"/>
        <v>510.2226</v>
      </c>
    </row>
    <row r="30649" spans="1:3" x14ac:dyDescent="0.25">
      <c r="A30649" s="2" t="s">
        <v>19062</v>
      </c>
      <c r="B30649" s="6">
        <v>510239.24999999994</v>
      </c>
      <c r="C30649" s="7">
        <f t="shared" si="478"/>
        <v>510.23924999999997</v>
      </c>
    </row>
    <row r="30650" spans="1:3" x14ac:dyDescent="0.25">
      <c r="A30650" s="2" t="s">
        <v>19063</v>
      </c>
      <c r="B30650" s="6">
        <v>510255.89999999997</v>
      </c>
      <c r="C30650" s="7">
        <f t="shared" si="478"/>
        <v>510.25589999999994</v>
      </c>
    </row>
    <row r="30651" spans="1:3" x14ac:dyDescent="0.25">
      <c r="A30651" s="2" t="s">
        <v>19064</v>
      </c>
      <c r="B30651" s="6">
        <v>510272.54999999993</v>
      </c>
      <c r="C30651" s="7">
        <f t="shared" si="478"/>
        <v>510.27254999999991</v>
      </c>
    </row>
    <row r="30652" spans="1:3" x14ac:dyDescent="0.25">
      <c r="A30652" s="2" t="s">
        <v>19065</v>
      </c>
      <c r="B30652" s="6">
        <v>510289.19999999995</v>
      </c>
      <c r="C30652" s="7">
        <f t="shared" si="478"/>
        <v>510.28919999999994</v>
      </c>
    </row>
    <row r="30653" spans="1:3" x14ac:dyDescent="0.25">
      <c r="A30653" s="2" t="s">
        <v>19066</v>
      </c>
      <c r="B30653" s="6">
        <v>510305.85</v>
      </c>
      <c r="C30653" s="7">
        <f t="shared" si="478"/>
        <v>510.30584999999996</v>
      </c>
    </row>
    <row r="30654" spans="1:3" x14ac:dyDescent="0.25">
      <c r="A30654" s="2" t="s">
        <v>19067</v>
      </c>
      <c r="B30654" s="6">
        <v>510322.49999999994</v>
      </c>
      <c r="C30654" s="7">
        <f t="shared" si="478"/>
        <v>510.32249999999993</v>
      </c>
    </row>
    <row r="30655" spans="1:3" x14ac:dyDescent="0.25">
      <c r="A30655" s="2" t="s">
        <v>19068</v>
      </c>
      <c r="B30655" s="6">
        <v>510339.14999999997</v>
      </c>
      <c r="C30655" s="7">
        <f t="shared" si="478"/>
        <v>510.33914999999996</v>
      </c>
    </row>
    <row r="30656" spans="1:3" x14ac:dyDescent="0.25">
      <c r="A30656" s="2" t="s">
        <v>19069</v>
      </c>
      <c r="B30656" s="6">
        <v>510355.79999999993</v>
      </c>
      <c r="C30656" s="7">
        <f t="shared" si="478"/>
        <v>510.35579999999993</v>
      </c>
    </row>
    <row r="30657" spans="1:3" x14ac:dyDescent="0.25">
      <c r="A30657" s="2" t="s">
        <v>19070</v>
      </c>
      <c r="B30657" s="6">
        <v>510372.44999999995</v>
      </c>
      <c r="C30657" s="7">
        <f t="shared" si="478"/>
        <v>510.37244999999996</v>
      </c>
    </row>
    <row r="30658" spans="1:3" x14ac:dyDescent="0.25">
      <c r="A30658" s="2" t="s">
        <v>19071</v>
      </c>
      <c r="B30658" s="6">
        <v>510389.1</v>
      </c>
      <c r="C30658" s="7">
        <f t="shared" si="478"/>
        <v>510.38909999999998</v>
      </c>
    </row>
    <row r="30659" spans="1:3" x14ac:dyDescent="0.25">
      <c r="A30659" s="2" t="s">
        <v>19072</v>
      </c>
      <c r="B30659" s="6">
        <v>510405.74999999994</v>
      </c>
      <c r="C30659" s="7">
        <f t="shared" ref="C30659:C30722" si="479">B30659/1000</f>
        <v>510.40574999999995</v>
      </c>
    </row>
    <row r="30660" spans="1:3" x14ac:dyDescent="0.25">
      <c r="A30660" s="2" t="s">
        <v>19073</v>
      </c>
      <c r="B30660" s="6">
        <v>510422.39999999997</v>
      </c>
      <c r="C30660" s="7">
        <f t="shared" si="479"/>
        <v>510.42239999999998</v>
      </c>
    </row>
    <row r="30661" spans="1:3" x14ac:dyDescent="0.25">
      <c r="A30661" s="2" t="s">
        <v>19074</v>
      </c>
      <c r="B30661" s="6">
        <v>510439.04999999993</v>
      </c>
      <c r="C30661" s="7">
        <f t="shared" si="479"/>
        <v>510.43904999999995</v>
      </c>
    </row>
    <row r="30662" spans="1:3" x14ac:dyDescent="0.25">
      <c r="A30662" s="2" t="s">
        <v>19075</v>
      </c>
      <c r="B30662" s="6">
        <v>510455.69999999995</v>
      </c>
      <c r="C30662" s="7">
        <f t="shared" si="479"/>
        <v>510.45569999999998</v>
      </c>
    </row>
    <row r="30663" spans="1:3" x14ac:dyDescent="0.25">
      <c r="A30663" s="2" t="s">
        <v>19076</v>
      </c>
      <c r="B30663" s="6">
        <v>510472.35</v>
      </c>
      <c r="C30663" s="7">
        <f t="shared" si="479"/>
        <v>510.47234999999995</v>
      </c>
    </row>
    <row r="30664" spans="1:3" x14ac:dyDescent="0.25">
      <c r="A30664" s="2" t="s">
        <v>19077</v>
      </c>
      <c r="B30664" s="6">
        <v>510488.99999999994</v>
      </c>
      <c r="C30664" s="7">
        <f t="shared" si="479"/>
        <v>510.48899999999992</v>
      </c>
    </row>
    <row r="30665" spans="1:3" x14ac:dyDescent="0.25">
      <c r="A30665" s="2" t="s">
        <v>19078</v>
      </c>
      <c r="B30665" s="6">
        <v>510505.64999999997</v>
      </c>
      <c r="C30665" s="7">
        <f t="shared" si="479"/>
        <v>510.50564999999995</v>
      </c>
    </row>
    <row r="30666" spans="1:3" x14ac:dyDescent="0.25">
      <c r="A30666" s="2" t="s">
        <v>19079</v>
      </c>
      <c r="B30666" s="6">
        <v>510522.29999999993</v>
      </c>
      <c r="C30666" s="7">
        <f t="shared" si="479"/>
        <v>510.52229999999992</v>
      </c>
    </row>
    <row r="30667" spans="1:3" x14ac:dyDescent="0.25">
      <c r="A30667" s="2" t="s">
        <v>19080</v>
      </c>
      <c r="B30667" s="6">
        <v>510538.94999999995</v>
      </c>
      <c r="C30667" s="7">
        <f t="shared" si="479"/>
        <v>510.53894999999994</v>
      </c>
    </row>
    <row r="30668" spans="1:3" x14ac:dyDescent="0.25">
      <c r="A30668" s="2" t="s">
        <v>19081</v>
      </c>
      <c r="B30668" s="6">
        <v>510555.6</v>
      </c>
      <c r="C30668" s="7">
        <f t="shared" si="479"/>
        <v>510.55559999999997</v>
      </c>
    </row>
    <row r="30669" spans="1:3" x14ac:dyDescent="0.25">
      <c r="A30669" s="2" t="s">
        <v>19082</v>
      </c>
      <c r="B30669" s="6">
        <v>510572.24999999994</v>
      </c>
      <c r="C30669" s="7">
        <f t="shared" si="479"/>
        <v>510.57224999999994</v>
      </c>
    </row>
    <row r="30670" spans="1:3" x14ac:dyDescent="0.25">
      <c r="A30670" s="2" t="s">
        <v>19083</v>
      </c>
      <c r="B30670" s="6">
        <v>510588.89999999997</v>
      </c>
      <c r="C30670" s="7">
        <f t="shared" si="479"/>
        <v>510.58889999999997</v>
      </c>
    </row>
    <row r="30671" spans="1:3" x14ac:dyDescent="0.25">
      <c r="A30671" s="2" t="s">
        <v>19084</v>
      </c>
      <c r="B30671" s="6">
        <v>510605.54999999993</v>
      </c>
      <c r="C30671" s="7">
        <f t="shared" si="479"/>
        <v>510.60554999999994</v>
      </c>
    </row>
    <row r="30672" spans="1:3" x14ac:dyDescent="0.25">
      <c r="A30672" s="2" t="s">
        <v>19085</v>
      </c>
      <c r="B30672" s="6">
        <v>510622.19999999995</v>
      </c>
      <c r="C30672" s="7">
        <f t="shared" si="479"/>
        <v>510.62219999999996</v>
      </c>
    </row>
    <row r="30673" spans="1:3" x14ac:dyDescent="0.25">
      <c r="A30673" s="2" t="s">
        <v>19086</v>
      </c>
      <c r="B30673" s="6">
        <v>510638.85</v>
      </c>
      <c r="C30673" s="7">
        <f t="shared" si="479"/>
        <v>510.63884999999999</v>
      </c>
    </row>
    <row r="30674" spans="1:3" x14ac:dyDescent="0.25">
      <c r="A30674" s="2" t="s">
        <v>19087</v>
      </c>
      <c r="B30674" s="6">
        <v>510655.49999999994</v>
      </c>
      <c r="C30674" s="7">
        <f t="shared" si="479"/>
        <v>510.65549999999996</v>
      </c>
    </row>
    <row r="30675" spans="1:3" x14ac:dyDescent="0.25">
      <c r="A30675" s="2" t="s">
        <v>19088</v>
      </c>
      <c r="B30675" s="6">
        <v>510672.14999999997</v>
      </c>
      <c r="C30675" s="7">
        <f t="shared" si="479"/>
        <v>510.67214999999999</v>
      </c>
    </row>
    <row r="30676" spans="1:3" x14ac:dyDescent="0.25">
      <c r="A30676" s="2" t="s">
        <v>19089</v>
      </c>
      <c r="B30676" s="6">
        <v>510688.79999999993</v>
      </c>
      <c r="C30676" s="7">
        <f t="shared" si="479"/>
        <v>510.68879999999996</v>
      </c>
    </row>
    <row r="30677" spans="1:3" x14ac:dyDescent="0.25">
      <c r="A30677" s="2" t="s">
        <v>19090</v>
      </c>
      <c r="B30677" s="6">
        <v>510705.44999999995</v>
      </c>
      <c r="C30677" s="7">
        <f t="shared" si="479"/>
        <v>510.70544999999993</v>
      </c>
    </row>
    <row r="30678" spans="1:3" x14ac:dyDescent="0.25">
      <c r="A30678" s="2" t="s">
        <v>19091</v>
      </c>
      <c r="B30678" s="6">
        <v>510722.1</v>
      </c>
      <c r="C30678" s="7">
        <f t="shared" si="479"/>
        <v>510.72209999999995</v>
      </c>
    </row>
    <row r="30679" spans="1:3" x14ac:dyDescent="0.25">
      <c r="A30679" s="2" t="s">
        <v>19092</v>
      </c>
      <c r="B30679" s="6">
        <v>510738.74999999994</v>
      </c>
      <c r="C30679" s="7">
        <f t="shared" si="479"/>
        <v>510.73874999999992</v>
      </c>
    </row>
    <row r="30680" spans="1:3" x14ac:dyDescent="0.25">
      <c r="A30680" s="2" t="s">
        <v>19093</v>
      </c>
      <c r="B30680" s="6">
        <v>510755.39999999997</v>
      </c>
      <c r="C30680" s="7">
        <f t="shared" si="479"/>
        <v>510.75539999999995</v>
      </c>
    </row>
    <row r="30681" spans="1:3" x14ac:dyDescent="0.25">
      <c r="A30681" s="2" t="s">
        <v>19094</v>
      </c>
      <c r="B30681" s="6">
        <v>510772.04999999993</v>
      </c>
      <c r="C30681" s="7">
        <f t="shared" si="479"/>
        <v>510.77204999999992</v>
      </c>
    </row>
    <row r="30682" spans="1:3" x14ac:dyDescent="0.25">
      <c r="A30682" s="2" t="s">
        <v>19095</v>
      </c>
      <c r="B30682" s="6">
        <v>510788.69999999995</v>
      </c>
      <c r="C30682" s="7">
        <f t="shared" si="479"/>
        <v>510.78869999999995</v>
      </c>
    </row>
    <row r="30683" spans="1:3" x14ac:dyDescent="0.25">
      <c r="A30683" s="2" t="s">
        <v>19096</v>
      </c>
      <c r="B30683" s="6">
        <v>510805.35</v>
      </c>
      <c r="C30683" s="7">
        <f t="shared" si="479"/>
        <v>510.80534999999998</v>
      </c>
    </row>
    <row r="30684" spans="1:3" x14ac:dyDescent="0.25">
      <c r="A30684" s="2" t="s">
        <v>19097</v>
      </c>
      <c r="B30684" s="6">
        <v>510821.99999999994</v>
      </c>
      <c r="C30684" s="7">
        <f t="shared" si="479"/>
        <v>510.82199999999995</v>
      </c>
    </row>
    <row r="30685" spans="1:3" x14ac:dyDescent="0.25">
      <c r="A30685" s="2" t="s">
        <v>19098</v>
      </c>
      <c r="B30685" s="6">
        <v>510838.64999999997</v>
      </c>
      <c r="C30685" s="7">
        <f t="shared" si="479"/>
        <v>510.83864999999997</v>
      </c>
    </row>
    <row r="30686" spans="1:3" x14ac:dyDescent="0.25">
      <c r="A30686" s="2" t="s">
        <v>19099</v>
      </c>
      <c r="B30686" s="6">
        <v>510855.29999999993</v>
      </c>
      <c r="C30686" s="7">
        <f t="shared" si="479"/>
        <v>510.85529999999994</v>
      </c>
    </row>
    <row r="30687" spans="1:3" x14ac:dyDescent="0.25">
      <c r="A30687" s="2" t="s">
        <v>19100</v>
      </c>
      <c r="B30687" s="6">
        <v>510871.94999999995</v>
      </c>
      <c r="C30687" s="7">
        <f t="shared" si="479"/>
        <v>510.87194999999997</v>
      </c>
    </row>
    <row r="30688" spans="1:3" x14ac:dyDescent="0.25">
      <c r="A30688" s="2" t="s">
        <v>19101</v>
      </c>
      <c r="B30688" s="6">
        <v>510888.6</v>
      </c>
      <c r="C30688" s="7">
        <f t="shared" si="479"/>
        <v>510.8886</v>
      </c>
    </row>
    <row r="30689" spans="1:3" x14ac:dyDescent="0.25">
      <c r="A30689" s="2" t="s">
        <v>19102</v>
      </c>
      <c r="B30689" s="6">
        <v>510905.24999999994</v>
      </c>
      <c r="C30689" s="7">
        <f t="shared" si="479"/>
        <v>510.90524999999997</v>
      </c>
    </row>
    <row r="30690" spans="1:3" x14ac:dyDescent="0.25">
      <c r="A30690" s="2" t="s">
        <v>19103</v>
      </c>
      <c r="B30690" s="6">
        <v>510921.89999999997</v>
      </c>
      <c r="C30690" s="7">
        <f t="shared" si="479"/>
        <v>510.92189999999994</v>
      </c>
    </row>
    <row r="30691" spans="1:3" x14ac:dyDescent="0.25">
      <c r="A30691" s="2" t="s">
        <v>19104</v>
      </c>
      <c r="B30691" s="6">
        <v>510938.54999999993</v>
      </c>
      <c r="C30691" s="7">
        <f t="shared" si="479"/>
        <v>510.93854999999991</v>
      </c>
    </row>
    <row r="30692" spans="1:3" x14ac:dyDescent="0.25">
      <c r="A30692" s="2" t="s">
        <v>19105</v>
      </c>
      <c r="B30692" s="6">
        <v>510955.19999999995</v>
      </c>
      <c r="C30692" s="7">
        <f t="shared" si="479"/>
        <v>510.95519999999993</v>
      </c>
    </row>
    <row r="30693" spans="1:3" x14ac:dyDescent="0.25">
      <c r="A30693" s="2" t="s">
        <v>19106</v>
      </c>
      <c r="B30693" s="6">
        <v>510971.85</v>
      </c>
      <c r="C30693" s="7">
        <f t="shared" si="479"/>
        <v>510.97184999999996</v>
      </c>
    </row>
    <row r="30694" spans="1:3" x14ac:dyDescent="0.25">
      <c r="A30694" s="2" t="s">
        <v>19107</v>
      </c>
      <c r="B30694" s="6">
        <v>510988.49999999994</v>
      </c>
      <c r="C30694" s="7">
        <f t="shared" si="479"/>
        <v>510.98849999999993</v>
      </c>
    </row>
    <row r="30695" spans="1:3" x14ac:dyDescent="0.25">
      <c r="A30695" s="2" t="s">
        <v>19108</v>
      </c>
      <c r="B30695" s="6">
        <v>511005.14999999997</v>
      </c>
      <c r="C30695" s="7">
        <f t="shared" si="479"/>
        <v>511.00514999999996</v>
      </c>
    </row>
    <row r="30696" spans="1:3" x14ac:dyDescent="0.25">
      <c r="A30696" s="2" t="s">
        <v>19109</v>
      </c>
      <c r="B30696" s="6">
        <v>511021.79999999993</v>
      </c>
      <c r="C30696" s="7">
        <f t="shared" si="479"/>
        <v>511.02179999999993</v>
      </c>
    </row>
    <row r="30697" spans="1:3" x14ac:dyDescent="0.25">
      <c r="A30697" s="2" t="s">
        <v>19110</v>
      </c>
      <c r="B30697" s="6">
        <v>511038.44999999995</v>
      </c>
      <c r="C30697" s="7">
        <f t="shared" si="479"/>
        <v>511.03844999999995</v>
      </c>
    </row>
    <row r="30698" spans="1:3" x14ac:dyDescent="0.25">
      <c r="A30698" s="2" t="s">
        <v>19111</v>
      </c>
      <c r="B30698" s="6">
        <v>511055.1</v>
      </c>
      <c r="C30698" s="7">
        <f t="shared" si="479"/>
        <v>511.05509999999998</v>
      </c>
    </row>
    <row r="30699" spans="1:3" x14ac:dyDescent="0.25">
      <c r="A30699" s="2" t="s">
        <v>19112</v>
      </c>
      <c r="B30699" s="6">
        <v>511071.74999999994</v>
      </c>
      <c r="C30699" s="7">
        <f t="shared" si="479"/>
        <v>511.07174999999995</v>
      </c>
    </row>
    <row r="30700" spans="1:3" x14ac:dyDescent="0.25">
      <c r="A30700" s="2" t="s">
        <v>19113</v>
      </c>
      <c r="B30700" s="6">
        <v>511088.39999999997</v>
      </c>
      <c r="C30700" s="7">
        <f t="shared" si="479"/>
        <v>511.08839999999998</v>
      </c>
    </row>
    <row r="30701" spans="1:3" x14ac:dyDescent="0.25">
      <c r="A30701" s="2" t="s">
        <v>19114</v>
      </c>
      <c r="B30701" s="6">
        <v>511105.04999999993</v>
      </c>
      <c r="C30701" s="7">
        <f t="shared" si="479"/>
        <v>511.10504999999995</v>
      </c>
    </row>
    <row r="30702" spans="1:3" x14ac:dyDescent="0.25">
      <c r="A30702" s="2" t="s">
        <v>19115</v>
      </c>
      <c r="B30702" s="6">
        <v>511121.69999999995</v>
      </c>
      <c r="C30702" s="7">
        <f t="shared" si="479"/>
        <v>511.12169999999998</v>
      </c>
    </row>
    <row r="30703" spans="1:3" x14ac:dyDescent="0.25">
      <c r="A30703" s="2" t="s">
        <v>19116</v>
      </c>
      <c r="B30703" s="6">
        <v>511138.35</v>
      </c>
      <c r="C30703" s="7">
        <f t="shared" si="479"/>
        <v>511.13835</v>
      </c>
    </row>
    <row r="30704" spans="1:3" x14ac:dyDescent="0.25">
      <c r="A30704" s="2" t="s">
        <v>19117</v>
      </c>
      <c r="B30704" s="6">
        <v>511154.99999999994</v>
      </c>
      <c r="C30704" s="7">
        <f t="shared" si="479"/>
        <v>511.15499999999992</v>
      </c>
    </row>
    <row r="30705" spans="1:3" x14ac:dyDescent="0.25">
      <c r="A30705" s="2" t="s">
        <v>19118</v>
      </c>
      <c r="B30705" s="6">
        <v>511171.64999999997</v>
      </c>
      <c r="C30705" s="7">
        <f t="shared" si="479"/>
        <v>511.17164999999994</v>
      </c>
    </row>
    <row r="30706" spans="1:3" x14ac:dyDescent="0.25">
      <c r="A30706" s="2" t="s">
        <v>19119</v>
      </c>
      <c r="B30706" s="6">
        <v>511188.29999999993</v>
      </c>
      <c r="C30706" s="7">
        <f t="shared" si="479"/>
        <v>511.18829999999991</v>
      </c>
    </row>
    <row r="30707" spans="1:3" x14ac:dyDescent="0.25">
      <c r="A30707" s="2" t="s">
        <v>19120</v>
      </c>
      <c r="B30707" s="6">
        <v>511204.94999999995</v>
      </c>
      <c r="C30707" s="7">
        <f t="shared" si="479"/>
        <v>511.20494999999994</v>
      </c>
    </row>
    <row r="30708" spans="1:3" x14ac:dyDescent="0.25">
      <c r="A30708" s="2" t="s">
        <v>19121</v>
      </c>
      <c r="B30708" s="6">
        <v>511221.6</v>
      </c>
      <c r="C30708" s="7">
        <f t="shared" si="479"/>
        <v>511.22159999999997</v>
      </c>
    </row>
    <row r="30709" spans="1:3" x14ac:dyDescent="0.25">
      <c r="A30709" s="2" t="s">
        <v>19122</v>
      </c>
      <c r="B30709" s="6">
        <v>511238.24999999994</v>
      </c>
      <c r="C30709" s="7">
        <f t="shared" si="479"/>
        <v>511.23824999999994</v>
      </c>
    </row>
    <row r="30710" spans="1:3" x14ac:dyDescent="0.25">
      <c r="A30710" s="2" t="s">
        <v>19123</v>
      </c>
      <c r="B30710" s="6">
        <v>511254.89999999997</v>
      </c>
      <c r="C30710" s="7">
        <f t="shared" si="479"/>
        <v>511.25489999999996</v>
      </c>
    </row>
    <row r="30711" spans="1:3" x14ac:dyDescent="0.25">
      <c r="A30711" s="2" t="s">
        <v>19124</v>
      </c>
      <c r="B30711" s="6">
        <v>511271.54999999993</v>
      </c>
      <c r="C30711" s="7">
        <f t="shared" si="479"/>
        <v>511.27154999999993</v>
      </c>
    </row>
    <row r="30712" spans="1:3" x14ac:dyDescent="0.25">
      <c r="A30712" s="2" t="s">
        <v>19125</v>
      </c>
      <c r="B30712" s="6">
        <v>511288.19999999995</v>
      </c>
      <c r="C30712" s="7">
        <f t="shared" si="479"/>
        <v>511.28819999999996</v>
      </c>
    </row>
    <row r="30713" spans="1:3" x14ac:dyDescent="0.25">
      <c r="A30713" s="2" t="s">
        <v>19126</v>
      </c>
      <c r="B30713" s="6">
        <v>511304.85</v>
      </c>
      <c r="C30713" s="7">
        <f t="shared" si="479"/>
        <v>511.30484999999999</v>
      </c>
    </row>
    <row r="30714" spans="1:3" x14ac:dyDescent="0.25">
      <c r="A30714" s="2" t="s">
        <v>19127</v>
      </c>
      <c r="B30714" s="6">
        <v>511321.49999999994</v>
      </c>
      <c r="C30714" s="7">
        <f t="shared" si="479"/>
        <v>511.32149999999996</v>
      </c>
    </row>
    <row r="30715" spans="1:3" x14ac:dyDescent="0.25">
      <c r="A30715" s="2" t="s">
        <v>19128</v>
      </c>
      <c r="B30715" s="6">
        <v>511338.14999999997</v>
      </c>
      <c r="C30715" s="7">
        <f t="shared" si="479"/>
        <v>511.33814999999998</v>
      </c>
    </row>
    <row r="30716" spans="1:3" x14ac:dyDescent="0.25">
      <c r="A30716" s="2" t="s">
        <v>19129</v>
      </c>
      <c r="B30716" s="6">
        <v>511354.79999999993</v>
      </c>
      <c r="C30716" s="7">
        <f t="shared" si="479"/>
        <v>511.35479999999995</v>
      </c>
    </row>
    <row r="30717" spans="1:3" x14ac:dyDescent="0.25">
      <c r="A30717" s="2" t="s">
        <v>19130</v>
      </c>
      <c r="B30717" s="6">
        <v>511371.44999999995</v>
      </c>
      <c r="C30717" s="7">
        <f t="shared" si="479"/>
        <v>511.37144999999998</v>
      </c>
    </row>
    <row r="30718" spans="1:3" x14ac:dyDescent="0.25">
      <c r="A30718" s="2" t="s">
        <v>19131</v>
      </c>
      <c r="B30718" s="6">
        <v>511388.1</v>
      </c>
      <c r="C30718" s="7">
        <f t="shared" si="479"/>
        <v>511.38809999999995</v>
      </c>
    </row>
    <row r="30719" spans="1:3" x14ac:dyDescent="0.25">
      <c r="A30719" s="2" t="s">
        <v>19132</v>
      </c>
      <c r="B30719" s="6">
        <v>511404.74999999994</v>
      </c>
      <c r="C30719" s="7">
        <f t="shared" si="479"/>
        <v>511.40474999999992</v>
      </c>
    </row>
    <row r="30720" spans="1:3" x14ac:dyDescent="0.25">
      <c r="A30720" s="2" t="s">
        <v>19133</v>
      </c>
      <c r="B30720" s="6">
        <v>511421.39999999997</v>
      </c>
      <c r="C30720" s="7">
        <f t="shared" si="479"/>
        <v>511.42139999999995</v>
      </c>
    </row>
    <row r="30721" spans="1:3" x14ac:dyDescent="0.25">
      <c r="A30721" s="2" t="s">
        <v>19134</v>
      </c>
      <c r="B30721" s="6">
        <v>511438.04999999993</v>
      </c>
      <c r="C30721" s="7">
        <f t="shared" si="479"/>
        <v>511.43804999999992</v>
      </c>
    </row>
    <row r="30722" spans="1:3" x14ac:dyDescent="0.25">
      <c r="A30722" s="2" t="s">
        <v>19135</v>
      </c>
      <c r="B30722" s="6">
        <v>511454.69999999995</v>
      </c>
      <c r="C30722" s="7">
        <f t="shared" si="479"/>
        <v>511.45469999999995</v>
      </c>
    </row>
    <row r="30723" spans="1:3" x14ac:dyDescent="0.25">
      <c r="A30723" s="2" t="s">
        <v>19136</v>
      </c>
      <c r="B30723" s="6">
        <v>511471.35</v>
      </c>
      <c r="C30723" s="7">
        <f t="shared" ref="C30723:C30786" si="480">B30723/1000</f>
        <v>511.47134999999997</v>
      </c>
    </row>
    <row r="30724" spans="1:3" x14ac:dyDescent="0.25">
      <c r="A30724" s="2" t="s">
        <v>19137</v>
      </c>
      <c r="B30724" s="6">
        <v>511487.99999999994</v>
      </c>
      <c r="C30724" s="7">
        <f t="shared" si="480"/>
        <v>511.48799999999994</v>
      </c>
    </row>
    <row r="30725" spans="1:3" x14ac:dyDescent="0.25">
      <c r="A30725" s="2" t="s">
        <v>19138</v>
      </c>
      <c r="B30725" s="6">
        <v>511504.64999999997</v>
      </c>
      <c r="C30725" s="7">
        <f t="shared" si="480"/>
        <v>511.50464999999997</v>
      </c>
    </row>
    <row r="30726" spans="1:3" x14ac:dyDescent="0.25">
      <c r="A30726" s="2" t="s">
        <v>19139</v>
      </c>
      <c r="B30726" s="6">
        <v>511521.29999999993</v>
      </c>
      <c r="C30726" s="7">
        <f t="shared" si="480"/>
        <v>511.52129999999994</v>
      </c>
    </row>
    <row r="30727" spans="1:3" x14ac:dyDescent="0.25">
      <c r="A30727" s="2" t="s">
        <v>19140</v>
      </c>
      <c r="B30727" s="6">
        <v>511537.94999999995</v>
      </c>
      <c r="C30727" s="7">
        <f t="shared" si="480"/>
        <v>511.53794999999997</v>
      </c>
    </row>
    <row r="30728" spans="1:3" x14ac:dyDescent="0.25">
      <c r="A30728" s="2" t="s">
        <v>19141</v>
      </c>
      <c r="B30728" s="6">
        <v>511554.6</v>
      </c>
      <c r="C30728" s="7">
        <f t="shared" si="480"/>
        <v>511.55459999999999</v>
      </c>
    </row>
    <row r="30729" spans="1:3" x14ac:dyDescent="0.25">
      <c r="A30729" s="2" t="s">
        <v>19142</v>
      </c>
      <c r="B30729" s="6">
        <v>511571.24999999994</v>
      </c>
      <c r="C30729" s="7">
        <f t="shared" si="480"/>
        <v>511.57124999999996</v>
      </c>
    </row>
    <row r="30730" spans="1:3" x14ac:dyDescent="0.25">
      <c r="A30730" s="2" t="s">
        <v>19143</v>
      </c>
      <c r="B30730" s="6">
        <v>511587.89999999997</v>
      </c>
      <c r="C30730" s="7">
        <f t="shared" si="480"/>
        <v>511.58789999999999</v>
      </c>
    </row>
    <row r="30731" spans="1:3" x14ac:dyDescent="0.25">
      <c r="A30731" s="2" t="s">
        <v>19144</v>
      </c>
      <c r="B30731" s="6">
        <v>511604.54999999993</v>
      </c>
      <c r="C30731" s="7">
        <f t="shared" si="480"/>
        <v>511.6045499999999</v>
      </c>
    </row>
    <row r="30732" spans="1:3" x14ac:dyDescent="0.25">
      <c r="A30732" s="2" t="s">
        <v>19145</v>
      </c>
      <c r="B30732" s="6">
        <v>511621.19999999995</v>
      </c>
      <c r="C30732" s="7">
        <f t="shared" si="480"/>
        <v>511.62119999999993</v>
      </c>
    </row>
    <row r="30733" spans="1:3" x14ac:dyDescent="0.25">
      <c r="A30733" s="2" t="s">
        <v>19146</v>
      </c>
      <c r="B30733" s="6">
        <v>511637.85</v>
      </c>
      <c r="C30733" s="7">
        <f t="shared" si="480"/>
        <v>511.63784999999996</v>
      </c>
    </row>
    <row r="30734" spans="1:3" x14ac:dyDescent="0.25">
      <c r="A30734" s="2" t="s">
        <v>19147</v>
      </c>
      <c r="B30734" s="6">
        <v>511654.49999999994</v>
      </c>
      <c r="C30734" s="7">
        <f t="shared" si="480"/>
        <v>511.65449999999993</v>
      </c>
    </row>
    <row r="30735" spans="1:3" x14ac:dyDescent="0.25">
      <c r="A30735" s="2" t="s">
        <v>19148</v>
      </c>
      <c r="B30735" s="6">
        <v>511671.14999999997</v>
      </c>
      <c r="C30735" s="7">
        <f t="shared" si="480"/>
        <v>511.67114999999995</v>
      </c>
    </row>
    <row r="30736" spans="1:3" x14ac:dyDescent="0.25">
      <c r="A30736" s="2" t="s">
        <v>19149</v>
      </c>
      <c r="B30736" s="6">
        <v>511687.79999999993</v>
      </c>
      <c r="C30736" s="7">
        <f t="shared" si="480"/>
        <v>511.68779999999992</v>
      </c>
    </row>
    <row r="30737" spans="1:3" x14ac:dyDescent="0.25">
      <c r="A30737" s="2" t="s">
        <v>19150</v>
      </c>
      <c r="B30737" s="6">
        <v>511704.44999999995</v>
      </c>
      <c r="C30737" s="7">
        <f t="shared" si="480"/>
        <v>511.70444999999995</v>
      </c>
    </row>
    <row r="30738" spans="1:3" x14ac:dyDescent="0.25">
      <c r="A30738" s="2" t="s">
        <v>19151</v>
      </c>
      <c r="B30738" s="6">
        <v>511721.1</v>
      </c>
      <c r="C30738" s="7">
        <f t="shared" si="480"/>
        <v>511.72109999999998</v>
      </c>
    </row>
    <row r="30739" spans="1:3" x14ac:dyDescent="0.25">
      <c r="A30739" s="2" t="s">
        <v>19152</v>
      </c>
      <c r="B30739" s="6">
        <v>511737.74999999994</v>
      </c>
      <c r="C30739" s="7">
        <f t="shared" si="480"/>
        <v>511.73774999999995</v>
      </c>
    </row>
    <row r="30740" spans="1:3" x14ac:dyDescent="0.25">
      <c r="A30740" s="2" t="s">
        <v>19153</v>
      </c>
      <c r="B30740" s="6">
        <v>511754.39999999997</v>
      </c>
      <c r="C30740" s="7">
        <f t="shared" si="480"/>
        <v>511.75439999999998</v>
      </c>
    </row>
    <row r="30741" spans="1:3" x14ac:dyDescent="0.25">
      <c r="A30741" s="2" t="s">
        <v>19154</v>
      </c>
      <c r="B30741" s="6">
        <v>511771.04999999993</v>
      </c>
      <c r="C30741" s="7">
        <f t="shared" si="480"/>
        <v>511.77104999999995</v>
      </c>
    </row>
    <row r="30742" spans="1:3" x14ac:dyDescent="0.25">
      <c r="A30742" s="2" t="s">
        <v>19155</v>
      </c>
      <c r="B30742" s="6">
        <v>511787.69999999995</v>
      </c>
      <c r="C30742" s="7">
        <f t="shared" si="480"/>
        <v>511.78769999999997</v>
      </c>
    </row>
    <row r="30743" spans="1:3" x14ac:dyDescent="0.25">
      <c r="A30743" s="2" t="s">
        <v>19156</v>
      </c>
      <c r="B30743" s="6">
        <v>511804.35</v>
      </c>
      <c r="C30743" s="7">
        <f t="shared" si="480"/>
        <v>511.80435</v>
      </c>
    </row>
    <row r="30744" spans="1:3" x14ac:dyDescent="0.25">
      <c r="A30744" s="2" t="s">
        <v>19157</v>
      </c>
      <c r="B30744" s="6">
        <v>511820.99999999994</v>
      </c>
      <c r="C30744" s="7">
        <f t="shared" si="480"/>
        <v>511.82099999999997</v>
      </c>
    </row>
    <row r="30745" spans="1:3" x14ac:dyDescent="0.25">
      <c r="A30745" s="2" t="s">
        <v>19158</v>
      </c>
      <c r="B30745" s="6">
        <v>511837.64999999997</v>
      </c>
      <c r="C30745" s="7">
        <f t="shared" si="480"/>
        <v>511.83764999999994</v>
      </c>
    </row>
    <row r="30746" spans="1:3" x14ac:dyDescent="0.25">
      <c r="A30746" s="2" t="s">
        <v>19159</v>
      </c>
      <c r="B30746" s="6">
        <v>511854.29999999993</v>
      </c>
      <c r="C30746" s="7">
        <f t="shared" si="480"/>
        <v>511.85429999999991</v>
      </c>
    </row>
    <row r="30747" spans="1:3" x14ac:dyDescent="0.25">
      <c r="A30747" s="2" t="s">
        <v>19160</v>
      </c>
      <c r="B30747" s="6">
        <v>511870.94999999995</v>
      </c>
      <c r="C30747" s="7">
        <f t="shared" si="480"/>
        <v>511.87094999999994</v>
      </c>
    </row>
    <row r="30748" spans="1:3" x14ac:dyDescent="0.25">
      <c r="A30748" s="2" t="s">
        <v>19161</v>
      </c>
      <c r="B30748" s="6">
        <v>511887.6</v>
      </c>
      <c r="C30748" s="7">
        <f t="shared" si="480"/>
        <v>511.88759999999996</v>
      </c>
    </row>
    <row r="30749" spans="1:3" x14ac:dyDescent="0.25">
      <c r="A30749" s="2" t="s">
        <v>19162</v>
      </c>
      <c r="B30749" s="6">
        <v>511904.24999999994</v>
      </c>
      <c r="C30749" s="7">
        <f t="shared" si="480"/>
        <v>511.90424999999993</v>
      </c>
    </row>
    <row r="30750" spans="1:3" x14ac:dyDescent="0.25">
      <c r="A30750" s="2" t="s">
        <v>19163</v>
      </c>
      <c r="B30750" s="6">
        <v>511920.89999999997</v>
      </c>
      <c r="C30750" s="7">
        <f t="shared" si="480"/>
        <v>511.92089999999996</v>
      </c>
    </row>
    <row r="30751" spans="1:3" x14ac:dyDescent="0.25">
      <c r="A30751" s="2" t="s">
        <v>19164</v>
      </c>
      <c r="B30751" s="6">
        <v>511937.54999999993</v>
      </c>
      <c r="C30751" s="7">
        <f t="shared" si="480"/>
        <v>511.93754999999993</v>
      </c>
    </row>
    <row r="30752" spans="1:3" x14ac:dyDescent="0.25">
      <c r="A30752" s="2" t="s">
        <v>19165</v>
      </c>
      <c r="B30752" s="6">
        <v>511954.19999999995</v>
      </c>
      <c r="C30752" s="7">
        <f t="shared" si="480"/>
        <v>511.95419999999996</v>
      </c>
    </row>
    <row r="30753" spans="1:3" x14ac:dyDescent="0.25">
      <c r="A30753" s="2" t="s">
        <v>19166</v>
      </c>
      <c r="B30753" s="6">
        <v>511970.85</v>
      </c>
      <c r="C30753" s="7">
        <f t="shared" si="480"/>
        <v>511.97084999999998</v>
      </c>
    </row>
    <row r="30754" spans="1:3" x14ac:dyDescent="0.25">
      <c r="A30754" s="2" t="s">
        <v>19167</v>
      </c>
      <c r="B30754" s="6">
        <v>511987.49999999994</v>
      </c>
      <c r="C30754" s="7">
        <f t="shared" si="480"/>
        <v>511.98749999999995</v>
      </c>
    </row>
    <row r="30755" spans="1:3" x14ac:dyDescent="0.25">
      <c r="A30755" s="2" t="s">
        <v>19168</v>
      </c>
      <c r="B30755" s="6">
        <v>512004.14999999997</v>
      </c>
      <c r="C30755" s="7">
        <f t="shared" si="480"/>
        <v>512.00414999999998</v>
      </c>
    </row>
    <row r="30756" spans="1:3" x14ac:dyDescent="0.25">
      <c r="A30756" s="2" t="s">
        <v>19169</v>
      </c>
      <c r="B30756" s="6">
        <v>512020.79999999993</v>
      </c>
      <c r="C30756" s="7">
        <f t="shared" si="480"/>
        <v>512.02079999999989</v>
      </c>
    </row>
    <row r="30757" spans="1:3" x14ac:dyDescent="0.25">
      <c r="A30757" s="2" t="s">
        <v>19170</v>
      </c>
      <c r="B30757" s="6">
        <v>512037.44999999995</v>
      </c>
      <c r="C30757" s="7">
        <f t="shared" si="480"/>
        <v>512.03744999999992</v>
      </c>
    </row>
    <row r="30758" spans="1:3" x14ac:dyDescent="0.25">
      <c r="A30758" s="2" t="s">
        <v>19171</v>
      </c>
      <c r="B30758" s="6">
        <v>512054.1</v>
      </c>
      <c r="C30758" s="7">
        <f t="shared" si="480"/>
        <v>512.05409999999995</v>
      </c>
    </row>
    <row r="30759" spans="1:3" x14ac:dyDescent="0.25">
      <c r="A30759" s="2" t="s">
        <v>19172</v>
      </c>
      <c r="B30759" s="6">
        <v>512070.74999999994</v>
      </c>
      <c r="C30759" s="7">
        <f t="shared" si="480"/>
        <v>512.07074999999998</v>
      </c>
    </row>
    <row r="30760" spans="1:3" x14ac:dyDescent="0.25">
      <c r="A30760" s="2" t="s">
        <v>19173</v>
      </c>
      <c r="B30760" s="6">
        <v>512087.39999999997</v>
      </c>
      <c r="C30760" s="7">
        <f t="shared" si="480"/>
        <v>512.0874</v>
      </c>
    </row>
    <row r="30761" spans="1:3" x14ac:dyDescent="0.25">
      <c r="A30761" s="2" t="s">
        <v>19174</v>
      </c>
      <c r="B30761" s="6">
        <v>512104.04999999993</v>
      </c>
      <c r="C30761" s="7">
        <f t="shared" si="480"/>
        <v>512.10404999999992</v>
      </c>
    </row>
    <row r="30762" spans="1:3" x14ac:dyDescent="0.25">
      <c r="A30762" s="2" t="s">
        <v>19175</v>
      </c>
      <c r="B30762" s="6">
        <v>512120.69999999995</v>
      </c>
      <c r="C30762" s="7">
        <f t="shared" si="480"/>
        <v>512.12069999999994</v>
      </c>
    </row>
    <row r="30763" spans="1:3" x14ac:dyDescent="0.25">
      <c r="A30763" s="2" t="s">
        <v>19176</v>
      </c>
      <c r="B30763" s="6">
        <v>512137.35</v>
      </c>
      <c r="C30763" s="7">
        <f t="shared" si="480"/>
        <v>512.13734999999997</v>
      </c>
    </row>
    <row r="30764" spans="1:3" x14ac:dyDescent="0.25">
      <c r="A30764" s="2" t="s">
        <v>19177</v>
      </c>
      <c r="B30764" s="6">
        <v>512153.99999999994</v>
      </c>
      <c r="C30764" s="7">
        <f t="shared" si="480"/>
        <v>512.154</v>
      </c>
    </row>
    <row r="30765" spans="1:3" x14ac:dyDescent="0.25">
      <c r="A30765" s="2" t="s">
        <v>19178</v>
      </c>
      <c r="B30765" s="6">
        <v>512170.64999999997</v>
      </c>
      <c r="C30765" s="7">
        <f t="shared" si="480"/>
        <v>512.17064999999991</v>
      </c>
    </row>
    <row r="30766" spans="1:3" x14ac:dyDescent="0.25">
      <c r="A30766" s="2" t="s">
        <v>19179</v>
      </c>
      <c r="B30766" s="6">
        <v>512187.29999999993</v>
      </c>
      <c r="C30766" s="7">
        <f t="shared" si="480"/>
        <v>512.18729999999994</v>
      </c>
    </row>
    <row r="30767" spans="1:3" x14ac:dyDescent="0.25">
      <c r="A30767" s="2" t="s">
        <v>19180</v>
      </c>
      <c r="B30767" s="6">
        <v>512203.94999999995</v>
      </c>
      <c r="C30767" s="7">
        <f t="shared" si="480"/>
        <v>512.20394999999996</v>
      </c>
    </row>
    <row r="30768" spans="1:3" x14ac:dyDescent="0.25">
      <c r="A30768" s="2" t="s">
        <v>19181</v>
      </c>
      <c r="B30768" s="6">
        <v>512220.6</v>
      </c>
      <c r="C30768" s="7">
        <f t="shared" si="480"/>
        <v>512.22059999999999</v>
      </c>
    </row>
    <row r="30769" spans="1:3" x14ac:dyDescent="0.25">
      <c r="A30769" s="2" t="s">
        <v>19182</v>
      </c>
      <c r="B30769" s="6">
        <v>512237.24999999994</v>
      </c>
      <c r="C30769" s="7">
        <f t="shared" si="480"/>
        <v>512.2372499999999</v>
      </c>
    </row>
    <row r="30770" spans="1:3" x14ac:dyDescent="0.25">
      <c r="A30770" s="2" t="s">
        <v>19183</v>
      </c>
      <c r="B30770" s="6">
        <v>512253.89999999997</v>
      </c>
      <c r="C30770" s="7">
        <f t="shared" si="480"/>
        <v>512.25389999999993</v>
      </c>
    </row>
    <row r="30771" spans="1:3" x14ac:dyDescent="0.25">
      <c r="A30771" s="2" t="s">
        <v>19184</v>
      </c>
      <c r="B30771" s="6">
        <v>512270.54999999993</v>
      </c>
      <c r="C30771" s="7">
        <f t="shared" si="480"/>
        <v>512.27054999999996</v>
      </c>
    </row>
    <row r="30772" spans="1:3" x14ac:dyDescent="0.25">
      <c r="A30772" s="2" t="s">
        <v>19185</v>
      </c>
      <c r="B30772" s="6">
        <v>512287.19999999995</v>
      </c>
      <c r="C30772" s="7">
        <f t="shared" si="480"/>
        <v>512.28719999999998</v>
      </c>
    </row>
    <row r="30773" spans="1:3" x14ac:dyDescent="0.25">
      <c r="A30773" s="2" t="s">
        <v>19186</v>
      </c>
      <c r="B30773" s="6">
        <v>512303.85</v>
      </c>
      <c r="C30773" s="7">
        <f t="shared" si="480"/>
        <v>512.30385000000001</v>
      </c>
    </row>
    <row r="30774" spans="1:3" x14ac:dyDescent="0.25">
      <c r="A30774" s="2" t="s">
        <v>19187</v>
      </c>
      <c r="B30774" s="6">
        <v>512320.49999999994</v>
      </c>
      <c r="C30774" s="7">
        <f t="shared" si="480"/>
        <v>512.32049999999992</v>
      </c>
    </row>
    <row r="30775" spans="1:3" x14ac:dyDescent="0.25">
      <c r="A30775" s="2" t="s">
        <v>19188</v>
      </c>
      <c r="B30775" s="6">
        <v>512337.14999999997</v>
      </c>
      <c r="C30775" s="7">
        <f t="shared" si="480"/>
        <v>512.33714999999995</v>
      </c>
    </row>
    <row r="30776" spans="1:3" x14ac:dyDescent="0.25">
      <c r="A30776" s="2" t="s">
        <v>19189</v>
      </c>
      <c r="B30776" s="6">
        <v>512353.79999999993</v>
      </c>
      <c r="C30776" s="7">
        <f t="shared" si="480"/>
        <v>512.35379999999998</v>
      </c>
    </row>
    <row r="30777" spans="1:3" x14ac:dyDescent="0.25">
      <c r="A30777" s="2" t="s">
        <v>19190</v>
      </c>
      <c r="B30777" s="6">
        <v>512370.44999999995</v>
      </c>
      <c r="C30777" s="7">
        <f t="shared" si="480"/>
        <v>512.37045000000001</v>
      </c>
    </row>
    <row r="30778" spans="1:3" x14ac:dyDescent="0.25">
      <c r="A30778" s="2" t="s">
        <v>19191</v>
      </c>
      <c r="B30778" s="6">
        <v>512387.1</v>
      </c>
      <c r="C30778" s="7">
        <f t="shared" si="480"/>
        <v>512.38710000000003</v>
      </c>
    </row>
    <row r="30779" spans="1:3" x14ac:dyDescent="0.25">
      <c r="A30779" s="2" t="s">
        <v>19192</v>
      </c>
      <c r="B30779" s="6">
        <v>512403.74999999994</v>
      </c>
      <c r="C30779" s="7">
        <f t="shared" si="480"/>
        <v>512.40374999999995</v>
      </c>
    </row>
    <row r="30780" spans="1:3" x14ac:dyDescent="0.25">
      <c r="A30780" s="2" t="s">
        <v>19193</v>
      </c>
      <c r="B30780" s="6">
        <v>512420.39999999997</v>
      </c>
      <c r="C30780" s="7">
        <f t="shared" si="480"/>
        <v>512.42039999999997</v>
      </c>
    </row>
    <row r="30781" spans="1:3" x14ac:dyDescent="0.25">
      <c r="A30781" s="2" t="s">
        <v>19194</v>
      </c>
      <c r="B30781" s="6">
        <v>512437.04999999993</v>
      </c>
      <c r="C30781" s="7">
        <f t="shared" si="480"/>
        <v>512.43704999999989</v>
      </c>
    </row>
    <row r="30782" spans="1:3" x14ac:dyDescent="0.25">
      <c r="A30782" s="2" t="s">
        <v>19195</v>
      </c>
      <c r="B30782" s="6">
        <v>512453.69999999995</v>
      </c>
      <c r="C30782" s="7">
        <f t="shared" si="480"/>
        <v>512.45369999999991</v>
      </c>
    </row>
    <row r="30783" spans="1:3" x14ac:dyDescent="0.25">
      <c r="A30783" s="2" t="s">
        <v>19196</v>
      </c>
      <c r="B30783" s="6">
        <v>512470.35</v>
      </c>
      <c r="C30783" s="7">
        <f t="shared" si="480"/>
        <v>512.47034999999994</v>
      </c>
    </row>
    <row r="30784" spans="1:3" x14ac:dyDescent="0.25">
      <c r="A30784" s="2" t="s">
        <v>19197</v>
      </c>
      <c r="B30784" s="6">
        <v>512486.99999999994</v>
      </c>
      <c r="C30784" s="7">
        <f t="shared" si="480"/>
        <v>512.48699999999997</v>
      </c>
    </row>
    <row r="30785" spans="1:3" x14ac:dyDescent="0.25">
      <c r="A30785" s="2" t="s">
        <v>19198</v>
      </c>
      <c r="B30785" s="6">
        <v>512503.64999999997</v>
      </c>
      <c r="C30785" s="7">
        <f t="shared" si="480"/>
        <v>512.50364999999999</v>
      </c>
    </row>
    <row r="30786" spans="1:3" x14ac:dyDescent="0.25">
      <c r="A30786" s="2" t="s">
        <v>19199</v>
      </c>
      <c r="B30786" s="6">
        <v>512520.29999999993</v>
      </c>
      <c r="C30786" s="7">
        <f t="shared" si="480"/>
        <v>512.52029999999991</v>
      </c>
    </row>
    <row r="30787" spans="1:3" x14ac:dyDescent="0.25">
      <c r="A30787" s="2" t="s">
        <v>19200</v>
      </c>
      <c r="B30787" s="6">
        <v>512536.94999999995</v>
      </c>
      <c r="C30787" s="7">
        <f t="shared" ref="C30787:C30850" si="481">B30787/1000</f>
        <v>512.53694999999993</v>
      </c>
    </row>
    <row r="30788" spans="1:3" x14ac:dyDescent="0.25">
      <c r="A30788" s="2" t="s">
        <v>19201</v>
      </c>
      <c r="B30788" s="6">
        <v>512553.6</v>
      </c>
      <c r="C30788" s="7">
        <f t="shared" si="481"/>
        <v>512.55359999999996</v>
      </c>
    </row>
    <row r="30789" spans="1:3" x14ac:dyDescent="0.25">
      <c r="A30789" s="2" t="s">
        <v>19202</v>
      </c>
      <c r="B30789" s="6">
        <v>512570.24999999994</v>
      </c>
      <c r="C30789" s="7">
        <f t="shared" si="481"/>
        <v>512.57024999999999</v>
      </c>
    </row>
    <row r="30790" spans="1:3" x14ac:dyDescent="0.25">
      <c r="A30790" s="2" t="s">
        <v>19203</v>
      </c>
      <c r="B30790" s="6">
        <v>512586.89999999997</v>
      </c>
      <c r="C30790" s="7">
        <f t="shared" si="481"/>
        <v>512.58690000000001</v>
      </c>
    </row>
    <row r="30791" spans="1:3" x14ac:dyDescent="0.25">
      <c r="A30791" s="2" t="s">
        <v>19204</v>
      </c>
      <c r="B30791" s="6">
        <v>512603.54999999993</v>
      </c>
      <c r="C30791" s="7">
        <f t="shared" si="481"/>
        <v>512.60354999999993</v>
      </c>
    </row>
    <row r="30792" spans="1:3" x14ac:dyDescent="0.25">
      <c r="A30792" s="2" t="s">
        <v>19205</v>
      </c>
      <c r="B30792" s="6">
        <v>512620.19999999995</v>
      </c>
      <c r="C30792" s="7">
        <f t="shared" si="481"/>
        <v>512.62019999999995</v>
      </c>
    </row>
    <row r="30793" spans="1:3" x14ac:dyDescent="0.25">
      <c r="A30793" s="2" t="s">
        <v>19206</v>
      </c>
      <c r="B30793" s="6">
        <v>512636.85</v>
      </c>
      <c r="C30793" s="7">
        <f t="shared" si="481"/>
        <v>512.63684999999998</v>
      </c>
    </row>
    <row r="30794" spans="1:3" x14ac:dyDescent="0.25">
      <c r="A30794" s="2" t="s">
        <v>19207</v>
      </c>
      <c r="B30794" s="6">
        <v>512653.49999999994</v>
      </c>
      <c r="C30794" s="7">
        <f t="shared" si="481"/>
        <v>512.65349999999989</v>
      </c>
    </row>
    <row r="30795" spans="1:3" x14ac:dyDescent="0.25">
      <c r="A30795" s="2" t="s">
        <v>19208</v>
      </c>
      <c r="B30795" s="6">
        <v>512670.14999999997</v>
      </c>
      <c r="C30795" s="7">
        <f t="shared" si="481"/>
        <v>512.67014999999992</v>
      </c>
    </row>
    <row r="30796" spans="1:3" x14ac:dyDescent="0.25">
      <c r="A30796" s="2" t="s">
        <v>19209</v>
      </c>
      <c r="B30796" s="6">
        <v>512686.79999999993</v>
      </c>
      <c r="C30796" s="7">
        <f t="shared" si="481"/>
        <v>512.68679999999995</v>
      </c>
    </row>
    <row r="30797" spans="1:3" x14ac:dyDescent="0.25">
      <c r="A30797" s="2" t="s">
        <v>19210</v>
      </c>
      <c r="B30797" s="6">
        <v>512703.44999999995</v>
      </c>
      <c r="C30797" s="7">
        <f t="shared" si="481"/>
        <v>512.70344999999998</v>
      </c>
    </row>
    <row r="30798" spans="1:3" x14ac:dyDescent="0.25">
      <c r="A30798" s="2" t="s">
        <v>19211</v>
      </c>
      <c r="B30798" s="6">
        <v>512720.1</v>
      </c>
      <c r="C30798" s="7">
        <f t="shared" si="481"/>
        <v>512.7201</v>
      </c>
    </row>
    <row r="30799" spans="1:3" x14ac:dyDescent="0.25">
      <c r="A30799" s="2" t="s">
        <v>19212</v>
      </c>
      <c r="B30799" s="6">
        <v>512736.74999999994</v>
      </c>
      <c r="C30799" s="7">
        <f t="shared" si="481"/>
        <v>512.73674999999992</v>
      </c>
    </row>
    <row r="30800" spans="1:3" x14ac:dyDescent="0.25">
      <c r="A30800" s="2" t="s">
        <v>19213</v>
      </c>
      <c r="B30800" s="6">
        <v>512753.39999999997</v>
      </c>
      <c r="C30800" s="7">
        <f t="shared" si="481"/>
        <v>512.75339999999994</v>
      </c>
    </row>
    <row r="30801" spans="1:3" x14ac:dyDescent="0.25">
      <c r="A30801" s="2" t="s">
        <v>19214</v>
      </c>
      <c r="B30801" s="6">
        <v>512770.04999999993</v>
      </c>
      <c r="C30801" s="7">
        <f t="shared" si="481"/>
        <v>512.77004999999997</v>
      </c>
    </row>
    <row r="30802" spans="1:3" x14ac:dyDescent="0.25">
      <c r="A30802" s="2" t="s">
        <v>19215</v>
      </c>
      <c r="B30802" s="6">
        <v>512786.69999999995</v>
      </c>
      <c r="C30802" s="7">
        <f t="shared" si="481"/>
        <v>512.7867</v>
      </c>
    </row>
    <row r="30803" spans="1:3" x14ac:dyDescent="0.25">
      <c r="A30803" s="2" t="s">
        <v>19216</v>
      </c>
      <c r="B30803" s="6">
        <v>512803.35</v>
      </c>
      <c r="C30803" s="7">
        <f t="shared" si="481"/>
        <v>512.80335000000002</v>
      </c>
    </row>
    <row r="30804" spans="1:3" x14ac:dyDescent="0.25">
      <c r="A30804" s="2" t="s">
        <v>19217</v>
      </c>
      <c r="B30804" s="6">
        <v>512819.99999999994</v>
      </c>
      <c r="C30804" s="7">
        <f t="shared" si="481"/>
        <v>512.81999999999994</v>
      </c>
    </row>
    <row r="30805" spans="1:3" x14ac:dyDescent="0.25">
      <c r="A30805" s="2" t="s">
        <v>19218</v>
      </c>
      <c r="B30805" s="6">
        <v>512836.64999999997</v>
      </c>
      <c r="C30805" s="7">
        <f t="shared" si="481"/>
        <v>512.83664999999996</v>
      </c>
    </row>
    <row r="30806" spans="1:3" x14ac:dyDescent="0.25">
      <c r="A30806" s="2" t="s">
        <v>19219</v>
      </c>
      <c r="B30806" s="6">
        <v>512853.29999999993</v>
      </c>
      <c r="C30806" s="7">
        <f t="shared" si="481"/>
        <v>512.85329999999988</v>
      </c>
    </row>
    <row r="30807" spans="1:3" x14ac:dyDescent="0.25">
      <c r="A30807" s="2" t="s">
        <v>19220</v>
      </c>
      <c r="B30807" s="6">
        <v>512869.94999999995</v>
      </c>
      <c r="C30807" s="7">
        <f t="shared" si="481"/>
        <v>512.8699499999999</v>
      </c>
    </row>
    <row r="30808" spans="1:3" x14ac:dyDescent="0.25">
      <c r="A30808" s="2" t="s">
        <v>19221</v>
      </c>
      <c r="B30808" s="6">
        <v>512886.6</v>
      </c>
      <c r="C30808" s="7">
        <f t="shared" si="481"/>
        <v>512.88659999999993</v>
      </c>
    </row>
    <row r="30809" spans="1:3" x14ac:dyDescent="0.25">
      <c r="A30809" s="2" t="s">
        <v>19222</v>
      </c>
      <c r="B30809" s="6">
        <v>512903.24999999994</v>
      </c>
      <c r="C30809" s="7">
        <f t="shared" si="481"/>
        <v>512.90324999999996</v>
      </c>
    </row>
    <row r="30810" spans="1:3" x14ac:dyDescent="0.25">
      <c r="A30810" s="2" t="s">
        <v>19223</v>
      </c>
      <c r="B30810" s="6">
        <v>512919.89999999997</v>
      </c>
      <c r="C30810" s="7">
        <f t="shared" si="481"/>
        <v>512.91989999999998</v>
      </c>
    </row>
    <row r="30811" spans="1:3" x14ac:dyDescent="0.25">
      <c r="A30811" s="2" t="s">
        <v>19224</v>
      </c>
      <c r="B30811" s="6">
        <v>512936.54999999993</v>
      </c>
      <c r="C30811" s="7">
        <f t="shared" si="481"/>
        <v>512.9365499999999</v>
      </c>
    </row>
    <row r="30812" spans="1:3" x14ac:dyDescent="0.25">
      <c r="A30812" s="2" t="s">
        <v>19225</v>
      </c>
      <c r="B30812" s="6">
        <v>512953.19999999995</v>
      </c>
      <c r="C30812" s="7">
        <f t="shared" si="481"/>
        <v>512.95319999999992</v>
      </c>
    </row>
    <row r="30813" spans="1:3" x14ac:dyDescent="0.25">
      <c r="A30813" s="2" t="s">
        <v>19226</v>
      </c>
      <c r="B30813" s="6">
        <v>512969.85</v>
      </c>
      <c r="C30813" s="7">
        <f t="shared" si="481"/>
        <v>512.96984999999995</v>
      </c>
    </row>
    <row r="30814" spans="1:3" x14ac:dyDescent="0.25">
      <c r="A30814" s="2" t="s">
        <v>19227</v>
      </c>
      <c r="B30814" s="6">
        <v>512986.49999999994</v>
      </c>
      <c r="C30814" s="7">
        <f t="shared" si="481"/>
        <v>512.98649999999998</v>
      </c>
    </row>
    <row r="30815" spans="1:3" x14ac:dyDescent="0.25">
      <c r="A30815" s="2" t="s">
        <v>19228</v>
      </c>
      <c r="B30815" s="6">
        <v>513003.14999999997</v>
      </c>
      <c r="C30815" s="7">
        <f t="shared" si="481"/>
        <v>513.00315000000001</v>
      </c>
    </row>
    <row r="30816" spans="1:3" x14ac:dyDescent="0.25">
      <c r="A30816" s="2" t="s">
        <v>19229</v>
      </c>
      <c r="B30816" s="6">
        <v>513019.79999999993</v>
      </c>
      <c r="C30816" s="7">
        <f t="shared" si="481"/>
        <v>513.01979999999992</v>
      </c>
    </row>
    <row r="30817" spans="1:3" x14ac:dyDescent="0.25">
      <c r="A30817" s="2" t="s">
        <v>19230</v>
      </c>
      <c r="B30817" s="6">
        <v>513036.44999999995</v>
      </c>
      <c r="C30817" s="7">
        <f t="shared" si="481"/>
        <v>513.03644999999995</v>
      </c>
    </row>
    <row r="30818" spans="1:3" x14ac:dyDescent="0.25">
      <c r="A30818" s="2" t="s">
        <v>19231</v>
      </c>
      <c r="B30818" s="6">
        <v>513053.1</v>
      </c>
      <c r="C30818" s="7">
        <f t="shared" si="481"/>
        <v>513.05309999999997</v>
      </c>
    </row>
    <row r="30819" spans="1:3" x14ac:dyDescent="0.25">
      <c r="A30819" s="2" t="s">
        <v>19232</v>
      </c>
      <c r="B30819" s="6">
        <v>513069.74999999994</v>
      </c>
      <c r="C30819" s="7">
        <f t="shared" si="481"/>
        <v>513.06974999999989</v>
      </c>
    </row>
    <row r="30820" spans="1:3" x14ac:dyDescent="0.25">
      <c r="A30820" s="2" t="s">
        <v>19233</v>
      </c>
      <c r="B30820" s="6">
        <v>513086.39999999997</v>
      </c>
      <c r="C30820" s="7">
        <f t="shared" si="481"/>
        <v>513.08639999999991</v>
      </c>
    </row>
    <row r="30821" spans="1:3" x14ac:dyDescent="0.25">
      <c r="A30821" s="2" t="s">
        <v>19234</v>
      </c>
      <c r="B30821" s="6">
        <v>513103.04999999993</v>
      </c>
      <c r="C30821" s="7">
        <f t="shared" si="481"/>
        <v>513.10304999999994</v>
      </c>
    </row>
    <row r="30822" spans="1:3" x14ac:dyDescent="0.25">
      <c r="A30822" s="2" t="s">
        <v>19235</v>
      </c>
      <c r="B30822" s="6">
        <v>513119.69999999995</v>
      </c>
      <c r="C30822" s="7">
        <f t="shared" si="481"/>
        <v>513.11969999999997</v>
      </c>
    </row>
    <row r="30823" spans="1:3" x14ac:dyDescent="0.25">
      <c r="A30823" s="2" t="s">
        <v>19236</v>
      </c>
      <c r="B30823" s="6">
        <v>513136.35</v>
      </c>
      <c r="C30823" s="7">
        <f t="shared" si="481"/>
        <v>513.13634999999999</v>
      </c>
    </row>
    <row r="30824" spans="1:3" x14ac:dyDescent="0.25">
      <c r="A30824" s="2" t="s">
        <v>19237</v>
      </c>
      <c r="B30824" s="6">
        <v>513152.99999999994</v>
      </c>
      <c r="C30824" s="7">
        <f t="shared" si="481"/>
        <v>513.15299999999991</v>
      </c>
    </row>
    <row r="30825" spans="1:3" x14ac:dyDescent="0.25">
      <c r="A30825" s="2" t="s">
        <v>19238</v>
      </c>
      <c r="B30825" s="6">
        <v>513169.64999999997</v>
      </c>
      <c r="C30825" s="7">
        <f t="shared" si="481"/>
        <v>513.16964999999993</v>
      </c>
    </row>
    <row r="30826" spans="1:3" x14ac:dyDescent="0.25">
      <c r="A30826" s="2" t="s">
        <v>19239</v>
      </c>
      <c r="B30826" s="6">
        <v>513186.29999999993</v>
      </c>
      <c r="C30826" s="7">
        <f t="shared" si="481"/>
        <v>513.18629999999996</v>
      </c>
    </row>
    <row r="30827" spans="1:3" x14ac:dyDescent="0.25">
      <c r="A30827" s="2" t="s">
        <v>19240</v>
      </c>
      <c r="B30827" s="6">
        <v>513202.94999999995</v>
      </c>
      <c r="C30827" s="7">
        <f t="shared" si="481"/>
        <v>513.20294999999999</v>
      </c>
    </row>
    <row r="30828" spans="1:3" x14ac:dyDescent="0.25">
      <c r="A30828" s="2" t="s">
        <v>19241</v>
      </c>
      <c r="B30828" s="6">
        <v>513219.6</v>
      </c>
      <c r="C30828" s="7">
        <f t="shared" si="481"/>
        <v>513.21960000000001</v>
      </c>
    </row>
    <row r="30829" spans="1:3" x14ac:dyDescent="0.25">
      <c r="A30829" s="2" t="s">
        <v>19242</v>
      </c>
      <c r="B30829" s="6">
        <v>513236.24999999994</v>
      </c>
      <c r="C30829" s="7">
        <f t="shared" si="481"/>
        <v>513.23624999999993</v>
      </c>
    </row>
    <row r="30830" spans="1:3" x14ac:dyDescent="0.25">
      <c r="A30830" s="2" t="s">
        <v>19243</v>
      </c>
      <c r="B30830" s="6">
        <v>513252.89999999997</v>
      </c>
      <c r="C30830" s="7">
        <f t="shared" si="481"/>
        <v>513.25289999999995</v>
      </c>
    </row>
    <row r="30831" spans="1:3" x14ac:dyDescent="0.25">
      <c r="A30831" s="2" t="s">
        <v>19244</v>
      </c>
      <c r="B30831" s="6">
        <v>513269.54999999993</v>
      </c>
      <c r="C30831" s="7">
        <f t="shared" si="481"/>
        <v>513.26954999999998</v>
      </c>
    </row>
    <row r="30832" spans="1:3" x14ac:dyDescent="0.25">
      <c r="A30832" s="2" t="s">
        <v>19245</v>
      </c>
      <c r="B30832" s="6">
        <v>513286.19999999995</v>
      </c>
      <c r="C30832" s="7">
        <f t="shared" si="481"/>
        <v>513.28620000000001</v>
      </c>
    </row>
    <row r="30833" spans="1:3" x14ac:dyDescent="0.25">
      <c r="A30833" s="2" t="s">
        <v>19246</v>
      </c>
      <c r="B30833" s="6">
        <v>513302.85</v>
      </c>
      <c r="C30833" s="7">
        <f t="shared" si="481"/>
        <v>513.30284999999992</v>
      </c>
    </row>
    <row r="30834" spans="1:3" x14ac:dyDescent="0.25">
      <c r="A30834" s="2" t="s">
        <v>19247</v>
      </c>
      <c r="B30834" s="6">
        <v>513319.49999999994</v>
      </c>
      <c r="C30834" s="7">
        <f t="shared" si="481"/>
        <v>513.31949999999995</v>
      </c>
    </row>
    <row r="30835" spans="1:3" x14ac:dyDescent="0.25">
      <c r="A30835" s="2" t="s">
        <v>19248</v>
      </c>
      <c r="B30835" s="6">
        <v>513336.14999999997</v>
      </c>
      <c r="C30835" s="7">
        <f t="shared" si="481"/>
        <v>513.33614999999998</v>
      </c>
    </row>
    <row r="30836" spans="1:3" x14ac:dyDescent="0.25">
      <c r="A30836" s="2" t="s">
        <v>19249</v>
      </c>
      <c r="B30836" s="6">
        <v>513352.79999999993</v>
      </c>
      <c r="C30836" s="7">
        <f t="shared" si="481"/>
        <v>513.35279999999989</v>
      </c>
    </row>
    <row r="30837" spans="1:3" x14ac:dyDescent="0.25">
      <c r="A30837" s="2" t="s">
        <v>19250</v>
      </c>
      <c r="B30837" s="6">
        <v>513369.44999999995</v>
      </c>
      <c r="C30837" s="7">
        <f t="shared" si="481"/>
        <v>513.36944999999992</v>
      </c>
    </row>
    <row r="30838" spans="1:3" x14ac:dyDescent="0.25">
      <c r="A30838" s="2" t="s">
        <v>19251</v>
      </c>
      <c r="B30838" s="6">
        <v>513386.1</v>
      </c>
      <c r="C30838" s="7">
        <f t="shared" si="481"/>
        <v>513.38609999999994</v>
      </c>
    </row>
    <row r="30839" spans="1:3" x14ac:dyDescent="0.25">
      <c r="A30839" s="2" t="s">
        <v>19252</v>
      </c>
      <c r="B30839" s="6">
        <v>513402.74999999994</v>
      </c>
      <c r="C30839" s="7">
        <f t="shared" si="481"/>
        <v>513.40274999999997</v>
      </c>
    </row>
    <row r="30840" spans="1:3" x14ac:dyDescent="0.25">
      <c r="A30840" s="2" t="s">
        <v>19253</v>
      </c>
      <c r="B30840" s="6">
        <v>513419.39999999997</v>
      </c>
      <c r="C30840" s="7">
        <f t="shared" si="481"/>
        <v>513.4194</v>
      </c>
    </row>
    <row r="30841" spans="1:3" x14ac:dyDescent="0.25">
      <c r="A30841" s="2" t="s">
        <v>19254</v>
      </c>
      <c r="B30841" s="6">
        <v>513436.04999999993</v>
      </c>
      <c r="C30841" s="7">
        <f t="shared" si="481"/>
        <v>513.43604999999991</v>
      </c>
    </row>
    <row r="30842" spans="1:3" x14ac:dyDescent="0.25">
      <c r="A30842" s="2" t="s">
        <v>19255</v>
      </c>
      <c r="B30842" s="6">
        <v>513452.69999999995</v>
      </c>
      <c r="C30842" s="7">
        <f t="shared" si="481"/>
        <v>513.45269999999994</v>
      </c>
    </row>
    <row r="30843" spans="1:3" x14ac:dyDescent="0.25">
      <c r="A30843" s="2" t="s">
        <v>19256</v>
      </c>
      <c r="B30843" s="6">
        <v>513469.35</v>
      </c>
      <c r="C30843" s="7">
        <f t="shared" si="481"/>
        <v>513.46934999999996</v>
      </c>
    </row>
    <row r="30844" spans="1:3" x14ac:dyDescent="0.25">
      <c r="A30844" s="2" t="s">
        <v>19257</v>
      </c>
      <c r="B30844" s="6">
        <v>513485.99999999994</v>
      </c>
      <c r="C30844" s="7">
        <f t="shared" si="481"/>
        <v>513.48599999999999</v>
      </c>
    </row>
    <row r="30845" spans="1:3" x14ac:dyDescent="0.25">
      <c r="A30845" s="2" t="s">
        <v>19258</v>
      </c>
      <c r="B30845" s="6">
        <v>513502.64999999997</v>
      </c>
      <c r="C30845" s="7">
        <f t="shared" si="481"/>
        <v>513.50265000000002</v>
      </c>
    </row>
    <row r="30846" spans="1:3" x14ac:dyDescent="0.25">
      <c r="A30846" s="2" t="s">
        <v>19259</v>
      </c>
      <c r="B30846" s="6">
        <v>513519.29999999993</v>
      </c>
      <c r="C30846" s="7">
        <f t="shared" si="481"/>
        <v>513.51929999999993</v>
      </c>
    </row>
    <row r="30847" spans="1:3" x14ac:dyDescent="0.25">
      <c r="A30847" s="2" t="s">
        <v>19260</v>
      </c>
      <c r="B30847" s="6">
        <v>513535.94999999995</v>
      </c>
      <c r="C30847" s="7">
        <f t="shared" si="481"/>
        <v>513.53594999999996</v>
      </c>
    </row>
    <row r="30848" spans="1:3" x14ac:dyDescent="0.25">
      <c r="A30848" s="2" t="s">
        <v>19261</v>
      </c>
      <c r="B30848" s="6">
        <v>513552.6</v>
      </c>
      <c r="C30848" s="7">
        <f t="shared" si="481"/>
        <v>513.55259999999998</v>
      </c>
    </row>
    <row r="30849" spans="1:3" x14ac:dyDescent="0.25">
      <c r="A30849" s="2" t="s">
        <v>19262</v>
      </c>
      <c r="B30849" s="6">
        <v>513569.24999999994</v>
      </c>
      <c r="C30849" s="7">
        <f t="shared" si="481"/>
        <v>513.5692499999999</v>
      </c>
    </row>
    <row r="30850" spans="1:3" x14ac:dyDescent="0.25">
      <c r="A30850" s="2" t="s">
        <v>19263</v>
      </c>
      <c r="B30850" s="6">
        <v>513585.89999999997</v>
      </c>
      <c r="C30850" s="7">
        <f t="shared" si="481"/>
        <v>513.58589999999992</v>
      </c>
    </row>
    <row r="30851" spans="1:3" x14ac:dyDescent="0.25">
      <c r="A30851" s="2" t="s">
        <v>19264</v>
      </c>
      <c r="B30851" s="6">
        <v>513602.54999999993</v>
      </c>
      <c r="C30851" s="7">
        <f t="shared" ref="C30851:C30914" si="482">B30851/1000</f>
        <v>513.60254999999995</v>
      </c>
    </row>
    <row r="30852" spans="1:3" x14ac:dyDescent="0.25">
      <c r="A30852" s="2" t="s">
        <v>19265</v>
      </c>
      <c r="B30852" s="6">
        <v>513619.19999999995</v>
      </c>
      <c r="C30852" s="7">
        <f t="shared" si="482"/>
        <v>513.61919999999998</v>
      </c>
    </row>
    <row r="30853" spans="1:3" x14ac:dyDescent="0.25">
      <c r="A30853" s="2" t="s">
        <v>19266</v>
      </c>
      <c r="B30853" s="6">
        <v>513635.85</v>
      </c>
      <c r="C30853" s="7">
        <f t="shared" si="482"/>
        <v>513.63585</v>
      </c>
    </row>
    <row r="30854" spans="1:3" x14ac:dyDescent="0.25">
      <c r="A30854" s="2" t="s">
        <v>19267</v>
      </c>
      <c r="B30854" s="6">
        <v>513652.49999999994</v>
      </c>
      <c r="C30854" s="7">
        <f t="shared" si="482"/>
        <v>513.65249999999992</v>
      </c>
    </row>
    <row r="30855" spans="1:3" x14ac:dyDescent="0.25">
      <c r="A30855" s="2" t="s">
        <v>19268</v>
      </c>
      <c r="B30855" s="6">
        <v>513669.14999999997</v>
      </c>
      <c r="C30855" s="7">
        <f t="shared" si="482"/>
        <v>513.66914999999995</v>
      </c>
    </row>
    <row r="30856" spans="1:3" x14ac:dyDescent="0.25">
      <c r="A30856" s="2" t="s">
        <v>19269</v>
      </c>
      <c r="B30856" s="6">
        <v>513685.79999999993</v>
      </c>
      <c r="C30856" s="7">
        <f t="shared" si="482"/>
        <v>513.68579999999997</v>
      </c>
    </row>
    <row r="30857" spans="1:3" x14ac:dyDescent="0.25">
      <c r="A30857" s="2" t="s">
        <v>19270</v>
      </c>
      <c r="B30857" s="6">
        <v>513702.44999999995</v>
      </c>
      <c r="C30857" s="7">
        <f t="shared" si="482"/>
        <v>513.70245</v>
      </c>
    </row>
    <row r="30858" spans="1:3" x14ac:dyDescent="0.25">
      <c r="A30858" s="2" t="s">
        <v>19271</v>
      </c>
      <c r="B30858" s="6">
        <v>513719.1</v>
      </c>
      <c r="C30858" s="7">
        <f t="shared" si="482"/>
        <v>513.71910000000003</v>
      </c>
    </row>
    <row r="30859" spans="1:3" x14ac:dyDescent="0.25">
      <c r="A30859" s="2" t="s">
        <v>19272</v>
      </c>
      <c r="B30859" s="6">
        <v>513735.74999999994</v>
      </c>
      <c r="C30859" s="7">
        <f t="shared" si="482"/>
        <v>513.73574999999994</v>
      </c>
    </row>
    <row r="30860" spans="1:3" x14ac:dyDescent="0.25">
      <c r="A30860" s="2" t="s">
        <v>19273</v>
      </c>
      <c r="B30860" s="6">
        <v>513752.39999999997</v>
      </c>
      <c r="C30860" s="7">
        <f t="shared" si="482"/>
        <v>513.75239999999997</v>
      </c>
    </row>
    <row r="30861" spans="1:3" x14ac:dyDescent="0.25">
      <c r="A30861" s="2" t="s">
        <v>19274</v>
      </c>
      <c r="B30861" s="6">
        <v>513769.04999999993</v>
      </c>
      <c r="C30861" s="7">
        <f t="shared" si="482"/>
        <v>513.76904999999988</v>
      </c>
    </row>
    <row r="30862" spans="1:3" x14ac:dyDescent="0.25">
      <c r="A30862" s="2" t="s">
        <v>19275</v>
      </c>
      <c r="B30862" s="6">
        <v>513785.69999999995</v>
      </c>
      <c r="C30862" s="7">
        <f t="shared" si="482"/>
        <v>513.78569999999991</v>
      </c>
    </row>
    <row r="30863" spans="1:3" x14ac:dyDescent="0.25">
      <c r="A30863" s="2" t="s">
        <v>19276</v>
      </c>
      <c r="B30863" s="6">
        <v>513802.35</v>
      </c>
      <c r="C30863" s="7">
        <f t="shared" si="482"/>
        <v>513.80234999999993</v>
      </c>
    </row>
    <row r="30864" spans="1:3" x14ac:dyDescent="0.25">
      <c r="A30864" s="2" t="s">
        <v>19277</v>
      </c>
      <c r="B30864" s="6">
        <v>513818.99999999994</v>
      </c>
      <c r="C30864" s="7">
        <f t="shared" si="482"/>
        <v>513.81899999999996</v>
      </c>
    </row>
    <row r="30865" spans="1:3" x14ac:dyDescent="0.25">
      <c r="A30865" s="2" t="s">
        <v>19278</v>
      </c>
      <c r="B30865" s="6">
        <v>513835.64999999997</v>
      </c>
      <c r="C30865" s="7">
        <f t="shared" si="482"/>
        <v>513.83564999999999</v>
      </c>
    </row>
    <row r="30866" spans="1:3" x14ac:dyDescent="0.25">
      <c r="A30866" s="2" t="s">
        <v>19279</v>
      </c>
      <c r="B30866" s="6">
        <v>513852.29999999993</v>
      </c>
      <c r="C30866" s="7">
        <f t="shared" si="482"/>
        <v>513.8522999999999</v>
      </c>
    </row>
    <row r="30867" spans="1:3" x14ac:dyDescent="0.25">
      <c r="A30867" s="2" t="s">
        <v>19280</v>
      </c>
      <c r="B30867" s="6">
        <v>513868.94999999995</v>
      </c>
      <c r="C30867" s="7">
        <f t="shared" si="482"/>
        <v>513.86894999999993</v>
      </c>
    </row>
    <row r="30868" spans="1:3" x14ac:dyDescent="0.25">
      <c r="A30868" s="2" t="s">
        <v>19281</v>
      </c>
      <c r="B30868" s="6">
        <v>513885.6</v>
      </c>
      <c r="C30868" s="7">
        <f t="shared" si="482"/>
        <v>513.88559999999995</v>
      </c>
    </row>
    <row r="30869" spans="1:3" x14ac:dyDescent="0.25">
      <c r="A30869" s="2" t="s">
        <v>19282</v>
      </c>
      <c r="B30869" s="6">
        <v>513902.24999999994</v>
      </c>
      <c r="C30869" s="7">
        <f t="shared" si="482"/>
        <v>513.90224999999998</v>
      </c>
    </row>
    <row r="30870" spans="1:3" x14ac:dyDescent="0.25">
      <c r="A30870" s="2" t="s">
        <v>19283</v>
      </c>
      <c r="B30870" s="6">
        <v>513918.89999999997</v>
      </c>
      <c r="C30870" s="7">
        <f t="shared" si="482"/>
        <v>513.91890000000001</v>
      </c>
    </row>
    <row r="30871" spans="1:3" x14ac:dyDescent="0.25">
      <c r="A30871" s="2" t="s">
        <v>19284</v>
      </c>
      <c r="B30871" s="6">
        <v>513935.54999999993</v>
      </c>
      <c r="C30871" s="7">
        <f t="shared" si="482"/>
        <v>513.93554999999992</v>
      </c>
    </row>
    <row r="30872" spans="1:3" x14ac:dyDescent="0.25">
      <c r="A30872" s="2" t="s">
        <v>19285</v>
      </c>
      <c r="B30872" s="6">
        <v>513952.19999999995</v>
      </c>
      <c r="C30872" s="7">
        <f t="shared" si="482"/>
        <v>513.95219999999995</v>
      </c>
    </row>
    <row r="30873" spans="1:3" x14ac:dyDescent="0.25">
      <c r="A30873" s="2" t="s">
        <v>19286</v>
      </c>
      <c r="B30873" s="6">
        <v>513968.85</v>
      </c>
      <c r="C30873" s="7">
        <f t="shared" si="482"/>
        <v>513.96884999999997</v>
      </c>
    </row>
    <row r="30874" spans="1:3" x14ac:dyDescent="0.25">
      <c r="A30874" s="2" t="s">
        <v>19287</v>
      </c>
      <c r="B30874" s="6">
        <v>513985.49999999994</v>
      </c>
      <c r="C30874" s="7">
        <f t="shared" si="482"/>
        <v>513.98549999999989</v>
      </c>
    </row>
    <row r="30875" spans="1:3" x14ac:dyDescent="0.25">
      <c r="A30875" s="2" t="s">
        <v>19288</v>
      </c>
      <c r="B30875" s="6">
        <v>514002.14999999997</v>
      </c>
      <c r="C30875" s="7">
        <f t="shared" si="482"/>
        <v>514.00214999999992</v>
      </c>
    </row>
    <row r="30876" spans="1:3" x14ac:dyDescent="0.25">
      <c r="A30876" s="2" t="s">
        <v>19289</v>
      </c>
      <c r="B30876" s="6">
        <v>514018.79999999993</v>
      </c>
      <c r="C30876" s="7">
        <f t="shared" si="482"/>
        <v>514.01879999999994</v>
      </c>
    </row>
    <row r="30877" spans="1:3" x14ac:dyDescent="0.25">
      <c r="A30877" s="2" t="s">
        <v>19290</v>
      </c>
      <c r="B30877" s="6">
        <v>514035.44999999995</v>
      </c>
      <c r="C30877" s="7">
        <f t="shared" si="482"/>
        <v>514.03544999999997</v>
      </c>
    </row>
    <row r="30878" spans="1:3" x14ac:dyDescent="0.25">
      <c r="A30878" s="2" t="s">
        <v>19291</v>
      </c>
      <c r="B30878" s="6">
        <v>514052.1</v>
      </c>
      <c r="C30878" s="7">
        <f t="shared" si="482"/>
        <v>514.0521</v>
      </c>
    </row>
    <row r="30879" spans="1:3" x14ac:dyDescent="0.25">
      <c r="A30879" s="2" t="s">
        <v>19292</v>
      </c>
      <c r="B30879" s="6">
        <v>514068.74999999994</v>
      </c>
      <c r="C30879" s="7">
        <f t="shared" si="482"/>
        <v>514.06874999999991</v>
      </c>
    </row>
    <row r="30880" spans="1:3" x14ac:dyDescent="0.25">
      <c r="A30880" s="2" t="s">
        <v>19293</v>
      </c>
      <c r="B30880" s="6">
        <v>514085.39999999997</v>
      </c>
      <c r="C30880" s="7">
        <f t="shared" si="482"/>
        <v>514.08539999999994</v>
      </c>
    </row>
    <row r="30881" spans="1:3" x14ac:dyDescent="0.25">
      <c r="A30881" s="2" t="s">
        <v>19294</v>
      </c>
      <c r="B30881" s="6">
        <v>514102.04999999993</v>
      </c>
      <c r="C30881" s="7">
        <f t="shared" si="482"/>
        <v>514.10204999999996</v>
      </c>
    </row>
    <row r="30882" spans="1:3" x14ac:dyDescent="0.25">
      <c r="A30882" s="2" t="s">
        <v>19295</v>
      </c>
      <c r="B30882" s="6">
        <v>514118.69999999995</v>
      </c>
      <c r="C30882" s="7">
        <f t="shared" si="482"/>
        <v>514.11869999999999</v>
      </c>
    </row>
    <row r="30883" spans="1:3" x14ac:dyDescent="0.25">
      <c r="A30883" s="2" t="s">
        <v>19296</v>
      </c>
      <c r="B30883" s="6">
        <v>514135.35</v>
      </c>
      <c r="C30883" s="7">
        <f t="shared" si="482"/>
        <v>514.13535000000002</v>
      </c>
    </row>
    <row r="30884" spans="1:3" x14ac:dyDescent="0.25">
      <c r="A30884" s="2" t="s">
        <v>19297</v>
      </c>
      <c r="B30884" s="6">
        <v>514151.99999999994</v>
      </c>
      <c r="C30884" s="7">
        <f t="shared" si="482"/>
        <v>514.15199999999993</v>
      </c>
    </row>
    <row r="30885" spans="1:3" x14ac:dyDescent="0.25">
      <c r="A30885" s="2" t="s">
        <v>19298</v>
      </c>
      <c r="B30885" s="6">
        <v>514168.64999999997</v>
      </c>
      <c r="C30885" s="7">
        <f t="shared" si="482"/>
        <v>514.16864999999996</v>
      </c>
    </row>
    <row r="30886" spans="1:3" x14ac:dyDescent="0.25">
      <c r="A30886" s="2" t="s">
        <v>19299</v>
      </c>
      <c r="B30886" s="6">
        <v>514185.29999999993</v>
      </c>
      <c r="C30886" s="7">
        <f t="shared" si="482"/>
        <v>514.18529999999998</v>
      </c>
    </row>
    <row r="30887" spans="1:3" x14ac:dyDescent="0.25">
      <c r="A30887" s="2" t="s">
        <v>19300</v>
      </c>
      <c r="B30887" s="6">
        <v>514201.94999999995</v>
      </c>
      <c r="C30887" s="7">
        <f t="shared" si="482"/>
        <v>514.2019499999999</v>
      </c>
    </row>
    <row r="30888" spans="1:3" x14ac:dyDescent="0.25">
      <c r="A30888" s="2" t="s">
        <v>19301</v>
      </c>
      <c r="B30888" s="6">
        <v>514218.6</v>
      </c>
      <c r="C30888" s="7">
        <f t="shared" si="482"/>
        <v>514.21859999999992</v>
      </c>
    </row>
    <row r="30889" spans="1:3" x14ac:dyDescent="0.25">
      <c r="A30889" s="2" t="s">
        <v>19302</v>
      </c>
      <c r="B30889" s="6">
        <v>514235.24999999994</v>
      </c>
      <c r="C30889" s="7">
        <f t="shared" si="482"/>
        <v>514.23524999999995</v>
      </c>
    </row>
    <row r="30890" spans="1:3" x14ac:dyDescent="0.25">
      <c r="A30890" s="2" t="s">
        <v>19303</v>
      </c>
      <c r="B30890" s="6">
        <v>514251.89999999997</v>
      </c>
      <c r="C30890" s="7">
        <f t="shared" si="482"/>
        <v>514.25189999999998</v>
      </c>
    </row>
    <row r="30891" spans="1:3" x14ac:dyDescent="0.25">
      <c r="A30891" s="2" t="s">
        <v>19304</v>
      </c>
      <c r="B30891" s="6">
        <v>514268.54999999993</v>
      </c>
      <c r="C30891" s="7">
        <f t="shared" si="482"/>
        <v>514.26854999999989</v>
      </c>
    </row>
    <row r="30892" spans="1:3" x14ac:dyDescent="0.25">
      <c r="A30892" s="2" t="s">
        <v>19305</v>
      </c>
      <c r="B30892" s="6">
        <v>514285.19999999995</v>
      </c>
      <c r="C30892" s="7">
        <f t="shared" si="482"/>
        <v>514.28519999999992</v>
      </c>
    </row>
    <row r="30893" spans="1:3" x14ac:dyDescent="0.25">
      <c r="A30893" s="2" t="s">
        <v>19306</v>
      </c>
      <c r="B30893" s="6">
        <v>514301.85</v>
      </c>
      <c r="C30893" s="7">
        <f t="shared" si="482"/>
        <v>514.30184999999994</v>
      </c>
    </row>
    <row r="30894" spans="1:3" x14ac:dyDescent="0.25">
      <c r="A30894" s="2" t="s">
        <v>19307</v>
      </c>
      <c r="B30894" s="6">
        <v>514318.49999999994</v>
      </c>
      <c r="C30894" s="7">
        <f t="shared" si="482"/>
        <v>514.31849999999997</v>
      </c>
    </row>
    <row r="30895" spans="1:3" x14ac:dyDescent="0.25">
      <c r="A30895" s="2" t="s">
        <v>19308</v>
      </c>
      <c r="B30895" s="6">
        <v>514335.14999999997</v>
      </c>
      <c r="C30895" s="7">
        <f t="shared" si="482"/>
        <v>514.33515</v>
      </c>
    </row>
    <row r="30896" spans="1:3" x14ac:dyDescent="0.25">
      <c r="A30896" s="2" t="s">
        <v>19309</v>
      </c>
      <c r="B30896" s="6">
        <v>514351.79999999993</v>
      </c>
      <c r="C30896" s="7">
        <f t="shared" si="482"/>
        <v>514.35179999999991</v>
      </c>
    </row>
    <row r="30897" spans="1:3" x14ac:dyDescent="0.25">
      <c r="A30897" s="2" t="s">
        <v>19310</v>
      </c>
      <c r="B30897" s="6">
        <v>514368.44999999995</v>
      </c>
      <c r="C30897" s="7">
        <f t="shared" si="482"/>
        <v>514.36844999999994</v>
      </c>
    </row>
    <row r="30898" spans="1:3" x14ac:dyDescent="0.25">
      <c r="A30898" s="2" t="s">
        <v>19311</v>
      </c>
      <c r="B30898" s="6">
        <v>514385.1</v>
      </c>
      <c r="C30898" s="7">
        <f t="shared" si="482"/>
        <v>514.38509999999997</v>
      </c>
    </row>
    <row r="30899" spans="1:3" x14ac:dyDescent="0.25">
      <c r="A30899" s="2" t="s">
        <v>19312</v>
      </c>
      <c r="B30899" s="6">
        <v>514401.74999999994</v>
      </c>
      <c r="C30899" s="7">
        <f t="shared" si="482"/>
        <v>514.40174999999999</v>
      </c>
    </row>
    <row r="30900" spans="1:3" x14ac:dyDescent="0.25">
      <c r="A30900" s="2" t="s">
        <v>19313</v>
      </c>
      <c r="B30900" s="6">
        <v>514418.39999999997</v>
      </c>
      <c r="C30900" s="7">
        <f t="shared" si="482"/>
        <v>514.41840000000002</v>
      </c>
    </row>
    <row r="30901" spans="1:3" x14ac:dyDescent="0.25">
      <c r="A30901" s="2" t="s">
        <v>19314</v>
      </c>
      <c r="B30901" s="6">
        <v>514435.04999999993</v>
      </c>
      <c r="C30901" s="7">
        <f t="shared" si="482"/>
        <v>514.43504999999993</v>
      </c>
    </row>
    <row r="30902" spans="1:3" x14ac:dyDescent="0.25">
      <c r="A30902" s="2" t="s">
        <v>19315</v>
      </c>
      <c r="B30902" s="6">
        <v>514451.69999999995</v>
      </c>
      <c r="C30902" s="7">
        <f t="shared" si="482"/>
        <v>514.45169999999996</v>
      </c>
    </row>
    <row r="30903" spans="1:3" x14ac:dyDescent="0.25">
      <c r="A30903" s="2" t="s">
        <v>19316</v>
      </c>
      <c r="B30903" s="6">
        <v>514468.35</v>
      </c>
      <c r="C30903" s="7">
        <f t="shared" si="482"/>
        <v>514.46834999999999</v>
      </c>
    </row>
    <row r="30904" spans="1:3" x14ac:dyDescent="0.25">
      <c r="A30904" s="2" t="s">
        <v>19317</v>
      </c>
      <c r="B30904" s="6">
        <v>514484.99999999994</v>
      </c>
      <c r="C30904" s="7">
        <f t="shared" si="482"/>
        <v>514.4849999999999</v>
      </c>
    </row>
    <row r="30905" spans="1:3" x14ac:dyDescent="0.25">
      <c r="A30905" s="2" t="s">
        <v>19318</v>
      </c>
      <c r="B30905" s="6">
        <v>514501.64999999997</v>
      </c>
      <c r="C30905" s="7">
        <f t="shared" si="482"/>
        <v>514.50164999999993</v>
      </c>
    </row>
    <row r="30906" spans="1:3" x14ac:dyDescent="0.25">
      <c r="A30906" s="2" t="s">
        <v>19319</v>
      </c>
      <c r="B30906" s="6">
        <v>514518.29999999993</v>
      </c>
      <c r="C30906" s="7">
        <f t="shared" si="482"/>
        <v>514.51829999999995</v>
      </c>
    </row>
    <row r="30907" spans="1:3" x14ac:dyDescent="0.25">
      <c r="A30907" s="2" t="s">
        <v>19320</v>
      </c>
      <c r="B30907" s="6">
        <v>514534.94999999995</v>
      </c>
      <c r="C30907" s="7">
        <f t="shared" si="482"/>
        <v>514.53494999999998</v>
      </c>
    </row>
    <row r="30908" spans="1:3" x14ac:dyDescent="0.25">
      <c r="A30908" s="2" t="s">
        <v>19321</v>
      </c>
      <c r="B30908" s="6">
        <v>514551.6</v>
      </c>
      <c r="C30908" s="7">
        <f t="shared" si="482"/>
        <v>514.55160000000001</v>
      </c>
    </row>
    <row r="30909" spans="1:3" x14ac:dyDescent="0.25">
      <c r="A30909" s="2" t="s">
        <v>19322</v>
      </c>
      <c r="B30909" s="6">
        <v>514568.24999999994</v>
      </c>
      <c r="C30909" s="7">
        <f t="shared" si="482"/>
        <v>514.56824999999992</v>
      </c>
    </row>
    <row r="30910" spans="1:3" x14ac:dyDescent="0.25">
      <c r="A30910" s="2" t="s">
        <v>19323</v>
      </c>
      <c r="B30910" s="6">
        <v>514584.89999999997</v>
      </c>
      <c r="C30910" s="7">
        <f t="shared" si="482"/>
        <v>514.58489999999995</v>
      </c>
    </row>
    <row r="30911" spans="1:3" x14ac:dyDescent="0.25">
      <c r="A30911" s="2" t="s">
        <v>19324</v>
      </c>
      <c r="B30911" s="6">
        <v>514601.54999999993</v>
      </c>
      <c r="C30911" s="7">
        <f t="shared" si="482"/>
        <v>514.60154999999997</v>
      </c>
    </row>
    <row r="30912" spans="1:3" x14ac:dyDescent="0.25">
      <c r="A30912" s="2" t="s">
        <v>19325</v>
      </c>
      <c r="B30912" s="6">
        <v>514618.19999999995</v>
      </c>
      <c r="C30912" s="7">
        <f t="shared" si="482"/>
        <v>514.6182</v>
      </c>
    </row>
    <row r="30913" spans="1:3" x14ac:dyDescent="0.25">
      <c r="A30913" s="2" t="s">
        <v>19326</v>
      </c>
      <c r="B30913" s="6">
        <v>514634.85</v>
      </c>
      <c r="C30913" s="7">
        <f t="shared" si="482"/>
        <v>514.63485000000003</v>
      </c>
    </row>
    <row r="30914" spans="1:3" x14ac:dyDescent="0.25">
      <c r="A30914" s="2" t="s">
        <v>19327</v>
      </c>
      <c r="B30914" s="6">
        <v>514651.49999999994</v>
      </c>
      <c r="C30914" s="7">
        <f t="shared" si="482"/>
        <v>514.65149999999994</v>
      </c>
    </row>
    <row r="30915" spans="1:3" x14ac:dyDescent="0.25">
      <c r="A30915" s="2" t="s">
        <v>19328</v>
      </c>
      <c r="B30915" s="6">
        <v>514668.14999999997</v>
      </c>
      <c r="C30915" s="7">
        <f t="shared" ref="C30915:C30978" si="483">B30915/1000</f>
        <v>514.66814999999997</v>
      </c>
    </row>
    <row r="30916" spans="1:3" x14ac:dyDescent="0.25">
      <c r="A30916" s="2" t="s">
        <v>19329</v>
      </c>
      <c r="B30916" s="6">
        <v>514684.79999999993</v>
      </c>
      <c r="C30916" s="7">
        <f t="shared" si="483"/>
        <v>514.68479999999988</v>
      </c>
    </row>
    <row r="30917" spans="1:3" x14ac:dyDescent="0.25">
      <c r="A30917" s="2" t="s">
        <v>19330</v>
      </c>
      <c r="B30917" s="6">
        <v>514701.44999999995</v>
      </c>
      <c r="C30917" s="7">
        <f t="shared" si="483"/>
        <v>514.70144999999991</v>
      </c>
    </row>
    <row r="30918" spans="1:3" x14ac:dyDescent="0.25">
      <c r="A30918" s="2" t="s">
        <v>19331</v>
      </c>
      <c r="B30918" s="6">
        <v>514718.1</v>
      </c>
      <c r="C30918" s="7">
        <f t="shared" si="483"/>
        <v>514.71809999999994</v>
      </c>
    </row>
    <row r="30919" spans="1:3" x14ac:dyDescent="0.25">
      <c r="A30919" s="2" t="s">
        <v>19332</v>
      </c>
      <c r="B30919" s="6">
        <v>514734.74999999994</v>
      </c>
      <c r="C30919" s="7">
        <f t="shared" si="483"/>
        <v>514.73474999999996</v>
      </c>
    </row>
    <row r="30920" spans="1:3" x14ac:dyDescent="0.25">
      <c r="A30920" s="2" t="s">
        <v>19333</v>
      </c>
      <c r="B30920" s="6">
        <v>514751.39999999997</v>
      </c>
      <c r="C30920" s="7">
        <f t="shared" si="483"/>
        <v>514.75139999999999</v>
      </c>
    </row>
    <row r="30921" spans="1:3" x14ac:dyDescent="0.25">
      <c r="A30921" s="2" t="s">
        <v>19334</v>
      </c>
      <c r="B30921" s="6">
        <v>514768.04999999993</v>
      </c>
      <c r="C30921" s="7">
        <f t="shared" si="483"/>
        <v>514.7680499999999</v>
      </c>
    </row>
    <row r="30922" spans="1:3" x14ac:dyDescent="0.25">
      <c r="A30922" s="2" t="s">
        <v>19335</v>
      </c>
      <c r="B30922" s="6">
        <v>514784.69999999995</v>
      </c>
      <c r="C30922" s="7">
        <f t="shared" si="483"/>
        <v>514.78469999999993</v>
      </c>
    </row>
    <row r="30923" spans="1:3" x14ac:dyDescent="0.25">
      <c r="A30923" s="2" t="s">
        <v>19336</v>
      </c>
      <c r="B30923" s="6">
        <v>514801.35</v>
      </c>
      <c r="C30923" s="7">
        <f t="shared" si="483"/>
        <v>514.80134999999996</v>
      </c>
    </row>
    <row r="30924" spans="1:3" x14ac:dyDescent="0.25">
      <c r="A30924" s="2" t="s">
        <v>19337</v>
      </c>
      <c r="B30924" s="6">
        <v>514817.99999999994</v>
      </c>
      <c r="C30924" s="7">
        <f t="shared" si="483"/>
        <v>514.81799999999998</v>
      </c>
    </row>
    <row r="30925" spans="1:3" x14ac:dyDescent="0.25">
      <c r="A30925" s="2" t="s">
        <v>19338</v>
      </c>
      <c r="B30925" s="6">
        <v>514834.64999999997</v>
      </c>
      <c r="C30925" s="7">
        <f t="shared" si="483"/>
        <v>514.83465000000001</v>
      </c>
    </row>
    <row r="30926" spans="1:3" x14ac:dyDescent="0.25">
      <c r="A30926" s="2" t="s">
        <v>19339</v>
      </c>
      <c r="B30926" s="6">
        <v>514851.29999999993</v>
      </c>
      <c r="C30926" s="7">
        <f t="shared" si="483"/>
        <v>514.85129999999992</v>
      </c>
    </row>
    <row r="30927" spans="1:3" x14ac:dyDescent="0.25">
      <c r="A30927" s="2" t="s">
        <v>19340</v>
      </c>
      <c r="B30927" s="6">
        <v>514867.94999999995</v>
      </c>
      <c r="C30927" s="7">
        <f t="shared" si="483"/>
        <v>514.86794999999995</v>
      </c>
    </row>
    <row r="30928" spans="1:3" x14ac:dyDescent="0.25">
      <c r="A30928" s="2" t="s">
        <v>19341</v>
      </c>
      <c r="B30928" s="6">
        <v>514884.6</v>
      </c>
      <c r="C30928" s="7">
        <f t="shared" si="483"/>
        <v>514.88459999999998</v>
      </c>
    </row>
    <row r="30929" spans="1:3" x14ac:dyDescent="0.25">
      <c r="A30929" s="2" t="s">
        <v>19342</v>
      </c>
      <c r="B30929" s="6">
        <v>514901.24999999994</v>
      </c>
      <c r="C30929" s="7">
        <f t="shared" si="483"/>
        <v>514.90124999999989</v>
      </c>
    </row>
    <row r="30930" spans="1:3" x14ac:dyDescent="0.25">
      <c r="A30930" s="2" t="s">
        <v>19343</v>
      </c>
      <c r="B30930" s="6">
        <v>514917.89999999997</v>
      </c>
      <c r="C30930" s="7">
        <f t="shared" si="483"/>
        <v>514.91789999999992</v>
      </c>
    </row>
    <row r="30931" spans="1:3" x14ac:dyDescent="0.25">
      <c r="A30931" s="2" t="s">
        <v>19344</v>
      </c>
      <c r="B30931" s="6">
        <v>514934.54999999993</v>
      </c>
      <c r="C30931" s="7">
        <f t="shared" si="483"/>
        <v>514.93454999999994</v>
      </c>
    </row>
    <row r="30932" spans="1:3" x14ac:dyDescent="0.25">
      <c r="A30932" s="2" t="s">
        <v>19345</v>
      </c>
      <c r="B30932" s="6">
        <v>514951.19999999995</v>
      </c>
      <c r="C30932" s="7">
        <f t="shared" si="483"/>
        <v>514.95119999999997</v>
      </c>
    </row>
    <row r="30933" spans="1:3" x14ac:dyDescent="0.25">
      <c r="A30933" s="2" t="s">
        <v>19346</v>
      </c>
      <c r="B30933" s="6">
        <v>514967.85</v>
      </c>
      <c r="C30933" s="7">
        <f t="shared" si="483"/>
        <v>514.96785</v>
      </c>
    </row>
    <row r="30934" spans="1:3" x14ac:dyDescent="0.25">
      <c r="A30934" s="2" t="s">
        <v>19347</v>
      </c>
      <c r="B30934" s="6">
        <v>514984.49999999994</v>
      </c>
      <c r="C30934" s="7">
        <f t="shared" si="483"/>
        <v>514.98449999999991</v>
      </c>
    </row>
    <row r="30935" spans="1:3" x14ac:dyDescent="0.25">
      <c r="A30935" s="2" t="s">
        <v>19348</v>
      </c>
      <c r="B30935" s="6">
        <v>515001.14999999997</v>
      </c>
      <c r="C30935" s="7">
        <f t="shared" si="483"/>
        <v>515.00114999999994</v>
      </c>
    </row>
    <row r="30936" spans="1:3" x14ac:dyDescent="0.25">
      <c r="A30936" s="2" t="s">
        <v>19349</v>
      </c>
      <c r="B30936" s="6">
        <v>515017.79999999993</v>
      </c>
      <c r="C30936" s="7">
        <f t="shared" si="483"/>
        <v>515.01779999999997</v>
      </c>
    </row>
    <row r="30937" spans="1:3" x14ac:dyDescent="0.25">
      <c r="A30937" s="2" t="s">
        <v>19350</v>
      </c>
      <c r="B30937" s="6">
        <v>515034.44999999995</v>
      </c>
      <c r="C30937" s="7">
        <f t="shared" si="483"/>
        <v>515.03444999999999</v>
      </c>
    </row>
    <row r="30938" spans="1:3" x14ac:dyDescent="0.25">
      <c r="A30938" s="2" t="s">
        <v>19351</v>
      </c>
      <c r="B30938" s="6">
        <v>515051.1</v>
      </c>
      <c r="C30938" s="7">
        <f t="shared" si="483"/>
        <v>515.05110000000002</v>
      </c>
    </row>
    <row r="30939" spans="1:3" x14ac:dyDescent="0.25">
      <c r="A30939" s="2" t="s">
        <v>19352</v>
      </c>
      <c r="B30939" s="6">
        <v>515067.74999999994</v>
      </c>
      <c r="C30939" s="7">
        <f t="shared" si="483"/>
        <v>515.06774999999993</v>
      </c>
    </row>
    <row r="30940" spans="1:3" x14ac:dyDescent="0.25">
      <c r="A30940" s="2" t="s">
        <v>19353</v>
      </c>
      <c r="B30940" s="6">
        <v>515084.39999999997</v>
      </c>
      <c r="C30940" s="7">
        <f t="shared" si="483"/>
        <v>515.08439999999996</v>
      </c>
    </row>
    <row r="30941" spans="1:3" x14ac:dyDescent="0.25">
      <c r="A30941" s="2" t="s">
        <v>19354</v>
      </c>
      <c r="B30941" s="6">
        <v>515101.04999999993</v>
      </c>
      <c r="C30941" s="7">
        <f t="shared" si="483"/>
        <v>515.10104999999999</v>
      </c>
    </row>
    <row r="30942" spans="1:3" x14ac:dyDescent="0.25">
      <c r="A30942" s="2" t="s">
        <v>19355</v>
      </c>
      <c r="B30942" s="6">
        <v>515117.69999999995</v>
      </c>
      <c r="C30942" s="7">
        <f t="shared" si="483"/>
        <v>515.1176999999999</v>
      </c>
    </row>
    <row r="30943" spans="1:3" x14ac:dyDescent="0.25">
      <c r="A30943" s="2" t="s">
        <v>19356</v>
      </c>
      <c r="B30943" s="6">
        <v>515134.35</v>
      </c>
      <c r="C30943" s="7">
        <f t="shared" si="483"/>
        <v>515.13434999999993</v>
      </c>
    </row>
    <row r="30944" spans="1:3" x14ac:dyDescent="0.25">
      <c r="A30944" s="2" t="s">
        <v>19357</v>
      </c>
      <c r="B30944" s="6">
        <v>515150.99999999994</v>
      </c>
      <c r="C30944" s="7">
        <f t="shared" si="483"/>
        <v>515.15099999999995</v>
      </c>
    </row>
    <row r="30945" spans="1:3" x14ac:dyDescent="0.25">
      <c r="A30945" s="2" t="s">
        <v>19358</v>
      </c>
      <c r="B30945" s="6">
        <v>515167.64999999997</v>
      </c>
      <c r="C30945" s="7">
        <f t="shared" si="483"/>
        <v>515.16764999999998</v>
      </c>
    </row>
    <row r="30946" spans="1:3" x14ac:dyDescent="0.25">
      <c r="A30946" s="2" t="s">
        <v>19359</v>
      </c>
      <c r="B30946" s="6">
        <v>515184.29999999993</v>
      </c>
      <c r="C30946" s="7">
        <f t="shared" si="483"/>
        <v>515.18429999999989</v>
      </c>
    </row>
    <row r="30947" spans="1:3" x14ac:dyDescent="0.25">
      <c r="A30947" s="2" t="s">
        <v>19360</v>
      </c>
      <c r="B30947" s="6">
        <v>515200.94999999995</v>
      </c>
      <c r="C30947" s="7">
        <f t="shared" si="483"/>
        <v>515.20094999999992</v>
      </c>
    </row>
    <row r="30948" spans="1:3" x14ac:dyDescent="0.25">
      <c r="A30948" s="2" t="s">
        <v>19361</v>
      </c>
      <c r="B30948" s="6">
        <v>515217.6</v>
      </c>
      <c r="C30948" s="7">
        <f t="shared" si="483"/>
        <v>515.21759999999995</v>
      </c>
    </row>
    <row r="30949" spans="1:3" x14ac:dyDescent="0.25">
      <c r="A30949" s="2" t="s">
        <v>19362</v>
      </c>
      <c r="B30949" s="6">
        <v>515234.24999999994</v>
      </c>
      <c r="C30949" s="7">
        <f t="shared" si="483"/>
        <v>515.23424999999997</v>
      </c>
    </row>
    <row r="30950" spans="1:3" x14ac:dyDescent="0.25">
      <c r="A30950" s="2" t="s">
        <v>19363</v>
      </c>
      <c r="B30950" s="6">
        <v>515250.89999999997</v>
      </c>
      <c r="C30950" s="7">
        <f t="shared" si="483"/>
        <v>515.2509</v>
      </c>
    </row>
    <row r="30951" spans="1:3" x14ac:dyDescent="0.25">
      <c r="A30951" s="2" t="s">
        <v>19364</v>
      </c>
      <c r="B30951" s="6">
        <v>515267.54999999993</v>
      </c>
      <c r="C30951" s="7">
        <f t="shared" si="483"/>
        <v>515.26754999999991</v>
      </c>
    </row>
    <row r="30952" spans="1:3" x14ac:dyDescent="0.25">
      <c r="A30952" s="2" t="s">
        <v>19365</v>
      </c>
      <c r="B30952" s="6">
        <v>515284.19999999995</v>
      </c>
      <c r="C30952" s="7">
        <f t="shared" si="483"/>
        <v>515.28419999999994</v>
      </c>
    </row>
    <row r="30953" spans="1:3" x14ac:dyDescent="0.25">
      <c r="A30953" s="2" t="s">
        <v>19366</v>
      </c>
      <c r="B30953" s="6">
        <v>515300.85</v>
      </c>
      <c r="C30953" s="7">
        <f t="shared" si="483"/>
        <v>515.30084999999997</v>
      </c>
    </row>
    <row r="30954" spans="1:3" x14ac:dyDescent="0.25">
      <c r="A30954" s="2" t="s">
        <v>19367</v>
      </c>
      <c r="B30954" s="6">
        <v>515317.49999999994</v>
      </c>
      <c r="C30954" s="7">
        <f t="shared" si="483"/>
        <v>515.3175</v>
      </c>
    </row>
    <row r="30955" spans="1:3" x14ac:dyDescent="0.25">
      <c r="A30955" s="2" t="s">
        <v>19368</v>
      </c>
      <c r="B30955" s="6">
        <v>515334.14999999997</v>
      </c>
      <c r="C30955" s="7">
        <f t="shared" si="483"/>
        <v>515.33414999999991</v>
      </c>
    </row>
    <row r="30956" spans="1:3" x14ac:dyDescent="0.25">
      <c r="A30956" s="2" t="s">
        <v>19369</v>
      </c>
      <c r="B30956" s="6">
        <v>515350.79999999993</v>
      </c>
      <c r="C30956" s="7">
        <f t="shared" si="483"/>
        <v>515.35079999999994</v>
      </c>
    </row>
    <row r="30957" spans="1:3" x14ac:dyDescent="0.25">
      <c r="A30957" s="2" t="s">
        <v>19370</v>
      </c>
      <c r="B30957" s="6">
        <v>515367.44999999995</v>
      </c>
      <c r="C30957" s="7">
        <f t="shared" si="483"/>
        <v>515.36744999999996</v>
      </c>
    </row>
    <row r="30958" spans="1:3" x14ac:dyDescent="0.25">
      <c r="A30958" s="2" t="s">
        <v>19371</v>
      </c>
      <c r="B30958" s="6">
        <v>515384.1</v>
      </c>
      <c r="C30958" s="7">
        <f t="shared" si="483"/>
        <v>515.38409999999999</v>
      </c>
    </row>
    <row r="30959" spans="1:3" x14ac:dyDescent="0.25">
      <c r="A30959" s="2" t="s">
        <v>19372</v>
      </c>
      <c r="B30959" s="6">
        <v>515400.74999999994</v>
      </c>
      <c r="C30959" s="7">
        <f t="shared" si="483"/>
        <v>515.4007499999999</v>
      </c>
    </row>
    <row r="30960" spans="1:3" x14ac:dyDescent="0.25">
      <c r="A30960" s="2" t="s">
        <v>19373</v>
      </c>
      <c r="B30960" s="6">
        <v>515417.39999999997</v>
      </c>
      <c r="C30960" s="7">
        <f t="shared" si="483"/>
        <v>515.41739999999993</v>
      </c>
    </row>
    <row r="30961" spans="1:3" x14ac:dyDescent="0.25">
      <c r="A30961" s="2" t="s">
        <v>19374</v>
      </c>
      <c r="B30961" s="6">
        <v>515434.04999999993</v>
      </c>
      <c r="C30961" s="7">
        <f t="shared" si="483"/>
        <v>515.43404999999996</v>
      </c>
    </row>
    <row r="30962" spans="1:3" x14ac:dyDescent="0.25">
      <c r="A30962" s="2" t="s">
        <v>19375</v>
      </c>
      <c r="B30962" s="6">
        <v>515450.69999999995</v>
      </c>
      <c r="C30962" s="7">
        <f t="shared" si="483"/>
        <v>515.45069999999998</v>
      </c>
    </row>
    <row r="30963" spans="1:3" x14ac:dyDescent="0.25">
      <c r="A30963" s="2" t="s">
        <v>19376</v>
      </c>
      <c r="B30963" s="6">
        <v>515467.35</v>
      </c>
      <c r="C30963" s="7">
        <f t="shared" si="483"/>
        <v>515.46735000000001</v>
      </c>
    </row>
    <row r="30964" spans="1:3" x14ac:dyDescent="0.25">
      <c r="A30964" s="2" t="s">
        <v>19377</v>
      </c>
      <c r="B30964" s="6">
        <v>515483.99999999994</v>
      </c>
      <c r="C30964" s="7">
        <f t="shared" si="483"/>
        <v>515.48399999999992</v>
      </c>
    </row>
    <row r="30965" spans="1:3" x14ac:dyDescent="0.25">
      <c r="A30965" s="2" t="s">
        <v>19378</v>
      </c>
      <c r="B30965" s="6">
        <v>515500.64999999997</v>
      </c>
      <c r="C30965" s="7">
        <f t="shared" si="483"/>
        <v>515.50064999999995</v>
      </c>
    </row>
    <row r="30966" spans="1:3" x14ac:dyDescent="0.25">
      <c r="A30966" s="2" t="s">
        <v>19379</v>
      </c>
      <c r="B30966" s="6">
        <v>515517.29999999993</v>
      </c>
      <c r="C30966" s="7">
        <f t="shared" si="483"/>
        <v>515.51729999999998</v>
      </c>
    </row>
    <row r="30967" spans="1:3" x14ac:dyDescent="0.25">
      <c r="A30967" s="2" t="s">
        <v>19380</v>
      </c>
      <c r="B30967" s="6">
        <v>515533.94999999995</v>
      </c>
      <c r="C30967" s="7">
        <f t="shared" si="483"/>
        <v>515.53395</v>
      </c>
    </row>
    <row r="30968" spans="1:3" x14ac:dyDescent="0.25">
      <c r="A30968" s="2" t="s">
        <v>19381</v>
      </c>
      <c r="B30968" s="6">
        <v>515550.6</v>
      </c>
      <c r="C30968" s="7">
        <f t="shared" si="483"/>
        <v>515.55060000000003</v>
      </c>
    </row>
    <row r="30969" spans="1:3" x14ac:dyDescent="0.25">
      <c r="A30969" s="2" t="s">
        <v>19382</v>
      </c>
      <c r="B30969" s="6">
        <v>515567.24999999994</v>
      </c>
      <c r="C30969" s="7">
        <f t="shared" si="483"/>
        <v>515.56724999999994</v>
      </c>
    </row>
    <row r="30970" spans="1:3" x14ac:dyDescent="0.25">
      <c r="A30970" s="2" t="s">
        <v>19383</v>
      </c>
      <c r="B30970" s="6">
        <v>515583.89999999997</v>
      </c>
      <c r="C30970" s="7">
        <f t="shared" si="483"/>
        <v>515.58389999999997</v>
      </c>
    </row>
    <row r="30971" spans="1:3" x14ac:dyDescent="0.25">
      <c r="A30971" s="2" t="s">
        <v>19384</v>
      </c>
      <c r="B30971" s="6">
        <v>515600.54999999993</v>
      </c>
      <c r="C30971" s="7">
        <f t="shared" si="483"/>
        <v>515.60054999999988</v>
      </c>
    </row>
    <row r="30972" spans="1:3" x14ac:dyDescent="0.25">
      <c r="A30972" s="2" t="s">
        <v>19385</v>
      </c>
      <c r="B30972" s="6">
        <v>515617.19999999995</v>
      </c>
      <c r="C30972" s="7">
        <f t="shared" si="483"/>
        <v>515.61719999999991</v>
      </c>
    </row>
    <row r="30973" spans="1:3" x14ac:dyDescent="0.25">
      <c r="A30973" s="2" t="s">
        <v>19386</v>
      </c>
      <c r="B30973" s="6">
        <v>515633.85</v>
      </c>
      <c r="C30973" s="7">
        <f t="shared" si="483"/>
        <v>515.63384999999994</v>
      </c>
    </row>
    <row r="30974" spans="1:3" x14ac:dyDescent="0.25">
      <c r="A30974" s="2" t="s">
        <v>19387</v>
      </c>
      <c r="B30974" s="6">
        <v>515650.49999999994</v>
      </c>
      <c r="C30974" s="7">
        <f t="shared" si="483"/>
        <v>515.65049999999997</v>
      </c>
    </row>
    <row r="30975" spans="1:3" x14ac:dyDescent="0.25">
      <c r="A30975" s="2" t="s">
        <v>19388</v>
      </c>
      <c r="B30975" s="6">
        <v>515667.14999999997</v>
      </c>
      <c r="C30975" s="7">
        <f t="shared" si="483"/>
        <v>515.66714999999999</v>
      </c>
    </row>
    <row r="30976" spans="1:3" x14ac:dyDescent="0.25">
      <c r="A30976" s="2" t="s">
        <v>19389</v>
      </c>
      <c r="B30976" s="6">
        <v>515683.79999999993</v>
      </c>
      <c r="C30976" s="7">
        <f t="shared" si="483"/>
        <v>515.68379999999991</v>
      </c>
    </row>
    <row r="30977" spans="1:3" x14ac:dyDescent="0.25">
      <c r="A30977" s="2" t="s">
        <v>19390</v>
      </c>
      <c r="B30977" s="6">
        <v>515700.44999999995</v>
      </c>
      <c r="C30977" s="7">
        <f t="shared" si="483"/>
        <v>515.70044999999993</v>
      </c>
    </row>
    <row r="30978" spans="1:3" x14ac:dyDescent="0.25">
      <c r="A30978" s="2" t="s">
        <v>19391</v>
      </c>
      <c r="B30978" s="6">
        <v>515717.1</v>
      </c>
      <c r="C30978" s="7">
        <f t="shared" si="483"/>
        <v>515.71709999999996</v>
      </c>
    </row>
    <row r="30979" spans="1:3" x14ac:dyDescent="0.25">
      <c r="A30979" s="2" t="s">
        <v>19392</v>
      </c>
      <c r="B30979" s="6">
        <v>515733.74999999994</v>
      </c>
      <c r="C30979" s="7">
        <f t="shared" ref="C30979:C31042" si="484">B30979/1000</f>
        <v>515.73374999999999</v>
      </c>
    </row>
    <row r="30980" spans="1:3" x14ac:dyDescent="0.25">
      <c r="A30980" s="2" t="s">
        <v>19393</v>
      </c>
      <c r="B30980" s="6">
        <v>515750.39999999997</v>
      </c>
      <c r="C30980" s="7">
        <f t="shared" si="484"/>
        <v>515.75040000000001</v>
      </c>
    </row>
    <row r="30981" spans="1:3" x14ac:dyDescent="0.25">
      <c r="A30981" s="2" t="s">
        <v>19394</v>
      </c>
      <c r="B30981" s="6">
        <v>515767.04999999993</v>
      </c>
      <c r="C30981" s="7">
        <f t="shared" si="484"/>
        <v>515.76704999999993</v>
      </c>
    </row>
    <row r="30982" spans="1:3" x14ac:dyDescent="0.25">
      <c r="A30982" s="2" t="s">
        <v>19395</v>
      </c>
      <c r="B30982" s="6">
        <v>515783.69999999995</v>
      </c>
      <c r="C30982" s="7">
        <f t="shared" si="484"/>
        <v>515.78369999999995</v>
      </c>
    </row>
    <row r="30983" spans="1:3" x14ac:dyDescent="0.25">
      <c r="A30983" s="2" t="s">
        <v>19396</v>
      </c>
      <c r="B30983" s="6">
        <v>515800.35</v>
      </c>
      <c r="C30983" s="7">
        <f t="shared" si="484"/>
        <v>515.80034999999998</v>
      </c>
    </row>
    <row r="30984" spans="1:3" x14ac:dyDescent="0.25">
      <c r="A30984" s="2" t="s">
        <v>19397</v>
      </c>
      <c r="B30984" s="6">
        <v>515816.99999999994</v>
      </c>
      <c r="C30984" s="7">
        <f t="shared" si="484"/>
        <v>515.81699999999989</v>
      </c>
    </row>
    <row r="30985" spans="1:3" x14ac:dyDescent="0.25">
      <c r="A30985" s="2" t="s">
        <v>19398</v>
      </c>
      <c r="B30985" s="6">
        <v>515833.64999999997</v>
      </c>
      <c r="C30985" s="7">
        <f t="shared" si="484"/>
        <v>515.83364999999992</v>
      </c>
    </row>
    <row r="30986" spans="1:3" x14ac:dyDescent="0.25">
      <c r="A30986" s="2" t="s">
        <v>19399</v>
      </c>
      <c r="B30986" s="6">
        <v>515850.29999999993</v>
      </c>
      <c r="C30986" s="7">
        <f t="shared" si="484"/>
        <v>515.85029999999995</v>
      </c>
    </row>
    <row r="30987" spans="1:3" x14ac:dyDescent="0.25">
      <c r="A30987" s="2" t="s">
        <v>19400</v>
      </c>
      <c r="B30987" s="6">
        <v>515866.94999999995</v>
      </c>
      <c r="C30987" s="7">
        <f t="shared" si="484"/>
        <v>515.86694999999997</v>
      </c>
    </row>
    <row r="30988" spans="1:3" x14ac:dyDescent="0.25">
      <c r="A30988" s="2" t="s">
        <v>19401</v>
      </c>
      <c r="B30988" s="6">
        <v>515883.6</v>
      </c>
      <c r="C30988" s="7">
        <f t="shared" si="484"/>
        <v>515.8836</v>
      </c>
    </row>
    <row r="30989" spans="1:3" x14ac:dyDescent="0.25">
      <c r="A30989" s="2" t="s">
        <v>19402</v>
      </c>
      <c r="B30989" s="6">
        <v>515900.24999999994</v>
      </c>
      <c r="C30989" s="7">
        <f t="shared" si="484"/>
        <v>515.90024999999991</v>
      </c>
    </row>
    <row r="30990" spans="1:3" x14ac:dyDescent="0.25">
      <c r="A30990" s="2" t="s">
        <v>19403</v>
      </c>
      <c r="B30990" s="6">
        <v>515916.89999999997</v>
      </c>
      <c r="C30990" s="7">
        <f t="shared" si="484"/>
        <v>515.91689999999994</v>
      </c>
    </row>
    <row r="30991" spans="1:3" x14ac:dyDescent="0.25">
      <c r="A30991" s="2" t="s">
        <v>19404</v>
      </c>
      <c r="B30991" s="6">
        <v>515933.54999999993</v>
      </c>
      <c r="C30991" s="7">
        <f t="shared" si="484"/>
        <v>515.93354999999997</v>
      </c>
    </row>
    <row r="30992" spans="1:3" x14ac:dyDescent="0.25">
      <c r="A30992" s="2" t="s">
        <v>19405</v>
      </c>
      <c r="B30992" s="6">
        <v>515950.19999999995</v>
      </c>
      <c r="C30992" s="7">
        <f t="shared" si="484"/>
        <v>515.9502</v>
      </c>
    </row>
    <row r="30993" spans="1:3" x14ac:dyDescent="0.25">
      <c r="A30993" s="2" t="s">
        <v>19406</v>
      </c>
      <c r="B30993" s="6">
        <v>515966.85</v>
      </c>
      <c r="C30993" s="7">
        <f t="shared" si="484"/>
        <v>515.96685000000002</v>
      </c>
    </row>
    <row r="30994" spans="1:3" x14ac:dyDescent="0.25">
      <c r="A30994" s="2" t="s">
        <v>19407</v>
      </c>
      <c r="B30994" s="6">
        <v>515983.49999999994</v>
      </c>
      <c r="C30994" s="7">
        <f t="shared" si="484"/>
        <v>515.98349999999994</v>
      </c>
    </row>
    <row r="30995" spans="1:3" x14ac:dyDescent="0.25">
      <c r="A30995" s="2" t="s">
        <v>19408</v>
      </c>
      <c r="B30995" s="6">
        <v>516000.14999999997</v>
      </c>
      <c r="C30995" s="7">
        <f t="shared" si="484"/>
        <v>516.00014999999996</v>
      </c>
    </row>
    <row r="30996" spans="1:3" x14ac:dyDescent="0.25">
      <c r="A30996" s="2" t="s">
        <v>19409</v>
      </c>
      <c r="B30996" s="6">
        <v>516016.79999999993</v>
      </c>
      <c r="C30996" s="7">
        <f t="shared" si="484"/>
        <v>516.01679999999988</v>
      </c>
    </row>
    <row r="30997" spans="1:3" x14ac:dyDescent="0.25">
      <c r="A30997" s="2" t="s">
        <v>19410</v>
      </c>
      <c r="B30997" s="6">
        <v>516033.44999999995</v>
      </c>
      <c r="C30997" s="7">
        <f t="shared" si="484"/>
        <v>516.0334499999999</v>
      </c>
    </row>
    <row r="30998" spans="1:3" x14ac:dyDescent="0.25">
      <c r="A30998" s="2" t="s">
        <v>19411</v>
      </c>
      <c r="B30998" s="6">
        <v>516050.1</v>
      </c>
      <c r="C30998" s="7">
        <f t="shared" si="484"/>
        <v>516.05009999999993</v>
      </c>
    </row>
    <row r="30999" spans="1:3" x14ac:dyDescent="0.25">
      <c r="A30999" s="2" t="s">
        <v>19412</v>
      </c>
      <c r="B30999" s="6">
        <v>516066.74999999994</v>
      </c>
      <c r="C30999" s="7">
        <f t="shared" si="484"/>
        <v>516.06674999999996</v>
      </c>
    </row>
    <row r="31000" spans="1:3" x14ac:dyDescent="0.25">
      <c r="A31000" s="2" t="s">
        <v>19413</v>
      </c>
      <c r="B31000" s="6">
        <v>516083.39999999997</v>
      </c>
      <c r="C31000" s="7">
        <f t="shared" si="484"/>
        <v>516.08339999999998</v>
      </c>
    </row>
    <row r="31001" spans="1:3" x14ac:dyDescent="0.25">
      <c r="A31001" s="2" t="s">
        <v>19414</v>
      </c>
      <c r="B31001" s="6">
        <v>516100.04999999993</v>
      </c>
      <c r="C31001" s="7">
        <f t="shared" si="484"/>
        <v>516.1000499999999</v>
      </c>
    </row>
    <row r="31002" spans="1:3" x14ac:dyDescent="0.25">
      <c r="A31002" s="2" t="s">
        <v>19415</v>
      </c>
      <c r="B31002" s="6">
        <v>516116.69999999995</v>
      </c>
      <c r="C31002" s="7">
        <f t="shared" si="484"/>
        <v>516.11669999999992</v>
      </c>
    </row>
    <row r="31003" spans="1:3" x14ac:dyDescent="0.25">
      <c r="A31003" s="2" t="s">
        <v>19416</v>
      </c>
      <c r="B31003" s="6">
        <v>516133.35</v>
      </c>
      <c r="C31003" s="7">
        <f t="shared" si="484"/>
        <v>516.13334999999995</v>
      </c>
    </row>
    <row r="31004" spans="1:3" x14ac:dyDescent="0.25">
      <c r="A31004" s="2" t="s">
        <v>19417</v>
      </c>
      <c r="B31004" s="6">
        <v>516149.99999999994</v>
      </c>
      <c r="C31004" s="7">
        <f t="shared" si="484"/>
        <v>516.15</v>
      </c>
    </row>
    <row r="31005" spans="1:3" x14ac:dyDescent="0.25">
      <c r="A31005" s="2" t="s">
        <v>19418</v>
      </c>
      <c r="B31005" s="6">
        <v>516166.64999999997</v>
      </c>
      <c r="C31005" s="7">
        <f t="shared" si="484"/>
        <v>516.16665</v>
      </c>
    </row>
    <row r="31006" spans="1:3" x14ac:dyDescent="0.25">
      <c r="A31006" s="2" t="s">
        <v>19419</v>
      </c>
      <c r="B31006" s="6">
        <v>516183.29999999993</v>
      </c>
      <c r="C31006" s="7">
        <f t="shared" si="484"/>
        <v>516.18329999999992</v>
      </c>
    </row>
    <row r="31007" spans="1:3" x14ac:dyDescent="0.25">
      <c r="A31007" s="2" t="s">
        <v>19420</v>
      </c>
      <c r="B31007" s="6">
        <v>516199.94999999995</v>
      </c>
      <c r="C31007" s="7">
        <f t="shared" si="484"/>
        <v>516.19994999999994</v>
      </c>
    </row>
    <row r="31008" spans="1:3" x14ac:dyDescent="0.25">
      <c r="A31008" s="2" t="s">
        <v>19421</v>
      </c>
      <c r="B31008" s="6">
        <v>516216.6</v>
      </c>
      <c r="C31008" s="7">
        <f t="shared" si="484"/>
        <v>516.21659999999997</v>
      </c>
    </row>
    <row r="31009" spans="1:3" x14ac:dyDescent="0.25">
      <c r="A31009" s="2" t="s">
        <v>19422</v>
      </c>
      <c r="B31009" s="6">
        <v>516233.24999999994</v>
      </c>
      <c r="C31009" s="7">
        <f t="shared" si="484"/>
        <v>516.23325</v>
      </c>
    </row>
    <row r="31010" spans="1:3" x14ac:dyDescent="0.25">
      <c r="A31010" s="2" t="s">
        <v>19423</v>
      </c>
      <c r="B31010" s="6">
        <v>516249.89999999997</v>
      </c>
      <c r="C31010" s="7">
        <f t="shared" si="484"/>
        <v>516.24989999999991</v>
      </c>
    </row>
    <row r="31011" spans="1:3" x14ac:dyDescent="0.25">
      <c r="A31011" s="2" t="s">
        <v>19424</v>
      </c>
      <c r="B31011" s="6">
        <v>516266.54999999993</v>
      </c>
      <c r="C31011" s="7">
        <f t="shared" si="484"/>
        <v>516.26654999999994</v>
      </c>
    </row>
    <row r="31012" spans="1:3" x14ac:dyDescent="0.25">
      <c r="A31012" s="2" t="s">
        <v>19425</v>
      </c>
      <c r="B31012" s="6">
        <v>516283.19999999995</v>
      </c>
      <c r="C31012" s="7">
        <f t="shared" si="484"/>
        <v>516.28319999999997</v>
      </c>
    </row>
    <row r="31013" spans="1:3" x14ac:dyDescent="0.25">
      <c r="A31013" s="2" t="s">
        <v>19426</v>
      </c>
      <c r="B31013" s="6">
        <v>516299.85</v>
      </c>
      <c r="C31013" s="7">
        <f t="shared" si="484"/>
        <v>516.29984999999999</v>
      </c>
    </row>
    <row r="31014" spans="1:3" x14ac:dyDescent="0.25">
      <c r="A31014" s="2" t="s">
        <v>19427</v>
      </c>
      <c r="B31014" s="6">
        <v>516316.49999999994</v>
      </c>
      <c r="C31014" s="7">
        <f t="shared" si="484"/>
        <v>516.31649999999991</v>
      </c>
    </row>
    <row r="31015" spans="1:3" x14ac:dyDescent="0.25">
      <c r="A31015" s="2" t="s">
        <v>19428</v>
      </c>
      <c r="B31015" s="6">
        <v>516333.14999999997</v>
      </c>
      <c r="C31015" s="7">
        <f t="shared" si="484"/>
        <v>516.33314999999993</v>
      </c>
    </row>
    <row r="31016" spans="1:3" x14ac:dyDescent="0.25">
      <c r="A31016" s="2" t="s">
        <v>19429</v>
      </c>
      <c r="B31016" s="6">
        <v>516349.79999999993</v>
      </c>
      <c r="C31016" s="7">
        <f t="shared" si="484"/>
        <v>516.34979999999996</v>
      </c>
    </row>
    <row r="31017" spans="1:3" x14ac:dyDescent="0.25">
      <c r="A31017" s="2" t="s">
        <v>19430</v>
      </c>
      <c r="B31017" s="6">
        <v>516366.44999999995</v>
      </c>
      <c r="C31017" s="7">
        <f t="shared" si="484"/>
        <v>516.36644999999999</v>
      </c>
    </row>
    <row r="31018" spans="1:3" x14ac:dyDescent="0.25">
      <c r="A31018" s="2" t="s">
        <v>19431</v>
      </c>
      <c r="B31018" s="6">
        <v>516383.1</v>
      </c>
      <c r="C31018" s="7">
        <f t="shared" si="484"/>
        <v>516.38310000000001</v>
      </c>
    </row>
    <row r="31019" spans="1:3" x14ac:dyDescent="0.25">
      <c r="A31019" s="2" t="s">
        <v>19432</v>
      </c>
      <c r="B31019" s="6">
        <v>516399.74999999994</v>
      </c>
      <c r="C31019" s="7">
        <f t="shared" si="484"/>
        <v>516.39974999999993</v>
      </c>
    </row>
    <row r="31020" spans="1:3" x14ac:dyDescent="0.25">
      <c r="A31020" s="2" t="s">
        <v>19433</v>
      </c>
      <c r="B31020" s="6">
        <v>516416.39999999997</v>
      </c>
      <c r="C31020" s="7">
        <f t="shared" si="484"/>
        <v>516.41639999999995</v>
      </c>
    </row>
    <row r="31021" spans="1:3" x14ac:dyDescent="0.25">
      <c r="A31021" s="2" t="s">
        <v>19434</v>
      </c>
      <c r="B31021" s="6">
        <v>516433.04999999993</v>
      </c>
      <c r="C31021" s="7">
        <f t="shared" si="484"/>
        <v>516.43304999999998</v>
      </c>
    </row>
    <row r="31022" spans="1:3" x14ac:dyDescent="0.25">
      <c r="A31022" s="2" t="s">
        <v>19435</v>
      </c>
      <c r="B31022" s="6">
        <v>516449.69999999995</v>
      </c>
      <c r="C31022" s="7">
        <f t="shared" si="484"/>
        <v>516.44970000000001</v>
      </c>
    </row>
    <row r="31023" spans="1:3" x14ac:dyDescent="0.25">
      <c r="A31023" s="2" t="s">
        <v>19436</v>
      </c>
      <c r="B31023" s="6">
        <v>516466.35</v>
      </c>
      <c r="C31023" s="7">
        <f t="shared" si="484"/>
        <v>516.46634999999992</v>
      </c>
    </row>
    <row r="31024" spans="1:3" x14ac:dyDescent="0.25">
      <c r="A31024" s="2" t="s">
        <v>19437</v>
      </c>
      <c r="B31024" s="6">
        <v>516482.99999999994</v>
      </c>
      <c r="C31024" s="7">
        <f t="shared" si="484"/>
        <v>516.48299999999995</v>
      </c>
    </row>
    <row r="31025" spans="1:3" x14ac:dyDescent="0.25">
      <c r="A31025" s="2" t="s">
        <v>19438</v>
      </c>
      <c r="B31025" s="6">
        <v>516499.64999999997</v>
      </c>
      <c r="C31025" s="7">
        <f t="shared" si="484"/>
        <v>516.49964999999997</v>
      </c>
    </row>
    <row r="31026" spans="1:3" x14ac:dyDescent="0.25">
      <c r="A31026" s="2" t="s">
        <v>19439</v>
      </c>
      <c r="B31026" s="6">
        <v>516516.29999999993</v>
      </c>
      <c r="C31026" s="7">
        <f t="shared" si="484"/>
        <v>516.51629999999989</v>
      </c>
    </row>
    <row r="31027" spans="1:3" x14ac:dyDescent="0.25">
      <c r="A31027" s="2" t="s">
        <v>19440</v>
      </c>
      <c r="B31027" s="6">
        <v>516532.94999999995</v>
      </c>
      <c r="C31027" s="7">
        <f t="shared" si="484"/>
        <v>516.53294999999991</v>
      </c>
    </row>
    <row r="31028" spans="1:3" x14ac:dyDescent="0.25">
      <c r="A31028" s="2" t="s">
        <v>19441</v>
      </c>
      <c r="B31028" s="6">
        <v>516549.6</v>
      </c>
      <c r="C31028" s="7">
        <f t="shared" si="484"/>
        <v>516.54959999999994</v>
      </c>
    </row>
    <row r="31029" spans="1:3" x14ac:dyDescent="0.25">
      <c r="A31029" s="2" t="s">
        <v>19442</v>
      </c>
      <c r="B31029" s="6">
        <v>516566.24999999994</v>
      </c>
      <c r="C31029" s="7">
        <f t="shared" si="484"/>
        <v>516.56624999999997</v>
      </c>
    </row>
    <row r="31030" spans="1:3" x14ac:dyDescent="0.25">
      <c r="A31030" s="2" t="s">
        <v>19443</v>
      </c>
      <c r="B31030" s="6">
        <v>516582.89999999997</v>
      </c>
      <c r="C31030" s="7">
        <f t="shared" si="484"/>
        <v>516.5829</v>
      </c>
    </row>
    <row r="31031" spans="1:3" x14ac:dyDescent="0.25">
      <c r="A31031" s="2" t="s">
        <v>19444</v>
      </c>
      <c r="B31031" s="6">
        <v>516599.54999999993</v>
      </c>
      <c r="C31031" s="7">
        <f t="shared" si="484"/>
        <v>516.59954999999991</v>
      </c>
    </row>
    <row r="31032" spans="1:3" x14ac:dyDescent="0.25">
      <c r="A31032" s="2" t="s">
        <v>19445</v>
      </c>
      <c r="B31032" s="6">
        <v>516616.19999999995</v>
      </c>
      <c r="C31032" s="7">
        <f t="shared" si="484"/>
        <v>516.61619999999994</v>
      </c>
    </row>
    <row r="31033" spans="1:3" x14ac:dyDescent="0.25">
      <c r="A31033" s="2" t="s">
        <v>19446</v>
      </c>
      <c r="B31033" s="6">
        <v>516632.85</v>
      </c>
      <c r="C31033" s="7">
        <f t="shared" si="484"/>
        <v>516.63284999999996</v>
      </c>
    </row>
    <row r="31034" spans="1:3" x14ac:dyDescent="0.25">
      <c r="A31034" s="2" t="s">
        <v>19447</v>
      </c>
      <c r="B31034" s="6">
        <v>516649.49999999994</v>
      </c>
      <c r="C31034" s="7">
        <f t="shared" si="484"/>
        <v>516.64949999999999</v>
      </c>
    </row>
    <row r="31035" spans="1:3" x14ac:dyDescent="0.25">
      <c r="A31035" s="2" t="s">
        <v>19448</v>
      </c>
      <c r="B31035" s="6">
        <v>516666.14999999997</v>
      </c>
      <c r="C31035" s="7">
        <f t="shared" si="484"/>
        <v>516.66615000000002</v>
      </c>
    </row>
    <row r="31036" spans="1:3" x14ac:dyDescent="0.25">
      <c r="A31036" s="2" t="s">
        <v>19449</v>
      </c>
      <c r="B31036" s="6">
        <v>516682.79999999993</v>
      </c>
      <c r="C31036" s="7">
        <f t="shared" si="484"/>
        <v>516.68279999999993</v>
      </c>
    </row>
    <row r="31037" spans="1:3" x14ac:dyDescent="0.25">
      <c r="A31037" s="2" t="s">
        <v>19450</v>
      </c>
      <c r="B31037" s="6">
        <v>516699.44999999995</v>
      </c>
      <c r="C31037" s="7">
        <f t="shared" si="484"/>
        <v>516.69944999999996</v>
      </c>
    </row>
    <row r="31038" spans="1:3" x14ac:dyDescent="0.25">
      <c r="A31038" s="2" t="s">
        <v>19451</v>
      </c>
      <c r="B31038" s="6">
        <v>516716.1</v>
      </c>
      <c r="C31038" s="7">
        <f t="shared" si="484"/>
        <v>516.71609999999998</v>
      </c>
    </row>
    <row r="31039" spans="1:3" x14ac:dyDescent="0.25">
      <c r="A31039" s="2" t="s">
        <v>19452</v>
      </c>
      <c r="B31039" s="6">
        <v>516732.74999999994</v>
      </c>
      <c r="C31039" s="7">
        <f t="shared" si="484"/>
        <v>516.7327499999999</v>
      </c>
    </row>
    <row r="31040" spans="1:3" x14ac:dyDescent="0.25">
      <c r="A31040" s="2" t="s">
        <v>19453</v>
      </c>
      <c r="B31040" s="6">
        <v>516749.39999999997</v>
      </c>
      <c r="C31040" s="7">
        <f t="shared" si="484"/>
        <v>516.74939999999992</v>
      </c>
    </row>
    <row r="31041" spans="1:3" x14ac:dyDescent="0.25">
      <c r="A31041" s="2" t="s">
        <v>19454</v>
      </c>
      <c r="B31041" s="6">
        <v>516766.04999999993</v>
      </c>
      <c r="C31041" s="7">
        <f t="shared" si="484"/>
        <v>516.76604999999995</v>
      </c>
    </row>
    <row r="31042" spans="1:3" x14ac:dyDescent="0.25">
      <c r="A31042" s="2" t="s">
        <v>19455</v>
      </c>
      <c r="B31042" s="6">
        <v>516782.69999999995</v>
      </c>
      <c r="C31042" s="7">
        <f t="shared" si="484"/>
        <v>516.78269999999998</v>
      </c>
    </row>
    <row r="31043" spans="1:3" x14ac:dyDescent="0.25">
      <c r="A31043" s="2" t="s">
        <v>19456</v>
      </c>
      <c r="B31043" s="6">
        <v>516799.35</v>
      </c>
      <c r="C31043" s="7">
        <f t="shared" ref="C31043:C31106" si="485">B31043/1000</f>
        <v>516.79935</v>
      </c>
    </row>
    <row r="31044" spans="1:3" x14ac:dyDescent="0.25">
      <c r="A31044" s="2" t="s">
        <v>19457</v>
      </c>
      <c r="B31044" s="6">
        <v>516815.99999999994</v>
      </c>
      <c r="C31044" s="7">
        <f t="shared" si="485"/>
        <v>516.81599999999992</v>
      </c>
    </row>
    <row r="31045" spans="1:3" x14ac:dyDescent="0.25">
      <c r="A31045" s="2" t="s">
        <v>19458</v>
      </c>
      <c r="B31045" s="6">
        <v>516832.64999999997</v>
      </c>
      <c r="C31045" s="7">
        <f t="shared" si="485"/>
        <v>516.83264999999994</v>
      </c>
    </row>
    <row r="31046" spans="1:3" x14ac:dyDescent="0.25">
      <c r="A31046" s="2" t="s">
        <v>19459</v>
      </c>
      <c r="B31046" s="6">
        <v>516849.29999999993</v>
      </c>
      <c r="C31046" s="7">
        <f t="shared" si="485"/>
        <v>516.84929999999997</v>
      </c>
    </row>
    <row r="31047" spans="1:3" x14ac:dyDescent="0.25">
      <c r="A31047" s="2" t="s">
        <v>19460</v>
      </c>
      <c r="B31047" s="6">
        <v>516865.94999999995</v>
      </c>
      <c r="C31047" s="7">
        <f t="shared" si="485"/>
        <v>516.86595</v>
      </c>
    </row>
    <row r="31048" spans="1:3" x14ac:dyDescent="0.25">
      <c r="A31048" s="2" t="s">
        <v>19461</v>
      </c>
      <c r="B31048" s="6">
        <v>516882.6</v>
      </c>
      <c r="C31048" s="7">
        <f t="shared" si="485"/>
        <v>516.88260000000002</v>
      </c>
    </row>
    <row r="31049" spans="1:3" x14ac:dyDescent="0.25">
      <c r="A31049" s="2" t="s">
        <v>19462</v>
      </c>
      <c r="B31049" s="6">
        <v>516899.24999999994</v>
      </c>
      <c r="C31049" s="7">
        <f t="shared" si="485"/>
        <v>516.89924999999994</v>
      </c>
    </row>
    <row r="31050" spans="1:3" x14ac:dyDescent="0.25">
      <c r="A31050" s="2" t="s">
        <v>19463</v>
      </c>
      <c r="B31050" s="6">
        <v>516915.89999999997</v>
      </c>
      <c r="C31050" s="7">
        <f t="shared" si="485"/>
        <v>516.91589999999997</v>
      </c>
    </row>
    <row r="31051" spans="1:3" x14ac:dyDescent="0.25">
      <c r="A31051" s="2" t="s">
        <v>19464</v>
      </c>
      <c r="B31051" s="6">
        <v>516932.54999999993</v>
      </c>
      <c r="C31051" s="7">
        <f t="shared" si="485"/>
        <v>516.93254999999988</v>
      </c>
    </row>
    <row r="31052" spans="1:3" x14ac:dyDescent="0.25">
      <c r="A31052" s="2" t="s">
        <v>19465</v>
      </c>
      <c r="B31052" s="6">
        <v>516949.19999999995</v>
      </c>
      <c r="C31052" s="7">
        <f t="shared" si="485"/>
        <v>516.94919999999991</v>
      </c>
    </row>
    <row r="31053" spans="1:3" x14ac:dyDescent="0.25">
      <c r="A31053" s="2" t="s">
        <v>19466</v>
      </c>
      <c r="B31053" s="6">
        <v>516965.85</v>
      </c>
      <c r="C31053" s="7">
        <f t="shared" si="485"/>
        <v>516.96584999999993</v>
      </c>
    </row>
    <row r="31054" spans="1:3" x14ac:dyDescent="0.25">
      <c r="A31054" s="2" t="s">
        <v>19467</v>
      </c>
      <c r="B31054" s="6">
        <v>516982.49999999994</v>
      </c>
      <c r="C31054" s="7">
        <f t="shared" si="485"/>
        <v>516.98249999999996</v>
      </c>
    </row>
    <row r="31055" spans="1:3" x14ac:dyDescent="0.25">
      <c r="A31055" s="2" t="s">
        <v>19468</v>
      </c>
      <c r="B31055" s="6">
        <v>516999.14999999997</v>
      </c>
      <c r="C31055" s="7">
        <f t="shared" si="485"/>
        <v>516.99914999999999</v>
      </c>
    </row>
    <row r="31056" spans="1:3" x14ac:dyDescent="0.25">
      <c r="A31056" s="2" t="s">
        <v>19469</v>
      </c>
      <c r="B31056" s="6">
        <v>517015.79999999993</v>
      </c>
      <c r="C31056" s="7">
        <f t="shared" si="485"/>
        <v>517.0157999999999</v>
      </c>
    </row>
    <row r="31057" spans="1:3" x14ac:dyDescent="0.25">
      <c r="A31057" s="2" t="s">
        <v>19470</v>
      </c>
      <c r="B31057" s="6">
        <v>517032.44999999995</v>
      </c>
      <c r="C31057" s="7">
        <f t="shared" si="485"/>
        <v>517.03244999999993</v>
      </c>
    </row>
    <row r="31058" spans="1:3" x14ac:dyDescent="0.25">
      <c r="A31058" s="2" t="s">
        <v>19471</v>
      </c>
      <c r="B31058" s="6">
        <v>517049.1</v>
      </c>
      <c r="C31058" s="7">
        <f t="shared" si="485"/>
        <v>517.04909999999995</v>
      </c>
    </row>
    <row r="31059" spans="1:3" x14ac:dyDescent="0.25">
      <c r="A31059" s="2" t="s">
        <v>19472</v>
      </c>
      <c r="B31059" s="6">
        <v>517065.74999999994</v>
      </c>
      <c r="C31059" s="7">
        <f t="shared" si="485"/>
        <v>517.06574999999998</v>
      </c>
    </row>
    <row r="31060" spans="1:3" x14ac:dyDescent="0.25">
      <c r="A31060" s="2" t="s">
        <v>19473</v>
      </c>
      <c r="B31060" s="6">
        <v>517082.39999999997</v>
      </c>
      <c r="C31060" s="7">
        <f t="shared" si="485"/>
        <v>517.08240000000001</v>
      </c>
    </row>
    <row r="31061" spans="1:3" x14ac:dyDescent="0.25">
      <c r="A31061" s="2" t="s">
        <v>19474</v>
      </c>
      <c r="B31061" s="6">
        <v>517099.04999999993</v>
      </c>
      <c r="C31061" s="7">
        <f t="shared" si="485"/>
        <v>517.09904999999992</v>
      </c>
    </row>
    <row r="31062" spans="1:3" x14ac:dyDescent="0.25">
      <c r="A31062" s="2" t="s">
        <v>19475</v>
      </c>
      <c r="B31062" s="6">
        <v>517115.69999999995</v>
      </c>
      <c r="C31062" s="7">
        <f t="shared" si="485"/>
        <v>517.11569999999995</v>
      </c>
    </row>
    <row r="31063" spans="1:3" x14ac:dyDescent="0.25">
      <c r="A31063" s="2" t="s">
        <v>19476</v>
      </c>
      <c r="B31063" s="6">
        <v>517132.35</v>
      </c>
      <c r="C31063" s="7">
        <f t="shared" si="485"/>
        <v>517.13234999999997</v>
      </c>
    </row>
    <row r="31064" spans="1:3" x14ac:dyDescent="0.25">
      <c r="A31064" s="2" t="s">
        <v>19477</v>
      </c>
      <c r="B31064" s="6">
        <v>517148.99999999994</v>
      </c>
      <c r="C31064" s="7">
        <f t="shared" si="485"/>
        <v>517.14899999999989</v>
      </c>
    </row>
    <row r="31065" spans="1:3" x14ac:dyDescent="0.25">
      <c r="A31065" s="2" t="s">
        <v>19478</v>
      </c>
      <c r="B31065" s="6">
        <v>517165.64999999997</v>
      </c>
      <c r="C31065" s="7">
        <f t="shared" si="485"/>
        <v>517.16564999999991</v>
      </c>
    </row>
    <row r="31066" spans="1:3" x14ac:dyDescent="0.25">
      <c r="A31066" s="2" t="s">
        <v>19479</v>
      </c>
      <c r="B31066" s="6">
        <v>517182.29999999993</v>
      </c>
      <c r="C31066" s="7">
        <f t="shared" si="485"/>
        <v>517.18229999999994</v>
      </c>
    </row>
    <row r="31067" spans="1:3" x14ac:dyDescent="0.25">
      <c r="A31067" s="2" t="s">
        <v>19480</v>
      </c>
      <c r="B31067" s="6">
        <v>517198.94999999995</v>
      </c>
      <c r="C31067" s="7">
        <f t="shared" si="485"/>
        <v>517.19894999999997</v>
      </c>
    </row>
    <row r="31068" spans="1:3" x14ac:dyDescent="0.25">
      <c r="A31068" s="2" t="s">
        <v>19481</v>
      </c>
      <c r="B31068" s="6">
        <v>517215.6</v>
      </c>
      <c r="C31068" s="7">
        <f t="shared" si="485"/>
        <v>517.21559999999999</v>
      </c>
    </row>
    <row r="31069" spans="1:3" x14ac:dyDescent="0.25">
      <c r="A31069" s="2" t="s">
        <v>19482</v>
      </c>
      <c r="B31069" s="6">
        <v>517232.24999999994</v>
      </c>
      <c r="C31069" s="7">
        <f t="shared" si="485"/>
        <v>517.23224999999991</v>
      </c>
    </row>
    <row r="31070" spans="1:3" x14ac:dyDescent="0.25">
      <c r="A31070" s="2" t="s">
        <v>19483</v>
      </c>
      <c r="B31070" s="6">
        <v>517248.89999999997</v>
      </c>
      <c r="C31070" s="7">
        <f t="shared" si="485"/>
        <v>517.24889999999994</v>
      </c>
    </row>
    <row r="31071" spans="1:3" x14ac:dyDescent="0.25">
      <c r="A31071" s="2" t="s">
        <v>19484</v>
      </c>
      <c r="B31071" s="6">
        <v>517265.54999999993</v>
      </c>
      <c r="C31071" s="7">
        <f t="shared" si="485"/>
        <v>517.26554999999996</v>
      </c>
    </row>
    <row r="31072" spans="1:3" x14ac:dyDescent="0.25">
      <c r="A31072" s="2" t="s">
        <v>19485</v>
      </c>
      <c r="B31072" s="6">
        <v>517282.19999999995</v>
      </c>
      <c r="C31072" s="7">
        <f t="shared" si="485"/>
        <v>517.28219999999999</v>
      </c>
    </row>
    <row r="31073" spans="1:3" x14ac:dyDescent="0.25">
      <c r="A31073" s="2" t="s">
        <v>19486</v>
      </c>
      <c r="B31073" s="6">
        <v>517298.85</v>
      </c>
      <c r="C31073" s="7">
        <f t="shared" si="485"/>
        <v>517.29885000000002</v>
      </c>
    </row>
    <row r="31074" spans="1:3" x14ac:dyDescent="0.25">
      <c r="A31074" s="2" t="s">
        <v>19487</v>
      </c>
      <c r="B31074" s="6">
        <v>517315.49999999994</v>
      </c>
      <c r="C31074" s="7">
        <f t="shared" si="485"/>
        <v>517.31549999999993</v>
      </c>
    </row>
    <row r="31075" spans="1:3" x14ac:dyDescent="0.25">
      <c r="A31075" s="2" t="s">
        <v>19488</v>
      </c>
      <c r="B31075" s="6">
        <v>517332.14999999997</v>
      </c>
      <c r="C31075" s="7">
        <f t="shared" si="485"/>
        <v>517.33214999999996</v>
      </c>
    </row>
    <row r="31076" spans="1:3" x14ac:dyDescent="0.25">
      <c r="A31076" s="2" t="s">
        <v>19489</v>
      </c>
      <c r="B31076" s="6">
        <v>517348.79999999993</v>
      </c>
      <c r="C31076" s="7">
        <f t="shared" si="485"/>
        <v>517.34879999999998</v>
      </c>
    </row>
    <row r="31077" spans="1:3" x14ac:dyDescent="0.25">
      <c r="A31077" s="2" t="s">
        <v>19490</v>
      </c>
      <c r="B31077" s="6">
        <v>517365.44999999995</v>
      </c>
      <c r="C31077" s="7">
        <f t="shared" si="485"/>
        <v>517.36545000000001</v>
      </c>
    </row>
    <row r="31078" spans="1:3" x14ac:dyDescent="0.25">
      <c r="A31078" s="2" t="s">
        <v>19491</v>
      </c>
      <c r="B31078" s="6">
        <v>517382.1</v>
      </c>
      <c r="C31078" s="7">
        <f t="shared" si="485"/>
        <v>517.38209999999992</v>
      </c>
    </row>
    <row r="31079" spans="1:3" x14ac:dyDescent="0.25">
      <c r="A31079" s="2" t="s">
        <v>19492</v>
      </c>
      <c r="B31079" s="6">
        <v>517398.74999999994</v>
      </c>
      <c r="C31079" s="7">
        <f t="shared" si="485"/>
        <v>517.39874999999995</v>
      </c>
    </row>
    <row r="31080" spans="1:3" x14ac:dyDescent="0.25">
      <c r="A31080" s="2" t="s">
        <v>19493</v>
      </c>
      <c r="B31080" s="6">
        <v>517415.39999999997</v>
      </c>
      <c r="C31080" s="7">
        <f t="shared" si="485"/>
        <v>517.41539999999998</v>
      </c>
    </row>
    <row r="31081" spans="1:3" x14ac:dyDescent="0.25">
      <c r="A31081" s="2" t="s">
        <v>19494</v>
      </c>
      <c r="B31081" s="6">
        <v>517432.04999999993</v>
      </c>
      <c r="C31081" s="7">
        <f t="shared" si="485"/>
        <v>517.43204999999989</v>
      </c>
    </row>
    <row r="31082" spans="1:3" x14ac:dyDescent="0.25">
      <c r="A31082" s="2" t="s">
        <v>19495</v>
      </c>
      <c r="B31082" s="6">
        <v>517448.69999999995</v>
      </c>
      <c r="C31082" s="7">
        <f t="shared" si="485"/>
        <v>517.44869999999992</v>
      </c>
    </row>
    <row r="31083" spans="1:3" x14ac:dyDescent="0.25">
      <c r="A31083" s="2" t="s">
        <v>19496</v>
      </c>
      <c r="B31083" s="6">
        <v>517465.35</v>
      </c>
      <c r="C31083" s="7">
        <f t="shared" si="485"/>
        <v>517.46534999999994</v>
      </c>
    </row>
    <row r="31084" spans="1:3" x14ac:dyDescent="0.25">
      <c r="A31084" s="2" t="s">
        <v>19497</v>
      </c>
      <c r="B31084" s="6">
        <v>517481.99999999994</v>
      </c>
      <c r="C31084" s="7">
        <f t="shared" si="485"/>
        <v>517.48199999999997</v>
      </c>
    </row>
    <row r="31085" spans="1:3" x14ac:dyDescent="0.25">
      <c r="A31085" s="2" t="s">
        <v>19498</v>
      </c>
      <c r="B31085" s="6">
        <v>517498.64999999997</v>
      </c>
      <c r="C31085" s="7">
        <f t="shared" si="485"/>
        <v>517.49865</v>
      </c>
    </row>
    <row r="31086" spans="1:3" x14ac:dyDescent="0.25">
      <c r="A31086" s="2" t="s">
        <v>19499</v>
      </c>
      <c r="B31086" s="6">
        <v>517515.29999999993</v>
      </c>
      <c r="C31086" s="7">
        <f t="shared" si="485"/>
        <v>517.51529999999991</v>
      </c>
    </row>
    <row r="31087" spans="1:3" x14ac:dyDescent="0.25">
      <c r="A31087" s="2" t="s">
        <v>19500</v>
      </c>
      <c r="B31087" s="6">
        <v>517531.94999999995</v>
      </c>
      <c r="C31087" s="7">
        <f t="shared" si="485"/>
        <v>517.53194999999994</v>
      </c>
    </row>
    <row r="31088" spans="1:3" x14ac:dyDescent="0.25">
      <c r="A31088" s="2" t="s">
        <v>19501</v>
      </c>
      <c r="B31088" s="6">
        <v>517548.6</v>
      </c>
      <c r="C31088" s="7">
        <f t="shared" si="485"/>
        <v>517.54859999999996</v>
      </c>
    </row>
    <row r="31089" spans="1:3" x14ac:dyDescent="0.25">
      <c r="A31089" s="2" t="s">
        <v>19502</v>
      </c>
      <c r="B31089" s="6">
        <v>517565.24999999994</v>
      </c>
      <c r="C31089" s="7">
        <f t="shared" si="485"/>
        <v>517.56524999999999</v>
      </c>
    </row>
    <row r="31090" spans="1:3" x14ac:dyDescent="0.25">
      <c r="A31090" s="2" t="s">
        <v>19503</v>
      </c>
      <c r="B31090" s="6">
        <v>517581.89999999997</v>
      </c>
      <c r="C31090" s="7">
        <f t="shared" si="485"/>
        <v>517.58190000000002</v>
      </c>
    </row>
    <row r="31091" spans="1:3" x14ac:dyDescent="0.25">
      <c r="A31091" s="2" t="s">
        <v>19504</v>
      </c>
      <c r="B31091" s="6">
        <v>517598.54999999993</v>
      </c>
      <c r="C31091" s="7">
        <f t="shared" si="485"/>
        <v>517.59854999999993</v>
      </c>
    </row>
    <row r="31092" spans="1:3" x14ac:dyDescent="0.25">
      <c r="A31092" s="2" t="s">
        <v>19505</v>
      </c>
      <c r="B31092" s="6">
        <v>517615.19999999995</v>
      </c>
      <c r="C31092" s="7">
        <f t="shared" si="485"/>
        <v>517.61519999999996</v>
      </c>
    </row>
    <row r="31093" spans="1:3" x14ac:dyDescent="0.25">
      <c r="A31093" s="2" t="s">
        <v>19506</v>
      </c>
      <c r="B31093" s="6">
        <v>517631.85</v>
      </c>
      <c r="C31093" s="7">
        <f t="shared" si="485"/>
        <v>517.63184999999999</v>
      </c>
    </row>
    <row r="31094" spans="1:3" x14ac:dyDescent="0.25">
      <c r="A31094" s="2" t="s">
        <v>19507</v>
      </c>
      <c r="B31094" s="6">
        <v>517648.49999999994</v>
      </c>
      <c r="C31094" s="7">
        <f t="shared" si="485"/>
        <v>517.6484999999999</v>
      </c>
    </row>
    <row r="31095" spans="1:3" x14ac:dyDescent="0.25">
      <c r="A31095" s="2" t="s">
        <v>19508</v>
      </c>
      <c r="B31095" s="6">
        <v>517665.14999999997</v>
      </c>
      <c r="C31095" s="7">
        <f t="shared" si="485"/>
        <v>517.66514999999993</v>
      </c>
    </row>
    <row r="31096" spans="1:3" x14ac:dyDescent="0.25">
      <c r="A31096" s="2" t="s">
        <v>19509</v>
      </c>
      <c r="B31096" s="6">
        <v>517681.79999999993</v>
      </c>
      <c r="C31096" s="7">
        <f t="shared" si="485"/>
        <v>517.68179999999995</v>
      </c>
    </row>
    <row r="31097" spans="1:3" x14ac:dyDescent="0.25">
      <c r="A31097" s="2" t="s">
        <v>19510</v>
      </c>
      <c r="B31097" s="6">
        <v>517698.44999999995</v>
      </c>
      <c r="C31097" s="7">
        <f t="shared" si="485"/>
        <v>517.69844999999998</v>
      </c>
    </row>
    <row r="31098" spans="1:3" x14ac:dyDescent="0.25">
      <c r="A31098" s="2" t="s">
        <v>19511</v>
      </c>
      <c r="B31098" s="6">
        <v>517715.1</v>
      </c>
      <c r="C31098" s="7">
        <f t="shared" si="485"/>
        <v>517.71510000000001</v>
      </c>
    </row>
    <row r="31099" spans="1:3" x14ac:dyDescent="0.25">
      <c r="A31099" s="2" t="s">
        <v>19512</v>
      </c>
      <c r="B31099" s="6">
        <v>517731.74999999994</v>
      </c>
      <c r="C31099" s="7">
        <f t="shared" si="485"/>
        <v>517.73174999999992</v>
      </c>
    </row>
    <row r="31100" spans="1:3" x14ac:dyDescent="0.25">
      <c r="A31100" s="2" t="s">
        <v>19513</v>
      </c>
      <c r="B31100" s="6">
        <v>517748.39999999997</v>
      </c>
      <c r="C31100" s="7">
        <f t="shared" si="485"/>
        <v>517.74839999999995</v>
      </c>
    </row>
    <row r="31101" spans="1:3" x14ac:dyDescent="0.25">
      <c r="A31101" s="2" t="s">
        <v>19514</v>
      </c>
      <c r="B31101" s="6">
        <v>517765.04999999993</v>
      </c>
      <c r="C31101" s="7">
        <f t="shared" si="485"/>
        <v>517.76504999999997</v>
      </c>
    </row>
    <row r="31102" spans="1:3" x14ac:dyDescent="0.25">
      <c r="A31102" s="2" t="s">
        <v>19515</v>
      </c>
      <c r="B31102" s="6">
        <v>517781.69999999995</v>
      </c>
      <c r="C31102" s="7">
        <f t="shared" si="485"/>
        <v>517.7817</v>
      </c>
    </row>
    <row r="31103" spans="1:3" x14ac:dyDescent="0.25">
      <c r="A31103" s="2" t="s">
        <v>19516</v>
      </c>
      <c r="B31103" s="6">
        <v>517798.35</v>
      </c>
      <c r="C31103" s="7">
        <f t="shared" si="485"/>
        <v>517.79835000000003</v>
      </c>
    </row>
    <row r="31104" spans="1:3" x14ac:dyDescent="0.25">
      <c r="A31104" s="2" t="s">
        <v>19517</v>
      </c>
      <c r="B31104" s="6">
        <v>517814.99999999994</v>
      </c>
      <c r="C31104" s="7">
        <f t="shared" si="485"/>
        <v>517.81499999999994</v>
      </c>
    </row>
    <row r="31105" spans="1:3" x14ac:dyDescent="0.25">
      <c r="A31105" s="2" t="s">
        <v>19518</v>
      </c>
      <c r="B31105" s="6">
        <v>517831.64999999997</v>
      </c>
      <c r="C31105" s="7">
        <f t="shared" si="485"/>
        <v>517.83164999999997</v>
      </c>
    </row>
    <row r="31106" spans="1:3" x14ac:dyDescent="0.25">
      <c r="A31106" s="2" t="s">
        <v>19519</v>
      </c>
      <c r="B31106" s="6">
        <v>517848.29999999993</v>
      </c>
      <c r="C31106" s="7">
        <f t="shared" si="485"/>
        <v>517.84829999999988</v>
      </c>
    </row>
    <row r="31107" spans="1:3" x14ac:dyDescent="0.25">
      <c r="A31107" s="2" t="s">
        <v>19520</v>
      </c>
      <c r="B31107" s="6">
        <v>517864.94999999995</v>
      </c>
      <c r="C31107" s="7">
        <f t="shared" ref="C31107:C31170" si="486">B31107/1000</f>
        <v>517.86494999999991</v>
      </c>
    </row>
    <row r="31108" spans="1:3" x14ac:dyDescent="0.25">
      <c r="A31108" s="2" t="s">
        <v>19521</v>
      </c>
      <c r="B31108" s="6">
        <v>517881.59999999998</v>
      </c>
      <c r="C31108" s="7">
        <f t="shared" si="486"/>
        <v>517.88159999999993</v>
      </c>
    </row>
    <row r="31109" spans="1:3" x14ac:dyDescent="0.25">
      <c r="A31109" s="2" t="s">
        <v>19522</v>
      </c>
      <c r="B31109" s="6">
        <v>517898.24999999994</v>
      </c>
      <c r="C31109" s="7">
        <f t="shared" si="486"/>
        <v>517.89824999999996</v>
      </c>
    </row>
    <row r="31110" spans="1:3" x14ac:dyDescent="0.25">
      <c r="A31110" s="2" t="s">
        <v>19523</v>
      </c>
      <c r="B31110" s="6">
        <v>517914.89999999997</v>
      </c>
      <c r="C31110" s="7">
        <f t="shared" si="486"/>
        <v>517.91489999999999</v>
      </c>
    </row>
    <row r="31111" spans="1:3" x14ac:dyDescent="0.25">
      <c r="A31111" s="2" t="s">
        <v>19524</v>
      </c>
      <c r="B31111" s="6">
        <v>517931.54999999993</v>
      </c>
      <c r="C31111" s="7">
        <f t="shared" si="486"/>
        <v>517.9315499999999</v>
      </c>
    </row>
    <row r="31112" spans="1:3" x14ac:dyDescent="0.25">
      <c r="A31112" s="2" t="s">
        <v>19525</v>
      </c>
      <c r="B31112" s="6">
        <v>517948.19999999995</v>
      </c>
      <c r="C31112" s="7">
        <f t="shared" si="486"/>
        <v>517.94819999999993</v>
      </c>
    </row>
    <row r="31113" spans="1:3" x14ac:dyDescent="0.25">
      <c r="A31113" s="2" t="s">
        <v>19526</v>
      </c>
      <c r="B31113" s="6">
        <v>517964.85</v>
      </c>
      <c r="C31113" s="7">
        <f t="shared" si="486"/>
        <v>517.96484999999996</v>
      </c>
    </row>
    <row r="31114" spans="1:3" x14ac:dyDescent="0.25">
      <c r="A31114" s="2" t="s">
        <v>19527</v>
      </c>
      <c r="B31114" s="6">
        <v>517981.49999999994</v>
      </c>
      <c r="C31114" s="7">
        <f t="shared" si="486"/>
        <v>517.98149999999998</v>
      </c>
    </row>
    <row r="31115" spans="1:3" x14ac:dyDescent="0.25">
      <c r="A31115" s="2" t="s">
        <v>19528</v>
      </c>
      <c r="B31115" s="6">
        <v>517998.14999999997</v>
      </c>
      <c r="C31115" s="7">
        <f t="shared" si="486"/>
        <v>517.99815000000001</v>
      </c>
    </row>
    <row r="31116" spans="1:3" x14ac:dyDescent="0.25">
      <c r="A31116" s="2" t="s">
        <v>19529</v>
      </c>
      <c r="B31116" s="6">
        <v>518014.79999999993</v>
      </c>
      <c r="C31116" s="7">
        <f t="shared" si="486"/>
        <v>518.01479999999992</v>
      </c>
    </row>
    <row r="31117" spans="1:3" x14ac:dyDescent="0.25">
      <c r="A31117" s="2" t="s">
        <v>19530</v>
      </c>
      <c r="B31117" s="6">
        <v>518031.44999999995</v>
      </c>
      <c r="C31117" s="7">
        <f t="shared" si="486"/>
        <v>518.03144999999995</v>
      </c>
    </row>
    <row r="31118" spans="1:3" x14ac:dyDescent="0.25">
      <c r="A31118" s="2" t="s">
        <v>19531</v>
      </c>
      <c r="B31118" s="6">
        <v>518048.1</v>
      </c>
      <c r="C31118" s="7">
        <f t="shared" si="486"/>
        <v>518.04809999999998</v>
      </c>
    </row>
    <row r="31119" spans="1:3" x14ac:dyDescent="0.25">
      <c r="A31119" s="2" t="s">
        <v>19532</v>
      </c>
      <c r="B31119" s="6">
        <v>518064.74999999994</v>
      </c>
      <c r="C31119" s="7">
        <f t="shared" si="486"/>
        <v>518.06474999999989</v>
      </c>
    </row>
    <row r="31120" spans="1:3" x14ac:dyDescent="0.25">
      <c r="A31120" s="2" t="s">
        <v>19533</v>
      </c>
      <c r="B31120" s="6">
        <v>518081.39999999997</v>
      </c>
      <c r="C31120" s="7">
        <f t="shared" si="486"/>
        <v>518.08139999999992</v>
      </c>
    </row>
    <row r="31121" spans="1:3" x14ac:dyDescent="0.25">
      <c r="A31121" s="2" t="s">
        <v>19534</v>
      </c>
      <c r="B31121" s="6">
        <v>518098.04999999993</v>
      </c>
      <c r="C31121" s="7">
        <f t="shared" si="486"/>
        <v>518.09804999999994</v>
      </c>
    </row>
    <row r="31122" spans="1:3" x14ac:dyDescent="0.25">
      <c r="A31122" s="2" t="s">
        <v>19535</v>
      </c>
      <c r="B31122" s="6">
        <v>518114.69999999995</v>
      </c>
      <c r="C31122" s="7">
        <f t="shared" si="486"/>
        <v>518.11469999999997</v>
      </c>
    </row>
    <row r="31123" spans="1:3" x14ac:dyDescent="0.25">
      <c r="A31123" s="2" t="s">
        <v>19536</v>
      </c>
      <c r="B31123" s="6">
        <v>518131.35</v>
      </c>
      <c r="C31123" s="7">
        <f t="shared" si="486"/>
        <v>518.13135</v>
      </c>
    </row>
    <row r="31124" spans="1:3" x14ac:dyDescent="0.25">
      <c r="A31124" s="2" t="s">
        <v>19537</v>
      </c>
      <c r="B31124" s="6">
        <v>518147.99999999994</v>
      </c>
      <c r="C31124" s="7">
        <f t="shared" si="486"/>
        <v>518.14799999999991</v>
      </c>
    </row>
    <row r="31125" spans="1:3" x14ac:dyDescent="0.25">
      <c r="A31125" s="2" t="s">
        <v>19538</v>
      </c>
      <c r="B31125" s="6">
        <v>518164.64999999997</v>
      </c>
      <c r="C31125" s="7">
        <f t="shared" si="486"/>
        <v>518.16464999999994</v>
      </c>
    </row>
    <row r="31126" spans="1:3" x14ac:dyDescent="0.25">
      <c r="A31126" s="2" t="s">
        <v>19539</v>
      </c>
      <c r="B31126" s="6">
        <v>518181.29999999993</v>
      </c>
      <c r="C31126" s="7">
        <f t="shared" si="486"/>
        <v>518.18129999999996</v>
      </c>
    </row>
    <row r="31127" spans="1:3" x14ac:dyDescent="0.25">
      <c r="A31127" s="2" t="s">
        <v>19540</v>
      </c>
      <c r="B31127" s="6">
        <v>518197.94999999995</v>
      </c>
      <c r="C31127" s="7">
        <f t="shared" si="486"/>
        <v>518.19794999999999</v>
      </c>
    </row>
    <row r="31128" spans="1:3" x14ac:dyDescent="0.25">
      <c r="A31128" s="2" t="s">
        <v>19541</v>
      </c>
      <c r="B31128" s="6">
        <v>518214.6</v>
      </c>
      <c r="C31128" s="7">
        <f t="shared" si="486"/>
        <v>518.21460000000002</v>
      </c>
    </row>
    <row r="31129" spans="1:3" x14ac:dyDescent="0.25">
      <c r="A31129" s="2" t="s">
        <v>19542</v>
      </c>
      <c r="B31129" s="6">
        <v>518231.24999999994</v>
      </c>
      <c r="C31129" s="7">
        <f t="shared" si="486"/>
        <v>518.23124999999993</v>
      </c>
    </row>
    <row r="31130" spans="1:3" x14ac:dyDescent="0.25">
      <c r="A31130" s="2" t="s">
        <v>19543</v>
      </c>
      <c r="B31130" s="6">
        <v>518247.89999999997</v>
      </c>
      <c r="C31130" s="7">
        <f t="shared" si="486"/>
        <v>518.24789999999996</v>
      </c>
    </row>
    <row r="31131" spans="1:3" x14ac:dyDescent="0.25">
      <c r="A31131" s="2" t="s">
        <v>19544</v>
      </c>
      <c r="B31131" s="6">
        <v>518264.54999999993</v>
      </c>
      <c r="C31131" s="7">
        <f t="shared" si="486"/>
        <v>518.26454999999999</v>
      </c>
    </row>
    <row r="31132" spans="1:3" x14ac:dyDescent="0.25">
      <c r="A31132" s="2" t="s">
        <v>19545</v>
      </c>
      <c r="B31132" s="6">
        <v>518281.19999999995</v>
      </c>
      <c r="C31132" s="7">
        <f t="shared" si="486"/>
        <v>518.2811999999999</v>
      </c>
    </row>
    <row r="31133" spans="1:3" x14ac:dyDescent="0.25">
      <c r="A31133" s="2" t="s">
        <v>19546</v>
      </c>
      <c r="B31133" s="6">
        <v>518297.85</v>
      </c>
      <c r="C31133" s="7">
        <f t="shared" si="486"/>
        <v>518.29784999999993</v>
      </c>
    </row>
    <row r="31134" spans="1:3" x14ac:dyDescent="0.25">
      <c r="A31134" s="2" t="s">
        <v>19547</v>
      </c>
      <c r="B31134" s="6">
        <v>518314.49999999994</v>
      </c>
      <c r="C31134" s="7">
        <f t="shared" si="486"/>
        <v>518.31449999999995</v>
      </c>
    </row>
    <row r="31135" spans="1:3" x14ac:dyDescent="0.25">
      <c r="A31135" s="2" t="s">
        <v>19548</v>
      </c>
      <c r="B31135" s="6">
        <v>518331.14999999997</v>
      </c>
      <c r="C31135" s="7">
        <f t="shared" si="486"/>
        <v>518.33114999999998</v>
      </c>
    </row>
    <row r="31136" spans="1:3" x14ac:dyDescent="0.25">
      <c r="A31136" s="2" t="s">
        <v>19549</v>
      </c>
      <c r="B31136" s="6">
        <v>518347.79999999993</v>
      </c>
      <c r="C31136" s="7">
        <f t="shared" si="486"/>
        <v>518.34779999999989</v>
      </c>
    </row>
    <row r="31137" spans="1:3" x14ac:dyDescent="0.25">
      <c r="A31137" s="2" t="s">
        <v>19550</v>
      </c>
      <c r="B31137" s="6">
        <v>518364.44999999995</v>
      </c>
      <c r="C31137" s="7">
        <f t="shared" si="486"/>
        <v>518.36444999999992</v>
      </c>
    </row>
    <row r="31138" spans="1:3" x14ac:dyDescent="0.25">
      <c r="A31138" s="2" t="s">
        <v>19551</v>
      </c>
      <c r="B31138" s="6">
        <v>518381.1</v>
      </c>
      <c r="C31138" s="7">
        <f t="shared" si="486"/>
        <v>518.38109999999995</v>
      </c>
    </row>
    <row r="31139" spans="1:3" x14ac:dyDescent="0.25">
      <c r="A31139" s="2" t="s">
        <v>19552</v>
      </c>
      <c r="B31139" s="6">
        <v>518397.74999999994</v>
      </c>
      <c r="C31139" s="7">
        <f t="shared" si="486"/>
        <v>518.39774999999997</v>
      </c>
    </row>
    <row r="31140" spans="1:3" x14ac:dyDescent="0.25">
      <c r="A31140" s="2" t="s">
        <v>19553</v>
      </c>
      <c r="B31140" s="6">
        <v>518414.39999999997</v>
      </c>
      <c r="C31140" s="7">
        <f t="shared" si="486"/>
        <v>518.4144</v>
      </c>
    </row>
    <row r="31141" spans="1:3" x14ac:dyDescent="0.25">
      <c r="A31141" s="2" t="s">
        <v>19554</v>
      </c>
      <c r="B31141" s="6">
        <v>518431.04999999993</v>
      </c>
      <c r="C31141" s="7">
        <f t="shared" si="486"/>
        <v>518.43104999999991</v>
      </c>
    </row>
    <row r="31142" spans="1:3" x14ac:dyDescent="0.25">
      <c r="A31142" s="2" t="s">
        <v>19555</v>
      </c>
      <c r="B31142" s="6">
        <v>518447.69999999995</v>
      </c>
      <c r="C31142" s="7">
        <f t="shared" si="486"/>
        <v>518.44769999999994</v>
      </c>
    </row>
    <row r="31143" spans="1:3" x14ac:dyDescent="0.25">
      <c r="A31143" s="2" t="s">
        <v>19556</v>
      </c>
      <c r="B31143" s="6">
        <v>518464.35</v>
      </c>
      <c r="C31143" s="7">
        <f t="shared" si="486"/>
        <v>518.46434999999997</v>
      </c>
    </row>
    <row r="31144" spans="1:3" x14ac:dyDescent="0.25">
      <c r="A31144" s="2" t="s">
        <v>19557</v>
      </c>
      <c r="B31144" s="6">
        <v>518480.99999999994</v>
      </c>
      <c r="C31144" s="7">
        <f t="shared" si="486"/>
        <v>518.48099999999999</v>
      </c>
    </row>
    <row r="31145" spans="1:3" x14ac:dyDescent="0.25">
      <c r="A31145" s="2" t="s">
        <v>19558</v>
      </c>
      <c r="B31145" s="6">
        <v>518497.64999999997</v>
      </c>
      <c r="C31145" s="7">
        <f t="shared" si="486"/>
        <v>518.49765000000002</v>
      </c>
    </row>
    <row r="31146" spans="1:3" x14ac:dyDescent="0.25">
      <c r="A31146" s="2" t="s">
        <v>19559</v>
      </c>
      <c r="B31146" s="6">
        <v>518514.29999999993</v>
      </c>
      <c r="C31146" s="7">
        <f t="shared" si="486"/>
        <v>518.51429999999993</v>
      </c>
    </row>
    <row r="31147" spans="1:3" x14ac:dyDescent="0.25">
      <c r="A31147" s="2" t="s">
        <v>19560</v>
      </c>
      <c r="B31147" s="6">
        <v>518530.94999999995</v>
      </c>
      <c r="C31147" s="7">
        <f t="shared" si="486"/>
        <v>518.53094999999996</v>
      </c>
    </row>
    <row r="31148" spans="1:3" x14ac:dyDescent="0.25">
      <c r="A31148" s="2" t="s">
        <v>19561</v>
      </c>
      <c r="B31148" s="6">
        <v>518547.6</v>
      </c>
      <c r="C31148" s="7">
        <f t="shared" si="486"/>
        <v>518.54759999999999</v>
      </c>
    </row>
    <row r="31149" spans="1:3" x14ac:dyDescent="0.25">
      <c r="A31149" s="2" t="s">
        <v>19562</v>
      </c>
      <c r="B31149" s="6">
        <v>518564.24999999994</v>
      </c>
      <c r="C31149" s="7">
        <f t="shared" si="486"/>
        <v>518.5642499999999</v>
      </c>
    </row>
    <row r="31150" spans="1:3" x14ac:dyDescent="0.25">
      <c r="A31150" s="2" t="s">
        <v>19563</v>
      </c>
      <c r="B31150" s="6">
        <v>518580.89999999997</v>
      </c>
      <c r="C31150" s="7">
        <f t="shared" si="486"/>
        <v>518.58089999999993</v>
      </c>
    </row>
    <row r="31151" spans="1:3" x14ac:dyDescent="0.25">
      <c r="A31151" s="2" t="s">
        <v>19564</v>
      </c>
      <c r="B31151" s="6">
        <v>518597.54999999993</v>
      </c>
      <c r="C31151" s="7">
        <f t="shared" si="486"/>
        <v>518.59754999999996</v>
      </c>
    </row>
    <row r="31152" spans="1:3" x14ac:dyDescent="0.25">
      <c r="A31152" s="2" t="s">
        <v>19565</v>
      </c>
      <c r="B31152" s="6">
        <v>518614.19999999995</v>
      </c>
      <c r="C31152" s="7">
        <f t="shared" si="486"/>
        <v>518.61419999999998</v>
      </c>
    </row>
    <row r="31153" spans="1:3" x14ac:dyDescent="0.25">
      <c r="A31153" s="2" t="s">
        <v>19566</v>
      </c>
      <c r="B31153" s="6">
        <v>518630.85</v>
      </c>
      <c r="C31153" s="7">
        <f t="shared" si="486"/>
        <v>518.63085000000001</v>
      </c>
    </row>
    <row r="31154" spans="1:3" x14ac:dyDescent="0.25">
      <c r="A31154" s="2" t="s">
        <v>19567</v>
      </c>
      <c r="B31154" s="6">
        <v>518647.49999999994</v>
      </c>
      <c r="C31154" s="7">
        <f t="shared" si="486"/>
        <v>518.64749999999992</v>
      </c>
    </row>
    <row r="31155" spans="1:3" x14ac:dyDescent="0.25">
      <c r="A31155" s="2" t="s">
        <v>19568</v>
      </c>
      <c r="B31155" s="6">
        <v>518664.14999999997</v>
      </c>
      <c r="C31155" s="7">
        <f t="shared" si="486"/>
        <v>518.66414999999995</v>
      </c>
    </row>
    <row r="31156" spans="1:3" x14ac:dyDescent="0.25">
      <c r="A31156" s="2" t="s">
        <v>19569</v>
      </c>
      <c r="B31156" s="6">
        <v>518680.79999999993</v>
      </c>
      <c r="C31156" s="7">
        <f t="shared" si="486"/>
        <v>518.68079999999998</v>
      </c>
    </row>
    <row r="31157" spans="1:3" x14ac:dyDescent="0.25">
      <c r="A31157" s="2" t="s">
        <v>19570</v>
      </c>
      <c r="B31157" s="6">
        <v>518697.44999999995</v>
      </c>
      <c r="C31157" s="7">
        <f t="shared" si="486"/>
        <v>518.69745</v>
      </c>
    </row>
    <row r="31158" spans="1:3" x14ac:dyDescent="0.25">
      <c r="A31158" s="2" t="s">
        <v>19571</v>
      </c>
      <c r="B31158" s="6">
        <v>518714.1</v>
      </c>
      <c r="C31158" s="7">
        <f t="shared" si="486"/>
        <v>518.71410000000003</v>
      </c>
    </row>
    <row r="31159" spans="1:3" x14ac:dyDescent="0.25">
      <c r="A31159" s="2" t="s">
        <v>19572</v>
      </c>
      <c r="B31159" s="6">
        <v>518730.74999999994</v>
      </c>
      <c r="C31159" s="7">
        <f t="shared" si="486"/>
        <v>518.73074999999994</v>
      </c>
    </row>
    <row r="31160" spans="1:3" x14ac:dyDescent="0.25">
      <c r="A31160" s="2" t="s">
        <v>19573</v>
      </c>
      <c r="B31160" s="6">
        <v>518747.39999999997</v>
      </c>
      <c r="C31160" s="7">
        <f t="shared" si="486"/>
        <v>518.74739999999997</v>
      </c>
    </row>
    <row r="31161" spans="1:3" x14ac:dyDescent="0.25">
      <c r="A31161" s="2" t="s">
        <v>19574</v>
      </c>
      <c r="B31161" s="6">
        <v>518764.04999999993</v>
      </c>
      <c r="C31161" s="7">
        <f t="shared" si="486"/>
        <v>518.76404999999988</v>
      </c>
    </row>
    <row r="31162" spans="1:3" x14ac:dyDescent="0.25">
      <c r="A31162" s="2" t="s">
        <v>19575</v>
      </c>
      <c r="B31162" s="6">
        <v>518780.69999999995</v>
      </c>
      <c r="C31162" s="7">
        <f t="shared" si="486"/>
        <v>518.78069999999991</v>
      </c>
    </row>
    <row r="31163" spans="1:3" x14ac:dyDescent="0.25">
      <c r="A31163" s="2" t="s">
        <v>19576</v>
      </c>
      <c r="B31163" s="6">
        <v>518797.35</v>
      </c>
      <c r="C31163" s="7">
        <f t="shared" si="486"/>
        <v>518.79734999999994</v>
      </c>
    </row>
    <row r="31164" spans="1:3" x14ac:dyDescent="0.25">
      <c r="A31164" s="2" t="s">
        <v>19577</v>
      </c>
      <c r="B31164" s="6">
        <v>518813.99999999994</v>
      </c>
      <c r="C31164" s="7">
        <f t="shared" si="486"/>
        <v>518.81399999999996</v>
      </c>
    </row>
    <row r="31165" spans="1:3" x14ac:dyDescent="0.25">
      <c r="A31165" s="2" t="s">
        <v>19578</v>
      </c>
      <c r="B31165" s="6">
        <v>518830.64999999997</v>
      </c>
      <c r="C31165" s="7">
        <f t="shared" si="486"/>
        <v>518.83064999999999</v>
      </c>
    </row>
    <row r="31166" spans="1:3" x14ac:dyDescent="0.25">
      <c r="A31166" s="2" t="s">
        <v>19579</v>
      </c>
      <c r="B31166" s="6">
        <v>518847.29999999993</v>
      </c>
      <c r="C31166" s="7">
        <f t="shared" si="486"/>
        <v>518.8472999999999</v>
      </c>
    </row>
    <row r="31167" spans="1:3" x14ac:dyDescent="0.25">
      <c r="A31167" s="2" t="s">
        <v>19580</v>
      </c>
      <c r="B31167" s="6">
        <v>518863.94999999995</v>
      </c>
      <c r="C31167" s="7">
        <f t="shared" si="486"/>
        <v>518.86394999999993</v>
      </c>
    </row>
    <row r="31168" spans="1:3" x14ac:dyDescent="0.25">
      <c r="A31168" s="2" t="s">
        <v>19581</v>
      </c>
      <c r="B31168" s="6">
        <v>518880.6</v>
      </c>
      <c r="C31168" s="7">
        <f t="shared" si="486"/>
        <v>518.88059999999996</v>
      </c>
    </row>
    <row r="31169" spans="1:3" x14ac:dyDescent="0.25">
      <c r="A31169" s="2" t="s">
        <v>19582</v>
      </c>
      <c r="B31169" s="6">
        <v>518897.24999999994</v>
      </c>
      <c r="C31169" s="7">
        <f t="shared" si="486"/>
        <v>518.89724999999999</v>
      </c>
    </row>
    <row r="31170" spans="1:3" x14ac:dyDescent="0.25">
      <c r="A31170" s="2" t="s">
        <v>19583</v>
      </c>
      <c r="B31170" s="6">
        <v>518913.89999999997</v>
      </c>
      <c r="C31170" s="7">
        <f t="shared" si="486"/>
        <v>518.91390000000001</v>
      </c>
    </row>
    <row r="31171" spans="1:3" x14ac:dyDescent="0.25">
      <c r="A31171" s="2" t="s">
        <v>19584</v>
      </c>
      <c r="B31171" s="6">
        <v>518930.54999999993</v>
      </c>
      <c r="C31171" s="7">
        <f t="shared" ref="C31171:C31234" si="487">B31171/1000</f>
        <v>518.93054999999993</v>
      </c>
    </row>
    <row r="31172" spans="1:3" x14ac:dyDescent="0.25">
      <c r="A31172" s="2" t="s">
        <v>19585</v>
      </c>
      <c r="B31172" s="6">
        <v>518947.19999999995</v>
      </c>
      <c r="C31172" s="7">
        <f t="shared" si="487"/>
        <v>518.94719999999995</v>
      </c>
    </row>
    <row r="31173" spans="1:3" x14ac:dyDescent="0.25">
      <c r="A31173" s="2" t="s">
        <v>19586</v>
      </c>
      <c r="B31173" s="6">
        <v>518963.85</v>
      </c>
      <c r="C31173" s="7">
        <f t="shared" si="487"/>
        <v>518.96384999999998</v>
      </c>
    </row>
    <row r="31174" spans="1:3" x14ac:dyDescent="0.25">
      <c r="A31174" s="2" t="s">
        <v>19587</v>
      </c>
      <c r="B31174" s="6">
        <v>518980.49999999994</v>
      </c>
      <c r="C31174" s="7">
        <f t="shared" si="487"/>
        <v>518.98049999999989</v>
      </c>
    </row>
    <row r="31175" spans="1:3" x14ac:dyDescent="0.25">
      <c r="A31175" s="2" t="s">
        <v>19588</v>
      </c>
      <c r="B31175" s="6">
        <v>518997.14999999997</v>
      </c>
      <c r="C31175" s="7">
        <f t="shared" si="487"/>
        <v>518.99714999999992</v>
      </c>
    </row>
    <row r="31176" spans="1:3" x14ac:dyDescent="0.25">
      <c r="A31176" s="2" t="s">
        <v>19589</v>
      </c>
      <c r="B31176" s="6">
        <v>519013.79999999993</v>
      </c>
      <c r="C31176" s="7">
        <f t="shared" si="487"/>
        <v>519.01379999999995</v>
      </c>
    </row>
    <row r="31177" spans="1:3" x14ac:dyDescent="0.25">
      <c r="A31177" s="2" t="s">
        <v>19590</v>
      </c>
      <c r="B31177" s="6">
        <v>519030.44999999995</v>
      </c>
      <c r="C31177" s="7">
        <f t="shared" si="487"/>
        <v>519.03044999999997</v>
      </c>
    </row>
    <row r="31178" spans="1:3" x14ac:dyDescent="0.25">
      <c r="A31178" s="2" t="s">
        <v>19591</v>
      </c>
      <c r="B31178" s="6">
        <v>519047.1</v>
      </c>
      <c r="C31178" s="7">
        <f t="shared" si="487"/>
        <v>519.0471</v>
      </c>
    </row>
    <row r="31179" spans="1:3" x14ac:dyDescent="0.25">
      <c r="A31179" s="2" t="s">
        <v>19592</v>
      </c>
      <c r="B31179" s="6">
        <v>519063.74999999994</v>
      </c>
      <c r="C31179" s="7">
        <f t="shared" si="487"/>
        <v>519.06374999999991</v>
      </c>
    </row>
    <row r="31180" spans="1:3" x14ac:dyDescent="0.25">
      <c r="A31180" s="2" t="s">
        <v>19593</v>
      </c>
      <c r="B31180" s="6">
        <v>519080.39999999997</v>
      </c>
      <c r="C31180" s="7">
        <f t="shared" si="487"/>
        <v>519.08039999999994</v>
      </c>
    </row>
    <row r="31181" spans="1:3" x14ac:dyDescent="0.25">
      <c r="A31181" s="2" t="s">
        <v>19594</v>
      </c>
      <c r="B31181" s="6">
        <v>519097.04999999993</v>
      </c>
      <c r="C31181" s="7">
        <f t="shared" si="487"/>
        <v>519.09704999999997</v>
      </c>
    </row>
    <row r="31182" spans="1:3" x14ac:dyDescent="0.25">
      <c r="A31182" s="2" t="s">
        <v>19595</v>
      </c>
      <c r="B31182" s="6">
        <v>519113.69999999995</v>
      </c>
      <c r="C31182" s="7">
        <f t="shared" si="487"/>
        <v>519.11369999999999</v>
      </c>
    </row>
    <row r="31183" spans="1:3" x14ac:dyDescent="0.25">
      <c r="A31183" s="2" t="s">
        <v>19596</v>
      </c>
      <c r="B31183" s="6">
        <v>519130.35</v>
      </c>
      <c r="C31183" s="7">
        <f t="shared" si="487"/>
        <v>519.13035000000002</v>
      </c>
    </row>
    <row r="31184" spans="1:3" x14ac:dyDescent="0.25">
      <c r="A31184" s="2" t="s">
        <v>19597</v>
      </c>
      <c r="B31184" s="6">
        <v>519146.99999999994</v>
      </c>
      <c r="C31184" s="7">
        <f t="shared" si="487"/>
        <v>519.14699999999993</v>
      </c>
    </row>
    <row r="31185" spans="1:3" x14ac:dyDescent="0.25">
      <c r="A31185" s="2" t="s">
        <v>19598</v>
      </c>
      <c r="B31185" s="6">
        <v>519163.64999999997</v>
      </c>
      <c r="C31185" s="7">
        <f t="shared" si="487"/>
        <v>519.16364999999996</v>
      </c>
    </row>
    <row r="31186" spans="1:3" x14ac:dyDescent="0.25">
      <c r="A31186" s="2" t="s">
        <v>19599</v>
      </c>
      <c r="B31186" s="6">
        <v>519180.29999999993</v>
      </c>
      <c r="C31186" s="7">
        <f t="shared" si="487"/>
        <v>519.18029999999987</v>
      </c>
    </row>
    <row r="31187" spans="1:3" x14ac:dyDescent="0.25">
      <c r="A31187" s="2" t="s">
        <v>19600</v>
      </c>
      <c r="B31187" s="6">
        <v>519196.94999999995</v>
      </c>
      <c r="C31187" s="7">
        <f t="shared" si="487"/>
        <v>519.1969499999999</v>
      </c>
    </row>
    <row r="31188" spans="1:3" x14ac:dyDescent="0.25">
      <c r="A31188" s="2" t="s">
        <v>19601</v>
      </c>
      <c r="B31188" s="6">
        <v>519213.6</v>
      </c>
      <c r="C31188" s="7">
        <f t="shared" si="487"/>
        <v>519.21359999999993</v>
      </c>
    </row>
    <row r="31189" spans="1:3" x14ac:dyDescent="0.25">
      <c r="A31189" s="2" t="s">
        <v>19602</v>
      </c>
      <c r="B31189" s="6">
        <v>519230.24999999994</v>
      </c>
      <c r="C31189" s="7">
        <f t="shared" si="487"/>
        <v>519.23024999999996</v>
      </c>
    </row>
    <row r="31190" spans="1:3" x14ac:dyDescent="0.25">
      <c r="A31190" s="2" t="s">
        <v>19603</v>
      </c>
      <c r="B31190" s="6">
        <v>519246.89999999997</v>
      </c>
      <c r="C31190" s="7">
        <f t="shared" si="487"/>
        <v>519.24689999999998</v>
      </c>
    </row>
    <row r="31191" spans="1:3" x14ac:dyDescent="0.25">
      <c r="A31191" s="2" t="s">
        <v>19604</v>
      </c>
      <c r="B31191" s="6">
        <v>519263.54999999993</v>
      </c>
      <c r="C31191" s="7">
        <f t="shared" si="487"/>
        <v>519.2635499999999</v>
      </c>
    </row>
    <row r="31192" spans="1:3" x14ac:dyDescent="0.25">
      <c r="A31192" s="2" t="s">
        <v>19605</v>
      </c>
      <c r="B31192" s="6">
        <v>519280.19999999995</v>
      </c>
      <c r="C31192" s="7">
        <f t="shared" si="487"/>
        <v>519.28019999999992</v>
      </c>
    </row>
    <row r="31193" spans="1:3" x14ac:dyDescent="0.25">
      <c r="A31193" s="2" t="s">
        <v>19606</v>
      </c>
      <c r="B31193" s="6">
        <v>519296.85</v>
      </c>
      <c r="C31193" s="7">
        <f t="shared" si="487"/>
        <v>519.29684999999995</v>
      </c>
    </row>
    <row r="31194" spans="1:3" x14ac:dyDescent="0.25">
      <c r="A31194" s="2" t="s">
        <v>19607</v>
      </c>
      <c r="B31194" s="6">
        <v>519313.49999999994</v>
      </c>
      <c r="C31194" s="7">
        <f t="shared" si="487"/>
        <v>519.31349999999998</v>
      </c>
    </row>
    <row r="31195" spans="1:3" x14ac:dyDescent="0.25">
      <c r="A31195" s="2" t="s">
        <v>19608</v>
      </c>
      <c r="B31195" s="6">
        <v>519330.14999999997</v>
      </c>
      <c r="C31195" s="7">
        <f t="shared" si="487"/>
        <v>519.33015</v>
      </c>
    </row>
    <row r="31196" spans="1:3" x14ac:dyDescent="0.25">
      <c r="A31196" s="2" t="s">
        <v>19609</v>
      </c>
      <c r="B31196" s="6">
        <v>519346.79999999993</v>
      </c>
      <c r="C31196" s="7">
        <f t="shared" si="487"/>
        <v>519.34679999999992</v>
      </c>
    </row>
    <row r="31197" spans="1:3" x14ac:dyDescent="0.25">
      <c r="A31197" s="2" t="s">
        <v>19610</v>
      </c>
      <c r="B31197" s="6">
        <v>519363.44999999995</v>
      </c>
      <c r="C31197" s="7">
        <f t="shared" si="487"/>
        <v>519.36344999999994</v>
      </c>
    </row>
    <row r="31198" spans="1:3" x14ac:dyDescent="0.25">
      <c r="A31198" s="2" t="s">
        <v>19611</v>
      </c>
      <c r="B31198" s="6">
        <v>519380.1</v>
      </c>
      <c r="C31198" s="7">
        <f t="shared" si="487"/>
        <v>519.38009999999997</v>
      </c>
    </row>
    <row r="31199" spans="1:3" x14ac:dyDescent="0.25">
      <c r="A31199" s="2" t="s">
        <v>19612</v>
      </c>
      <c r="B31199" s="6">
        <v>519396.74999999994</v>
      </c>
      <c r="C31199" s="7">
        <f t="shared" si="487"/>
        <v>519.39675</v>
      </c>
    </row>
    <row r="31200" spans="1:3" x14ac:dyDescent="0.25">
      <c r="A31200" s="2" t="s">
        <v>19613</v>
      </c>
      <c r="B31200" s="6">
        <v>519413.39999999997</v>
      </c>
      <c r="C31200" s="7">
        <f t="shared" si="487"/>
        <v>519.41339999999991</v>
      </c>
    </row>
    <row r="31201" spans="1:3" x14ac:dyDescent="0.25">
      <c r="A31201" s="2" t="s">
        <v>19614</v>
      </c>
      <c r="B31201" s="6">
        <v>519430.04999999993</v>
      </c>
      <c r="C31201" s="7">
        <f t="shared" si="487"/>
        <v>519.43004999999994</v>
      </c>
    </row>
    <row r="31202" spans="1:3" x14ac:dyDescent="0.25">
      <c r="A31202" s="2" t="s">
        <v>19615</v>
      </c>
      <c r="B31202" s="6">
        <v>519446.69999999995</v>
      </c>
      <c r="C31202" s="7">
        <f t="shared" si="487"/>
        <v>519.44669999999996</v>
      </c>
    </row>
    <row r="31203" spans="1:3" x14ac:dyDescent="0.25">
      <c r="A31203" s="2" t="s">
        <v>19616</v>
      </c>
      <c r="B31203" s="6">
        <v>519463.35</v>
      </c>
      <c r="C31203" s="7">
        <f t="shared" si="487"/>
        <v>519.46334999999999</v>
      </c>
    </row>
    <row r="31204" spans="1:3" x14ac:dyDescent="0.25">
      <c r="A31204" s="2" t="s">
        <v>19617</v>
      </c>
      <c r="B31204" s="6">
        <v>519479.99999999994</v>
      </c>
      <c r="C31204" s="7">
        <f t="shared" si="487"/>
        <v>519.4799999999999</v>
      </c>
    </row>
    <row r="31205" spans="1:3" x14ac:dyDescent="0.25">
      <c r="A31205" s="2" t="s">
        <v>19618</v>
      </c>
      <c r="B31205" s="6">
        <v>519496.64999999997</v>
      </c>
      <c r="C31205" s="7">
        <f t="shared" si="487"/>
        <v>519.49664999999993</v>
      </c>
    </row>
    <row r="31206" spans="1:3" x14ac:dyDescent="0.25">
      <c r="A31206" s="2" t="s">
        <v>19619</v>
      </c>
      <c r="B31206" s="6">
        <v>519513.29999999993</v>
      </c>
      <c r="C31206" s="7">
        <f t="shared" si="487"/>
        <v>519.51329999999996</v>
      </c>
    </row>
    <row r="31207" spans="1:3" x14ac:dyDescent="0.25">
      <c r="A31207" s="2" t="s">
        <v>19620</v>
      </c>
      <c r="B31207" s="6">
        <v>519529.94999999995</v>
      </c>
      <c r="C31207" s="7">
        <f t="shared" si="487"/>
        <v>519.52994999999999</v>
      </c>
    </row>
    <row r="31208" spans="1:3" x14ac:dyDescent="0.25">
      <c r="A31208" s="2" t="s">
        <v>19621</v>
      </c>
      <c r="B31208" s="6">
        <v>519546.6</v>
      </c>
      <c r="C31208" s="7">
        <f t="shared" si="487"/>
        <v>519.54660000000001</v>
      </c>
    </row>
    <row r="31209" spans="1:3" x14ac:dyDescent="0.25">
      <c r="A31209" s="2" t="s">
        <v>19622</v>
      </c>
      <c r="B31209" s="6">
        <v>519563.24999999994</v>
      </c>
      <c r="C31209" s="7">
        <f t="shared" si="487"/>
        <v>519.56324999999993</v>
      </c>
    </row>
    <row r="31210" spans="1:3" x14ac:dyDescent="0.25">
      <c r="A31210" s="2" t="s">
        <v>19623</v>
      </c>
      <c r="B31210" s="6">
        <v>519579.89999999997</v>
      </c>
      <c r="C31210" s="7">
        <f t="shared" si="487"/>
        <v>519.57989999999995</v>
      </c>
    </row>
    <row r="31211" spans="1:3" x14ac:dyDescent="0.25">
      <c r="A31211" s="2" t="s">
        <v>19624</v>
      </c>
      <c r="B31211" s="6">
        <v>519596.54999999993</v>
      </c>
      <c r="C31211" s="7">
        <f t="shared" si="487"/>
        <v>519.59654999999998</v>
      </c>
    </row>
    <row r="31212" spans="1:3" x14ac:dyDescent="0.25">
      <c r="A31212" s="2" t="s">
        <v>19625</v>
      </c>
      <c r="B31212" s="6">
        <v>519613.19999999995</v>
      </c>
      <c r="C31212" s="7">
        <f t="shared" si="487"/>
        <v>519.61320000000001</v>
      </c>
    </row>
    <row r="31213" spans="1:3" x14ac:dyDescent="0.25">
      <c r="A31213" s="2" t="s">
        <v>19626</v>
      </c>
      <c r="B31213" s="6">
        <v>519629.85</v>
      </c>
      <c r="C31213" s="7">
        <f t="shared" si="487"/>
        <v>519.62985000000003</v>
      </c>
    </row>
    <row r="31214" spans="1:3" x14ac:dyDescent="0.25">
      <c r="A31214" s="2" t="s">
        <v>19627</v>
      </c>
      <c r="B31214" s="6">
        <v>519646.49999999994</v>
      </c>
      <c r="C31214" s="7">
        <f t="shared" si="487"/>
        <v>519.64649999999995</v>
      </c>
    </row>
    <row r="31215" spans="1:3" x14ac:dyDescent="0.25">
      <c r="A31215" s="2" t="s">
        <v>19628</v>
      </c>
      <c r="B31215" s="6">
        <v>519663.14999999997</v>
      </c>
      <c r="C31215" s="7">
        <f t="shared" si="487"/>
        <v>519.66314999999997</v>
      </c>
    </row>
    <row r="31216" spans="1:3" x14ac:dyDescent="0.25">
      <c r="A31216" s="2" t="s">
        <v>19629</v>
      </c>
      <c r="B31216" s="6">
        <v>519679.79999999993</v>
      </c>
      <c r="C31216" s="7">
        <f t="shared" si="487"/>
        <v>519.67979999999989</v>
      </c>
    </row>
    <row r="31217" spans="1:3" x14ac:dyDescent="0.25">
      <c r="A31217" s="2" t="s">
        <v>19630</v>
      </c>
      <c r="B31217" s="6">
        <v>519696.44999999995</v>
      </c>
      <c r="C31217" s="7">
        <f t="shared" si="487"/>
        <v>519.69644999999991</v>
      </c>
    </row>
    <row r="31218" spans="1:3" x14ac:dyDescent="0.25">
      <c r="A31218" s="2" t="s">
        <v>19631</v>
      </c>
      <c r="B31218" s="6">
        <v>519713.1</v>
      </c>
      <c r="C31218" s="7">
        <f t="shared" si="487"/>
        <v>519.71309999999994</v>
      </c>
    </row>
    <row r="31219" spans="1:3" x14ac:dyDescent="0.25">
      <c r="A31219" s="2" t="s">
        <v>19632</v>
      </c>
      <c r="B31219" s="6">
        <v>519729.74999999994</v>
      </c>
      <c r="C31219" s="7">
        <f t="shared" si="487"/>
        <v>519.72974999999997</v>
      </c>
    </row>
    <row r="31220" spans="1:3" x14ac:dyDescent="0.25">
      <c r="A31220" s="2" t="s">
        <v>19633</v>
      </c>
      <c r="B31220" s="6">
        <v>519746.39999999997</v>
      </c>
      <c r="C31220" s="7">
        <f t="shared" si="487"/>
        <v>519.74639999999999</v>
      </c>
    </row>
    <row r="31221" spans="1:3" x14ac:dyDescent="0.25">
      <c r="A31221" s="2" t="s">
        <v>19634</v>
      </c>
      <c r="B31221" s="6">
        <v>519763.04999999993</v>
      </c>
      <c r="C31221" s="7">
        <f t="shared" si="487"/>
        <v>519.76304999999991</v>
      </c>
    </row>
    <row r="31222" spans="1:3" x14ac:dyDescent="0.25">
      <c r="A31222" s="2" t="s">
        <v>19635</v>
      </c>
      <c r="B31222" s="6">
        <v>519779.69999999995</v>
      </c>
      <c r="C31222" s="7">
        <f t="shared" si="487"/>
        <v>519.77969999999993</v>
      </c>
    </row>
    <row r="31223" spans="1:3" x14ac:dyDescent="0.25">
      <c r="A31223" s="2" t="s">
        <v>19636</v>
      </c>
      <c r="B31223" s="6">
        <v>519796.35</v>
      </c>
      <c r="C31223" s="7">
        <f t="shared" si="487"/>
        <v>519.79634999999996</v>
      </c>
    </row>
    <row r="31224" spans="1:3" x14ac:dyDescent="0.25">
      <c r="A31224" s="2" t="s">
        <v>19637</v>
      </c>
      <c r="B31224" s="6">
        <v>519812.99999999994</v>
      </c>
      <c r="C31224" s="7">
        <f t="shared" si="487"/>
        <v>519.81299999999999</v>
      </c>
    </row>
    <row r="31225" spans="1:3" x14ac:dyDescent="0.25">
      <c r="A31225" s="2" t="s">
        <v>19638</v>
      </c>
      <c r="B31225" s="6">
        <v>519829.64999999997</v>
      </c>
      <c r="C31225" s="7">
        <f t="shared" si="487"/>
        <v>519.82965000000002</v>
      </c>
    </row>
    <row r="31226" spans="1:3" x14ac:dyDescent="0.25">
      <c r="A31226" s="2" t="s">
        <v>19639</v>
      </c>
      <c r="B31226" s="6">
        <v>519846.29999999993</v>
      </c>
      <c r="C31226" s="7">
        <f t="shared" si="487"/>
        <v>519.84629999999993</v>
      </c>
    </row>
    <row r="31227" spans="1:3" x14ac:dyDescent="0.25">
      <c r="A31227" s="2" t="s">
        <v>19640</v>
      </c>
      <c r="B31227" s="6">
        <v>519862.94999999995</v>
      </c>
      <c r="C31227" s="7">
        <f t="shared" si="487"/>
        <v>519.86294999999996</v>
      </c>
    </row>
    <row r="31228" spans="1:3" x14ac:dyDescent="0.25">
      <c r="A31228" s="2" t="s">
        <v>19641</v>
      </c>
      <c r="B31228" s="6">
        <v>519879.6</v>
      </c>
      <c r="C31228" s="7">
        <f t="shared" si="487"/>
        <v>519.87959999999998</v>
      </c>
    </row>
    <row r="31229" spans="1:3" x14ac:dyDescent="0.25">
      <c r="A31229" s="2" t="s">
        <v>19642</v>
      </c>
      <c r="B31229" s="6">
        <v>519896.24999999994</v>
      </c>
      <c r="C31229" s="7">
        <f t="shared" si="487"/>
        <v>519.8962499999999</v>
      </c>
    </row>
    <row r="31230" spans="1:3" x14ac:dyDescent="0.25">
      <c r="A31230" s="2" t="s">
        <v>19643</v>
      </c>
      <c r="B31230" s="6">
        <v>519912.89999999997</v>
      </c>
      <c r="C31230" s="7">
        <f t="shared" si="487"/>
        <v>519.91289999999992</v>
      </c>
    </row>
    <row r="31231" spans="1:3" x14ac:dyDescent="0.25">
      <c r="A31231" s="2" t="s">
        <v>19644</v>
      </c>
      <c r="B31231" s="6">
        <v>519929.54999999993</v>
      </c>
      <c r="C31231" s="7">
        <f t="shared" si="487"/>
        <v>519.92954999999995</v>
      </c>
    </row>
    <row r="31232" spans="1:3" x14ac:dyDescent="0.25">
      <c r="A31232" s="2" t="s">
        <v>19645</v>
      </c>
      <c r="B31232" s="6">
        <v>519946.19999999995</v>
      </c>
      <c r="C31232" s="7">
        <f t="shared" si="487"/>
        <v>519.94619999999998</v>
      </c>
    </row>
    <row r="31233" spans="1:3" x14ac:dyDescent="0.25">
      <c r="A31233" s="2" t="s">
        <v>19646</v>
      </c>
      <c r="B31233" s="6">
        <v>519962.85</v>
      </c>
      <c r="C31233" s="7">
        <f t="shared" si="487"/>
        <v>519.96285</v>
      </c>
    </row>
    <row r="31234" spans="1:3" x14ac:dyDescent="0.25">
      <c r="A31234" s="2" t="s">
        <v>19647</v>
      </c>
      <c r="B31234" s="6">
        <v>519979.49999999994</v>
      </c>
      <c r="C31234" s="7">
        <f t="shared" si="487"/>
        <v>519.97949999999992</v>
      </c>
    </row>
    <row r="31235" spans="1:3" x14ac:dyDescent="0.25">
      <c r="A31235" s="2" t="s">
        <v>19648</v>
      </c>
      <c r="B31235" s="6">
        <v>519996.14999999997</v>
      </c>
      <c r="C31235" s="7">
        <f t="shared" ref="C31235:C31298" si="488">B31235/1000</f>
        <v>519.99614999999994</v>
      </c>
    </row>
    <row r="31236" spans="1:3" x14ac:dyDescent="0.25">
      <c r="A31236" s="2" t="s">
        <v>19649</v>
      </c>
      <c r="B31236" s="6">
        <v>520012.79999999993</v>
      </c>
      <c r="C31236" s="7">
        <f t="shared" si="488"/>
        <v>520.01279999999997</v>
      </c>
    </row>
    <row r="31237" spans="1:3" x14ac:dyDescent="0.25">
      <c r="A31237" s="2" t="s">
        <v>19650</v>
      </c>
      <c r="B31237" s="6">
        <v>520029.44999999995</v>
      </c>
      <c r="C31237" s="7">
        <f t="shared" si="488"/>
        <v>520.02945</v>
      </c>
    </row>
    <row r="31238" spans="1:3" x14ac:dyDescent="0.25">
      <c r="A31238" s="2" t="s">
        <v>19651</v>
      </c>
      <c r="B31238" s="6">
        <v>520046.1</v>
      </c>
      <c r="C31238" s="7">
        <f t="shared" si="488"/>
        <v>520.04610000000002</v>
      </c>
    </row>
    <row r="31239" spans="1:3" x14ac:dyDescent="0.25">
      <c r="A31239" s="2" t="s">
        <v>19652</v>
      </c>
      <c r="B31239" s="6">
        <v>520062.74999999994</v>
      </c>
      <c r="C31239" s="7">
        <f t="shared" si="488"/>
        <v>520.06274999999994</v>
      </c>
    </row>
    <row r="31240" spans="1:3" x14ac:dyDescent="0.25">
      <c r="A31240" s="2" t="s">
        <v>19653</v>
      </c>
      <c r="B31240" s="6">
        <v>520079.39999999997</v>
      </c>
      <c r="C31240" s="7">
        <f t="shared" si="488"/>
        <v>520.07939999999996</v>
      </c>
    </row>
    <row r="31241" spans="1:3" x14ac:dyDescent="0.25">
      <c r="A31241" s="2" t="s">
        <v>19654</v>
      </c>
      <c r="B31241" s="6">
        <v>520096.04999999993</v>
      </c>
      <c r="C31241" s="7">
        <f t="shared" si="488"/>
        <v>520.09604999999988</v>
      </c>
    </row>
    <row r="31242" spans="1:3" x14ac:dyDescent="0.25">
      <c r="A31242" s="2" t="s">
        <v>19655</v>
      </c>
      <c r="B31242" s="6">
        <v>520112.69999999995</v>
      </c>
      <c r="C31242" s="7">
        <f t="shared" si="488"/>
        <v>520.1126999999999</v>
      </c>
    </row>
    <row r="31243" spans="1:3" x14ac:dyDescent="0.25">
      <c r="A31243" s="2" t="s">
        <v>19656</v>
      </c>
      <c r="B31243" s="6">
        <v>520129.35</v>
      </c>
      <c r="C31243" s="7">
        <f t="shared" si="488"/>
        <v>520.12934999999993</v>
      </c>
    </row>
    <row r="31244" spans="1:3" x14ac:dyDescent="0.25">
      <c r="A31244" s="2" t="s">
        <v>19657</v>
      </c>
      <c r="B31244" s="6">
        <v>520145.99999999994</v>
      </c>
      <c r="C31244" s="7">
        <f t="shared" si="488"/>
        <v>520.14599999999996</v>
      </c>
    </row>
    <row r="31245" spans="1:3" x14ac:dyDescent="0.25">
      <c r="A31245" s="2" t="s">
        <v>19658</v>
      </c>
      <c r="B31245" s="6">
        <v>520162.64999999997</v>
      </c>
      <c r="C31245" s="7">
        <f t="shared" si="488"/>
        <v>520.16264999999999</v>
      </c>
    </row>
    <row r="31246" spans="1:3" x14ac:dyDescent="0.25">
      <c r="A31246" s="2" t="s">
        <v>19659</v>
      </c>
      <c r="B31246" s="6">
        <v>520179.29999999993</v>
      </c>
      <c r="C31246" s="7">
        <f t="shared" si="488"/>
        <v>520.1792999999999</v>
      </c>
    </row>
    <row r="31247" spans="1:3" x14ac:dyDescent="0.25">
      <c r="A31247" s="2" t="s">
        <v>19660</v>
      </c>
      <c r="B31247" s="6">
        <v>520195.94999999995</v>
      </c>
      <c r="C31247" s="7">
        <f t="shared" si="488"/>
        <v>520.19594999999993</v>
      </c>
    </row>
    <row r="31248" spans="1:3" x14ac:dyDescent="0.25">
      <c r="A31248" s="2" t="s">
        <v>19661</v>
      </c>
      <c r="B31248" s="6">
        <v>520212.6</v>
      </c>
      <c r="C31248" s="7">
        <f t="shared" si="488"/>
        <v>520.21259999999995</v>
      </c>
    </row>
    <row r="31249" spans="1:3" x14ac:dyDescent="0.25">
      <c r="A31249" s="2" t="s">
        <v>19662</v>
      </c>
      <c r="B31249" s="6">
        <v>520229.24999999994</v>
      </c>
      <c r="C31249" s="7">
        <f t="shared" si="488"/>
        <v>520.22924999999998</v>
      </c>
    </row>
    <row r="31250" spans="1:3" x14ac:dyDescent="0.25">
      <c r="A31250" s="2" t="s">
        <v>19663</v>
      </c>
      <c r="B31250" s="6">
        <v>520245.89999999997</v>
      </c>
      <c r="C31250" s="7">
        <f t="shared" si="488"/>
        <v>520.24590000000001</v>
      </c>
    </row>
    <row r="31251" spans="1:3" x14ac:dyDescent="0.25">
      <c r="A31251" s="2" t="s">
        <v>19664</v>
      </c>
      <c r="B31251" s="6">
        <v>520262.54999999993</v>
      </c>
      <c r="C31251" s="7">
        <f t="shared" si="488"/>
        <v>520.26254999999992</v>
      </c>
    </row>
    <row r="31252" spans="1:3" x14ac:dyDescent="0.25">
      <c r="A31252" s="2" t="s">
        <v>19665</v>
      </c>
      <c r="B31252" s="6">
        <v>520279.19999999995</v>
      </c>
      <c r="C31252" s="7">
        <f t="shared" si="488"/>
        <v>520.27919999999995</v>
      </c>
    </row>
    <row r="31253" spans="1:3" x14ac:dyDescent="0.25">
      <c r="A31253" s="2" t="s">
        <v>19666</v>
      </c>
      <c r="B31253" s="6">
        <v>520295.85</v>
      </c>
      <c r="C31253" s="7">
        <f t="shared" si="488"/>
        <v>520.29584999999997</v>
      </c>
    </row>
    <row r="31254" spans="1:3" x14ac:dyDescent="0.25">
      <c r="A31254" s="2" t="s">
        <v>19667</v>
      </c>
      <c r="B31254" s="6">
        <v>520312.49999999994</v>
      </c>
      <c r="C31254" s="7">
        <f t="shared" si="488"/>
        <v>520.31249999999989</v>
      </c>
    </row>
    <row r="31255" spans="1:3" x14ac:dyDescent="0.25">
      <c r="A31255" s="2" t="s">
        <v>19668</v>
      </c>
      <c r="B31255" s="6">
        <v>520329.14999999997</v>
      </c>
      <c r="C31255" s="7">
        <f t="shared" si="488"/>
        <v>520.32914999999991</v>
      </c>
    </row>
    <row r="31256" spans="1:3" x14ac:dyDescent="0.25">
      <c r="A31256" s="2" t="s">
        <v>19669</v>
      </c>
      <c r="B31256" s="6">
        <v>520345.79999999993</v>
      </c>
      <c r="C31256" s="7">
        <f t="shared" si="488"/>
        <v>520.34579999999994</v>
      </c>
    </row>
    <row r="31257" spans="1:3" x14ac:dyDescent="0.25">
      <c r="A31257" s="2" t="s">
        <v>19670</v>
      </c>
      <c r="B31257" s="6">
        <v>520362.44999999995</v>
      </c>
      <c r="C31257" s="7">
        <f t="shared" si="488"/>
        <v>520.36244999999997</v>
      </c>
    </row>
    <row r="31258" spans="1:3" x14ac:dyDescent="0.25">
      <c r="A31258" s="2" t="s">
        <v>19671</v>
      </c>
      <c r="B31258" s="6">
        <v>520379.1</v>
      </c>
      <c r="C31258" s="7">
        <f t="shared" si="488"/>
        <v>520.37909999999999</v>
      </c>
    </row>
    <row r="31259" spans="1:3" x14ac:dyDescent="0.25">
      <c r="A31259" s="2" t="s">
        <v>19672</v>
      </c>
      <c r="B31259" s="6">
        <v>520395.74999999994</v>
      </c>
      <c r="C31259" s="7">
        <f t="shared" si="488"/>
        <v>520.39574999999991</v>
      </c>
    </row>
    <row r="31260" spans="1:3" x14ac:dyDescent="0.25">
      <c r="A31260" s="2" t="s">
        <v>19673</v>
      </c>
      <c r="B31260" s="6">
        <v>520412.39999999997</v>
      </c>
      <c r="C31260" s="7">
        <f t="shared" si="488"/>
        <v>520.41239999999993</v>
      </c>
    </row>
    <row r="31261" spans="1:3" x14ac:dyDescent="0.25">
      <c r="A31261" s="2" t="s">
        <v>19674</v>
      </c>
      <c r="B31261" s="6">
        <v>520429.04999999993</v>
      </c>
      <c r="C31261" s="7">
        <f t="shared" si="488"/>
        <v>520.42904999999996</v>
      </c>
    </row>
    <row r="31262" spans="1:3" x14ac:dyDescent="0.25">
      <c r="A31262" s="2" t="s">
        <v>19675</v>
      </c>
      <c r="B31262" s="6">
        <v>520445.69999999995</v>
      </c>
      <c r="C31262" s="7">
        <f t="shared" si="488"/>
        <v>520.44569999999999</v>
      </c>
    </row>
    <row r="31263" spans="1:3" x14ac:dyDescent="0.25">
      <c r="A31263" s="2" t="s">
        <v>19676</v>
      </c>
      <c r="B31263" s="6">
        <v>520462.35</v>
      </c>
      <c r="C31263" s="7">
        <f t="shared" si="488"/>
        <v>520.46235000000001</v>
      </c>
    </row>
    <row r="31264" spans="1:3" x14ac:dyDescent="0.25">
      <c r="A31264" s="2" t="s">
        <v>19677</v>
      </c>
      <c r="B31264" s="6">
        <v>520478.99999999994</v>
      </c>
      <c r="C31264" s="7">
        <f t="shared" si="488"/>
        <v>520.47899999999993</v>
      </c>
    </row>
    <row r="31265" spans="1:3" x14ac:dyDescent="0.25">
      <c r="A31265" s="2" t="s">
        <v>19678</v>
      </c>
      <c r="B31265" s="6">
        <v>520495.64999999997</v>
      </c>
      <c r="C31265" s="7">
        <f t="shared" si="488"/>
        <v>520.49564999999996</v>
      </c>
    </row>
    <row r="31266" spans="1:3" x14ac:dyDescent="0.25">
      <c r="A31266" s="2" t="s">
        <v>19679</v>
      </c>
      <c r="B31266" s="6">
        <v>520512.29999999993</v>
      </c>
      <c r="C31266" s="7">
        <f t="shared" si="488"/>
        <v>520.51229999999998</v>
      </c>
    </row>
    <row r="31267" spans="1:3" x14ac:dyDescent="0.25">
      <c r="A31267" s="2" t="s">
        <v>19680</v>
      </c>
      <c r="B31267" s="6">
        <v>520528.94999999995</v>
      </c>
      <c r="C31267" s="7">
        <f t="shared" si="488"/>
        <v>520.52895000000001</v>
      </c>
    </row>
    <row r="31268" spans="1:3" x14ac:dyDescent="0.25">
      <c r="A31268" s="2" t="s">
        <v>19681</v>
      </c>
      <c r="B31268" s="6">
        <v>520545.6</v>
      </c>
      <c r="C31268" s="7">
        <f t="shared" si="488"/>
        <v>520.54559999999992</v>
      </c>
    </row>
    <row r="31269" spans="1:3" x14ac:dyDescent="0.25">
      <c r="A31269" s="2" t="s">
        <v>19682</v>
      </c>
      <c r="B31269" s="6">
        <v>520562.24999999994</v>
      </c>
      <c r="C31269" s="7">
        <f t="shared" si="488"/>
        <v>520.56224999999995</v>
      </c>
    </row>
    <row r="31270" spans="1:3" x14ac:dyDescent="0.25">
      <c r="A31270" s="2" t="s">
        <v>19683</v>
      </c>
      <c r="B31270" s="6">
        <v>520578.89999999997</v>
      </c>
      <c r="C31270" s="7">
        <f t="shared" si="488"/>
        <v>520.57889999999998</v>
      </c>
    </row>
    <row r="31271" spans="1:3" x14ac:dyDescent="0.25">
      <c r="A31271" s="2" t="s">
        <v>19684</v>
      </c>
      <c r="B31271" s="6">
        <v>520595.54999999993</v>
      </c>
      <c r="C31271" s="7">
        <f t="shared" si="488"/>
        <v>520.59554999999989</v>
      </c>
    </row>
    <row r="31272" spans="1:3" x14ac:dyDescent="0.25">
      <c r="A31272" s="2" t="s">
        <v>19685</v>
      </c>
      <c r="B31272" s="6">
        <v>520612.19999999995</v>
      </c>
      <c r="C31272" s="7">
        <f t="shared" si="488"/>
        <v>520.61219999999992</v>
      </c>
    </row>
    <row r="31273" spans="1:3" x14ac:dyDescent="0.25">
      <c r="A31273" s="2" t="s">
        <v>19686</v>
      </c>
      <c r="B31273" s="6">
        <v>520628.85</v>
      </c>
      <c r="C31273" s="7">
        <f t="shared" si="488"/>
        <v>520.62884999999994</v>
      </c>
    </row>
    <row r="31274" spans="1:3" x14ac:dyDescent="0.25">
      <c r="A31274" s="2" t="s">
        <v>19687</v>
      </c>
      <c r="B31274" s="6">
        <v>520645.49999999994</v>
      </c>
      <c r="C31274" s="7">
        <f t="shared" si="488"/>
        <v>520.64549999999997</v>
      </c>
    </row>
    <row r="31275" spans="1:3" x14ac:dyDescent="0.25">
      <c r="A31275" s="2" t="s">
        <v>19688</v>
      </c>
      <c r="B31275" s="6">
        <v>520662.14999999997</v>
      </c>
      <c r="C31275" s="7">
        <f t="shared" si="488"/>
        <v>520.66215</v>
      </c>
    </row>
    <row r="31276" spans="1:3" x14ac:dyDescent="0.25">
      <c r="A31276" s="2" t="s">
        <v>19689</v>
      </c>
      <c r="B31276" s="6">
        <v>520678.79999999993</v>
      </c>
      <c r="C31276" s="7">
        <f t="shared" si="488"/>
        <v>520.67879999999991</v>
      </c>
    </row>
    <row r="31277" spans="1:3" x14ac:dyDescent="0.25">
      <c r="A31277" s="2" t="s">
        <v>19690</v>
      </c>
      <c r="B31277" s="6">
        <v>520695.44999999995</v>
      </c>
      <c r="C31277" s="7">
        <f t="shared" si="488"/>
        <v>520.69544999999994</v>
      </c>
    </row>
    <row r="31278" spans="1:3" x14ac:dyDescent="0.25">
      <c r="A31278" s="2" t="s">
        <v>19691</v>
      </c>
      <c r="B31278" s="6">
        <v>520712.1</v>
      </c>
      <c r="C31278" s="7">
        <f t="shared" si="488"/>
        <v>520.71209999999996</v>
      </c>
    </row>
    <row r="31279" spans="1:3" x14ac:dyDescent="0.25">
      <c r="A31279" s="2" t="s">
        <v>19692</v>
      </c>
      <c r="B31279" s="6">
        <v>520728.74999999994</v>
      </c>
      <c r="C31279" s="7">
        <f t="shared" si="488"/>
        <v>520.72874999999999</v>
      </c>
    </row>
    <row r="31280" spans="1:3" x14ac:dyDescent="0.25">
      <c r="A31280" s="2" t="s">
        <v>19693</v>
      </c>
      <c r="B31280" s="6">
        <v>520745.39999999997</v>
      </c>
      <c r="C31280" s="7">
        <f t="shared" si="488"/>
        <v>520.74540000000002</v>
      </c>
    </row>
    <row r="31281" spans="1:3" x14ac:dyDescent="0.25">
      <c r="A31281" s="2" t="s">
        <v>19694</v>
      </c>
      <c r="B31281" s="6">
        <v>520762.04999999993</v>
      </c>
      <c r="C31281" s="7">
        <f t="shared" si="488"/>
        <v>520.76204999999993</v>
      </c>
    </row>
    <row r="31282" spans="1:3" x14ac:dyDescent="0.25">
      <c r="A31282" s="2" t="s">
        <v>19695</v>
      </c>
      <c r="B31282" s="6">
        <v>520778.69999999995</v>
      </c>
      <c r="C31282" s="7">
        <f t="shared" si="488"/>
        <v>520.77869999999996</v>
      </c>
    </row>
    <row r="31283" spans="1:3" x14ac:dyDescent="0.25">
      <c r="A31283" s="2" t="s">
        <v>19696</v>
      </c>
      <c r="B31283" s="6">
        <v>520795.35</v>
      </c>
      <c r="C31283" s="7">
        <f t="shared" si="488"/>
        <v>520.79534999999998</v>
      </c>
    </row>
    <row r="31284" spans="1:3" x14ac:dyDescent="0.25">
      <c r="A31284" s="2" t="s">
        <v>19697</v>
      </c>
      <c r="B31284" s="6">
        <v>520811.99999999994</v>
      </c>
      <c r="C31284" s="7">
        <f t="shared" si="488"/>
        <v>520.8119999999999</v>
      </c>
    </row>
    <row r="31285" spans="1:3" x14ac:dyDescent="0.25">
      <c r="A31285" s="2" t="s">
        <v>19698</v>
      </c>
      <c r="B31285" s="6">
        <v>520828.64999999997</v>
      </c>
      <c r="C31285" s="7">
        <f t="shared" si="488"/>
        <v>520.82864999999993</v>
      </c>
    </row>
    <row r="31286" spans="1:3" x14ac:dyDescent="0.25">
      <c r="A31286" s="2" t="s">
        <v>19699</v>
      </c>
      <c r="B31286" s="6">
        <v>520845.29999999993</v>
      </c>
      <c r="C31286" s="7">
        <f t="shared" si="488"/>
        <v>520.84529999999995</v>
      </c>
    </row>
    <row r="31287" spans="1:3" x14ac:dyDescent="0.25">
      <c r="A31287" s="2" t="s">
        <v>19700</v>
      </c>
      <c r="B31287" s="6">
        <v>520861.94999999995</v>
      </c>
      <c r="C31287" s="7">
        <f t="shared" si="488"/>
        <v>520.86194999999998</v>
      </c>
    </row>
    <row r="31288" spans="1:3" x14ac:dyDescent="0.25">
      <c r="A31288" s="2" t="s">
        <v>19701</v>
      </c>
      <c r="B31288" s="6">
        <v>520878.6</v>
      </c>
      <c r="C31288" s="7">
        <f t="shared" si="488"/>
        <v>520.87860000000001</v>
      </c>
    </row>
    <row r="31289" spans="1:3" x14ac:dyDescent="0.25">
      <c r="A31289" s="2" t="s">
        <v>19702</v>
      </c>
      <c r="B31289" s="6">
        <v>520895.24999999994</v>
      </c>
      <c r="C31289" s="7">
        <f t="shared" si="488"/>
        <v>520.89524999999992</v>
      </c>
    </row>
    <row r="31290" spans="1:3" x14ac:dyDescent="0.25">
      <c r="A31290" s="2" t="s">
        <v>19703</v>
      </c>
      <c r="B31290" s="6">
        <v>520911.89999999997</v>
      </c>
      <c r="C31290" s="7">
        <f t="shared" si="488"/>
        <v>520.91189999999995</v>
      </c>
    </row>
    <row r="31291" spans="1:3" x14ac:dyDescent="0.25">
      <c r="A31291" s="2" t="s">
        <v>19704</v>
      </c>
      <c r="B31291" s="6">
        <v>520928.54999999993</v>
      </c>
      <c r="C31291" s="7">
        <f t="shared" si="488"/>
        <v>520.92854999999997</v>
      </c>
    </row>
    <row r="31292" spans="1:3" x14ac:dyDescent="0.25">
      <c r="A31292" s="2" t="s">
        <v>19705</v>
      </c>
      <c r="B31292" s="6">
        <v>520945.19999999995</v>
      </c>
      <c r="C31292" s="7">
        <f t="shared" si="488"/>
        <v>520.9452</v>
      </c>
    </row>
    <row r="31293" spans="1:3" x14ac:dyDescent="0.25">
      <c r="A31293" s="2" t="s">
        <v>19706</v>
      </c>
      <c r="B31293" s="6">
        <v>520961.85</v>
      </c>
      <c r="C31293" s="7">
        <f t="shared" si="488"/>
        <v>520.96185000000003</v>
      </c>
    </row>
    <row r="31294" spans="1:3" x14ac:dyDescent="0.25">
      <c r="A31294" s="2" t="s">
        <v>19707</v>
      </c>
      <c r="B31294" s="6">
        <v>520978.49999999994</v>
      </c>
      <c r="C31294" s="7">
        <f t="shared" si="488"/>
        <v>520.97849999999994</v>
      </c>
    </row>
    <row r="31295" spans="1:3" x14ac:dyDescent="0.25">
      <c r="A31295" s="2" t="s">
        <v>19708</v>
      </c>
      <c r="B31295" s="6">
        <v>520995.14999999997</v>
      </c>
      <c r="C31295" s="7">
        <f t="shared" si="488"/>
        <v>520.99514999999997</v>
      </c>
    </row>
    <row r="31296" spans="1:3" x14ac:dyDescent="0.25">
      <c r="A31296" s="2" t="s">
        <v>19709</v>
      </c>
      <c r="B31296" s="6">
        <v>521011.79999999993</v>
      </c>
      <c r="C31296" s="7">
        <f t="shared" si="488"/>
        <v>521.01179999999988</v>
      </c>
    </row>
    <row r="31297" spans="1:3" x14ac:dyDescent="0.25">
      <c r="A31297" s="2" t="s">
        <v>19710</v>
      </c>
      <c r="B31297" s="6">
        <v>521028.44999999995</v>
      </c>
      <c r="C31297" s="7">
        <f t="shared" si="488"/>
        <v>521.02844999999991</v>
      </c>
    </row>
    <row r="31298" spans="1:3" x14ac:dyDescent="0.25">
      <c r="A31298" s="2" t="s">
        <v>19711</v>
      </c>
      <c r="B31298" s="6">
        <v>521045.1</v>
      </c>
      <c r="C31298" s="7">
        <f t="shared" si="488"/>
        <v>521.04509999999993</v>
      </c>
    </row>
    <row r="31299" spans="1:3" x14ac:dyDescent="0.25">
      <c r="A31299" s="2" t="s">
        <v>19712</v>
      </c>
      <c r="B31299" s="6">
        <v>521061.74999999994</v>
      </c>
      <c r="C31299" s="7">
        <f t="shared" ref="C31299:C31362" si="489">B31299/1000</f>
        <v>521.06174999999996</v>
      </c>
    </row>
    <row r="31300" spans="1:3" x14ac:dyDescent="0.25">
      <c r="A31300" s="2" t="s">
        <v>19713</v>
      </c>
      <c r="B31300" s="6">
        <v>521078.39999999997</v>
      </c>
      <c r="C31300" s="7">
        <f t="shared" si="489"/>
        <v>521.07839999999999</v>
      </c>
    </row>
    <row r="31301" spans="1:3" x14ac:dyDescent="0.25">
      <c r="A31301" s="2" t="s">
        <v>19714</v>
      </c>
      <c r="B31301" s="6">
        <v>521095.04999999993</v>
      </c>
      <c r="C31301" s="7">
        <f t="shared" si="489"/>
        <v>521.0950499999999</v>
      </c>
    </row>
    <row r="31302" spans="1:3" x14ac:dyDescent="0.25">
      <c r="A31302" s="2" t="s">
        <v>19715</v>
      </c>
      <c r="B31302" s="6">
        <v>521111.69999999995</v>
      </c>
      <c r="C31302" s="7">
        <f t="shared" si="489"/>
        <v>521.11169999999993</v>
      </c>
    </row>
    <row r="31303" spans="1:3" x14ac:dyDescent="0.25">
      <c r="A31303" s="2" t="s">
        <v>19716</v>
      </c>
      <c r="B31303" s="6">
        <v>521128.35</v>
      </c>
      <c r="C31303" s="7">
        <f t="shared" si="489"/>
        <v>521.12834999999995</v>
      </c>
    </row>
    <row r="31304" spans="1:3" x14ac:dyDescent="0.25">
      <c r="A31304" s="2" t="s">
        <v>19717</v>
      </c>
      <c r="B31304" s="6">
        <v>521144.99999999994</v>
      </c>
      <c r="C31304" s="7">
        <f t="shared" si="489"/>
        <v>521.14499999999998</v>
      </c>
    </row>
    <row r="31305" spans="1:3" x14ac:dyDescent="0.25">
      <c r="A31305" s="2" t="s">
        <v>19718</v>
      </c>
      <c r="B31305" s="6">
        <v>521161.64999999997</v>
      </c>
      <c r="C31305" s="7">
        <f t="shared" si="489"/>
        <v>521.16165000000001</v>
      </c>
    </row>
    <row r="31306" spans="1:3" x14ac:dyDescent="0.25">
      <c r="A31306" s="2" t="s">
        <v>19719</v>
      </c>
      <c r="B31306" s="6">
        <v>521178.29999999993</v>
      </c>
      <c r="C31306" s="7">
        <f t="shared" si="489"/>
        <v>521.17829999999992</v>
      </c>
    </row>
    <row r="31307" spans="1:3" x14ac:dyDescent="0.25">
      <c r="A31307" s="2" t="s">
        <v>19720</v>
      </c>
      <c r="B31307" s="6">
        <v>521194.94999999995</v>
      </c>
      <c r="C31307" s="7">
        <f t="shared" si="489"/>
        <v>521.19494999999995</v>
      </c>
    </row>
    <row r="31308" spans="1:3" x14ac:dyDescent="0.25">
      <c r="A31308" s="2" t="s">
        <v>19721</v>
      </c>
      <c r="B31308" s="6">
        <v>521211.6</v>
      </c>
      <c r="C31308" s="7">
        <f t="shared" si="489"/>
        <v>521.21159999999998</v>
      </c>
    </row>
    <row r="31309" spans="1:3" x14ac:dyDescent="0.25">
      <c r="A31309" s="2" t="s">
        <v>19722</v>
      </c>
      <c r="B31309" s="6">
        <v>521228.24999999994</v>
      </c>
      <c r="C31309" s="7">
        <f t="shared" si="489"/>
        <v>521.22824999999989</v>
      </c>
    </row>
    <row r="31310" spans="1:3" x14ac:dyDescent="0.25">
      <c r="A31310" s="2" t="s">
        <v>19723</v>
      </c>
      <c r="B31310" s="6">
        <v>521244.89999999997</v>
      </c>
      <c r="C31310" s="7">
        <f t="shared" si="489"/>
        <v>521.24489999999992</v>
      </c>
    </row>
    <row r="31311" spans="1:3" x14ac:dyDescent="0.25">
      <c r="A31311" s="2" t="s">
        <v>19724</v>
      </c>
      <c r="B31311" s="6">
        <v>521261.54999999993</v>
      </c>
      <c r="C31311" s="7">
        <f t="shared" si="489"/>
        <v>521.26154999999994</v>
      </c>
    </row>
    <row r="31312" spans="1:3" x14ac:dyDescent="0.25">
      <c r="A31312" s="2" t="s">
        <v>19725</v>
      </c>
      <c r="B31312" s="6">
        <v>521278.19999999995</v>
      </c>
      <c r="C31312" s="7">
        <f t="shared" si="489"/>
        <v>521.27819999999997</v>
      </c>
    </row>
    <row r="31313" spans="1:3" x14ac:dyDescent="0.25">
      <c r="A31313" s="2" t="s">
        <v>19726</v>
      </c>
      <c r="B31313" s="6">
        <v>521294.85</v>
      </c>
      <c r="C31313" s="7">
        <f t="shared" si="489"/>
        <v>521.29485</v>
      </c>
    </row>
    <row r="31314" spans="1:3" x14ac:dyDescent="0.25">
      <c r="A31314" s="2" t="s">
        <v>19727</v>
      </c>
      <c r="B31314" s="6">
        <v>521311.49999999994</v>
      </c>
      <c r="C31314" s="7">
        <f t="shared" si="489"/>
        <v>521.31149999999991</v>
      </c>
    </row>
    <row r="31315" spans="1:3" x14ac:dyDescent="0.25">
      <c r="A31315" s="2" t="s">
        <v>19728</v>
      </c>
      <c r="B31315" s="6">
        <v>521328.14999999997</v>
      </c>
      <c r="C31315" s="7">
        <f t="shared" si="489"/>
        <v>521.32814999999994</v>
      </c>
    </row>
    <row r="31316" spans="1:3" x14ac:dyDescent="0.25">
      <c r="A31316" s="2" t="s">
        <v>19729</v>
      </c>
      <c r="B31316" s="6">
        <v>521344.79999999993</v>
      </c>
      <c r="C31316" s="7">
        <f t="shared" si="489"/>
        <v>521.34479999999996</v>
      </c>
    </row>
    <row r="31317" spans="1:3" x14ac:dyDescent="0.25">
      <c r="A31317" s="2" t="s">
        <v>19730</v>
      </c>
      <c r="B31317" s="6">
        <v>521361.44999999995</v>
      </c>
      <c r="C31317" s="7">
        <f t="shared" si="489"/>
        <v>521.36144999999999</v>
      </c>
    </row>
    <row r="31318" spans="1:3" x14ac:dyDescent="0.25">
      <c r="A31318" s="2" t="s">
        <v>19731</v>
      </c>
      <c r="B31318" s="6">
        <v>521378.1</v>
      </c>
      <c r="C31318" s="7">
        <f t="shared" si="489"/>
        <v>521.37810000000002</v>
      </c>
    </row>
    <row r="31319" spans="1:3" x14ac:dyDescent="0.25">
      <c r="A31319" s="2" t="s">
        <v>19732</v>
      </c>
      <c r="B31319" s="6">
        <v>521394.74999999994</v>
      </c>
      <c r="C31319" s="7">
        <f t="shared" si="489"/>
        <v>521.39474999999993</v>
      </c>
    </row>
    <row r="31320" spans="1:3" x14ac:dyDescent="0.25">
      <c r="A31320" s="2" t="s">
        <v>19733</v>
      </c>
      <c r="B31320" s="6">
        <v>521411.39999999997</v>
      </c>
      <c r="C31320" s="7">
        <f t="shared" si="489"/>
        <v>521.41139999999996</v>
      </c>
    </row>
    <row r="31321" spans="1:3" x14ac:dyDescent="0.25">
      <c r="A31321" s="2" t="s">
        <v>19734</v>
      </c>
      <c r="B31321" s="6">
        <v>521428.04999999993</v>
      </c>
      <c r="C31321" s="7">
        <f t="shared" si="489"/>
        <v>521.42804999999998</v>
      </c>
    </row>
    <row r="31322" spans="1:3" x14ac:dyDescent="0.25">
      <c r="A31322" s="2" t="s">
        <v>19735</v>
      </c>
      <c r="B31322" s="6">
        <v>521444.69999999995</v>
      </c>
      <c r="C31322" s="7">
        <f t="shared" si="489"/>
        <v>521.4446999999999</v>
      </c>
    </row>
    <row r="31323" spans="1:3" x14ac:dyDescent="0.25">
      <c r="A31323" s="2" t="s">
        <v>19736</v>
      </c>
      <c r="B31323" s="6">
        <v>521461.35</v>
      </c>
      <c r="C31323" s="7">
        <f t="shared" si="489"/>
        <v>521.46134999999992</v>
      </c>
    </row>
    <row r="31324" spans="1:3" x14ac:dyDescent="0.25">
      <c r="A31324" s="2" t="s">
        <v>19737</v>
      </c>
      <c r="B31324" s="6">
        <v>521477.99999999994</v>
      </c>
      <c r="C31324" s="7">
        <f t="shared" si="489"/>
        <v>521.47799999999995</v>
      </c>
    </row>
    <row r="31325" spans="1:3" x14ac:dyDescent="0.25">
      <c r="A31325" s="2" t="s">
        <v>19738</v>
      </c>
      <c r="B31325" s="6">
        <v>521494.64999999997</v>
      </c>
      <c r="C31325" s="7">
        <f t="shared" si="489"/>
        <v>521.49464999999998</v>
      </c>
    </row>
    <row r="31326" spans="1:3" x14ac:dyDescent="0.25">
      <c r="A31326" s="2" t="s">
        <v>19739</v>
      </c>
      <c r="B31326" s="6">
        <v>521511.29999999993</v>
      </c>
      <c r="C31326" s="7">
        <f t="shared" si="489"/>
        <v>521.51129999999989</v>
      </c>
    </row>
    <row r="31327" spans="1:3" x14ac:dyDescent="0.25">
      <c r="A31327" s="2" t="s">
        <v>19740</v>
      </c>
      <c r="B31327" s="6">
        <v>521527.94999999995</v>
      </c>
      <c r="C31327" s="7">
        <f t="shared" si="489"/>
        <v>521.52794999999992</v>
      </c>
    </row>
    <row r="31328" spans="1:3" x14ac:dyDescent="0.25">
      <c r="A31328" s="2" t="s">
        <v>19741</v>
      </c>
      <c r="B31328" s="6">
        <v>521544.6</v>
      </c>
      <c r="C31328" s="7">
        <f t="shared" si="489"/>
        <v>521.54459999999995</v>
      </c>
    </row>
    <row r="31329" spans="1:3" x14ac:dyDescent="0.25">
      <c r="A31329" s="2" t="s">
        <v>19742</v>
      </c>
      <c r="B31329" s="6">
        <v>521561.24999999994</v>
      </c>
      <c r="C31329" s="7">
        <f t="shared" si="489"/>
        <v>521.56124999999997</v>
      </c>
    </row>
    <row r="31330" spans="1:3" x14ac:dyDescent="0.25">
      <c r="A31330" s="2" t="s">
        <v>19743</v>
      </c>
      <c r="B31330" s="6">
        <v>521577.89999999997</v>
      </c>
      <c r="C31330" s="7">
        <f t="shared" si="489"/>
        <v>521.5779</v>
      </c>
    </row>
    <row r="31331" spans="1:3" x14ac:dyDescent="0.25">
      <c r="A31331" s="2" t="s">
        <v>19744</v>
      </c>
      <c r="B31331" s="6">
        <v>521594.54999999993</v>
      </c>
      <c r="C31331" s="7">
        <f t="shared" si="489"/>
        <v>521.59454999999991</v>
      </c>
    </row>
    <row r="31332" spans="1:3" x14ac:dyDescent="0.25">
      <c r="A31332" s="2" t="s">
        <v>19745</v>
      </c>
      <c r="B31332" s="6">
        <v>521611.19999999995</v>
      </c>
      <c r="C31332" s="7">
        <f t="shared" si="489"/>
        <v>521.61119999999994</v>
      </c>
    </row>
    <row r="31333" spans="1:3" x14ac:dyDescent="0.25">
      <c r="A31333" s="2" t="s">
        <v>19746</v>
      </c>
      <c r="B31333" s="6">
        <v>521627.85</v>
      </c>
      <c r="C31333" s="7">
        <f t="shared" si="489"/>
        <v>521.62784999999997</v>
      </c>
    </row>
    <row r="31334" spans="1:3" x14ac:dyDescent="0.25">
      <c r="A31334" s="2" t="s">
        <v>19747</v>
      </c>
      <c r="B31334" s="6">
        <v>521644.49999999994</v>
      </c>
      <c r="C31334" s="7">
        <f t="shared" si="489"/>
        <v>521.64449999999999</v>
      </c>
    </row>
    <row r="31335" spans="1:3" x14ac:dyDescent="0.25">
      <c r="A31335" s="2" t="s">
        <v>19748</v>
      </c>
      <c r="B31335" s="6">
        <v>521661.14999999997</v>
      </c>
      <c r="C31335" s="7">
        <f t="shared" si="489"/>
        <v>521.66115000000002</v>
      </c>
    </row>
    <row r="31336" spans="1:3" x14ac:dyDescent="0.25">
      <c r="A31336" s="2" t="s">
        <v>19749</v>
      </c>
      <c r="B31336" s="6">
        <v>521677.79999999993</v>
      </c>
      <c r="C31336" s="7">
        <f t="shared" si="489"/>
        <v>521.67779999999993</v>
      </c>
    </row>
    <row r="31337" spans="1:3" x14ac:dyDescent="0.25">
      <c r="A31337" s="2" t="s">
        <v>19750</v>
      </c>
      <c r="B31337" s="6">
        <v>521694.44999999995</v>
      </c>
      <c r="C31337" s="7">
        <f t="shared" si="489"/>
        <v>521.69444999999996</v>
      </c>
    </row>
    <row r="31338" spans="1:3" x14ac:dyDescent="0.25">
      <c r="A31338" s="2" t="s">
        <v>19751</v>
      </c>
      <c r="B31338" s="6">
        <v>521711.1</v>
      </c>
      <c r="C31338" s="7">
        <f t="shared" si="489"/>
        <v>521.71109999999999</v>
      </c>
    </row>
    <row r="31339" spans="1:3" x14ac:dyDescent="0.25">
      <c r="A31339" s="2" t="s">
        <v>19752</v>
      </c>
      <c r="B31339" s="6">
        <v>521727.74999999994</v>
      </c>
      <c r="C31339" s="7">
        <f t="shared" si="489"/>
        <v>521.7277499999999</v>
      </c>
    </row>
    <row r="31340" spans="1:3" x14ac:dyDescent="0.25">
      <c r="A31340" s="2" t="s">
        <v>19753</v>
      </c>
      <c r="B31340" s="6">
        <v>521744.39999999997</v>
      </c>
      <c r="C31340" s="7">
        <f t="shared" si="489"/>
        <v>521.74439999999993</v>
      </c>
    </row>
    <row r="31341" spans="1:3" x14ac:dyDescent="0.25">
      <c r="A31341" s="2" t="s">
        <v>19754</v>
      </c>
      <c r="B31341" s="6">
        <v>521761.04999999993</v>
      </c>
      <c r="C31341" s="7">
        <f t="shared" si="489"/>
        <v>521.76104999999995</v>
      </c>
    </row>
    <row r="31342" spans="1:3" x14ac:dyDescent="0.25">
      <c r="A31342" s="2" t="s">
        <v>19755</v>
      </c>
      <c r="B31342" s="6">
        <v>521777.69999999995</v>
      </c>
      <c r="C31342" s="7">
        <f t="shared" si="489"/>
        <v>521.77769999999998</v>
      </c>
    </row>
    <row r="31343" spans="1:3" x14ac:dyDescent="0.25">
      <c r="A31343" s="2" t="s">
        <v>19756</v>
      </c>
      <c r="B31343" s="6">
        <v>521794.35</v>
      </c>
      <c r="C31343" s="7">
        <f t="shared" si="489"/>
        <v>521.79435000000001</v>
      </c>
    </row>
    <row r="31344" spans="1:3" x14ac:dyDescent="0.25">
      <c r="A31344" s="2" t="s">
        <v>19757</v>
      </c>
      <c r="B31344" s="6">
        <v>521810.99999999994</v>
      </c>
      <c r="C31344" s="7">
        <f t="shared" si="489"/>
        <v>521.81099999999992</v>
      </c>
    </row>
    <row r="31345" spans="1:3" x14ac:dyDescent="0.25">
      <c r="A31345" s="2" t="s">
        <v>19758</v>
      </c>
      <c r="B31345" s="6">
        <v>521827.64999999997</v>
      </c>
      <c r="C31345" s="7">
        <f t="shared" si="489"/>
        <v>521.82764999999995</v>
      </c>
    </row>
    <row r="31346" spans="1:3" x14ac:dyDescent="0.25">
      <c r="A31346" s="2" t="s">
        <v>19759</v>
      </c>
      <c r="B31346" s="6">
        <v>521844.29999999993</v>
      </c>
      <c r="C31346" s="7">
        <f t="shared" si="489"/>
        <v>521.84429999999998</v>
      </c>
    </row>
    <row r="31347" spans="1:3" x14ac:dyDescent="0.25">
      <c r="A31347" s="2" t="s">
        <v>19760</v>
      </c>
      <c r="B31347" s="6">
        <v>521860.94999999995</v>
      </c>
      <c r="C31347" s="7">
        <f t="shared" si="489"/>
        <v>521.86095</v>
      </c>
    </row>
    <row r="31348" spans="1:3" x14ac:dyDescent="0.25">
      <c r="A31348" s="2" t="s">
        <v>19761</v>
      </c>
      <c r="B31348" s="6">
        <v>521877.6</v>
      </c>
      <c r="C31348" s="7">
        <f t="shared" si="489"/>
        <v>521.87760000000003</v>
      </c>
    </row>
    <row r="31349" spans="1:3" x14ac:dyDescent="0.25">
      <c r="A31349" s="2" t="s">
        <v>19762</v>
      </c>
      <c r="B31349" s="6">
        <v>521894.24999999994</v>
      </c>
      <c r="C31349" s="7">
        <f t="shared" si="489"/>
        <v>521.89424999999994</v>
      </c>
    </row>
    <row r="31350" spans="1:3" x14ac:dyDescent="0.25">
      <c r="A31350" s="2" t="s">
        <v>19763</v>
      </c>
      <c r="B31350" s="6">
        <v>521910.89999999997</v>
      </c>
      <c r="C31350" s="7">
        <f t="shared" si="489"/>
        <v>521.91089999999997</v>
      </c>
    </row>
    <row r="31351" spans="1:3" x14ac:dyDescent="0.25">
      <c r="A31351" s="2" t="s">
        <v>19764</v>
      </c>
      <c r="B31351" s="6">
        <v>521927.54999999993</v>
      </c>
      <c r="C31351" s="7">
        <f t="shared" si="489"/>
        <v>521.92754999999988</v>
      </c>
    </row>
    <row r="31352" spans="1:3" x14ac:dyDescent="0.25">
      <c r="A31352" s="2" t="s">
        <v>19765</v>
      </c>
      <c r="B31352" s="6">
        <v>521944.19999999995</v>
      </c>
      <c r="C31352" s="7">
        <f t="shared" si="489"/>
        <v>521.94419999999991</v>
      </c>
    </row>
    <row r="31353" spans="1:3" x14ac:dyDescent="0.25">
      <c r="A31353" s="2" t="s">
        <v>19766</v>
      </c>
      <c r="B31353" s="6">
        <v>521960.85</v>
      </c>
      <c r="C31353" s="7">
        <f t="shared" si="489"/>
        <v>521.96084999999994</v>
      </c>
    </row>
    <row r="31354" spans="1:3" x14ac:dyDescent="0.25">
      <c r="A31354" s="2" t="s">
        <v>19767</v>
      </c>
      <c r="B31354" s="6">
        <v>521977.49999999994</v>
      </c>
      <c r="C31354" s="7">
        <f t="shared" si="489"/>
        <v>521.97749999999996</v>
      </c>
    </row>
    <row r="31355" spans="1:3" x14ac:dyDescent="0.25">
      <c r="A31355" s="2" t="s">
        <v>19768</v>
      </c>
      <c r="B31355" s="6">
        <v>521994.14999999997</v>
      </c>
      <c r="C31355" s="7">
        <f t="shared" si="489"/>
        <v>521.99414999999999</v>
      </c>
    </row>
    <row r="31356" spans="1:3" x14ac:dyDescent="0.25">
      <c r="A31356" s="2" t="s">
        <v>19769</v>
      </c>
      <c r="B31356" s="6">
        <v>522010.79999999993</v>
      </c>
      <c r="C31356" s="7">
        <f t="shared" si="489"/>
        <v>522.0107999999999</v>
      </c>
    </row>
    <row r="31357" spans="1:3" x14ac:dyDescent="0.25">
      <c r="A31357" s="2" t="s">
        <v>19770</v>
      </c>
      <c r="B31357" s="6">
        <v>522027.44999999995</v>
      </c>
      <c r="C31357" s="7">
        <f t="shared" si="489"/>
        <v>522.02744999999993</v>
      </c>
    </row>
    <row r="31358" spans="1:3" x14ac:dyDescent="0.25">
      <c r="A31358" s="2" t="s">
        <v>19771</v>
      </c>
      <c r="B31358" s="6">
        <v>522044.1</v>
      </c>
      <c r="C31358" s="7">
        <f t="shared" si="489"/>
        <v>522.04409999999996</v>
      </c>
    </row>
    <row r="31359" spans="1:3" x14ac:dyDescent="0.25">
      <c r="A31359" s="2" t="s">
        <v>19772</v>
      </c>
      <c r="B31359" s="6">
        <v>522060.74999999994</v>
      </c>
      <c r="C31359" s="7">
        <f t="shared" si="489"/>
        <v>522.06074999999998</v>
      </c>
    </row>
    <row r="31360" spans="1:3" x14ac:dyDescent="0.25">
      <c r="A31360" s="2" t="s">
        <v>19773</v>
      </c>
      <c r="B31360" s="6">
        <v>522077.39999999997</v>
      </c>
      <c r="C31360" s="7">
        <f t="shared" si="489"/>
        <v>522.07740000000001</v>
      </c>
    </row>
    <row r="31361" spans="1:3" x14ac:dyDescent="0.25">
      <c r="A31361" s="2" t="s">
        <v>19774</v>
      </c>
      <c r="B31361" s="6">
        <v>522094.04999999993</v>
      </c>
      <c r="C31361" s="7">
        <f t="shared" si="489"/>
        <v>522.09404999999992</v>
      </c>
    </row>
    <row r="31362" spans="1:3" x14ac:dyDescent="0.25">
      <c r="A31362" s="2" t="s">
        <v>19775</v>
      </c>
      <c r="B31362" s="6">
        <v>522110.69999999995</v>
      </c>
      <c r="C31362" s="7">
        <f t="shared" si="489"/>
        <v>522.11069999999995</v>
      </c>
    </row>
    <row r="31363" spans="1:3" x14ac:dyDescent="0.25">
      <c r="A31363" s="2" t="s">
        <v>19776</v>
      </c>
      <c r="B31363" s="6">
        <v>522127.35</v>
      </c>
      <c r="C31363" s="7">
        <f t="shared" ref="C31363:C31426" si="490">B31363/1000</f>
        <v>522.12734999999998</v>
      </c>
    </row>
    <row r="31364" spans="1:3" x14ac:dyDescent="0.25">
      <c r="A31364" s="2" t="s">
        <v>19777</v>
      </c>
      <c r="B31364" s="6">
        <v>522143.99999999994</v>
      </c>
      <c r="C31364" s="7">
        <f t="shared" si="490"/>
        <v>522.14399999999989</v>
      </c>
    </row>
    <row r="31365" spans="1:3" x14ac:dyDescent="0.25">
      <c r="A31365" s="2" t="s">
        <v>19778</v>
      </c>
      <c r="B31365" s="6">
        <v>522160.64999999997</v>
      </c>
      <c r="C31365" s="7">
        <f t="shared" si="490"/>
        <v>522.16064999999992</v>
      </c>
    </row>
    <row r="31366" spans="1:3" x14ac:dyDescent="0.25">
      <c r="A31366" s="2" t="s">
        <v>19779</v>
      </c>
      <c r="B31366" s="6">
        <v>522177.29999999993</v>
      </c>
      <c r="C31366" s="7">
        <f t="shared" si="490"/>
        <v>522.17729999999995</v>
      </c>
    </row>
    <row r="31367" spans="1:3" x14ac:dyDescent="0.25">
      <c r="A31367" s="2" t="s">
        <v>19780</v>
      </c>
      <c r="B31367" s="6">
        <v>522193.94999999995</v>
      </c>
      <c r="C31367" s="7">
        <f t="shared" si="490"/>
        <v>522.19394999999997</v>
      </c>
    </row>
    <row r="31368" spans="1:3" x14ac:dyDescent="0.25">
      <c r="A31368" s="2" t="s">
        <v>19781</v>
      </c>
      <c r="B31368" s="6">
        <v>522210.6</v>
      </c>
      <c r="C31368" s="7">
        <f t="shared" si="490"/>
        <v>522.2106</v>
      </c>
    </row>
    <row r="31369" spans="1:3" x14ac:dyDescent="0.25">
      <c r="A31369" s="2" t="s">
        <v>19782</v>
      </c>
      <c r="B31369" s="6">
        <v>522227.24999999994</v>
      </c>
      <c r="C31369" s="7">
        <f t="shared" si="490"/>
        <v>522.22724999999991</v>
      </c>
    </row>
    <row r="31370" spans="1:3" x14ac:dyDescent="0.25">
      <c r="A31370" s="2" t="s">
        <v>19783</v>
      </c>
      <c r="B31370" s="6">
        <v>522243.89999999997</v>
      </c>
      <c r="C31370" s="7">
        <f t="shared" si="490"/>
        <v>522.24389999999994</v>
      </c>
    </row>
    <row r="31371" spans="1:3" x14ac:dyDescent="0.25">
      <c r="A31371" s="2" t="s">
        <v>19784</v>
      </c>
      <c r="B31371" s="6">
        <v>522260.54999999993</v>
      </c>
      <c r="C31371" s="7">
        <f t="shared" si="490"/>
        <v>522.26054999999997</v>
      </c>
    </row>
    <row r="31372" spans="1:3" x14ac:dyDescent="0.25">
      <c r="A31372" s="2" t="s">
        <v>19785</v>
      </c>
      <c r="B31372" s="6">
        <v>522277.19999999995</v>
      </c>
      <c r="C31372" s="7">
        <f t="shared" si="490"/>
        <v>522.27719999999999</v>
      </c>
    </row>
    <row r="31373" spans="1:3" x14ac:dyDescent="0.25">
      <c r="A31373" s="2" t="s">
        <v>19786</v>
      </c>
      <c r="B31373" s="6">
        <v>522293.85</v>
      </c>
      <c r="C31373" s="7">
        <f t="shared" si="490"/>
        <v>522.29385000000002</v>
      </c>
    </row>
    <row r="31374" spans="1:3" x14ac:dyDescent="0.25">
      <c r="A31374" s="2" t="s">
        <v>19787</v>
      </c>
      <c r="B31374" s="6">
        <v>522310.49999999994</v>
      </c>
      <c r="C31374" s="7">
        <f t="shared" si="490"/>
        <v>522.31049999999993</v>
      </c>
    </row>
    <row r="31375" spans="1:3" x14ac:dyDescent="0.25">
      <c r="A31375" s="2" t="s">
        <v>19788</v>
      </c>
      <c r="B31375" s="6">
        <v>522327.14999999997</v>
      </c>
      <c r="C31375" s="7">
        <f t="shared" si="490"/>
        <v>522.32714999999996</v>
      </c>
    </row>
    <row r="31376" spans="1:3" x14ac:dyDescent="0.25">
      <c r="A31376" s="2" t="s">
        <v>19789</v>
      </c>
      <c r="B31376" s="6">
        <v>522343.79999999993</v>
      </c>
      <c r="C31376" s="7">
        <f t="shared" si="490"/>
        <v>522.34379999999987</v>
      </c>
    </row>
    <row r="31377" spans="1:3" x14ac:dyDescent="0.25">
      <c r="A31377" s="2" t="s">
        <v>19790</v>
      </c>
      <c r="B31377" s="6">
        <v>522360.44999999995</v>
      </c>
      <c r="C31377" s="7">
        <f t="shared" si="490"/>
        <v>522.3604499999999</v>
      </c>
    </row>
    <row r="31378" spans="1:3" x14ac:dyDescent="0.25">
      <c r="A31378" s="2" t="s">
        <v>19791</v>
      </c>
      <c r="B31378" s="6">
        <v>522377.1</v>
      </c>
      <c r="C31378" s="7">
        <f t="shared" si="490"/>
        <v>522.37709999999993</v>
      </c>
    </row>
    <row r="31379" spans="1:3" x14ac:dyDescent="0.25">
      <c r="A31379" s="2" t="s">
        <v>19792</v>
      </c>
      <c r="B31379" s="6">
        <v>522393.74999999994</v>
      </c>
      <c r="C31379" s="7">
        <f t="shared" si="490"/>
        <v>522.39374999999995</v>
      </c>
    </row>
    <row r="31380" spans="1:3" x14ac:dyDescent="0.25">
      <c r="A31380" s="2" t="s">
        <v>19793</v>
      </c>
      <c r="B31380" s="6">
        <v>522410.39999999997</v>
      </c>
      <c r="C31380" s="7">
        <f t="shared" si="490"/>
        <v>522.41039999999998</v>
      </c>
    </row>
    <row r="31381" spans="1:3" x14ac:dyDescent="0.25">
      <c r="A31381" s="2" t="s">
        <v>19794</v>
      </c>
      <c r="B31381" s="6">
        <v>522427.04999999993</v>
      </c>
      <c r="C31381" s="7">
        <f t="shared" si="490"/>
        <v>522.42704999999989</v>
      </c>
    </row>
    <row r="31382" spans="1:3" x14ac:dyDescent="0.25">
      <c r="A31382" s="2" t="s">
        <v>19795</v>
      </c>
      <c r="B31382" s="6">
        <v>522443.69999999995</v>
      </c>
      <c r="C31382" s="7">
        <f t="shared" si="490"/>
        <v>522.44369999999992</v>
      </c>
    </row>
    <row r="31383" spans="1:3" x14ac:dyDescent="0.25">
      <c r="A31383" s="2" t="s">
        <v>19796</v>
      </c>
      <c r="B31383" s="6">
        <v>522460.35</v>
      </c>
      <c r="C31383" s="7">
        <f t="shared" si="490"/>
        <v>522.46034999999995</v>
      </c>
    </row>
    <row r="31384" spans="1:3" x14ac:dyDescent="0.25">
      <c r="A31384" s="2" t="s">
        <v>19797</v>
      </c>
      <c r="B31384" s="6">
        <v>522476.99999999994</v>
      </c>
      <c r="C31384" s="7">
        <f t="shared" si="490"/>
        <v>522.47699999999998</v>
      </c>
    </row>
    <row r="31385" spans="1:3" x14ac:dyDescent="0.25">
      <c r="A31385" s="2" t="s">
        <v>19798</v>
      </c>
      <c r="B31385" s="6">
        <v>522493.64999999997</v>
      </c>
      <c r="C31385" s="7">
        <f t="shared" si="490"/>
        <v>522.49365</v>
      </c>
    </row>
    <row r="31386" spans="1:3" x14ac:dyDescent="0.25">
      <c r="A31386" s="2" t="s">
        <v>19799</v>
      </c>
      <c r="B31386" s="6">
        <v>522510.29999999993</v>
      </c>
      <c r="C31386" s="7">
        <f t="shared" si="490"/>
        <v>522.51029999999992</v>
      </c>
    </row>
    <row r="31387" spans="1:3" x14ac:dyDescent="0.25">
      <c r="A31387" s="2" t="s">
        <v>19800</v>
      </c>
      <c r="B31387" s="6">
        <v>522526.94999999995</v>
      </c>
      <c r="C31387" s="7">
        <f t="shared" si="490"/>
        <v>522.52694999999994</v>
      </c>
    </row>
    <row r="31388" spans="1:3" x14ac:dyDescent="0.25">
      <c r="A31388" s="2" t="s">
        <v>19801</v>
      </c>
      <c r="B31388" s="6">
        <v>522543.6</v>
      </c>
      <c r="C31388" s="7">
        <f t="shared" si="490"/>
        <v>522.54359999999997</v>
      </c>
    </row>
    <row r="31389" spans="1:3" x14ac:dyDescent="0.25">
      <c r="A31389" s="2" t="s">
        <v>19802</v>
      </c>
      <c r="B31389" s="6">
        <v>522560.24999999994</v>
      </c>
      <c r="C31389" s="7">
        <f t="shared" si="490"/>
        <v>522.56025</v>
      </c>
    </row>
    <row r="31390" spans="1:3" x14ac:dyDescent="0.25">
      <c r="A31390" s="2" t="s">
        <v>19803</v>
      </c>
      <c r="B31390" s="6">
        <v>522576.89999999997</v>
      </c>
      <c r="C31390" s="7">
        <f t="shared" si="490"/>
        <v>522.57689999999991</v>
      </c>
    </row>
    <row r="31391" spans="1:3" x14ac:dyDescent="0.25">
      <c r="A31391" s="2" t="s">
        <v>19804</v>
      </c>
      <c r="B31391" s="6">
        <v>522593.54999999993</v>
      </c>
      <c r="C31391" s="7">
        <f t="shared" si="490"/>
        <v>522.59354999999994</v>
      </c>
    </row>
    <row r="31392" spans="1:3" x14ac:dyDescent="0.25">
      <c r="A31392" s="2" t="s">
        <v>19805</v>
      </c>
      <c r="B31392" s="6">
        <v>522610.19999999995</v>
      </c>
      <c r="C31392" s="7">
        <f t="shared" si="490"/>
        <v>522.61019999999996</v>
      </c>
    </row>
    <row r="31393" spans="1:3" x14ac:dyDescent="0.25">
      <c r="A31393" s="2" t="s">
        <v>19806</v>
      </c>
      <c r="B31393" s="6">
        <v>522626.85</v>
      </c>
      <c r="C31393" s="7">
        <f t="shared" si="490"/>
        <v>522.62684999999999</v>
      </c>
    </row>
    <row r="31394" spans="1:3" x14ac:dyDescent="0.25">
      <c r="A31394" s="2" t="s">
        <v>19807</v>
      </c>
      <c r="B31394" s="6">
        <v>522643.49999999994</v>
      </c>
      <c r="C31394" s="7">
        <f t="shared" si="490"/>
        <v>522.6434999999999</v>
      </c>
    </row>
    <row r="31395" spans="1:3" x14ac:dyDescent="0.25">
      <c r="A31395" s="2" t="s">
        <v>19808</v>
      </c>
      <c r="B31395" s="6">
        <v>522660.14999999997</v>
      </c>
      <c r="C31395" s="7">
        <f t="shared" si="490"/>
        <v>522.66014999999993</v>
      </c>
    </row>
    <row r="31396" spans="1:3" x14ac:dyDescent="0.25">
      <c r="A31396" s="2" t="s">
        <v>19809</v>
      </c>
      <c r="B31396" s="6">
        <v>522676.79999999993</v>
      </c>
      <c r="C31396" s="7">
        <f t="shared" si="490"/>
        <v>522.67679999999996</v>
      </c>
    </row>
    <row r="31397" spans="1:3" x14ac:dyDescent="0.25">
      <c r="A31397" s="2" t="s">
        <v>19810</v>
      </c>
      <c r="B31397" s="6">
        <v>522693.44999999995</v>
      </c>
      <c r="C31397" s="7">
        <f t="shared" si="490"/>
        <v>522.69344999999998</v>
      </c>
    </row>
    <row r="31398" spans="1:3" x14ac:dyDescent="0.25">
      <c r="A31398" s="2" t="s">
        <v>19811</v>
      </c>
      <c r="B31398" s="6">
        <v>522710.1</v>
      </c>
      <c r="C31398" s="7">
        <f t="shared" si="490"/>
        <v>522.71010000000001</v>
      </c>
    </row>
    <row r="31399" spans="1:3" x14ac:dyDescent="0.25">
      <c r="A31399" s="2" t="s">
        <v>19812</v>
      </c>
      <c r="B31399" s="6">
        <v>522726.74999999994</v>
      </c>
      <c r="C31399" s="7">
        <f t="shared" si="490"/>
        <v>522.72674999999992</v>
      </c>
    </row>
    <row r="31400" spans="1:3" x14ac:dyDescent="0.25">
      <c r="A31400" s="2" t="s">
        <v>19813</v>
      </c>
      <c r="B31400" s="6">
        <v>522743.39999999997</v>
      </c>
      <c r="C31400" s="7">
        <f t="shared" si="490"/>
        <v>522.74339999999995</v>
      </c>
    </row>
    <row r="31401" spans="1:3" x14ac:dyDescent="0.25">
      <c r="A31401" s="2" t="s">
        <v>19814</v>
      </c>
      <c r="B31401" s="6">
        <v>522760.04999999993</v>
      </c>
      <c r="C31401" s="7">
        <f t="shared" si="490"/>
        <v>522.76004999999998</v>
      </c>
    </row>
    <row r="31402" spans="1:3" x14ac:dyDescent="0.25">
      <c r="A31402" s="2" t="s">
        <v>19815</v>
      </c>
      <c r="B31402" s="6">
        <v>522776.69999999995</v>
      </c>
      <c r="C31402" s="7">
        <f t="shared" si="490"/>
        <v>522.77670000000001</v>
      </c>
    </row>
    <row r="31403" spans="1:3" x14ac:dyDescent="0.25">
      <c r="A31403" s="2" t="s">
        <v>19816</v>
      </c>
      <c r="B31403" s="6">
        <v>522793.35</v>
      </c>
      <c r="C31403" s="7">
        <f t="shared" si="490"/>
        <v>522.79335000000003</v>
      </c>
    </row>
    <row r="31404" spans="1:3" x14ac:dyDescent="0.25">
      <c r="A31404" s="2" t="s">
        <v>19817</v>
      </c>
      <c r="B31404" s="6">
        <v>522809.99999999994</v>
      </c>
      <c r="C31404" s="7">
        <f t="shared" si="490"/>
        <v>522.80999999999995</v>
      </c>
    </row>
    <row r="31405" spans="1:3" x14ac:dyDescent="0.25">
      <c r="A31405" s="2" t="s">
        <v>19818</v>
      </c>
      <c r="B31405" s="6">
        <v>522826.64999999997</v>
      </c>
      <c r="C31405" s="7">
        <f t="shared" si="490"/>
        <v>522.82664999999997</v>
      </c>
    </row>
    <row r="31406" spans="1:3" x14ac:dyDescent="0.25">
      <c r="A31406" s="2" t="s">
        <v>19819</v>
      </c>
      <c r="B31406" s="6">
        <v>522843.29999999993</v>
      </c>
      <c r="C31406" s="7">
        <f t="shared" si="490"/>
        <v>522.84329999999989</v>
      </c>
    </row>
    <row r="31407" spans="1:3" x14ac:dyDescent="0.25">
      <c r="A31407" s="2" t="s">
        <v>19820</v>
      </c>
      <c r="B31407" s="6">
        <v>522859.94999999995</v>
      </c>
      <c r="C31407" s="7">
        <f t="shared" si="490"/>
        <v>522.85994999999991</v>
      </c>
    </row>
    <row r="31408" spans="1:3" x14ac:dyDescent="0.25">
      <c r="A31408" s="2" t="s">
        <v>19821</v>
      </c>
      <c r="B31408" s="6">
        <v>522876.6</v>
      </c>
      <c r="C31408" s="7">
        <f t="shared" si="490"/>
        <v>522.87659999999994</v>
      </c>
    </row>
    <row r="31409" spans="1:3" x14ac:dyDescent="0.25">
      <c r="A31409" s="2" t="s">
        <v>19822</v>
      </c>
      <c r="B31409" s="6">
        <v>522893.24999999994</v>
      </c>
      <c r="C31409" s="7">
        <f t="shared" si="490"/>
        <v>522.89324999999997</v>
      </c>
    </row>
    <row r="31410" spans="1:3" x14ac:dyDescent="0.25">
      <c r="A31410" s="2" t="s">
        <v>19823</v>
      </c>
      <c r="B31410" s="6">
        <v>522909.89999999997</v>
      </c>
      <c r="C31410" s="7">
        <f t="shared" si="490"/>
        <v>522.90989999999999</v>
      </c>
    </row>
    <row r="31411" spans="1:3" x14ac:dyDescent="0.25">
      <c r="A31411" s="2" t="s">
        <v>19824</v>
      </c>
      <c r="B31411" s="6">
        <v>522926.54999999993</v>
      </c>
      <c r="C31411" s="7">
        <f t="shared" si="490"/>
        <v>522.92654999999991</v>
      </c>
    </row>
    <row r="31412" spans="1:3" x14ac:dyDescent="0.25">
      <c r="A31412" s="2" t="s">
        <v>19825</v>
      </c>
      <c r="B31412" s="6">
        <v>522943.19999999995</v>
      </c>
      <c r="C31412" s="7">
        <f t="shared" si="490"/>
        <v>522.94319999999993</v>
      </c>
    </row>
    <row r="31413" spans="1:3" x14ac:dyDescent="0.25">
      <c r="A31413" s="2" t="s">
        <v>19826</v>
      </c>
      <c r="B31413" s="6">
        <v>522959.85</v>
      </c>
      <c r="C31413" s="7">
        <f t="shared" si="490"/>
        <v>522.95984999999996</v>
      </c>
    </row>
    <row r="31414" spans="1:3" x14ac:dyDescent="0.25">
      <c r="A31414" s="2" t="s">
        <v>19827</v>
      </c>
      <c r="B31414" s="6">
        <v>522976.49999999994</v>
      </c>
      <c r="C31414" s="7">
        <f t="shared" si="490"/>
        <v>522.97649999999999</v>
      </c>
    </row>
    <row r="31415" spans="1:3" x14ac:dyDescent="0.25">
      <c r="A31415" s="2" t="s">
        <v>19828</v>
      </c>
      <c r="B31415" s="6">
        <v>522993.14999999997</v>
      </c>
      <c r="C31415" s="7">
        <f t="shared" si="490"/>
        <v>522.99315000000001</v>
      </c>
    </row>
    <row r="31416" spans="1:3" x14ac:dyDescent="0.25">
      <c r="A31416" s="2" t="s">
        <v>19829</v>
      </c>
      <c r="B31416" s="6">
        <v>523009.79999999993</v>
      </c>
      <c r="C31416" s="7">
        <f t="shared" si="490"/>
        <v>523.00979999999993</v>
      </c>
    </row>
    <row r="31417" spans="1:3" x14ac:dyDescent="0.25">
      <c r="A31417" s="2" t="s">
        <v>19830</v>
      </c>
      <c r="B31417" s="6">
        <v>523026.44999999995</v>
      </c>
      <c r="C31417" s="7">
        <f t="shared" si="490"/>
        <v>523.02644999999995</v>
      </c>
    </row>
    <row r="31418" spans="1:3" x14ac:dyDescent="0.25">
      <c r="A31418" s="2" t="s">
        <v>19831</v>
      </c>
      <c r="B31418" s="6">
        <v>523043.1</v>
      </c>
      <c r="C31418" s="7">
        <f t="shared" si="490"/>
        <v>523.04309999999998</v>
      </c>
    </row>
    <row r="31419" spans="1:3" x14ac:dyDescent="0.25">
      <c r="A31419" s="2" t="s">
        <v>19832</v>
      </c>
      <c r="B31419" s="6">
        <v>523059.74999999994</v>
      </c>
      <c r="C31419" s="7">
        <f t="shared" si="490"/>
        <v>523.05974999999989</v>
      </c>
    </row>
    <row r="31420" spans="1:3" x14ac:dyDescent="0.25">
      <c r="A31420" s="2" t="s">
        <v>19833</v>
      </c>
      <c r="B31420" s="6">
        <v>523076.39999999997</v>
      </c>
      <c r="C31420" s="7">
        <f t="shared" si="490"/>
        <v>523.07639999999992</v>
      </c>
    </row>
    <row r="31421" spans="1:3" x14ac:dyDescent="0.25">
      <c r="A31421" s="2" t="s">
        <v>19834</v>
      </c>
      <c r="B31421" s="6">
        <v>523093.04999999993</v>
      </c>
      <c r="C31421" s="7">
        <f t="shared" si="490"/>
        <v>523.09304999999995</v>
      </c>
    </row>
    <row r="31422" spans="1:3" x14ac:dyDescent="0.25">
      <c r="A31422" s="2" t="s">
        <v>19835</v>
      </c>
      <c r="B31422" s="6">
        <v>523109.69999999995</v>
      </c>
      <c r="C31422" s="7">
        <f t="shared" si="490"/>
        <v>523.10969999999998</v>
      </c>
    </row>
    <row r="31423" spans="1:3" x14ac:dyDescent="0.25">
      <c r="A31423" s="2" t="s">
        <v>19836</v>
      </c>
      <c r="B31423" s="6">
        <v>523126.35</v>
      </c>
      <c r="C31423" s="7">
        <f t="shared" si="490"/>
        <v>523.12635</v>
      </c>
    </row>
    <row r="31424" spans="1:3" x14ac:dyDescent="0.25">
      <c r="A31424" s="2" t="s">
        <v>19837</v>
      </c>
      <c r="B31424" s="6">
        <v>523142.99999999994</v>
      </c>
      <c r="C31424" s="7">
        <f t="shared" si="490"/>
        <v>523.14299999999992</v>
      </c>
    </row>
    <row r="31425" spans="1:3" x14ac:dyDescent="0.25">
      <c r="A31425" s="2" t="s">
        <v>19838</v>
      </c>
      <c r="B31425" s="6">
        <v>523159.64999999997</v>
      </c>
      <c r="C31425" s="7">
        <f t="shared" si="490"/>
        <v>523.15964999999994</v>
      </c>
    </row>
    <row r="31426" spans="1:3" x14ac:dyDescent="0.25">
      <c r="A31426" s="2" t="s">
        <v>19839</v>
      </c>
      <c r="B31426" s="6">
        <v>523176.29999999993</v>
      </c>
      <c r="C31426" s="7">
        <f t="shared" si="490"/>
        <v>523.17629999999997</v>
      </c>
    </row>
    <row r="31427" spans="1:3" x14ac:dyDescent="0.25">
      <c r="A31427" s="2" t="s">
        <v>19840</v>
      </c>
      <c r="B31427" s="6">
        <v>523192.94999999995</v>
      </c>
      <c r="C31427" s="7">
        <f t="shared" ref="C31427:C31490" si="491">B31427/1000</f>
        <v>523.19295</v>
      </c>
    </row>
    <row r="31428" spans="1:3" x14ac:dyDescent="0.25">
      <c r="A31428" s="2" t="s">
        <v>19841</v>
      </c>
      <c r="B31428" s="6">
        <v>523209.6</v>
      </c>
      <c r="C31428" s="7">
        <f t="shared" si="491"/>
        <v>523.20960000000002</v>
      </c>
    </row>
    <row r="31429" spans="1:3" x14ac:dyDescent="0.25">
      <c r="A31429" s="2" t="s">
        <v>19842</v>
      </c>
      <c r="B31429" s="6">
        <v>523226.24999999994</v>
      </c>
      <c r="C31429" s="7">
        <f t="shared" si="491"/>
        <v>523.22624999999994</v>
      </c>
    </row>
    <row r="31430" spans="1:3" x14ac:dyDescent="0.25">
      <c r="A31430" s="2" t="s">
        <v>19843</v>
      </c>
      <c r="B31430" s="6">
        <v>523242.89999999997</v>
      </c>
      <c r="C31430" s="7">
        <f t="shared" si="491"/>
        <v>523.24289999999996</v>
      </c>
    </row>
    <row r="31431" spans="1:3" x14ac:dyDescent="0.25">
      <c r="A31431" s="2" t="s">
        <v>19844</v>
      </c>
      <c r="B31431" s="6">
        <v>523259.54999999993</v>
      </c>
      <c r="C31431" s="7">
        <f t="shared" si="491"/>
        <v>523.25954999999988</v>
      </c>
    </row>
    <row r="31432" spans="1:3" x14ac:dyDescent="0.25">
      <c r="A31432" s="2" t="s">
        <v>19845</v>
      </c>
      <c r="B31432" s="6">
        <v>523276.19999999995</v>
      </c>
      <c r="C31432" s="7">
        <f t="shared" si="491"/>
        <v>523.2761999999999</v>
      </c>
    </row>
    <row r="31433" spans="1:3" x14ac:dyDescent="0.25">
      <c r="A31433" s="2" t="s">
        <v>19846</v>
      </c>
      <c r="B31433" s="6">
        <v>523292.85</v>
      </c>
      <c r="C31433" s="7">
        <f t="shared" si="491"/>
        <v>523.29284999999993</v>
      </c>
    </row>
    <row r="31434" spans="1:3" x14ac:dyDescent="0.25">
      <c r="A31434" s="2" t="s">
        <v>19847</v>
      </c>
      <c r="B31434" s="6">
        <v>523309.49999999994</v>
      </c>
      <c r="C31434" s="7">
        <f t="shared" si="491"/>
        <v>523.30949999999996</v>
      </c>
    </row>
    <row r="31435" spans="1:3" x14ac:dyDescent="0.25">
      <c r="A31435" s="2" t="s">
        <v>19848</v>
      </c>
      <c r="B31435" s="6">
        <v>523326.14999999997</v>
      </c>
      <c r="C31435" s="7">
        <f t="shared" si="491"/>
        <v>523.32614999999998</v>
      </c>
    </row>
    <row r="31436" spans="1:3" x14ac:dyDescent="0.25">
      <c r="A31436" s="2" t="s">
        <v>19849</v>
      </c>
      <c r="B31436" s="6">
        <v>523342.79999999993</v>
      </c>
      <c r="C31436" s="7">
        <f t="shared" si="491"/>
        <v>523.3427999999999</v>
      </c>
    </row>
    <row r="31437" spans="1:3" x14ac:dyDescent="0.25">
      <c r="A31437" s="2" t="s">
        <v>19850</v>
      </c>
      <c r="B31437" s="6">
        <v>523359.44999999995</v>
      </c>
      <c r="C31437" s="7">
        <f t="shared" si="491"/>
        <v>523.35944999999992</v>
      </c>
    </row>
    <row r="31438" spans="1:3" x14ac:dyDescent="0.25">
      <c r="A31438" s="2" t="s">
        <v>19851</v>
      </c>
      <c r="B31438" s="6">
        <v>523376.1</v>
      </c>
      <c r="C31438" s="7">
        <f t="shared" si="491"/>
        <v>523.37609999999995</v>
      </c>
    </row>
    <row r="31439" spans="1:3" x14ac:dyDescent="0.25">
      <c r="A31439" s="2" t="s">
        <v>19852</v>
      </c>
      <c r="B31439" s="6">
        <v>523392.74999999994</v>
      </c>
      <c r="C31439" s="7">
        <f t="shared" si="491"/>
        <v>523.39274999999998</v>
      </c>
    </row>
    <row r="31440" spans="1:3" x14ac:dyDescent="0.25">
      <c r="A31440" s="2" t="s">
        <v>19853</v>
      </c>
      <c r="B31440" s="6">
        <v>523409.39999999997</v>
      </c>
      <c r="C31440" s="7">
        <f t="shared" si="491"/>
        <v>523.40940000000001</v>
      </c>
    </row>
    <row r="31441" spans="1:3" x14ac:dyDescent="0.25">
      <c r="A31441" s="2" t="s">
        <v>19854</v>
      </c>
      <c r="B31441" s="6">
        <v>523426.04999999993</v>
      </c>
      <c r="C31441" s="7">
        <f t="shared" si="491"/>
        <v>523.42604999999992</v>
      </c>
    </row>
    <row r="31442" spans="1:3" x14ac:dyDescent="0.25">
      <c r="A31442" s="2" t="s">
        <v>19855</v>
      </c>
      <c r="B31442" s="6">
        <v>523442.69999999995</v>
      </c>
      <c r="C31442" s="7">
        <f t="shared" si="491"/>
        <v>523.44269999999995</v>
      </c>
    </row>
    <row r="31443" spans="1:3" x14ac:dyDescent="0.25">
      <c r="A31443" s="2" t="s">
        <v>19856</v>
      </c>
      <c r="B31443" s="6">
        <v>523459.35</v>
      </c>
      <c r="C31443" s="7">
        <f t="shared" si="491"/>
        <v>523.45934999999997</v>
      </c>
    </row>
    <row r="31444" spans="1:3" x14ac:dyDescent="0.25">
      <c r="A31444" s="2" t="s">
        <v>19857</v>
      </c>
      <c r="B31444" s="6">
        <v>523475.99999999994</v>
      </c>
      <c r="C31444" s="7">
        <f t="shared" si="491"/>
        <v>523.47599999999989</v>
      </c>
    </row>
    <row r="31445" spans="1:3" x14ac:dyDescent="0.25">
      <c r="A31445" s="2" t="s">
        <v>19858</v>
      </c>
      <c r="B31445" s="6">
        <v>523492.64999999997</v>
      </c>
      <c r="C31445" s="7">
        <f t="shared" si="491"/>
        <v>523.49264999999991</v>
      </c>
    </row>
    <row r="31446" spans="1:3" x14ac:dyDescent="0.25">
      <c r="A31446" s="2" t="s">
        <v>19859</v>
      </c>
      <c r="B31446" s="6">
        <v>523509.29999999993</v>
      </c>
      <c r="C31446" s="7">
        <f t="shared" si="491"/>
        <v>523.50929999999994</v>
      </c>
    </row>
    <row r="31447" spans="1:3" x14ac:dyDescent="0.25">
      <c r="A31447" s="2" t="s">
        <v>19860</v>
      </c>
      <c r="B31447" s="6">
        <v>523525.94999999995</v>
      </c>
      <c r="C31447" s="7">
        <f t="shared" si="491"/>
        <v>523.52594999999997</v>
      </c>
    </row>
    <row r="31448" spans="1:3" x14ac:dyDescent="0.25">
      <c r="A31448" s="2" t="s">
        <v>19861</v>
      </c>
      <c r="B31448" s="6">
        <v>523542.6</v>
      </c>
      <c r="C31448" s="7">
        <f t="shared" si="491"/>
        <v>523.54259999999999</v>
      </c>
    </row>
    <row r="31449" spans="1:3" x14ac:dyDescent="0.25">
      <c r="A31449" s="2" t="s">
        <v>19862</v>
      </c>
      <c r="B31449" s="6">
        <v>523559.24999999994</v>
      </c>
      <c r="C31449" s="7">
        <f t="shared" si="491"/>
        <v>523.55924999999991</v>
      </c>
    </row>
    <row r="31450" spans="1:3" x14ac:dyDescent="0.25">
      <c r="A31450" s="2" t="s">
        <v>19863</v>
      </c>
      <c r="B31450" s="6">
        <v>523575.89999999997</v>
      </c>
      <c r="C31450" s="7">
        <f t="shared" si="491"/>
        <v>523.57589999999993</v>
      </c>
    </row>
    <row r="31451" spans="1:3" x14ac:dyDescent="0.25">
      <c r="A31451" s="2" t="s">
        <v>19864</v>
      </c>
      <c r="B31451" s="6">
        <v>523592.54999999993</v>
      </c>
      <c r="C31451" s="7">
        <f t="shared" si="491"/>
        <v>523.59254999999996</v>
      </c>
    </row>
    <row r="31452" spans="1:3" x14ac:dyDescent="0.25">
      <c r="A31452" s="2" t="s">
        <v>19865</v>
      </c>
      <c r="B31452" s="6">
        <v>523609.19999999995</v>
      </c>
      <c r="C31452" s="7">
        <f t="shared" si="491"/>
        <v>523.60919999999999</v>
      </c>
    </row>
    <row r="31453" spans="1:3" x14ac:dyDescent="0.25">
      <c r="A31453" s="2" t="s">
        <v>19866</v>
      </c>
      <c r="B31453" s="6">
        <v>523625.85</v>
      </c>
      <c r="C31453" s="7">
        <f t="shared" si="491"/>
        <v>523.62585000000001</v>
      </c>
    </row>
    <row r="31454" spans="1:3" x14ac:dyDescent="0.25">
      <c r="A31454" s="2" t="s">
        <v>19867</v>
      </c>
      <c r="B31454" s="6">
        <v>523642.49999999994</v>
      </c>
      <c r="C31454" s="7">
        <f t="shared" si="491"/>
        <v>523.64249999999993</v>
      </c>
    </row>
    <row r="31455" spans="1:3" x14ac:dyDescent="0.25">
      <c r="A31455" s="2" t="s">
        <v>19868</v>
      </c>
      <c r="B31455" s="6">
        <v>523659.14999999997</v>
      </c>
      <c r="C31455" s="7">
        <f t="shared" si="491"/>
        <v>523.65914999999995</v>
      </c>
    </row>
    <row r="31456" spans="1:3" x14ac:dyDescent="0.25">
      <c r="A31456" s="2" t="s">
        <v>19869</v>
      </c>
      <c r="B31456" s="6">
        <v>523675.79999999993</v>
      </c>
      <c r="C31456" s="7">
        <f t="shared" si="491"/>
        <v>523.67579999999998</v>
      </c>
    </row>
    <row r="31457" spans="1:3" x14ac:dyDescent="0.25">
      <c r="A31457" s="2" t="s">
        <v>19870</v>
      </c>
      <c r="B31457" s="6">
        <v>523692.44999999995</v>
      </c>
      <c r="C31457" s="7">
        <f t="shared" si="491"/>
        <v>523.69245000000001</v>
      </c>
    </row>
    <row r="31458" spans="1:3" x14ac:dyDescent="0.25">
      <c r="A31458" s="2" t="s">
        <v>19871</v>
      </c>
      <c r="B31458" s="6">
        <v>523709.1</v>
      </c>
      <c r="C31458" s="7">
        <f t="shared" si="491"/>
        <v>523.70909999999992</v>
      </c>
    </row>
    <row r="31459" spans="1:3" x14ac:dyDescent="0.25">
      <c r="A31459" s="2" t="s">
        <v>19872</v>
      </c>
      <c r="B31459" s="6">
        <v>523725.74999999994</v>
      </c>
      <c r="C31459" s="7">
        <f t="shared" si="491"/>
        <v>523.72574999999995</v>
      </c>
    </row>
    <row r="31460" spans="1:3" x14ac:dyDescent="0.25">
      <c r="A31460" s="2" t="s">
        <v>19873</v>
      </c>
      <c r="B31460" s="6">
        <v>523742.39999999997</v>
      </c>
      <c r="C31460" s="7">
        <f t="shared" si="491"/>
        <v>523.74239999999998</v>
      </c>
    </row>
    <row r="31461" spans="1:3" x14ac:dyDescent="0.25">
      <c r="A31461" s="2" t="s">
        <v>19874</v>
      </c>
      <c r="B31461" s="6">
        <v>523759.04999999993</v>
      </c>
      <c r="C31461" s="7">
        <f t="shared" si="491"/>
        <v>523.75904999999989</v>
      </c>
    </row>
    <row r="31462" spans="1:3" x14ac:dyDescent="0.25">
      <c r="A31462" s="2" t="s">
        <v>19875</v>
      </c>
      <c r="B31462" s="6">
        <v>523775.69999999995</v>
      </c>
      <c r="C31462" s="7">
        <f t="shared" si="491"/>
        <v>523.77569999999992</v>
      </c>
    </row>
    <row r="31463" spans="1:3" x14ac:dyDescent="0.25">
      <c r="A31463" s="2" t="s">
        <v>19876</v>
      </c>
      <c r="B31463" s="6">
        <v>523792.35</v>
      </c>
      <c r="C31463" s="7">
        <f t="shared" si="491"/>
        <v>523.79234999999994</v>
      </c>
    </row>
    <row r="31464" spans="1:3" x14ac:dyDescent="0.25">
      <c r="A31464" s="2" t="s">
        <v>19877</v>
      </c>
      <c r="B31464" s="6">
        <v>523808.99999999994</v>
      </c>
      <c r="C31464" s="7">
        <f t="shared" si="491"/>
        <v>523.80899999999997</v>
      </c>
    </row>
    <row r="31465" spans="1:3" x14ac:dyDescent="0.25">
      <c r="A31465" s="2" t="s">
        <v>19878</v>
      </c>
      <c r="B31465" s="6">
        <v>523825.64999999997</v>
      </c>
      <c r="C31465" s="7">
        <f t="shared" si="491"/>
        <v>523.82565</v>
      </c>
    </row>
    <row r="31466" spans="1:3" x14ac:dyDescent="0.25">
      <c r="A31466" s="2" t="s">
        <v>19879</v>
      </c>
      <c r="B31466" s="6">
        <v>523842.29999999993</v>
      </c>
      <c r="C31466" s="7">
        <f t="shared" si="491"/>
        <v>523.84229999999991</v>
      </c>
    </row>
    <row r="31467" spans="1:3" x14ac:dyDescent="0.25">
      <c r="A31467" s="2" t="s">
        <v>19880</v>
      </c>
      <c r="B31467" s="6">
        <v>523858.94999999995</v>
      </c>
      <c r="C31467" s="7">
        <f t="shared" si="491"/>
        <v>523.85894999999994</v>
      </c>
    </row>
    <row r="31468" spans="1:3" x14ac:dyDescent="0.25">
      <c r="A31468" s="2" t="s">
        <v>19881</v>
      </c>
      <c r="B31468" s="6">
        <v>523875.6</v>
      </c>
      <c r="C31468" s="7">
        <f t="shared" si="491"/>
        <v>523.87559999999996</v>
      </c>
    </row>
    <row r="31469" spans="1:3" x14ac:dyDescent="0.25">
      <c r="A31469" s="2" t="s">
        <v>19882</v>
      </c>
      <c r="B31469" s="6">
        <v>523892.24999999994</v>
      </c>
      <c r="C31469" s="7">
        <f t="shared" si="491"/>
        <v>523.89224999999999</v>
      </c>
    </row>
    <row r="31470" spans="1:3" x14ac:dyDescent="0.25">
      <c r="A31470" s="2" t="s">
        <v>19883</v>
      </c>
      <c r="B31470" s="6">
        <v>523908.89999999997</v>
      </c>
      <c r="C31470" s="7">
        <f t="shared" si="491"/>
        <v>523.90890000000002</v>
      </c>
    </row>
    <row r="31471" spans="1:3" x14ac:dyDescent="0.25">
      <c r="A31471" s="2" t="s">
        <v>19884</v>
      </c>
      <c r="B31471" s="6">
        <v>523925.54999999993</v>
      </c>
      <c r="C31471" s="7">
        <f t="shared" si="491"/>
        <v>523.92554999999993</v>
      </c>
    </row>
    <row r="31472" spans="1:3" x14ac:dyDescent="0.25">
      <c r="A31472" s="2" t="s">
        <v>19885</v>
      </c>
      <c r="B31472" s="6">
        <v>523942.19999999995</v>
      </c>
      <c r="C31472" s="7">
        <f t="shared" si="491"/>
        <v>523.94219999999996</v>
      </c>
    </row>
    <row r="31473" spans="1:3" x14ac:dyDescent="0.25">
      <c r="A31473" s="2" t="s">
        <v>19886</v>
      </c>
      <c r="B31473" s="6">
        <v>523958.85</v>
      </c>
      <c r="C31473" s="7">
        <f t="shared" si="491"/>
        <v>523.95884999999998</v>
      </c>
    </row>
    <row r="31474" spans="1:3" x14ac:dyDescent="0.25">
      <c r="A31474" s="2" t="s">
        <v>19887</v>
      </c>
      <c r="B31474" s="6">
        <v>523975.49999999994</v>
      </c>
      <c r="C31474" s="7">
        <f t="shared" si="491"/>
        <v>523.9754999999999</v>
      </c>
    </row>
    <row r="31475" spans="1:3" x14ac:dyDescent="0.25">
      <c r="A31475" s="2" t="s">
        <v>19888</v>
      </c>
      <c r="B31475" s="6">
        <v>523992.14999999997</v>
      </c>
      <c r="C31475" s="7">
        <f t="shared" si="491"/>
        <v>523.99214999999992</v>
      </c>
    </row>
    <row r="31476" spans="1:3" x14ac:dyDescent="0.25">
      <c r="A31476" s="2" t="s">
        <v>19889</v>
      </c>
      <c r="B31476" s="6">
        <v>524008.79999999993</v>
      </c>
      <c r="C31476" s="7">
        <f t="shared" si="491"/>
        <v>524.00879999999995</v>
      </c>
    </row>
    <row r="31477" spans="1:3" x14ac:dyDescent="0.25">
      <c r="A31477" s="2" t="s">
        <v>19890</v>
      </c>
      <c r="B31477" s="6">
        <v>524025.44999999995</v>
      </c>
      <c r="C31477" s="7">
        <f t="shared" si="491"/>
        <v>524.02544999999998</v>
      </c>
    </row>
    <row r="31478" spans="1:3" x14ac:dyDescent="0.25">
      <c r="A31478" s="2" t="s">
        <v>19891</v>
      </c>
      <c r="B31478" s="6">
        <v>524042.1</v>
      </c>
      <c r="C31478" s="7">
        <f t="shared" si="491"/>
        <v>524.0421</v>
      </c>
    </row>
    <row r="31479" spans="1:3" x14ac:dyDescent="0.25">
      <c r="A31479" s="2" t="s">
        <v>19892</v>
      </c>
      <c r="B31479" s="6">
        <v>524058.74999999994</v>
      </c>
      <c r="C31479" s="7">
        <f t="shared" si="491"/>
        <v>524.05874999999992</v>
      </c>
    </row>
    <row r="31480" spans="1:3" x14ac:dyDescent="0.25">
      <c r="A31480" s="2" t="s">
        <v>19893</v>
      </c>
      <c r="B31480" s="6">
        <v>524075.39999999997</v>
      </c>
      <c r="C31480" s="7">
        <f t="shared" si="491"/>
        <v>524.07539999999995</v>
      </c>
    </row>
    <row r="31481" spans="1:3" x14ac:dyDescent="0.25">
      <c r="A31481" s="2" t="s">
        <v>19894</v>
      </c>
      <c r="B31481" s="6">
        <v>524092.04999999993</v>
      </c>
      <c r="C31481" s="7">
        <f t="shared" si="491"/>
        <v>524.09204999999997</v>
      </c>
    </row>
    <row r="31482" spans="1:3" x14ac:dyDescent="0.25">
      <c r="A31482" s="2" t="s">
        <v>19895</v>
      </c>
      <c r="B31482" s="6">
        <v>524108.69999999995</v>
      </c>
      <c r="C31482" s="7">
        <f t="shared" si="491"/>
        <v>524.1087</v>
      </c>
    </row>
    <row r="31483" spans="1:3" x14ac:dyDescent="0.25">
      <c r="A31483" s="2" t="s">
        <v>19896</v>
      </c>
      <c r="B31483" s="6">
        <v>524125.35</v>
      </c>
      <c r="C31483" s="7">
        <f t="shared" si="491"/>
        <v>524.12535000000003</v>
      </c>
    </row>
    <row r="31484" spans="1:3" x14ac:dyDescent="0.25">
      <c r="A31484" s="2" t="s">
        <v>19897</v>
      </c>
      <c r="B31484" s="6">
        <v>524141.99999999994</v>
      </c>
      <c r="C31484" s="7">
        <f t="shared" si="491"/>
        <v>524.14199999999994</v>
      </c>
    </row>
    <row r="31485" spans="1:3" x14ac:dyDescent="0.25">
      <c r="A31485" s="2" t="s">
        <v>19898</v>
      </c>
      <c r="B31485" s="6">
        <v>524158.64999999997</v>
      </c>
      <c r="C31485" s="7">
        <f t="shared" si="491"/>
        <v>524.15864999999997</v>
      </c>
    </row>
    <row r="31486" spans="1:3" x14ac:dyDescent="0.25">
      <c r="A31486" s="2" t="s">
        <v>19899</v>
      </c>
      <c r="B31486" s="6">
        <v>524175.29999999993</v>
      </c>
      <c r="C31486" s="7">
        <f t="shared" si="491"/>
        <v>524.17529999999988</v>
      </c>
    </row>
    <row r="31487" spans="1:3" x14ac:dyDescent="0.25">
      <c r="A31487" s="2" t="s">
        <v>19900</v>
      </c>
      <c r="B31487" s="6">
        <v>524191.94999999995</v>
      </c>
      <c r="C31487" s="7">
        <f t="shared" si="491"/>
        <v>524.19194999999991</v>
      </c>
    </row>
    <row r="31488" spans="1:3" x14ac:dyDescent="0.25">
      <c r="A31488" s="2" t="s">
        <v>19901</v>
      </c>
      <c r="B31488" s="6">
        <v>524208.6</v>
      </c>
      <c r="C31488" s="7">
        <f t="shared" si="491"/>
        <v>524.20859999999993</v>
      </c>
    </row>
    <row r="31489" spans="1:3" x14ac:dyDescent="0.25">
      <c r="A31489" s="2" t="s">
        <v>19902</v>
      </c>
      <c r="B31489" s="6">
        <v>524225.24999999994</v>
      </c>
      <c r="C31489" s="7">
        <f t="shared" si="491"/>
        <v>524.22524999999996</v>
      </c>
    </row>
    <row r="31490" spans="1:3" x14ac:dyDescent="0.25">
      <c r="A31490" s="2" t="s">
        <v>19903</v>
      </c>
      <c r="B31490" s="6">
        <v>524241.89999999997</v>
      </c>
      <c r="C31490" s="7">
        <f t="shared" si="491"/>
        <v>524.24189999999999</v>
      </c>
    </row>
    <row r="31491" spans="1:3" x14ac:dyDescent="0.25">
      <c r="A31491" s="2" t="s">
        <v>19904</v>
      </c>
      <c r="B31491" s="6">
        <v>524258.54999999993</v>
      </c>
      <c r="C31491" s="7">
        <f t="shared" ref="C31491:C31554" si="492">B31491/1000</f>
        <v>524.2585499999999</v>
      </c>
    </row>
    <row r="31492" spans="1:3" x14ac:dyDescent="0.25">
      <c r="A31492" s="2" t="s">
        <v>19905</v>
      </c>
      <c r="B31492" s="6">
        <v>524275.19999999995</v>
      </c>
      <c r="C31492" s="7">
        <f t="shared" si="492"/>
        <v>524.27519999999993</v>
      </c>
    </row>
    <row r="31493" spans="1:3" x14ac:dyDescent="0.25">
      <c r="A31493" s="2" t="s">
        <v>19906</v>
      </c>
      <c r="B31493" s="6">
        <v>524291.85</v>
      </c>
      <c r="C31493" s="7">
        <f t="shared" si="492"/>
        <v>524.29184999999995</v>
      </c>
    </row>
    <row r="31494" spans="1:3" x14ac:dyDescent="0.25">
      <c r="A31494" s="2" t="s">
        <v>19907</v>
      </c>
      <c r="B31494" s="6">
        <v>524308.5</v>
      </c>
      <c r="C31494" s="7">
        <f t="shared" si="492"/>
        <v>524.30849999999998</v>
      </c>
    </row>
    <row r="31495" spans="1:3" x14ac:dyDescent="0.25">
      <c r="A31495" s="2" t="s">
        <v>19908</v>
      </c>
      <c r="B31495" s="6">
        <v>524325.14999999991</v>
      </c>
      <c r="C31495" s="7">
        <f t="shared" si="492"/>
        <v>524.32514999999989</v>
      </c>
    </row>
    <row r="31496" spans="1:3" x14ac:dyDescent="0.25">
      <c r="A31496" s="2" t="s">
        <v>19909</v>
      </c>
      <c r="B31496" s="6">
        <v>524341.79999999993</v>
      </c>
      <c r="C31496" s="7">
        <f t="shared" si="492"/>
        <v>524.34179999999992</v>
      </c>
    </row>
    <row r="31497" spans="1:3" x14ac:dyDescent="0.25">
      <c r="A31497" s="2" t="s">
        <v>19910</v>
      </c>
      <c r="B31497" s="6">
        <v>524358.44999999995</v>
      </c>
      <c r="C31497" s="7">
        <f t="shared" si="492"/>
        <v>524.35844999999995</v>
      </c>
    </row>
    <row r="31498" spans="1:3" x14ac:dyDescent="0.25">
      <c r="A31498" s="2" t="s">
        <v>19911</v>
      </c>
      <c r="B31498" s="6">
        <v>524375.1</v>
      </c>
      <c r="C31498" s="7">
        <f t="shared" si="492"/>
        <v>524.37509999999997</v>
      </c>
    </row>
    <row r="31499" spans="1:3" x14ac:dyDescent="0.25">
      <c r="A31499" s="2" t="s">
        <v>19912</v>
      </c>
      <c r="B31499" s="6">
        <v>524391.75</v>
      </c>
      <c r="C31499" s="7">
        <f t="shared" si="492"/>
        <v>524.39175</v>
      </c>
    </row>
    <row r="31500" spans="1:3" x14ac:dyDescent="0.25">
      <c r="A31500" s="2" t="s">
        <v>19913</v>
      </c>
      <c r="B31500" s="6">
        <v>524408.39999999991</v>
      </c>
      <c r="C31500" s="7">
        <f t="shared" si="492"/>
        <v>524.40839999999992</v>
      </c>
    </row>
    <row r="31501" spans="1:3" x14ac:dyDescent="0.25">
      <c r="A31501" s="2" t="s">
        <v>19914</v>
      </c>
      <c r="B31501" s="6">
        <v>524425.04999999993</v>
      </c>
      <c r="C31501" s="7">
        <f t="shared" si="492"/>
        <v>524.42504999999994</v>
      </c>
    </row>
    <row r="31502" spans="1:3" x14ac:dyDescent="0.25">
      <c r="A31502" s="2" t="s">
        <v>19915</v>
      </c>
      <c r="B31502" s="6">
        <v>524441.69999999995</v>
      </c>
      <c r="C31502" s="7">
        <f t="shared" si="492"/>
        <v>524.44169999999997</v>
      </c>
    </row>
    <row r="31503" spans="1:3" x14ac:dyDescent="0.25">
      <c r="A31503" s="2" t="s">
        <v>19916</v>
      </c>
      <c r="B31503" s="6">
        <v>524458.35</v>
      </c>
      <c r="C31503" s="7">
        <f t="shared" si="492"/>
        <v>524.45835</v>
      </c>
    </row>
    <row r="31504" spans="1:3" x14ac:dyDescent="0.25">
      <c r="A31504" s="2" t="s">
        <v>19917</v>
      </c>
      <c r="B31504" s="6">
        <v>524475</v>
      </c>
      <c r="C31504" s="7">
        <f t="shared" si="492"/>
        <v>524.47500000000002</v>
      </c>
    </row>
    <row r="31505" spans="1:3" x14ac:dyDescent="0.25">
      <c r="A31505" s="2" t="s">
        <v>19918</v>
      </c>
      <c r="B31505" s="6">
        <v>524491.64999999991</v>
      </c>
      <c r="C31505" s="7">
        <f t="shared" si="492"/>
        <v>524.49164999999994</v>
      </c>
    </row>
    <row r="31506" spans="1:3" x14ac:dyDescent="0.25">
      <c r="A31506" s="2" t="s">
        <v>19919</v>
      </c>
      <c r="B31506" s="6">
        <v>524508.29999999993</v>
      </c>
      <c r="C31506" s="7">
        <f t="shared" si="492"/>
        <v>524.50829999999996</v>
      </c>
    </row>
    <row r="31507" spans="1:3" x14ac:dyDescent="0.25">
      <c r="A31507" s="2" t="s">
        <v>19920</v>
      </c>
      <c r="B31507" s="6">
        <v>524524.94999999995</v>
      </c>
      <c r="C31507" s="7">
        <f t="shared" si="492"/>
        <v>524.52494999999999</v>
      </c>
    </row>
    <row r="31508" spans="1:3" x14ac:dyDescent="0.25">
      <c r="A31508" s="2" t="s">
        <v>19921</v>
      </c>
      <c r="B31508" s="6">
        <v>524541.6</v>
      </c>
      <c r="C31508" s="7">
        <f t="shared" si="492"/>
        <v>524.54160000000002</v>
      </c>
    </row>
    <row r="31509" spans="1:3" x14ac:dyDescent="0.25">
      <c r="A31509" s="2" t="s">
        <v>19922</v>
      </c>
      <c r="B31509" s="6">
        <v>524558.25</v>
      </c>
      <c r="C31509" s="7">
        <f t="shared" si="492"/>
        <v>524.55825000000004</v>
      </c>
    </row>
    <row r="31510" spans="1:3" x14ac:dyDescent="0.25">
      <c r="A31510" s="2" t="s">
        <v>19923</v>
      </c>
      <c r="B31510" s="6">
        <v>524574.89999999991</v>
      </c>
      <c r="C31510" s="7">
        <f t="shared" si="492"/>
        <v>524.57489999999996</v>
      </c>
    </row>
    <row r="31511" spans="1:3" x14ac:dyDescent="0.25">
      <c r="A31511" s="2" t="s">
        <v>19924</v>
      </c>
      <c r="B31511" s="6">
        <v>524591.54999999993</v>
      </c>
      <c r="C31511" s="7">
        <f t="shared" si="492"/>
        <v>524.59154999999998</v>
      </c>
    </row>
    <row r="31512" spans="1:3" x14ac:dyDescent="0.25">
      <c r="A31512" s="2" t="s">
        <v>19925</v>
      </c>
      <c r="B31512" s="6">
        <v>524608.19999999995</v>
      </c>
      <c r="C31512" s="7">
        <f t="shared" si="492"/>
        <v>524.6081999999999</v>
      </c>
    </row>
    <row r="31513" spans="1:3" x14ac:dyDescent="0.25">
      <c r="A31513" s="2" t="s">
        <v>19926</v>
      </c>
      <c r="B31513" s="6">
        <v>524624.85</v>
      </c>
      <c r="C31513" s="7">
        <f t="shared" si="492"/>
        <v>524.62484999999992</v>
      </c>
    </row>
    <row r="31514" spans="1:3" x14ac:dyDescent="0.25">
      <c r="A31514" s="2" t="s">
        <v>19927</v>
      </c>
      <c r="B31514" s="6">
        <v>524641.5</v>
      </c>
      <c r="C31514" s="7">
        <f t="shared" si="492"/>
        <v>524.64149999999995</v>
      </c>
    </row>
    <row r="31515" spans="1:3" x14ac:dyDescent="0.25">
      <c r="A31515" s="2" t="s">
        <v>19928</v>
      </c>
      <c r="B31515" s="6">
        <v>524658.14999999991</v>
      </c>
      <c r="C31515" s="7">
        <f t="shared" si="492"/>
        <v>524.65814999999986</v>
      </c>
    </row>
    <row r="31516" spans="1:3" x14ac:dyDescent="0.25">
      <c r="A31516" s="2" t="s">
        <v>19929</v>
      </c>
      <c r="B31516" s="6">
        <v>524674.79999999993</v>
      </c>
      <c r="C31516" s="7">
        <f t="shared" si="492"/>
        <v>524.67479999999989</v>
      </c>
    </row>
    <row r="31517" spans="1:3" x14ac:dyDescent="0.25">
      <c r="A31517" s="2" t="s">
        <v>19930</v>
      </c>
      <c r="B31517" s="6">
        <v>524691.44999999995</v>
      </c>
      <c r="C31517" s="7">
        <f t="shared" si="492"/>
        <v>524.69144999999992</v>
      </c>
    </row>
    <row r="31518" spans="1:3" x14ac:dyDescent="0.25">
      <c r="A31518" s="2" t="s">
        <v>19931</v>
      </c>
      <c r="B31518" s="6">
        <v>524708.1</v>
      </c>
      <c r="C31518" s="7">
        <f t="shared" si="492"/>
        <v>524.70809999999994</v>
      </c>
    </row>
    <row r="31519" spans="1:3" x14ac:dyDescent="0.25">
      <c r="A31519" s="2" t="s">
        <v>19932</v>
      </c>
      <c r="B31519" s="6">
        <v>524724.75</v>
      </c>
      <c r="C31519" s="7">
        <f t="shared" si="492"/>
        <v>524.72474999999997</v>
      </c>
    </row>
    <row r="31520" spans="1:3" x14ac:dyDescent="0.25">
      <c r="A31520" s="2" t="s">
        <v>19933</v>
      </c>
      <c r="B31520" s="6">
        <v>524741.39999999991</v>
      </c>
      <c r="C31520" s="7">
        <f t="shared" si="492"/>
        <v>524.74139999999989</v>
      </c>
    </row>
    <row r="31521" spans="1:3" x14ac:dyDescent="0.25">
      <c r="A31521" s="2" t="s">
        <v>19934</v>
      </c>
      <c r="B31521" s="6">
        <v>524758.04999999993</v>
      </c>
      <c r="C31521" s="7">
        <f t="shared" si="492"/>
        <v>524.75804999999991</v>
      </c>
    </row>
    <row r="31522" spans="1:3" x14ac:dyDescent="0.25">
      <c r="A31522" s="2" t="s">
        <v>19935</v>
      </c>
      <c r="B31522" s="6">
        <v>524774.69999999995</v>
      </c>
      <c r="C31522" s="7">
        <f t="shared" si="492"/>
        <v>524.77469999999994</v>
      </c>
    </row>
    <row r="31523" spans="1:3" x14ac:dyDescent="0.25">
      <c r="A31523" s="2" t="s">
        <v>19936</v>
      </c>
      <c r="B31523" s="6">
        <v>524791.35</v>
      </c>
      <c r="C31523" s="7">
        <f t="shared" si="492"/>
        <v>524.79134999999997</v>
      </c>
    </row>
    <row r="31524" spans="1:3" x14ac:dyDescent="0.25">
      <c r="A31524" s="2" t="s">
        <v>19937</v>
      </c>
      <c r="B31524" s="6">
        <v>524808</v>
      </c>
      <c r="C31524" s="7">
        <f t="shared" si="492"/>
        <v>524.80799999999999</v>
      </c>
    </row>
    <row r="31525" spans="1:3" x14ac:dyDescent="0.25">
      <c r="A31525" s="2" t="s">
        <v>19938</v>
      </c>
      <c r="B31525" s="6">
        <v>524824.64999999991</v>
      </c>
      <c r="C31525" s="7">
        <f t="shared" si="492"/>
        <v>524.82464999999991</v>
      </c>
    </row>
    <row r="31526" spans="1:3" x14ac:dyDescent="0.25">
      <c r="A31526" s="2" t="s">
        <v>19939</v>
      </c>
      <c r="B31526" s="6">
        <v>524841.29999999993</v>
      </c>
      <c r="C31526" s="7">
        <f t="shared" si="492"/>
        <v>524.84129999999993</v>
      </c>
    </row>
    <row r="31527" spans="1:3" x14ac:dyDescent="0.25">
      <c r="A31527" s="2" t="s">
        <v>19940</v>
      </c>
      <c r="B31527" s="6">
        <v>524857.94999999995</v>
      </c>
      <c r="C31527" s="7">
        <f t="shared" si="492"/>
        <v>524.85794999999996</v>
      </c>
    </row>
    <row r="31528" spans="1:3" x14ac:dyDescent="0.25">
      <c r="A31528" s="2" t="s">
        <v>19941</v>
      </c>
      <c r="B31528" s="6">
        <v>524874.6</v>
      </c>
      <c r="C31528" s="7">
        <f t="shared" si="492"/>
        <v>524.87459999999999</v>
      </c>
    </row>
    <row r="31529" spans="1:3" x14ac:dyDescent="0.25">
      <c r="A31529" s="2" t="s">
        <v>19942</v>
      </c>
      <c r="B31529" s="6">
        <v>524891.25</v>
      </c>
      <c r="C31529" s="7">
        <f t="shared" si="492"/>
        <v>524.89125000000001</v>
      </c>
    </row>
    <row r="31530" spans="1:3" x14ac:dyDescent="0.25">
      <c r="A31530" s="2" t="s">
        <v>19943</v>
      </c>
      <c r="B31530" s="6">
        <v>524907.89999999991</v>
      </c>
      <c r="C31530" s="7">
        <f t="shared" si="492"/>
        <v>524.90789999999993</v>
      </c>
    </row>
    <row r="31531" spans="1:3" x14ac:dyDescent="0.25">
      <c r="A31531" s="2" t="s">
        <v>19944</v>
      </c>
      <c r="B31531" s="6">
        <v>524924.54999999993</v>
      </c>
      <c r="C31531" s="7">
        <f t="shared" si="492"/>
        <v>524.92454999999995</v>
      </c>
    </row>
    <row r="31532" spans="1:3" x14ac:dyDescent="0.25">
      <c r="A31532" s="2" t="s">
        <v>19945</v>
      </c>
      <c r="B31532" s="6">
        <v>524941.19999999995</v>
      </c>
      <c r="C31532" s="7">
        <f t="shared" si="492"/>
        <v>524.94119999999998</v>
      </c>
    </row>
    <row r="31533" spans="1:3" x14ac:dyDescent="0.25">
      <c r="A31533" s="2" t="s">
        <v>19946</v>
      </c>
      <c r="B31533" s="6">
        <v>524957.85</v>
      </c>
      <c r="C31533" s="7">
        <f t="shared" si="492"/>
        <v>524.95785000000001</v>
      </c>
    </row>
    <row r="31534" spans="1:3" x14ac:dyDescent="0.25">
      <c r="A31534" s="2" t="s">
        <v>19947</v>
      </c>
      <c r="B31534" s="6">
        <v>524974.5</v>
      </c>
      <c r="C31534" s="7">
        <f t="shared" si="492"/>
        <v>524.97450000000003</v>
      </c>
    </row>
    <row r="31535" spans="1:3" x14ac:dyDescent="0.25">
      <c r="A31535" s="2" t="s">
        <v>19948</v>
      </c>
      <c r="B31535" s="6">
        <v>524991.14999999991</v>
      </c>
      <c r="C31535" s="7">
        <f t="shared" si="492"/>
        <v>524.99114999999995</v>
      </c>
    </row>
    <row r="31536" spans="1:3" x14ac:dyDescent="0.25">
      <c r="A31536" s="2" t="s">
        <v>19949</v>
      </c>
      <c r="B31536" s="6">
        <v>525007.79999999993</v>
      </c>
      <c r="C31536" s="7">
        <f t="shared" si="492"/>
        <v>525.00779999999997</v>
      </c>
    </row>
    <row r="31537" spans="1:3" x14ac:dyDescent="0.25">
      <c r="A31537" s="2" t="s">
        <v>19950</v>
      </c>
      <c r="B31537" s="6">
        <v>525024.44999999995</v>
      </c>
      <c r="C31537" s="7">
        <f t="shared" si="492"/>
        <v>525.02445</v>
      </c>
    </row>
    <row r="31538" spans="1:3" x14ac:dyDescent="0.25">
      <c r="A31538" s="2" t="s">
        <v>19951</v>
      </c>
      <c r="B31538" s="6">
        <v>525041.1</v>
      </c>
      <c r="C31538" s="7">
        <f t="shared" si="492"/>
        <v>525.04110000000003</v>
      </c>
    </row>
    <row r="31539" spans="1:3" x14ac:dyDescent="0.25">
      <c r="A31539" s="2" t="s">
        <v>19952</v>
      </c>
      <c r="B31539" s="6">
        <v>525057.75</v>
      </c>
      <c r="C31539" s="7">
        <f t="shared" si="492"/>
        <v>525.05775000000006</v>
      </c>
    </row>
    <row r="31540" spans="1:3" x14ac:dyDescent="0.25">
      <c r="A31540" s="2" t="s">
        <v>19953</v>
      </c>
      <c r="B31540" s="6">
        <v>525074.39999999991</v>
      </c>
      <c r="C31540" s="7">
        <f t="shared" si="492"/>
        <v>525.07439999999986</v>
      </c>
    </row>
    <row r="31541" spans="1:3" x14ac:dyDescent="0.25">
      <c r="A31541" s="2" t="s">
        <v>19954</v>
      </c>
      <c r="B31541" s="6">
        <v>525091.04999999993</v>
      </c>
      <c r="C31541" s="7">
        <f t="shared" si="492"/>
        <v>525.09104999999988</v>
      </c>
    </row>
    <row r="31542" spans="1:3" x14ac:dyDescent="0.25">
      <c r="A31542" s="2" t="s">
        <v>19955</v>
      </c>
      <c r="B31542" s="6">
        <v>525107.69999999995</v>
      </c>
      <c r="C31542" s="7">
        <f t="shared" si="492"/>
        <v>525.10769999999991</v>
      </c>
    </row>
    <row r="31543" spans="1:3" x14ac:dyDescent="0.25">
      <c r="A31543" s="2" t="s">
        <v>19956</v>
      </c>
      <c r="B31543" s="6">
        <v>525124.35</v>
      </c>
      <c r="C31543" s="7">
        <f t="shared" si="492"/>
        <v>525.12434999999994</v>
      </c>
    </row>
    <row r="31544" spans="1:3" x14ac:dyDescent="0.25">
      <c r="A31544" s="2" t="s">
        <v>19957</v>
      </c>
      <c r="B31544" s="6">
        <v>525141</v>
      </c>
      <c r="C31544" s="7">
        <f t="shared" si="492"/>
        <v>525.14099999999996</v>
      </c>
    </row>
    <row r="31545" spans="1:3" x14ac:dyDescent="0.25">
      <c r="A31545" s="2" t="s">
        <v>19958</v>
      </c>
      <c r="B31545" s="6">
        <v>525157.64999999991</v>
      </c>
      <c r="C31545" s="7">
        <f t="shared" si="492"/>
        <v>525.15764999999988</v>
      </c>
    </row>
    <row r="31546" spans="1:3" x14ac:dyDescent="0.25">
      <c r="A31546" s="2" t="s">
        <v>19959</v>
      </c>
      <c r="B31546" s="6">
        <v>525174.29999999993</v>
      </c>
      <c r="C31546" s="7">
        <f t="shared" si="492"/>
        <v>525.1742999999999</v>
      </c>
    </row>
    <row r="31547" spans="1:3" x14ac:dyDescent="0.25">
      <c r="A31547" s="2" t="s">
        <v>19960</v>
      </c>
      <c r="B31547" s="6">
        <v>525190.94999999995</v>
      </c>
      <c r="C31547" s="7">
        <f t="shared" si="492"/>
        <v>525.19094999999993</v>
      </c>
    </row>
    <row r="31548" spans="1:3" x14ac:dyDescent="0.25">
      <c r="A31548" s="2" t="s">
        <v>19961</v>
      </c>
      <c r="B31548" s="6">
        <v>525207.6</v>
      </c>
      <c r="C31548" s="7">
        <f t="shared" si="492"/>
        <v>525.20759999999996</v>
      </c>
    </row>
    <row r="31549" spans="1:3" x14ac:dyDescent="0.25">
      <c r="A31549" s="2" t="s">
        <v>19962</v>
      </c>
      <c r="B31549" s="6">
        <v>525224.25</v>
      </c>
      <c r="C31549" s="7">
        <f t="shared" si="492"/>
        <v>525.22424999999998</v>
      </c>
    </row>
    <row r="31550" spans="1:3" x14ac:dyDescent="0.25">
      <c r="A31550" s="2" t="s">
        <v>19963</v>
      </c>
      <c r="B31550" s="6">
        <v>525240.89999999991</v>
      </c>
      <c r="C31550" s="7">
        <f t="shared" si="492"/>
        <v>525.2408999999999</v>
      </c>
    </row>
    <row r="31551" spans="1:3" x14ac:dyDescent="0.25">
      <c r="A31551" s="2" t="s">
        <v>19964</v>
      </c>
      <c r="B31551" s="6">
        <v>525257.54999999993</v>
      </c>
      <c r="C31551" s="7">
        <f t="shared" si="492"/>
        <v>525.25754999999992</v>
      </c>
    </row>
    <row r="31552" spans="1:3" x14ac:dyDescent="0.25">
      <c r="A31552" s="2" t="s">
        <v>19965</v>
      </c>
      <c r="B31552" s="6">
        <v>525274.19999999995</v>
      </c>
      <c r="C31552" s="7">
        <f t="shared" si="492"/>
        <v>525.27419999999995</v>
      </c>
    </row>
    <row r="31553" spans="1:3" x14ac:dyDescent="0.25">
      <c r="A31553" s="2" t="s">
        <v>19966</v>
      </c>
      <c r="B31553" s="6">
        <v>525290.85</v>
      </c>
      <c r="C31553" s="7">
        <f t="shared" si="492"/>
        <v>525.29084999999998</v>
      </c>
    </row>
    <row r="31554" spans="1:3" x14ac:dyDescent="0.25">
      <c r="A31554" s="2" t="s">
        <v>19967</v>
      </c>
      <c r="B31554" s="6">
        <v>525307.5</v>
      </c>
      <c r="C31554" s="7">
        <f t="shared" si="492"/>
        <v>525.3075</v>
      </c>
    </row>
    <row r="31555" spans="1:3" x14ac:dyDescent="0.25">
      <c r="A31555" s="2" t="s">
        <v>19968</v>
      </c>
      <c r="B31555" s="6">
        <v>525324.14999999991</v>
      </c>
      <c r="C31555" s="7">
        <f t="shared" ref="C31555:C31618" si="493">B31555/1000</f>
        <v>525.32414999999992</v>
      </c>
    </row>
    <row r="31556" spans="1:3" x14ac:dyDescent="0.25">
      <c r="A31556" s="2" t="s">
        <v>19969</v>
      </c>
      <c r="B31556" s="6">
        <v>525340.79999999993</v>
      </c>
      <c r="C31556" s="7">
        <f t="shared" si="493"/>
        <v>525.34079999999994</v>
      </c>
    </row>
    <row r="31557" spans="1:3" x14ac:dyDescent="0.25">
      <c r="A31557" s="2" t="s">
        <v>19970</v>
      </c>
      <c r="B31557" s="6">
        <v>525357.44999999995</v>
      </c>
      <c r="C31557" s="7">
        <f t="shared" si="493"/>
        <v>525.35744999999997</v>
      </c>
    </row>
    <row r="31558" spans="1:3" x14ac:dyDescent="0.25">
      <c r="A31558" s="2" t="s">
        <v>19971</v>
      </c>
      <c r="B31558" s="6">
        <v>525374.1</v>
      </c>
      <c r="C31558" s="7">
        <f t="shared" si="493"/>
        <v>525.3741</v>
      </c>
    </row>
    <row r="31559" spans="1:3" x14ac:dyDescent="0.25">
      <c r="A31559" s="2" t="s">
        <v>19972</v>
      </c>
      <c r="B31559" s="6">
        <v>525390.75</v>
      </c>
      <c r="C31559" s="7">
        <f t="shared" si="493"/>
        <v>525.39075000000003</v>
      </c>
    </row>
    <row r="31560" spans="1:3" x14ac:dyDescent="0.25">
      <c r="A31560" s="2" t="s">
        <v>19973</v>
      </c>
      <c r="B31560" s="6">
        <v>525407.39999999991</v>
      </c>
      <c r="C31560" s="7">
        <f t="shared" si="493"/>
        <v>525.40739999999994</v>
      </c>
    </row>
    <row r="31561" spans="1:3" x14ac:dyDescent="0.25">
      <c r="A31561" s="2" t="s">
        <v>19974</v>
      </c>
      <c r="B31561" s="6">
        <v>525424.04999999993</v>
      </c>
      <c r="C31561" s="7">
        <f t="shared" si="493"/>
        <v>525.42404999999997</v>
      </c>
    </row>
    <row r="31562" spans="1:3" x14ac:dyDescent="0.25">
      <c r="A31562" s="2" t="s">
        <v>19975</v>
      </c>
      <c r="B31562" s="6">
        <v>525440.69999999995</v>
      </c>
      <c r="C31562" s="7">
        <f t="shared" si="493"/>
        <v>525.44069999999999</v>
      </c>
    </row>
    <row r="31563" spans="1:3" x14ac:dyDescent="0.25">
      <c r="A31563" s="2" t="s">
        <v>19976</v>
      </c>
      <c r="B31563" s="6">
        <v>525457.35</v>
      </c>
      <c r="C31563" s="7">
        <f t="shared" si="493"/>
        <v>525.45735000000002</v>
      </c>
    </row>
    <row r="31564" spans="1:3" x14ac:dyDescent="0.25">
      <c r="A31564" s="2" t="s">
        <v>19977</v>
      </c>
      <c r="B31564" s="6">
        <v>525474</v>
      </c>
      <c r="C31564" s="7">
        <f t="shared" si="493"/>
        <v>525.47400000000005</v>
      </c>
    </row>
    <row r="31565" spans="1:3" x14ac:dyDescent="0.25">
      <c r="A31565" s="2" t="s">
        <v>19978</v>
      </c>
      <c r="B31565" s="6">
        <v>525490.64999999991</v>
      </c>
      <c r="C31565" s="7">
        <f t="shared" si="493"/>
        <v>525.49064999999996</v>
      </c>
    </row>
    <row r="31566" spans="1:3" x14ac:dyDescent="0.25">
      <c r="A31566" s="2" t="s">
        <v>19979</v>
      </c>
      <c r="B31566" s="6">
        <v>525507.29999999993</v>
      </c>
      <c r="C31566" s="7">
        <f t="shared" si="493"/>
        <v>525.50729999999999</v>
      </c>
    </row>
    <row r="31567" spans="1:3" x14ac:dyDescent="0.25">
      <c r="A31567" s="2" t="s">
        <v>19980</v>
      </c>
      <c r="B31567" s="6">
        <v>525523.94999999995</v>
      </c>
      <c r="C31567" s="7">
        <f t="shared" si="493"/>
        <v>525.5239499999999</v>
      </c>
    </row>
    <row r="31568" spans="1:3" x14ac:dyDescent="0.25">
      <c r="A31568" s="2" t="s">
        <v>19981</v>
      </c>
      <c r="B31568" s="6">
        <v>525540.6</v>
      </c>
      <c r="C31568" s="7">
        <f t="shared" si="493"/>
        <v>525.54059999999993</v>
      </c>
    </row>
    <row r="31569" spans="1:3" x14ac:dyDescent="0.25">
      <c r="A31569" s="2" t="s">
        <v>19982</v>
      </c>
      <c r="B31569" s="6">
        <v>525557.25</v>
      </c>
      <c r="C31569" s="7">
        <f t="shared" si="493"/>
        <v>525.55724999999995</v>
      </c>
    </row>
    <row r="31570" spans="1:3" x14ac:dyDescent="0.25">
      <c r="A31570" s="2" t="s">
        <v>19983</v>
      </c>
      <c r="B31570" s="6">
        <v>525573.89999999991</v>
      </c>
      <c r="C31570" s="7">
        <f t="shared" si="493"/>
        <v>525.57389999999987</v>
      </c>
    </row>
    <row r="31571" spans="1:3" x14ac:dyDescent="0.25">
      <c r="A31571" s="2" t="s">
        <v>19984</v>
      </c>
      <c r="B31571" s="6">
        <v>525590.54999999993</v>
      </c>
      <c r="C31571" s="7">
        <f t="shared" si="493"/>
        <v>525.59054999999989</v>
      </c>
    </row>
    <row r="31572" spans="1:3" x14ac:dyDescent="0.25">
      <c r="A31572" s="2" t="s">
        <v>19985</v>
      </c>
      <c r="B31572" s="6">
        <v>525607.19999999995</v>
      </c>
      <c r="C31572" s="7">
        <f t="shared" si="493"/>
        <v>525.60719999999992</v>
      </c>
    </row>
    <row r="31573" spans="1:3" x14ac:dyDescent="0.25">
      <c r="A31573" s="2" t="s">
        <v>19986</v>
      </c>
      <c r="B31573" s="6">
        <v>525623.85</v>
      </c>
      <c r="C31573" s="7">
        <f t="shared" si="493"/>
        <v>525.62384999999995</v>
      </c>
    </row>
    <row r="31574" spans="1:3" x14ac:dyDescent="0.25">
      <c r="A31574" s="2" t="s">
        <v>19987</v>
      </c>
      <c r="B31574" s="6">
        <v>525640.5</v>
      </c>
      <c r="C31574" s="7">
        <f t="shared" si="493"/>
        <v>525.64049999999997</v>
      </c>
    </row>
    <row r="31575" spans="1:3" x14ac:dyDescent="0.25">
      <c r="A31575" s="2" t="s">
        <v>19988</v>
      </c>
      <c r="B31575" s="6">
        <v>525657.14999999991</v>
      </c>
      <c r="C31575" s="7">
        <f t="shared" si="493"/>
        <v>525.65714999999989</v>
      </c>
    </row>
    <row r="31576" spans="1:3" x14ac:dyDescent="0.25">
      <c r="A31576" s="2" t="s">
        <v>19989</v>
      </c>
      <c r="B31576" s="6">
        <v>525673.79999999993</v>
      </c>
      <c r="C31576" s="7">
        <f t="shared" si="493"/>
        <v>525.67379999999991</v>
      </c>
    </row>
    <row r="31577" spans="1:3" x14ac:dyDescent="0.25">
      <c r="A31577" s="2" t="s">
        <v>19990</v>
      </c>
      <c r="B31577" s="6">
        <v>525690.44999999995</v>
      </c>
      <c r="C31577" s="7">
        <f t="shared" si="493"/>
        <v>525.69044999999994</v>
      </c>
    </row>
    <row r="31578" spans="1:3" x14ac:dyDescent="0.25">
      <c r="A31578" s="2" t="s">
        <v>19991</v>
      </c>
      <c r="B31578" s="6">
        <v>525707.1</v>
      </c>
      <c r="C31578" s="7">
        <f t="shared" si="493"/>
        <v>525.70709999999997</v>
      </c>
    </row>
    <row r="31579" spans="1:3" x14ac:dyDescent="0.25">
      <c r="A31579" s="2" t="s">
        <v>19992</v>
      </c>
      <c r="B31579" s="6">
        <v>525723.75</v>
      </c>
      <c r="C31579" s="7">
        <f t="shared" si="493"/>
        <v>525.72375</v>
      </c>
    </row>
    <row r="31580" spans="1:3" x14ac:dyDescent="0.25">
      <c r="A31580" s="2" t="s">
        <v>19993</v>
      </c>
      <c r="B31580" s="6">
        <v>525740.39999999991</v>
      </c>
      <c r="C31580" s="7">
        <f t="shared" si="493"/>
        <v>525.74039999999991</v>
      </c>
    </row>
    <row r="31581" spans="1:3" x14ac:dyDescent="0.25">
      <c r="A31581" s="2" t="s">
        <v>19994</v>
      </c>
      <c r="B31581" s="6">
        <v>525757.04999999993</v>
      </c>
      <c r="C31581" s="7">
        <f t="shared" si="493"/>
        <v>525.75704999999994</v>
      </c>
    </row>
    <row r="31582" spans="1:3" x14ac:dyDescent="0.25">
      <c r="A31582" s="2" t="s">
        <v>19995</v>
      </c>
      <c r="B31582" s="6">
        <v>525773.69999999995</v>
      </c>
      <c r="C31582" s="7">
        <f t="shared" si="493"/>
        <v>525.77369999999996</v>
      </c>
    </row>
    <row r="31583" spans="1:3" x14ac:dyDescent="0.25">
      <c r="A31583" s="2" t="s">
        <v>19996</v>
      </c>
      <c r="B31583" s="6">
        <v>525790.35</v>
      </c>
      <c r="C31583" s="7">
        <f t="shared" si="493"/>
        <v>525.79034999999999</v>
      </c>
    </row>
    <row r="31584" spans="1:3" x14ac:dyDescent="0.25">
      <c r="A31584" s="2" t="s">
        <v>19997</v>
      </c>
      <c r="B31584" s="6">
        <v>525807</v>
      </c>
      <c r="C31584" s="7">
        <f t="shared" si="493"/>
        <v>525.80700000000002</v>
      </c>
    </row>
    <row r="31585" spans="1:3" x14ac:dyDescent="0.25">
      <c r="A31585" s="2" t="s">
        <v>19998</v>
      </c>
      <c r="B31585" s="6">
        <v>525823.64999999991</v>
      </c>
      <c r="C31585" s="7">
        <f t="shared" si="493"/>
        <v>525.82364999999993</v>
      </c>
    </row>
    <row r="31586" spans="1:3" x14ac:dyDescent="0.25">
      <c r="A31586" s="2" t="s">
        <v>19999</v>
      </c>
      <c r="B31586" s="6">
        <v>525840.29999999993</v>
      </c>
      <c r="C31586" s="7">
        <f t="shared" si="493"/>
        <v>525.84029999999996</v>
      </c>
    </row>
    <row r="31587" spans="1:3" x14ac:dyDescent="0.25">
      <c r="A31587" s="2" t="s">
        <v>20000</v>
      </c>
      <c r="B31587" s="6">
        <v>525856.94999999995</v>
      </c>
      <c r="C31587" s="7">
        <f t="shared" si="493"/>
        <v>525.85694999999998</v>
      </c>
    </row>
    <row r="31588" spans="1:3" x14ac:dyDescent="0.25">
      <c r="A31588" s="2" t="s">
        <v>20001</v>
      </c>
      <c r="B31588" s="6">
        <v>525873.6</v>
      </c>
      <c r="C31588" s="7">
        <f t="shared" si="493"/>
        <v>525.87360000000001</v>
      </c>
    </row>
    <row r="31589" spans="1:3" x14ac:dyDescent="0.25">
      <c r="A31589" s="2" t="s">
        <v>20002</v>
      </c>
      <c r="B31589" s="6">
        <v>525890.25</v>
      </c>
      <c r="C31589" s="7">
        <f t="shared" si="493"/>
        <v>525.89025000000004</v>
      </c>
    </row>
    <row r="31590" spans="1:3" x14ac:dyDescent="0.25">
      <c r="A31590" s="2" t="s">
        <v>20003</v>
      </c>
      <c r="B31590" s="6">
        <v>525906.89999999991</v>
      </c>
      <c r="C31590" s="7">
        <f t="shared" si="493"/>
        <v>525.90689999999995</v>
      </c>
    </row>
    <row r="31591" spans="1:3" x14ac:dyDescent="0.25">
      <c r="A31591" s="2" t="s">
        <v>20004</v>
      </c>
      <c r="B31591" s="6">
        <v>525923.54999999993</v>
      </c>
      <c r="C31591" s="7">
        <f t="shared" si="493"/>
        <v>525.92354999999998</v>
      </c>
    </row>
    <row r="31592" spans="1:3" x14ac:dyDescent="0.25">
      <c r="A31592" s="2" t="s">
        <v>20005</v>
      </c>
      <c r="B31592" s="6">
        <v>525940.19999999995</v>
      </c>
      <c r="C31592" s="7">
        <f t="shared" si="493"/>
        <v>525.9402</v>
      </c>
    </row>
    <row r="31593" spans="1:3" x14ac:dyDescent="0.25">
      <c r="A31593" s="2" t="s">
        <v>20006</v>
      </c>
      <c r="B31593" s="6">
        <v>525956.85</v>
      </c>
      <c r="C31593" s="7">
        <f t="shared" si="493"/>
        <v>525.95685000000003</v>
      </c>
    </row>
    <row r="31594" spans="1:3" x14ac:dyDescent="0.25">
      <c r="A31594" s="2" t="s">
        <v>20007</v>
      </c>
      <c r="B31594" s="6">
        <v>525973.5</v>
      </c>
      <c r="C31594" s="7">
        <f t="shared" si="493"/>
        <v>525.97349999999994</v>
      </c>
    </row>
    <row r="31595" spans="1:3" x14ac:dyDescent="0.25">
      <c r="A31595" s="2" t="s">
        <v>20008</v>
      </c>
      <c r="B31595" s="6">
        <v>525990.14999999991</v>
      </c>
      <c r="C31595" s="7">
        <f t="shared" si="493"/>
        <v>525.99014999999986</v>
      </c>
    </row>
    <row r="31596" spans="1:3" x14ac:dyDescent="0.25">
      <c r="A31596" s="2" t="s">
        <v>20009</v>
      </c>
      <c r="B31596" s="6">
        <v>526006.79999999993</v>
      </c>
      <c r="C31596" s="7">
        <f t="shared" si="493"/>
        <v>526.00679999999988</v>
      </c>
    </row>
    <row r="31597" spans="1:3" x14ac:dyDescent="0.25">
      <c r="A31597" s="2" t="s">
        <v>20010</v>
      </c>
      <c r="B31597" s="6">
        <v>526023.44999999995</v>
      </c>
      <c r="C31597" s="7">
        <f t="shared" si="493"/>
        <v>526.02344999999991</v>
      </c>
    </row>
    <row r="31598" spans="1:3" x14ac:dyDescent="0.25">
      <c r="A31598" s="2" t="s">
        <v>20011</v>
      </c>
      <c r="B31598" s="6">
        <v>526040.1</v>
      </c>
      <c r="C31598" s="7">
        <f t="shared" si="493"/>
        <v>526.04009999999994</v>
      </c>
    </row>
    <row r="31599" spans="1:3" x14ac:dyDescent="0.25">
      <c r="A31599" s="2" t="s">
        <v>20012</v>
      </c>
      <c r="B31599" s="6">
        <v>526056.75</v>
      </c>
      <c r="C31599" s="7">
        <f t="shared" si="493"/>
        <v>526.05674999999997</v>
      </c>
    </row>
    <row r="31600" spans="1:3" x14ac:dyDescent="0.25">
      <c r="A31600" s="2" t="s">
        <v>20013</v>
      </c>
      <c r="B31600" s="6">
        <v>526073.39999999991</v>
      </c>
      <c r="C31600" s="7">
        <f t="shared" si="493"/>
        <v>526.07339999999988</v>
      </c>
    </row>
    <row r="31601" spans="1:3" x14ac:dyDescent="0.25">
      <c r="A31601" s="2" t="s">
        <v>20014</v>
      </c>
      <c r="B31601" s="6">
        <v>526090.04999999993</v>
      </c>
      <c r="C31601" s="7">
        <f t="shared" si="493"/>
        <v>526.09004999999991</v>
      </c>
    </row>
    <row r="31602" spans="1:3" x14ac:dyDescent="0.25">
      <c r="A31602" s="2" t="s">
        <v>20015</v>
      </c>
      <c r="B31602" s="6">
        <v>526106.69999999995</v>
      </c>
      <c r="C31602" s="7">
        <f t="shared" si="493"/>
        <v>526.10669999999993</v>
      </c>
    </row>
    <row r="31603" spans="1:3" x14ac:dyDescent="0.25">
      <c r="A31603" s="2" t="s">
        <v>20016</v>
      </c>
      <c r="B31603" s="6">
        <v>526123.35</v>
      </c>
      <c r="C31603" s="7">
        <f t="shared" si="493"/>
        <v>526.12334999999996</v>
      </c>
    </row>
    <row r="31604" spans="1:3" x14ac:dyDescent="0.25">
      <c r="A31604" s="2" t="s">
        <v>20017</v>
      </c>
      <c r="B31604" s="6">
        <v>526140</v>
      </c>
      <c r="C31604" s="7">
        <f t="shared" si="493"/>
        <v>526.14</v>
      </c>
    </row>
    <row r="31605" spans="1:3" x14ac:dyDescent="0.25">
      <c r="A31605" s="2" t="s">
        <v>20018</v>
      </c>
      <c r="B31605" s="6">
        <v>526156.64999999991</v>
      </c>
      <c r="C31605" s="7">
        <f t="shared" si="493"/>
        <v>526.1566499999999</v>
      </c>
    </row>
    <row r="31606" spans="1:3" x14ac:dyDescent="0.25">
      <c r="A31606" s="2" t="s">
        <v>20019</v>
      </c>
      <c r="B31606" s="6">
        <v>526173.29999999993</v>
      </c>
      <c r="C31606" s="7">
        <f t="shared" si="493"/>
        <v>526.17329999999993</v>
      </c>
    </row>
    <row r="31607" spans="1:3" x14ac:dyDescent="0.25">
      <c r="A31607" s="2" t="s">
        <v>20020</v>
      </c>
      <c r="B31607" s="6">
        <v>526189.94999999995</v>
      </c>
      <c r="C31607" s="7">
        <f t="shared" si="493"/>
        <v>526.18994999999995</v>
      </c>
    </row>
    <row r="31608" spans="1:3" x14ac:dyDescent="0.25">
      <c r="A31608" s="2" t="s">
        <v>20021</v>
      </c>
      <c r="B31608" s="6">
        <v>526206.6</v>
      </c>
      <c r="C31608" s="7">
        <f t="shared" si="493"/>
        <v>526.20659999999998</v>
      </c>
    </row>
    <row r="31609" spans="1:3" x14ac:dyDescent="0.25">
      <c r="A31609" s="2" t="s">
        <v>20022</v>
      </c>
      <c r="B31609" s="6">
        <v>526223.25</v>
      </c>
      <c r="C31609" s="7">
        <f t="shared" si="493"/>
        <v>526.22325000000001</v>
      </c>
    </row>
    <row r="31610" spans="1:3" x14ac:dyDescent="0.25">
      <c r="A31610" s="2" t="s">
        <v>20023</v>
      </c>
      <c r="B31610" s="6">
        <v>526239.89999999991</v>
      </c>
      <c r="C31610" s="7">
        <f t="shared" si="493"/>
        <v>526.23989999999992</v>
      </c>
    </row>
    <row r="31611" spans="1:3" x14ac:dyDescent="0.25">
      <c r="A31611" s="2" t="s">
        <v>20024</v>
      </c>
      <c r="B31611" s="6">
        <v>526256.54999999993</v>
      </c>
      <c r="C31611" s="7">
        <f t="shared" si="493"/>
        <v>526.25654999999995</v>
      </c>
    </row>
    <row r="31612" spans="1:3" x14ac:dyDescent="0.25">
      <c r="A31612" s="2" t="s">
        <v>20025</v>
      </c>
      <c r="B31612" s="6">
        <v>526273.19999999995</v>
      </c>
      <c r="C31612" s="7">
        <f t="shared" si="493"/>
        <v>526.27319999999997</v>
      </c>
    </row>
    <row r="31613" spans="1:3" x14ac:dyDescent="0.25">
      <c r="A31613" s="2" t="s">
        <v>20026</v>
      </c>
      <c r="B31613" s="6">
        <v>526289.85</v>
      </c>
      <c r="C31613" s="7">
        <f t="shared" si="493"/>
        <v>526.28985</v>
      </c>
    </row>
    <row r="31614" spans="1:3" x14ac:dyDescent="0.25">
      <c r="A31614" s="2" t="s">
        <v>20027</v>
      </c>
      <c r="B31614" s="6">
        <v>526306.5</v>
      </c>
      <c r="C31614" s="7">
        <f t="shared" si="493"/>
        <v>526.30650000000003</v>
      </c>
    </row>
    <row r="31615" spans="1:3" x14ac:dyDescent="0.25">
      <c r="A31615" s="2" t="s">
        <v>20028</v>
      </c>
      <c r="B31615" s="6">
        <v>526323.14999999991</v>
      </c>
      <c r="C31615" s="7">
        <f t="shared" si="493"/>
        <v>526.32314999999994</v>
      </c>
    </row>
    <row r="31616" spans="1:3" x14ac:dyDescent="0.25">
      <c r="A31616" s="2" t="s">
        <v>20029</v>
      </c>
      <c r="B31616" s="6">
        <v>526339.79999999993</v>
      </c>
      <c r="C31616" s="7">
        <f t="shared" si="493"/>
        <v>526.33979999999997</v>
      </c>
    </row>
    <row r="31617" spans="1:3" x14ac:dyDescent="0.25">
      <c r="A31617" s="2" t="s">
        <v>20030</v>
      </c>
      <c r="B31617" s="6">
        <v>526356.44999999995</v>
      </c>
      <c r="C31617" s="7">
        <f t="shared" si="493"/>
        <v>526.35645</v>
      </c>
    </row>
    <row r="31618" spans="1:3" x14ac:dyDescent="0.25">
      <c r="A31618" s="2" t="s">
        <v>20031</v>
      </c>
      <c r="B31618" s="6">
        <v>526373.1</v>
      </c>
      <c r="C31618" s="7">
        <f t="shared" si="493"/>
        <v>526.37310000000002</v>
      </c>
    </row>
    <row r="31619" spans="1:3" x14ac:dyDescent="0.25">
      <c r="A31619" s="2" t="s">
        <v>20032</v>
      </c>
      <c r="B31619" s="6">
        <v>526389.75</v>
      </c>
      <c r="C31619" s="7">
        <f t="shared" ref="C31619:C31682" si="494">B31619/1000</f>
        <v>526.38975000000005</v>
      </c>
    </row>
    <row r="31620" spans="1:3" x14ac:dyDescent="0.25">
      <c r="A31620" s="2" t="s">
        <v>20033</v>
      </c>
      <c r="B31620" s="6">
        <v>526406.39999999991</v>
      </c>
      <c r="C31620" s="7">
        <f t="shared" si="494"/>
        <v>526.40639999999996</v>
      </c>
    </row>
    <row r="31621" spans="1:3" x14ac:dyDescent="0.25">
      <c r="A31621" s="2" t="s">
        <v>20034</v>
      </c>
      <c r="B31621" s="6">
        <v>526423.04999999993</v>
      </c>
      <c r="C31621" s="7">
        <f t="shared" si="494"/>
        <v>526.42304999999988</v>
      </c>
    </row>
    <row r="31622" spans="1:3" x14ac:dyDescent="0.25">
      <c r="A31622" s="2" t="s">
        <v>20035</v>
      </c>
      <c r="B31622" s="6">
        <v>526439.69999999995</v>
      </c>
      <c r="C31622" s="7">
        <f t="shared" si="494"/>
        <v>526.4396999999999</v>
      </c>
    </row>
    <row r="31623" spans="1:3" x14ac:dyDescent="0.25">
      <c r="A31623" s="2" t="s">
        <v>20036</v>
      </c>
      <c r="B31623" s="6">
        <v>526456.35</v>
      </c>
      <c r="C31623" s="7">
        <f t="shared" si="494"/>
        <v>526.45634999999993</v>
      </c>
    </row>
    <row r="31624" spans="1:3" x14ac:dyDescent="0.25">
      <c r="A31624" s="2" t="s">
        <v>20037</v>
      </c>
      <c r="B31624" s="6">
        <v>526473</v>
      </c>
      <c r="C31624" s="7">
        <f t="shared" si="494"/>
        <v>526.47299999999996</v>
      </c>
    </row>
    <row r="31625" spans="1:3" x14ac:dyDescent="0.25">
      <c r="A31625" s="2" t="s">
        <v>20038</v>
      </c>
      <c r="B31625" s="6">
        <v>526489.64999999991</v>
      </c>
      <c r="C31625" s="7">
        <f t="shared" si="494"/>
        <v>526.48964999999987</v>
      </c>
    </row>
    <row r="31626" spans="1:3" x14ac:dyDescent="0.25">
      <c r="A31626" s="2" t="s">
        <v>20039</v>
      </c>
      <c r="B31626" s="6">
        <v>526506.29999999993</v>
      </c>
      <c r="C31626" s="7">
        <f t="shared" si="494"/>
        <v>526.5062999999999</v>
      </c>
    </row>
    <row r="31627" spans="1:3" x14ac:dyDescent="0.25">
      <c r="A31627" s="2" t="s">
        <v>20040</v>
      </c>
      <c r="B31627" s="6">
        <v>526522.94999999995</v>
      </c>
      <c r="C31627" s="7">
        <f t="shared" si="494"/>
        <v>526.52294999999992</v>
      </c>
    </row>
    <row r="31628" spans="1:3" x14ac:dyDescent="0.25">
      <c r="A31628" s="2" t="s">
        <v>20041</v>
      </c>
      <c r="B31628" s="6">
        <v>526539.6</v>
      </c>
      <c r="C31628" s="7">
        <f t="shared" si="494"/>
        <v>526.53959999999995</v>
      </c>
    </row>
    <row r="31629" spans="1:3" x14ac:dyDescent="0.25">
      <c r="A31629" s="2" t="s">
        <v>20042</v>
      </c>
      <c r="B31629" s="6">
        <v>526556.25</v>
      </c>
      <c r="C31629" s="7">
        <f t="shared" si="494"/>
        <v>526.55624999999998</v>
      </c>
    </row>
    <row r="31630" spans="1:3" x14ac:dyDescent="0.25">
      <c r="A31630" s="2" t="s">
        <v>20043</v>
      </c>
      <c r="B31630" s="6">
        <v>526572.89999999991</v>
      </c>
      <c r="C31630" s="7">
        <f t="shared" si="494"/>
        <v>526.57289999999989</v>
      </c>
    </row>
    <row r="31631" spans="1:3" x14ac:dyDescent="0.25">
      <c r="A31631" s="2" t="s">
        <v>20044</v>
      </c>
      <c r="B31631" s="6">
        <v>526589.54999999993</v>
      </c>
      <c r="C31631" s="7">
        <f t="shared" si="494"/>
        <v>526.58954999999992</v>
      </c>
    </row>
    <row r="31632" spans="1:3" x14ac:dyDescent="0.25">
      <c r="A31632" s="2" t="s">
        <v>20045</v>
      </c>
      <c r="B31632" s="6">
        <v>526606.19999999995</v>
      </c>
      <c r="C31632" s="7">
        <f t="shared" si="494"/>
        <v>526.60619999999994</v>
      </c>
    </row>
    <row r="31633" spans="1:3" x14ac:dyDescent="0.25">
      <c r="A31633" s="2" t="s">
        <v>20046</v>
      </c>
      <c r="B31633" s="6">
        <v>526622.85</v>
      </c>
      <c r="C31633" s="7">
        <f t="shared" si="494"/>
        <v>526.62284999999997</v>
      </c>
    </row>
    <row r="31634" spans="1:3" x14ac:dyDescent="0.25">
      <c r="A31634" s="2" t="s">
        <v>20047</v>
      </c>
      <c r="B31634" s="6">
        <v>526639.5</v>
      </c>
      <c r="C31634" s="7">
        <f t="shared" si="494"/>
        <v>526.6395</v>
      </c>
    </row>
    <row r="31635" spans="1:3" x14ac:dyDescent="0.25">
      <c r="A31635" s="2" t="s">
        <v>20048</v>
      </c>
      <c r="B31635" s="6">
        <v>526656.14999999991</v>
      </c>
      <c r="C31635" s="7">
        <f t="shared" si="494"/>
        <v>526.65614999999991</v>
      </c>
    </row>
    <row r="31636" spans="1:3" x14ac:dyDescent="0.25">
      <c r="A31636" s="2" t="s">
        <v>20049</v>
      </c>
      <c r="B31636" s="6">
        <v>526672.79999999993</v>
      </c>
      <c r="C31636" s="7">
        <f t="shared" si="494"/>
        <v>526.67279999999994</v>
      </c>
    </row>
    <row r="31637" spans="1:3" x14ac:dyDescent="0.25">
      <c r="A31637" s="2" t="s">
        <v>20050</v>
      </c>
      <c r="B31637" s="6">
        <v>526689.44999999995</v>
      </c>
      <c r="C31637" s="7">
        <f t="shared" si="494"/>
        <v>526.68944999999997</v>
      </c>
    </row>
    <row r="31638" spans="1:3" x14ac:dyDescent="0.25">
      <c r="A31638" s="2" t="s">
        <v>20051</v>
      </c>
      <c r="B31638" s="6">
        <v>526706.1</v>
      </c>
      <c r="C31638" s="7">
        <f t="shared" si="494"/>
        <v>526.70609999999999</v>
      </c>
    </row>
    <row r="31639" spans="1:3" x14ac:dyDescent="0.25">
      <c r="A31639" s="2" t="s">
        <v>20052</v>
      </c>
      <c r="B31639" s="6">
        <v>526722.75</v>
      </c>
      <c r="C31639" s="7">
        <f t="shared" si="494"/>
        <v>526.72275000000002</v>
      </c>
    </row>
    <row r="31640" spans="1:3" x14ac:dyDescent="0.25">
      <c r="A31640" s="2" t="s">
        <v>20053</v>
      </c>
      <c r="B31640" s="6">
        <v>526739.39999999991</v>
      </c>
      <c r="C31640" s="7">
        <f t="shared" si="494"/>
        <v>526.73939999999993</v>
      </c>
    </row>
    <row r="31641" spans="1:3" x14ac:dyDescent="0.25">
      <c r="A31641" s="2" t="s">
        <v>20054</v>
      </c>
      <c r="B31641" s="6">
        <v>526756.04999999993</v>
      </c>
      <c r="C31641" s="7">
        <f t="shared" si="494"/>
        <v>526.75604999999996</v>
      </c>
    </row>
    <row r="31642" spans="1:3" x14ac:dyDescent="0.25">
      <c r="A31642" s="2" t="s">
        <v>20055</v>
      </c>
      <c r="B31642" s="6">
        <v>526772.69999999995</v>
      </c>
      <c r="C31642" s="7">
        <f t="shared" si="494"/>
        <v>526.77269999999999</v>
      </c>
    </row>
    <row r="31643" spans="1:3" x14ac:dyDescent="0.25">
      <c r="A31643" s="2" t="s">
        <v>20056</v>
      </c>
      <c r="B31643" s="6">
        <v>526789.35</v>
      </c>
      <c r="C31643" s="7">
        <f t="shared" si="494"/>
        <v>526.78935000000001</v>
      </c>
    </row>
    <row r="31644" spans="1:3" x14ac:dyDescent="0.25">
      <c r="A31644" s="2" t="s">
        <v>20057</v>
      </c>
      <c r="B31644" s="6">
        <v>526806</v>
      </c>
      <c r="C31644" s="7">
        <f t="shared" si="494"/>
        <v>526.80600000000004</v>
      </c>
    </row>
    <row r="31645" spans="1:3" x14ac:dyDescent="0.25">
      <c r="A31645" s="2" t="s">
        <v>20058</v>
      </c>
      <c r="B31645" s="6">
        <v>526822.64999999991</v>
      </c>
      <c r="C31645" s="7">
        <f t="shared" si="494"/>
        <v>526.82264999999995</v>
      </c>
    </row>
    <row r="31646" spans="1:3" x14ac:dyDescent="0.25">
      <c r="A31646" s="2" t="s">
        <v>20059</v>
      </c>
      <c r="B31646" s="6">
        <v>526839.29999999993</v>
      </c>
      <c r="C31646" s="7">
        <f t="shared" si="494"/>
        <v>526.83929999999998</v>
      </c>
    </row>
    <row r="31647" spans="1:3" x14ac:dyDescent="0.25">
      <c r="A31647" s="2" t="s">
        <v>20060</v>
      </c>
      <c r="B31647" s="6">
        <v>526855.94999999995</v>
      </c>
      <c r="C31647" s="7">
        <f t="shared" si="494"/>
        <v>526.85595000000001</v>
      </c>
    </row>
    <row r="31648" spans="1:3" x14ac:dyDescent="0.25">
      <c r="A31648" s="2" t="s">
        <v>20061</v>
      </c>
      <c r="B31648" s="6">
        <v>526872.6</v>
      </c>
      <c r="C31648" s="7">
        <f t="shared" si="494"/>
        <v>526.87259999999992</v>
      </c>
    </row>
    <row r="31649" spans="1:3" x14ac:dyDescent="0.25">
      <c r="A31649" s="2" t="s">
        <v>20062</v>
      </c>
      <c r="B31649" s="6">
        <v>526889.25</v>
      </c>
      <c r="C31649" s="7">
        <f t="shared" si="494"/>
        <v>526.88924999999995</v>
      </c>
    </row>
    <row r="31650" spans="1:3" x14ac:dyDescent="0.25">
      <c r="A31650" s="2" t="s">
        <v>20063</v>
      </c>
      <c r="B31650" s="6">
        <v>526905.89999999991</v>
      </c>
      <c r="C31650" s="7">
        <f t="shared" si="494"/>
        <v>526.90589999999986</v>
      </c>
    </row>
    <row r="31651" spans="1:3" x14ac:dyDescent="0.25">
      <c r="A31651" s="2" t="s">
        <v>20064</v>
      </c>
      <c r="B31651" s="6">
        <v>526922.54999999993</v>
      </c>
      <c r="C31651" s="7">
        <f t="shared" si="494"/>
        <v>526.92254999999989</v>
      </c>
    </row>
    <row r="31652" spans="1:3" x14ac:dyDescent="0.25">
      <c r="A31652" s="2" t="s">
        <v>20065</v>
      </c>
      <c r="B31652" s="6">
        <v>526939.19999999995</v>
      </c>
      <c r="C31652" s="7">
        <f t="shared" si="494"/>
        <v>526.93919999999991</v>
      </c>
    </row>
    <row r="31653" spans="1:3" x14ac:dyDescent="0.25">
      <c r="A31653" s="2" t="s">
        <v>20066</v>
      </c>
      <c r="B31653" s="6">
        <v>526955.85</v>
      </c>
      <c r="C31653" s="7">
        <f t="shared" si="494"/>
        <v>526.95584999999994</v>
      </c>
    </row>
    <row r="31654" spans="1:3" x14ac:dyDescent="0.25">
      <c r="A31654" s="2" t="s">
        <v>20067</v>
      </c>
      <c r="B31654" s="6">
        <v>526972.5</v>
      </c>
      <c r="C31654" s="7">
        <f t="shared" si="494"/>
        <v>526.97249999999997</v>
      </c>
    </row>
    <row r="31655" spans="1:3" x14ac:dyDescent="0.25">
      <c r="A31655" s="2" t="s">
        <v>20068</v>
      </c>
      <c r="B31655" s="6">
        <v>526989.14999999991</v>
      </c>
      <c r="C31655" s="7">
        <f t="shared" si="494"/>
        <v>526.98914999999988</v>
      </c>
    </row>
    <row r="31656" spans="1:3" x14ac:dyDescent="0.25">
      <c r="A31656" s="2" t="s">
        <v>20069</v>
      </c>
      <c r="B31656" s="6">
        <v>527005.79999999993</v>
      </c>
      <c r="C31656" s="7">
        <f t="shared" si="494"/>
        <v>527.00579999999991</v>
      </c>
    </row>
    <row r="31657" spans="1:3" x14ac:dyDescent="0.25">
      <c r="A31657" s="2" t="s">
        <v>20070</v>
      </c>
      <c r="B31657" s="6">
        <v>527022.44999999995</v>
      </c>
      <c r="C31657" s="7">
        <f t="shared" si="494"/>
        <v>527.02244999999994</v>
      </c>
    </row>
    <row r="31658" spans="1:3" x14ac:dyDescent="0.25">
      <c r="A31658" s="2" t="s">
        <v>20071</v>
      </c>
      <c r="B31658" s="6">
        <v>527039.1</v>
      </c>
      <c r="C31658" s="7">
        <f t="shared" si="494"/>
        <v>527.03909999999996</v>
      </c>
    </row>
    <row r="31659" spans="1:3" x14ac:dyDescent="0.25">
      <c r="A31659" s="2" t="s">
        <v>20072</v>
      </c>
      <c r="B31659" s="6">
        <v>527055.75</v>
      </c>
      <c r="C31659" s="7">
        <f t="shared" si="494"/>
        <v>527.05574999999999</v>
      </c>
    </row>
    <row r="31660" spans="1:3" x14ac:dyDescent="0.25">
      <c r="A31660" s="2" t="s">
        <v>20073</v>
      </c>
      <c r="B31660" s="6">
        <v>527072.39999999991</v>
      </c>
      <c r="C31660" s="7">
        <f t="shared" si="494"/>
        <v>527.0723999999999</v>
      </c>
    </row>
    <row r="31661" spans="1:3" x14ac:dyDescent="0.25">
      <c r="A31661" s="2" t="s">
        <v>20074</v>
      </c>
      <c r="B31661" s="6">
        <v>527089.04999999993</v>
      </c>
      <c r="C31661" s="7">
        <f t="shared" si="494"/>
        <v>527.08904999999993</v>
      </c>
    </row>
    <row r="31662" spans="1:3" x14ac:dyDescent="0.25">
      <c r="A31662" s="2" t="s">
        <v>20075</v>
      </c>
      <c r="B31662" s="6">
        <v>527105.69999999995</v>
      </c>
      <c r="C31662" s="7">
        <f t="shared" si="494"/>
        <v>527.10569999999996</v>
      </c>
    </row>
    <row r="31663" spans="1:3" x14ac:dyDescent="0.25">
      <c r="A31663" s="2" t="s">
        <v>20076</v>
      </c>
      <c r="B31663" s="6">
        <v>527122.35</v>
      </c>
      <c r="C31663" s="7">
        <f t="shared" si="494"/>
        <v>527.12234999999998</v>
      </c>
    </row>
    <row r="31664" spans="1:3" x14ac:dyDescent="0.25">
      <c r="A31664" s="2" t="s">
        <v>20077</v>
      </c>
      <c r="B31664" s="6">
        <v>527139</v>
      </c>
      <c r="C31664" s="7">
        <f t="shared" si="494"/>
        <v>527.13900000000001</v>
      </c>
    </row>
    <row r="31665" spans="1:3" x14ac:dyDescent="0.25">
      <c r="A31665" s="2" t="s">
        <v>20078</v>
      </c>
      <c r="B31665" s="6">
        <v>527155.64999999991</v>
      </c>
      <c r="C31665" s="7">
        <f t="shared" si="494"/>
        <v>527.15564999999992</v>
      </c>
    </row>
    <row r="31666" spans="1:3" x14ac:dyDescent="0.25">
      <c r="A31666" s="2" t="s">
        <v>20079</v>
      </c>
      <c r="B31666" s="6">
        <v>527172.29999999993</v>
      </c>
      <c r="C31666" s="7">
        <f t="shared" si="494"/>
        <v>527.17229999999995</v>
      </c>
    </row>
    <row r="31667" spans="1:3" x14ac:dyDescent="0.25">
      <c r="A31667" s="2" t="s">
        <v>20080</v>
      </c>
      <c r="B31667" s="6">
        <v>527188.94999999995</v>
      </c>
      <c r="C31667" s="7">
        <f t="shared" si="494"/>
        <v>527.18894999999998</v>
      </c>
    </row>
    <row r="31668" spans="1:3" x14ac:dyDescent="0.25">
      <c r="A31668" s="2" t="s">
        <v>20081</v>
      </c>
      <c r="B31668" s="6">
        <v>527205.6</v>
      </c>
      <c r="C31668" s="7">
        <f t="shared" si="494"/>
        <v>527.2056</v>
      </c>
    </row>
    <row r="31669" spans="1:3" x14ac:dyDescent="0.25">
      <c r="A31669" s="2" t="s">
        <v>20082</v>
      </c>
      <c r="B31669" s="6">
        <v>527222.25</v>
      </c>
      <c r="C31669" s="7">
        <f t="shared" si="494"/>
        <v>527.22225000000003</v>
      </c>
    </row>
    <row r="31670" spans="1:3" x14ac:dyDescent="0.25">
      <c r="A31670" s="2" t="s">
        <v>20083</v>
      </c>
      <c r="B31670" s="6">
        <v>527238.89999999991</v>
      </c>
      <c r="C31670" s="7">
        <f t="shared" si="494"/>
        <v>527.23889999999994</v>
      </c>
    </row>
    <row r="31671" spans="1:3" x14ac:dyDescent="0.25">
      <c r="A31671" s="2" t="s">
        <v>20084</v>
      </c>
      <c r="B31671" s="6">
        <v>527255.54999999993</v>
      </c>
      <c r="C31671" s="7">
        <f t="shared" si="494"/>
        <v>527.25554999999997</v>
      </c>
    </row>
    <row r="31672" spans="1:3" x14ac:dyDescent="0.25">
      <c r="A31672" s="2" t="s">
        <v>20085</v>
      </c>
      <c r="B31672" s="6">
        <v>527272.19999999995</v>
      </c>
      <c r="C31672" s="7">
        <f t="shared" si="494"/>
        <v>527.2722</v>
      </c>
    </row>
    <row r="31673" spans="1:3" x14ac:dyDescent="0.25">
      <c r="A31673" s="2" t="s">
        <v>20086</v>
      </c>
      <c r="B31673" s="6">
        <v>527288.85</v>
      </c>
      <c r="C31673" s="7">
        <f t="shared" si="494"/>
        <v>527.28885000000002</v>
      </c>
    </row>
    <row r="31674" spans="1:3" x14ac:dyDescent="0.25">
      <c r="A31674" s="2" t="s">
        <v>20087</v>
      </c>
      <c r="B31674" s="6">
        <v>527305.5</v>
      </c>
      <c r="C31674" s="7">
        <f t="shared" si="494"/>
        <v>527.30550000000005</v>
      </c>
    </row>
    <row r="31675" spans="1:3" x14ac:dyDescent="0.25">
      <c r="A31675" s="2" t="s">
        <v>20088</v>
      </c>
      <c r="B31675" s="6">
        <v>527322.14999999991</v>
      </c>
      <c r="C31675" s="7">
        <f t="shared" si="494"/>
        <v>527.32214999999985</v>
      </c>
    </row>
    <row r="31676" spans="1:3" x14ac:dyDescent="0.25">
      <c r="A31676" s="2" t="s">
        <v>20089</v>
      </c>
      <c r="B31676" s="6">
        <v>527338.79999999993</v>
      </c>
      <c r="C31676" s="7">
        <f t="shared" si="494"/>
        <v>527.33879999999988</v>
      </c>
    </row>
    <row r="31677" spans="1:3" x14ac:dyDescent="0.25">
      <c r="A31677" s="2" t="s">
        <v>20090</v>
      </c>
      <c r="B31677" s="6">
        <v>527355.44999999995</v>
      </c>
      <c r="C31677" s="7">
        <f t="shared" si="494"/>
        <v>527.35544999999991</v>
      </c>
    </row>
    <row r="31678" spans="1:3" x14ac:dyDescent="0.25">
      <c r="A31678" s="2" t="s">
        <v>20091</v>
      </c>
      <c r="B31678" s="6">
        <v>527372.1</v>
      </c>
      <c r="C31678" s="7">
        <f t="shared" si="494"/>
        <v>527.37209999999993</v>
      </c>
    </row>
    <row r="31679" spans="1:3" x14ac:dyDescent="0.25">
      <c r="A31679" s="2" t="s">
        <v>20092</v>
      </c>
      <c r="B31679" s="6">
        <v>527388.75</v>
      </c>
      <c r="C31679" s="7">
        <f t="shared" si="494"/>
        <v>527.38874999999996</v>
      </c>
    </row>
    <row r="31680" spans="1:3" x14ac:dyDescent="0.25">
      <c r="A31680" s="2" t="s">
        <v>20093</v>
      </c>
      <c r="B31680" s="6">
        <v>527405.39999999991</v>
      </c>
      <c r="C31680" s="7">
        <f t="shared" si="494"/>
        <v>527.40539999999987</v>
      </c>
    </row>
    <row r="31681" spans="1:3" x14ac:dyDescent="0.25">
      <c r="A31681" s="2" t="s">
        <v>20094</v>
      </c>
      <c r="B31681" s="6">
        <v>527422.04999999993</v>
      </c>
      <c r="C31681" s="7">
        <f t="shared" si="494"/>
        <v>527.4220499999999</v>
      </c>
    </row>
    <row r="31682" spans="1:3" x14ac:dyDescent="0.25">
      <c r="A31682" s="2" t="s">
        <v>20095</v>
      </c>
      <c r="B31682" s="6">
        <v>527438.69999999995</v>
      </c>
      <c r="C31682" s="7">
        <f t="shared" si="494"/>
        <v>527.43869999999993</v>
      </c>
    </row>
    <row r="31683" spans="1:3" x14ac:dyDescent="0.25">
      <c r="A31683" s="2" t="s">
        <v>20096</v>
      </c>
      <c r="B31683" s="6">
        <v>527455.35</v>
      </c>
      <c r="C31683" s="7">
        <f t="shared" ref="C31683:C31746" si="495">B31683/1000</f>
        <v>527.45534999999995</v>
      </c>
    </row>
    <row r="31684" spans="1:3" x14ac:dyDescent="0.25">
      <c r="A31684" s="2" t="s">
        <v>20097</v>
      </c>
      <c r="B31684" s="6">
        <v>527472</v>
      </c>
      <c r="C31684" s="7">
        <f t="shared" si="495"/>
        <v>527.47199999999998</v>
      </c>
    </row>
    <row r="31685" spans="1:3" x14ac:dyDescent="0.25">
      <c r="A31685" s="2" t="s">
        <v>20098</v>
      </c>
      <c r="B31685" s="6">
        <v>527488.64999999991</v>
      </c>
      <c r="C31685" s="7">
        <f t="shared" si="495"/>
        <v>527.48864999999989</v>
      </c>
    </row>
    <row r="31686" spans="1:3" x14ac:dyDescent="0.25">
      <c r="A31686" s="2" t="s">
        <v>20099</v>
      </c>
      <c r="B31686" s="6">
        <v>527505.29999999993</v>
      </c>
      <c r="C31686" s="7">
        <f t="shared" si="495"/>
        <v>527.50529999999992</v>
      </c>
    </row>
    <row r="31687" spans="1:3" x14ac:dyDescent="0.25">
      <c r="A31687" s="2" t="s">
        <v>20100</v>
      </c>
      <c r="B31687" s="6">
        <v>527521.94999999995</v>
      </c>
      <c r="C31687" s="7">
        <f t="shared" si="495"/>
        <v>527.52194999999995</v>
      </c>
    </row>
    <row r="31688" spans="1:3" x14ac:dyDescent="0.25">
      <c r="A31688" s="2" t="s">
        <v>20101</v>
      </c>
      <c r="B31688" s="6">
        <v>527538.6</v>
      </c>
      <c r="C31688" s="7">
        <f t="shared" si="495"/>
        <v>527.53859999999997</v>
      </c>
    </row>
    <row r="31689" spans="1:3" x14ac:dyDescent="0.25">
      <c r="A31689" s="2" t="s">
        <v>20102</v>
      </c>
      <c r="B31689" s="6">
        <v>527555.25</v>
      </c>
      <c r="C31689" s="7">
        <f t="shared" si="495"/>
        <v>527.55525</v>
      </c>
    </row>
    <row r="31690" spans="1:3" x14ac:dyDescent="0.25">
      <c r="A31690" s="2" t="s">
        <v>20103</v>
      </c>
      <c r="B31690" s="6">
        <v>527571.89999999991</v>
      </c>
      <c r="C31690" s="7">
        <f t="shared" si="495"/>
        <v>527.57189999999991</v>
      </c>
    </row>
    <row r="31691" spans="1:3" x14ac:dyDescent="0.25">
      <c r="A31691" s="2" t="s">
        <v>20104</v>
      </c>
      <c r="B31691" s="6">
        <v>527588.54999999993</v>
      </c>
      <c r="C31691" s="7">
        <f t="shared" si="495"/>
        <v>527.58854999999994</v>
      </c>
    </row>
    <row r="31692" spans="1:3" x14ac:dyDescent="0.25">
      <c r="A31692" s="2" t="s">
        <v>20105</v>
      </c>
      <c r="B31692" s="6">
        <v>527605.19999999995</v>
      </c>
      <c r="C31692" s="7">
        <f t="shared" si="495"/>
        <v>527.60519999999997</v>
      </c>
    </row>
    <row r="31693" spans="1:3" x14ac:dyDescent="0.25">
      <c r="A31693" s="2" t="s">
        <v>20106</v>
      </c>
      <c r="B31693" s="6">
        <v>527621.85</v>
      </c>
      <c r="C31693" s="7">
        <f t="shared" si="495"/>
        <v>527.62184999999999</v>
      </c>
    </row>
    <row r="31694" spans="1:3" x14ac:dyDescent="0.25">
      <c r="A31694" s="2" t="s">
        <v>20107</v>
      </c>
      <c r="B31694" s="6">
        <v>527638.5</v>
      </c>
      <c r="C31694" s="7">
        <f t="shared" si="495"/>
        <v>527.63850000000002</v>
      </c>
    </row>
    <row r="31695" spans="1:3" x14ac:dyDescent="0.25">
      <c r="A31695" s="2" t="s">
        <v>20108</v>
      </c>
      <c r="B31695" s="6">
        <v>527655.14999999991</v>
      </c>
      <c r="C31695" s="7">
        <f t="shared" si="495"/>
        <v>527.65514999999994</v>
      </c>
    </row>
    <row r="31696" spans="1:3" x14ac:dyDescent="0.25">
      <c r="A31696" s="2" t="s">
        <v>20109</v>
      </c>
      <c r="B31696" s="6">
        <v>527671.79999999993</v>
      </c>
      <c r="C31696" s="7">
        <f t="shared" si="495"/>
        <v>527.67179999999996</v>
      </c>
    </row>
    <row r="31697" spans="1:3" x14ac:dyDescent="0.25">
      <c r="A31697" s="2" t="s">
        <v>20110</v>
      </c>
      <c r="B31697" s="6">
        <v>527688.44999999995</v>
      </c>
      <c r="C31697" s="7">
        <f t="shared" si="495"/>
        <v>527.68844999999999</v>
      </c>
    </row>
    <row r="31698" spans="1:3" x14ac:dyDescent="0.25">
      <c r="A31698" s="2" t="s">
        <v>20111</v>
      </c>
      <c r="B31698" s="6">
        <v>527705.1</v>
      </c>
      <c r="C31698" s="7">
        <f t="shared" si="495"/>
        <v>527.70510000000002</v>
      </c>
    </row>
    <row r="31699" spans="1:3" x14ac:dyDescent="0.25">
      <c r="A31699" s="2" t="s">
        <v>20112</v>
      </c>
      <c r="B31699" s="6">
        <v>527721.75</v>
      </c>
      <c r="C31699" s="7">
        <f t="shared" si="495"/>
        <v>527.72175000000004</v>
      </c>
    </row>
    <row r="31700" spans="1:3" x14ac:dyDescent="0.25">
      <c r="A31700" s="2" t="s">
        <v>20113</v>
      </c>
      <c r="B31700" s="6">
        <v>527738.39999999991</v>
      </c>
      <c r="C31700" s="7">
        <f t="shared" si="495"/>
        <v>527.73839999999996</v>
      </c>
    </row>
    <row r="31701" spans="1:3" x14ac:dyDescent="0.25">
      <c r="A31701" s="2" t="s">
        <v>20114</v>
      </c>
      <c r="B31701" s="6">
        <v>527755.04999999993</v>
      </c>
      <c r="C31701" s="7">
        <f t="shared" si="495"/>
        <v>527.75504999999998</v>
      </c>
    </row>
    <row r="31702" spans="1:3" x14ac:dyDescent="0.25">
      <c r="A31702" s="2" t="s">
        <v>20115</v>
      </c>
      <c r="B31702" s="6">
        <v>527771.69999999995</v>
      </c>
      <c r="C31702" s="7">
        <f t="shared" si="495"/>
        <v>527.77170000000001</v>
      </c>
    </row>
    <row r="31703" spans="1:3" x14ac:dyDescent="0.25">
      <c r="A31703" s="2" t="s">
        <v>20116</v>
      </c>
      <c r="B31703" s="6">
        <v>527788.35</v>
      </c>
      <c r="C31703" s="7">
        <f t="shared" si="495"/>
        <v>527.78834999999992</v>
      </c>
    </row>
    <row r="31704" spans="1:3" x14ac:dyDescent="0.25">
      <c r="A31704" s="2" t="s">
        <v>20117</v>
      </c>
      <c r="B31704" s="6">
        <v>527805</v>
      </c>
      <c r="C31704" s="7">
        <f t="shared" si="495"/>
        <v>527.80499999999995</v>
      </c>
    </row>
    <row r="31705" spans="1:3" x14ac:dyDescent="0.25">
      <c r="A31705" s="2" t="s">
        <v>20118</v>
      </c>
      <c r="B31705" s="6">
        <v>527821.64999999991</v>
      </c>
      <c r="C31705" s="7">
        <f t="shared" si="495"/>
        <v>527.82164999999986</v>
      </c>
    </row>
    <row r="31706" spans="1:3" x14ac:dyDescent="0.25">
      <c r="A31706" s="2" t="s">
        <v>20119</v>
      </c>
      <c r="B31706" s="6">
        <v>527838.29999999993</v>
      </c>
      <c r="C31706" s="7">
        <f t="shared" si="495"/>
        <v>527.83829999999989</v>
      </c>
    </row>
    <row r="31707" spans="1:3" x14ac:dyDescent="0.25">
      <c r="A31707" s="2" t="s">
        <v>20120</v>
      </c>
      <c r="B31707" s="6">
        <v>527854.94999999995</v>
      </c>
      <c r="C31707" s="7">
        <f t="shared" si="495"/>
        <v>527.85494999999992</v>
      </c>
    </row>
    <row r="31708" spans="1:3" x14ac:dyDescent="0.25">
      <c r="A31708" s="2" t="s">
        <v>20121</v>
      </c>
      <c r="B31708" s="6">
        <v>527871.6</v>
      </c>
      <c r="C31708" s="7">
        <f t="shared" si="495"/>
        <v>527.87159999999994</v>
      </c>
    </row>
    <row r="31709" spans="1:3" x14ac:dyDescent="0.25">
      <c r="A31709" s="2" t="s">
        <v>20122</v>
      </c>
      <c r="B31709" s="6">
        <v>527888.25</v>
      </c>
      <c r="C31709" s="7">
        <f t="shared" si="495"/>
        <v>527.88824999999997</v>
      </c>
    </row>
    <row r="31710" spans="1:3" x14ac:dyDescent="0.25">
      <c r="A31710" s="2" t="s">
        <v>20123</v>
      </c>
      <c r="B31710" s="6">
        <v>527904.89999999991</v>
      </c>
      <c r="C31710" s="7">
        <f t="shared" si="495"/>
        <v>527.90489999999988</v>
      </c>
    </row>
    <row r="31711" spans="1:3" x14ac:dyDescent="0.25">
      <c r="A31711" s="2" t="s">
        <v>20124</v>
      </c>
      <c r="B31711" s="6">
        <v>527921.54999999993</v>
      </c>
      <c r="C31711" s="7">
        <f t="shared" si="495"/>
        <v>527.92154999999991</v>
      </c>
    </row>
    <row r="31712" spans="1:3" x14ac:dyDescent="0.25">
      <c r="A31712" s="2" t="s">
        <v>20125</v>
      </c>
      <c r="B31712" s="6">
        <v>527938.19999999995</v>
      </c>
      <c r="C31712" s="7">
        <f t="shared" si="495"/>
        <v>527.93819999999994</v>
      </c>
    </row>
    <row r="31713" spans="1:3" x14ac:dyDescent="0.25">
      <c r="A31713" s="2" t="s">
        <v>20126</v>
      </c>
      <c r="B31713" s="6">
        <v>527954.85</v>
      </c>
      <c r="C31713" s="7">
        <f t="shared" si="495"/>
        <v>527.95484999999996</v>
      </c>
    </row>
    <row r="31714" spans="1:3" x14ac:dyDescent="0.25">
      <c r="A31714" s="2" t="s">
        <v>20127</v>
      </c>
      <c r="B31714" s="6">
        <v>527971.5</v>
      </c>
      <c r="C31714" s="7">
        <f t="shared" si="495"/>
        <v>527.97149999999999</v>
      </c>
    </row>
    <row r="31715" spans="1:3" x14ac:dyDescent="0.25">
      <c r="A31715" s="2" t="s">
        <v>20128</v>
      </c>
      <c r="B31715" s="6">
        <v>527988.14999999991</v>
      </c>
      <c r="C31715" s="7">
        <f t="shared" si="495"/>
        <v>527.98814999999991</v>
      </c>
    </row>
    <row r="31716" spans="1:3" x14ac:dyDescent="0.25">
      <c r="A31716" s="2" t="s">
        <v>20129</v>
      </c>
      <c r="B31716" s="6">
        <v>528004.79999999993</v>
      </c>
      <c r="C31716" s="7">
        <f t="shared" si="495"/>
        <v>528.00479999999993</v>
      </c>
    </row>
    <row r="31717" spans="1:3" x14ac:dyDescent="0.25">
      <c r="A31717" s="2" t="s">
        <v>20130</v>
      </c>
      <c r="B31717" s="6">
        <v>528021.44999999995</v>
      </c>
      <c r="C31717" s="7">
        <f t="shared" si="495"/>
        <v>528.02144999999996</v>
      </c>
    </row>
    <row r="31718" spans="1:3" x14ac:dyDescent="0.25">
      <c r="A31718" s="2" t="s">
        <v>20131</v>
      </c>
      <c r="B31718" s="6">
        <v>528038.1</v>
      </c>
      <c r="C31718" s="7">
        <f t="shared" si="495"/>
        <v>528.03809999999999</v>
      </c>
    </row>
    <row r="31719" spans="1:3" x14ac:dyDescent="0.25">
      <c r="A31719" s="2" t="s">
        <v>20132</v>
      </c>
      <c r="B31719" s="6">
        <v>528054.75</v>
      </c>
      <c r="C31719" s="7">
        <f t="shared" si="495"/>
        <v>528.05475000000001</v>
      </c>
    </row>
    <row r="31720" spans="1:3" x14ac:dyDescent="0.25">
      <c r="A31720" s="2" t="s">
        <v>20133</v>
      </c>
      <c r="B31720" s="6">
        <v>528071.39999999991</v>
      </c>
      <c r="C31720" s="7">
        <f t="shared" si="495"/>
        <v>528.07139999999993</v>
      </c>
    </row>
    <row r="31721" spans="1:3" x14ac:dyDescent="0.25">
      <c r="A31721" s="2" t="s">
        <v>20134</v>
      </c>
      <c r="B31721" s="6">
        <v>528088.04999999993</v>
      </c>
      <c r="C31721" s="7">
        <f t="shared" si="495"/>
        <v>528.08804999999995</v>
      </c>
    </row>
    <row r="31722" spans="1:3" x14ac:dyDescent="0.25">
      <c r="A31722" s="2" t="s">
        <v>20135</v>
      </c>
      <c r="B31722" s="6">
        <v>528104.69999999995</v>
      </c>
      <c r="C31722" s="7">
        <f t="shared" si="495"/>
        <v>528.10469999999998</v>
      </c>
    </row>
    <row r="31723" spans="1:3" x14ac:dyDescent="0.25">
      <c r="A31723" s="2" t="s">
        <v>20136</v>
      </c>
      <c r="B31723" s="6">
        <v>528121.35</v>
      </c>
      <c r="C31723" s="7">
        <f t="shared" si="495"/>
        <v>528.12135000000001</v>
      </c>
    </row>
    <row r="31724" spans="1:3" x14ac:dyDescent="0.25">
      <c r="A31724" s="2" t="s">
        <v>20137</v>
      </c>
      <c r="B31724" s="6">
        <v>528138</v>
      </c>
      <c r="C31724" s="7">
        <f t="shared" si="495"/>
        <v>528.13800000000003</v>
      </c>
    </row>
    <row r="31725" spans="1:3" x14ac:dyDescent="0.25">
      <c r="A31725" s="2" t="s">
        <v>20138</v>
      </c>
      <c r="B31725" s="6">
        <v>528154.64999999991</v>
      </c>
      <c r="C31725" s="7">
        <f t="shared" si="495"/>
        <v>528.15464999999995</v>
      </c>
    </row>
    <row r="31726" spans="1:3" x14ac:dyDescent="0.25">
      <c r="A31726" s="2" t="s">
        <v>20139</v>
      </c>
      <c r="B31726" s="6">
        <v>528171.29999999993</v>
      </c>
      <c r="C31726" s="7">
        <f t="shared" si="495"/>
        <v>528.17129999999997</v>
      </c>
    </row>
    <row r="31727" spans="1:3" x14ac:dyDescent="0.25">
      <c r="A31727" s="2" t="s">
        <v>20140</v>
      </c>
      <c r="B31727" s="6">
        <v>528187.94999999995</v>
      </c>
      <c r="C31727" s="7">
        <f t="shared" si="495"/>
        <v>528.18795</v>
      </c>
    </row>
    <row r="31728" spans="1:3" x14ac:dyDescent="0.25">
      <c r="A31728" s="2" t="s">
        <v>20141</v>
      </c>
      <c r="B31728" s="6">
        <v>528204.6</v>
      </c>
      <c r="C31728" s="7">
        <f t="shared" si="495"/>
        <v>528.20460000000003</v>
      </c>
    </row>
    <row r="31729" spans="1:3" x14ac:dyDescent="0.25">
      <c r="A31729" s="2" t="s">
        <v>20142</v>
      </c>
      <c r="B31729" s="6">
        <v>528221.25</v>
      </c>
      <c r="C31729" s="7">
        <f t="shared" si="495"/>
        <v>528.22125000000005</v>
      </c>
    </row>
    <row r="31730" spans="1:3" x14ac:dyDescent="0.25">
      <c r="A31730" s="2" t="s">
        <v>20143</v>
      </c>
      <c r="B31730" s="6">
        <v>528237.89999999991</v>
      </c>
      <c r="C31730" s="7">
        <f t="shared" si="495"/>
        <v>528.23789999999985</v>
      </c>
    </row>
    <row r="31731" spans="1:3" x14ac:dyDescent="0.25">
      <c r="A31731" s="2" t="s">
        <v>20144</v>
      </c>
      <c r="B31731" s="6">
        <v>528254.54999999993</v>
      </c>
      <c r="C31731" s="7">
        <f t="shared" si="495"/>
        <v>528.25454999999988</v>
      </c>
    </row>
    <row r="31732" spans="1:3" x14ac:dyDescent="0.25">
      <c r="A31732" s="2" t="s">
        <v>20145</v>
      </c>
      <c r="B31732" s="6">
        <v>528271.19999999995</v>
      </c>
      <c r="C31732" s="7">
        <f t="shared" si="495"/>
        <v>528.27119999999991</v>
      </c>
    </row>
    <row r="31733" spans="1:3" x14ac:dyDescent="0.25">
      <c r="A31733" s="2" t="s">
        <v>20146</v>
      </c>
      <c r="B31733" s="6">
        <v>528287.85</v>
      </c>
      <c r="C31733" s="7">
        <f t="shared" si="495"/>
        <v>528.28784999999993</v>
      </c>
    </row>
    <row r="31734" spans="1:3" x14ac:dyDescent="0.25">
      <c r="A31734" s="2" t="s">
        <v>20147</v>
      </c>
      <c r="B31734" s="6">
        <v>528304.5</v>
      </c>
      <c r="C31734" s="7">
        <f t="shared" si="495"/>
        <v>528.30449999999996</v>
      </c>
    </row>
    <row r="31735" spans="1:3" x14ac:dyDescent="0.25">
      <c r="A31735" s="2" t="s">
        <v>20148</v>
      </c>
      <c r="B31735" s="6">
        <v>528321.14999999991</v>
      </c>
      <c r="C31735" s="7">
        <f t="shared" si="495"/>
        <v>528.32114999999988</v>
      </c>
    </row>
    <row r="31736" spans="1:3" x14ac:dyDescent="0.25">
      <c r="A31736" s="2" t="s">
        <v>20149</v>
      </c>
      <c r="B31736" s="6">
        <v>528337.79999999993</v>
      </c>
      <c r="C31736" s="7">
        <f t="shared" si="495"/>
        <v>528.3377999999999</v>
      </c>
    </row>
    <row r="31737" spans="1:3" x14ac:dyDescent="0.25">
      <c r="A31737" s="2" t="s">
        <v>20150</v>
      </c>
      <c r="B31737" s="6">
        <v>528354.44999999995</v>
      </c>
      <c r="C31737" s="7">
        <f t="shared" si="495"/>
        <v>528.35444999999993</v>
      </c>
    </row>
    <row r="31738" spans="1:3" x14ac:dyDescent="0.25">
      <c r="A31738" s="2" t="s">
        <v>20151</v>
      </c>
      <c r="B31738" s="6">
        <v>528371.1</v>
      </c>
      <c r="C31738" s="7">
        <f t="shared" si="495"/>
        <v>528.37109999999996</v>
      </c>
    </row>
    <row r="31739" spans="1:3" x14ac:dyDescent="0.25">
      <c r="A31739" s="2" t="s">
        <v>20152</v>
      </c>
      <c r="B31739" s="6">
        <v>528387.75</v>
      </c>
      <c r="C31739" s="7">
        <f t="shared" si="495"/>
        <v>528.38774999999998</v>
      </c>
    </row>
    <row r="31740" spans="1:3" x14ac:dyDescent="0.25">
      <c r="A31740" s="2" t="s">
        <v>20153</v>
      </c>
      <c r="B31740" s="6">
        <v>528404.39999999991</v>
      </c>
      <c r="C31740" s="7">
        <f t="shared" si="495"/>
        <v>528.4043999999999</v>
      </c>
    </row>
    <row r="31741" spans="1:3" x14ac:dyDescent="0.25">
      <c r="A31741" s="2" t="s">
        <v>20154</v>
      </c>
      <c r="B31741" s="6">
        <v>528421.04999999993</v>
      </c>
      <c r="C31741" s="7">
        <f t="shared" si="495"/>
        <v>528.42104999999992</v>
      </c>
    </row>
    <row r="31742" spans="1:3" x14ac:dyDescent="0.25">
      <c r="A31742" s="2" t="s">
        <v>20155</v>
      </c>
      <c r="B31742" s="6">
        <v>528437.69999999995</v>
      </c>
      <c r="C31742" s="7">
        <f t="shared" si="495"/>
        <v>528.43769999999995</v>
      </c>
    </row>
    <row r="31743" spans="1:3" x14ac:dyDescent="0.25">
      <c r="A31743" s="2" t="s">
        <v>20156</v>
      </c>
      <c r="B31743" s="6">
        <v>528454.35</v>
      </c>
      <c r="C31743" s="7">
        <f t="shared" si="495"/>
        <v>528.45434999999998</v>
      </c>
    </row>
    <row r="31744" spans="1:3" x14ac:dyDescent="0.25">
      <c r="A31744" s="2" t="s">
        <v>20157</v>
      </c>
      <c r="B31744" s="6">
        <v>528471</v>
      </c>
      <c r="C31744" s="7">
        <f t="shared" si="495"/>
        <v>528.471</v>
      </c>
    </row>
    <row r="31745" spans="1:3" x14ac:dyDescent="0.25">
      <c r="A31745" s="2" t="s">
        <v>20158</v>
      </c>
      <c r="B31745" s="6">
        <v>528487.64999999991</v>
      </c>
      <c r="C31745" s="7">
        <f t="shared" si="495"/>
        <v>528.48764999999992</v>
      </c>
    </row>
    <row r="31746" spans="1:3" x14ac:dyDescent="0.25">
      <c r="A31746" s="2" t="s">
        <v>20159</v>
      </c>
      <c r="B31746" s="6">
        <v>528504.29999999993</v>
      </c>
      <c r="C31746" s="7">
        <f t="shared" si="495"/>
        <v>528.50429999999994</v>
      </c>
    </row>
    <row r="31747" spans="1:3" x14ac:dyDescent="0.25">
      <c r="A31747" s="2" t="s">
        <v>20160</v>
      </c>
      <c r="B31747" s="6">
        <v>528520.94999999995</v>
      </c>
      <c r="C31747" s="7">
        <f t="shared" ref="C31747:C31810" si="496">B31747/1000</f>
        <v>528.52094999999997</v>
      </c>
    </row>
    <row r="31748" spans="1:3" x14ac:dyDescent="0.25">
      <c r="A31748" s="2" t="s">
        <v>20161</v>
      </c>
      <c r="B31748" s="6">
        <v>528537.59999999998</v>
      </c>
      <c r="C31748" s="7">
        <f t="shared" si="496"/>
        <v>528.5376</v>
      </c>
    </row>
    <row r="31749" spans="1:3" x14ac:dyDescent="0.25">
      <c r="A31749" s="2" t="s">
        <v>20162</v>
      </c>
      <c r="B31749" s="6">
        <v>528554.25</v>
      </c>
      <c r="C31749" s="7">
        <f t="shared" si="496"/>
        <v>528.55425000000002</v>
      </c>
    </row>
    <row r="31750" spans="1:3" x14ac:dyDescent="0.25">
      <c r="A31750" s="2" t="s">
        <v>20163</v>
      </c>
      <c r="B31750" s="6">
        <v>528570.89999999991</v>
      </c>
      <c r="C31750" s="7">
        <f t="shared" si="496"/>
        <v>528.57089999999994</v>
      </c>
    </row>
    <row r="31751" spans="1:3" x14ac:dyDescent="0.25">
      <c r="A31751" s="2" t="s">
        <v>20164</v>
      </c>
      <c r="B31751" s="6">
        <v>528587.54999999993</v>
      </c>
      <c r="C31751" s="7">
        <f t="shared" si="496"/>
        <v>528.58754999999996</v>
      </c>
    </row>
    <row r="31752" spans="1:3" x14ac:dyDescent="0.25">
      <c r="A31752" s="2" t="s">
        <v>20165</v>
      </c>
      <c r="B31752" s="6">
        <v>528604.19999999995</v>
      </c>
      <c r="C31752" s="7">
        <f t="shared" si="496"/>
        <v>528.60419999999999</v>
      </c>
    </row>
    <row r="31753" spans="1:3" x14ac:dyDescent="0.25">
      <c r="A31753" s="2" t="s">
        <v>20166</v>
      </c>
      <c r="B31753" s="6">
        <v>528620.85</v>
      </c>
      <c r="C31753" s="7">
        <f t="shared" si="496"/>
        <v>528.62085000000002</v>
      </c>
    </row>
    <row r="31754" spans="1:3" x14ac:dyDescent="0.25">
      <c r="A31754" s="2" t="s">
        <v>20167</v>
      </c>
      <c r="B31754" s="6">
        <v>528637.5</v>
      </c>
      <c r="C31754" s="7">
        <f t="shared" si="496"/>
        <v>528.63750000000005</v>
      </c>
    </row>
    <row r="31755" spans="1:3" x14ac:dyDescent="0.25">
      <c r="A31755" s="2" t="s">
        <v>20168</v>
      </c>
      <c r="B31755" s="6">
        <v>528654.14999999991</v>
      </c>
      <c r="C31755" s="7">
        <f t="shared" si="496"/>
        <v>528.65414999999996</v>
      </c>
    </row>
    <row r="31756" spans="1:3" x14ac:dyDescent="0.25">
      <c r="A31756" s="2" t="s">
        <v>20169</v>
      </c>
      <c r="B31756" s="6">
        <v>528670.79999999993</v>
      </c>
      <c r="C31756" s="7">
        <f t="shared" si="496"/>
        <v>528.67079999999999</v>
      </c>
    </row>
    <row r="31757" spans="1:3" x14ac:dyDescent="0.25">
      <c r="A31757" s="2" t="s">
        <v>20170</v>
      </c>
      <c r="B31757" s="6">
        <v>528687.44999999995</v>
      </c>
      <c r="C31757" s="7">
        <f t="shared" si="496"/>
        <v>528.6874499999999</v>
      </c>
    </row>
    <row r="31758" spans="1:3" x14ac:dyDescent="0.25">
      <c r="A31758" s="2" t="s">
        <v>20171</v>
      </c>
      <c r="B31758" s="6">
        <v>528704.1</v>
      </c>
      <c r="C31758" s="7">
        <f t="shared" si="496"/>
        <v>528.70409999999993</v>
      </c>
    </row>
    <row r="31759" spans="1:3" x14ac:dyDescent="0.25">
      <c r="A31759" s="2" t="s">
        <v>20172</v>
      </c>
      <c r="B31759" s="6">
        <v>528720.75</v>
      </c>
      <c r="C31759" s="7">
        <f t="shared" si="496"/>
        <v>528.72074999999995</v>
      </c>
    </row>
    <row r="31760" spans="1:3" x14ac:dyDescent="0.25">
      <c r="A31760" s="2" t="s">
        <v>20173</v>
      </c>
      <c r="B31760" s="6">
        <v>528737.39999999991</v>
      </c>
      <c r="C31760" s="7">
        <f t="shared" si="496"/>
        <v>528.73739999999987</v>
      </c>
    </row>
    <row r="31761" spans="1:3" x14ac:dyDescent="0.25">
      <c r="A31761" s="2" t="s">
        <v>20174</v>
      </c>
      <c r="B31761" s="6">
        <v>528754.04999999993</v>
      </c>
      <c r="C31761" s="7">
        <f t="shared" si="496"/>
        <v>528.75404999999989</v>
      </c>
    </row>
    <row r="31762" spans="1:3" x14ac:dyDescent="0.25">
      <c r="A31762" s="2" t="s">
        <v>20175</v>
      </c>
      <c r="B31762" s="6">
        <v>528770.69999999995</v>
      </c>
      <c r="C31762" s="7">
        <f t="shared" si="496"/>
        <v>528.77069999999992</v>
      </c>
    </row>
    <row r="31763" spans="1:3" x14ac:dyDescent="0.25">
      <c r="A31763" s="2" t="s">
        <v>20176</v>
      </c>
      <c r="B31763" s="6">
        <v>528787.35</v>
      </c>
      <c r="C31763" s="7">
        <f t="shared" si="496"/>
        <v>528.78734999999995</v>
      </c>
    </row>
    <row r="31764" spans="1:3" x14ac:dyDescent="0.25">
      <c r="A31764" s="2" t="s">
        <v>20177</v>
      </c>
      <c r="B31764" s="6">
        <v>528804</v>
      </c>
      <c r="C31764" s="7">
        <f t="shared" si="496"/>
        <v>528.80399999999997</v>
      </c>
    </row>
    <row r="31765" spans="1:3" x14ac:dyDescent="0.25">
      <c r="A31765" s="2" t="s">
        <v>20178</v>
      </c>
      <c r="B31765" s="6">
        <v>528820.64999999991</v>
      </c>
      <c r="C31765" s="7">
        <f t="shared" si="496"/>
        <v>528.82064999999989</v>
      </c>
    </row>
    <row r="31766" spans="1:3" x14ac:dyDescent="0.25">
      <c r="A31766" s="2" t="s">
        <v>20179</v>
      </c>
      <c r="B31766" s="6">
        <v>528837.29999999993</v>
      </c>
      <c r="C31766" s="7">
        <f t="shared" si="496"/>
        <v>528.83729999999991</v>
      </c>
    </row>
    <row r="31767" spans="1:3" x14ac:dyDescent="0.25">
      <c r="A31767" s="2" t="s">
        <v>20180</v>
      </c>
      <c r="B31767" s="6">
        <v>528853.94999999995</v>
      </c>
      <c r="C31767" s="7">
        <f t="shared" si="496"/>
        <v>528.85394999999994</v>
      </c>
    </row>
    <row r="31768" spans="1:3" x14ac:dyDescent="0.25">
      <c r="A31768" s="2" t="s">
        <v>20181</v>
      </c>
      <c r="B31768" s="6">
        <v>528870.6</v>
      </c>
      <c r="C31768" s="7">
        <f t="shared" si="496"/>
        <v>528.87059999999997</v>
      </c>
    </row>
    <row r="31769" spans="1:3" x14ac:dyDescent="0.25">
      <c r="A31769" s="2" t="s">
        <v>20182</v>
      </c>
      <c r="B31769" s="6">
        <v>528887.25</v>
      </c>
      <c r="C31769" s="7">
        <f t="shared" si="496"/>
        <v>528.88724999999999</v>
      </c>
    </row>
    <row r="31770" spans="1:3" x14ac:dyDescent="0.25">
      <c r="A31770" s="2" t="s">
        <v>20183</v>
      </c>
      <c r="B31770" s="6">
        <v>528903.89999999991</v>
      </c>
      <c r="C31770" s="7">
        <f t="shared" si="496"/>
        <v>528.90389999999991</v>
      </c>
    </row>
    <row r="31771" spans="1:3" x14ac:dyDescent="0.25">
      <c r="A31771" s="2" t="s">
        <v>20184</v>
      </c>
      <c r="B31771" s="6">
        <v>528920.54999999993</v>
      </c>
      <c r="C31771" s="7">
        <f t="shared" si="496"/>
        <v>528.92054999999993</v>
      </c>
    </row>
    <row r="31772" spans="1:3" x14ac:dyDescent="0.25">
      <c r="A31772" s="2" t="s">
        <v>20185</v>
      </c>
      <c r="B31772" s="6">
        <v>528937.19999999995</v>
      </c>
      <c r="C31772" s="7">
        <f t="shared" si="496"/>
        <v>528.93719999999996</v>
      </c>
    </row>
    <row r="31773" spans="1:3" x14ac:dyDescent="0.25">
      <c r="A31773" s="2" t="s">
        <v>20186</v>
      </c>
      <c r="B31773" s="6">
        <v>528953.85</v>
      </c>
      <c r="C31773" s="7">
        <f t="shared" si="496"/>
        <v>528.95384999999999</v>
      </c>
    </row>
    <row r="31774" spans="1:3" x14ac:dyDescent="0.25">
      <c r="A31774" s="2" t="s">
        <v>20187</v>
      </c>
      <c r="B31774" s="6">
        <v>528970.5</v>
      </c>
      <c r="C31774" s="7">
        <f t="shared" si="496"/>
        <v>528.97050000000002</v>
      </c>
    </row>
    <row r="31775" spans="1:3" x14ac:dyDescent="0.25">
      <c r="A31775" s="2" t="s">
        <v>20188</v>
      </c>
      <c r="B31775" s="6">
        <v>528987.14999999991</v>
      </c>
      <c r="C31775" s="7">
        <f t="shared" si="496"/>
        <v>528.98714999999993</v>
      </c>
    </row>
    <row r="31776" spans="1:3" x14ac:dyDescent="0.25">
      <c r="A31776" s="2" t="s">
        <v>20189</v>
      </c>
      <c r="B31776" s="6">
        <v>529003.79999999993</v>
      </c>
      <c r="C31776" s="7">
        <f t="shared" si="496"/>
        <v>529.00379999999996</v>
      </c>
    </row>
    <row r="31777" spans="1:3" x14ac:dyDescent="0.25">
      <c r="A31777" s="2" t="s">
        <v>20190</v>
      </c>
      <c r="B31777" s="6">
        <v>529020.44999999995</v>
      </c>
      <c r="C31777" s="7">
        <f t="shared" si="496"/>
        <v>529.02044999999998</v>
      </c>
    </row>
    <row r="31778" spans="1:3" x14ac:dyDescent="0.25">
      <c r="A31778" s="2" t="s">
        <v>20191</v>
      </c>
      <c r="B31778" s="6">
        <v>529037.1</v>
      </c>
      <c r="C31778" s="7">
        <f t="shared" si="496"/>
        <v>529.03710000000001</v>
      </c>
    </row>
    <row r="31779" spans="1:3" x14ac:dyDescent="0.25">
      <c r="A31779" s="2" t="s">
        <v>20192</v>
      </c>
      <c r="B31779" s="6">
        <v>529053.75</v>
      </c>
      <c r="C31779" s="7">
        <f t="shared" si="496"/>
        <v>529.05375000000004</v>
      </c>
    </row>
    <row r="31780" spans="1:3" x14ac:dyDescent="0.25">
      <c r="A31780" s="2" t="s">
        <v>20193</v>
      </c>
      <c r="B31780" s="6">
        <v>529070.39999999991</v>
      </c>
      <c r="C31780" s="7">
        <f t="shared" si="496"/>
        <v>529.07039999999995</v>
      </c>
    </row>
    <row r="31781" spans="1:3" x14ac:dyDescent="0.25">
      <c r="A31781" s="2" t="s">
        <v>20194</v>
      </c>
      <c r="B31781" s="6">
        <v>529087.04999999993</v>
      </c>
      <c r="C31781" s="7">
        <f t="shared" si="496"/>
        <v>529.08704999999998</v>
      </c>
    </row>
    <row r="31782" spans="1:3" x14ac:dyDescent="0.25">
      <c r="A31782" s="2" t="s">
        <v>20195</v>
      </c>
      <c r="B31782" s="6">
        <v>529103.69999999995</v>
      </c>
      <c r="C31782" s="7">
        <f t="shared" si="496"/>
        <v>529.1037</v>
      </c>
    </row>
    <row r="31783" spans="1:3" x14ac:dyDescent="0.25">
      <c r="A31783" s="2" t="s">
        <v>20196</v>
      </c>
      <c r="B31783" s="6">
        <v>529120.35</v>
      </c>
      <c r="C31783" s="7">
        <f t="shared" si="496"/>
        <v>529.12035000000003</v>
      </c>
    </row>
    <row r="31784" spans="1:3" x14ac:dyDescent="0.25">
      <c r="A31784" s="2" t="s">
        <v>20197</v>
      </c>
      <c r="B31784" s="6">
        <v>529137</v>
      </c>
      <c r="C31784" s="7">
        <f t="shared" si="496"/>
        <v>529.13699999999994</v>
      </c>
    </row>
    <row r="31785" spans="1:3" x14ac:dyDescent="0.25">
      <c r="A31785" s="2" t="s">
        <v>20198</v>
      </c>
      <c r="B31785" s="6">
        <v>529153.64999999991</v>
      </c>
      <c r="C31785" s="7">
        <f t="shared" si="496"/>
        <v>529.15364999999986</v>
      </c>
    </row>
    <row r="31786" spans="1:3" x14ac:dyDescent="0.25">
      <c r="A31786" s="2" t="s">
        <v>20199</v>
      </c>
      <c r="B31786" s="6">
        <v>529170.29999999993</v>
      </c>
      <c r="C31786" s="7">
        <f t="shared" si="496"/>
        <v>529.17029999999988</v>
      </c>
    </row>
    <row r="31787" spans="1:3" x14ac:dyDescent="0.25">
      <c r="A31787" s="2" t="s">
        <v>20200</v>
      </c>
      <c r="B31787" s="6">
        <v>529186.94999999995</v>
      </c>
      <c r="C31787" s="7">
        <f t="shared" si="496"/>
        <v>529.18694999999991</v>
      </c>
    </row>
    <row r="31788" spans="1:3" x14ac:dyDescent="0.25">
      <c r="A31788" s="2" t="s">
        <v>20201</v>
      </c>
      <c r="B31788" s="6">
        <v>529203.6</v>
      </c>
      <c r="C31788" s="7">
        <f t="shared" si="496"/>
        <v>529.20359999999994</v>
      </c>
    </row>
    <row r="31789" spans="1:3" x14ac:dyDescent="0.25">
      <c r="A31789" s="2" t="s">
        <v>20202</v>
      </c>
      <c r="B31789" s="6">
        <v>529220.25</v>
      </c>
      <c r="C31789" s="7">
        <f t="shared" si="496"/>
        <v>529.22024999999996</v>
      </c>
    </row>
    <row r="31790" spans="1:3" x14ac:dyDescent="0.25">
      <c r="A31790" s="2" t="s">
        <v>20203</v>
      </c>
      <c r="B31790" s="6">
        <v>529236.89999999991</v>
      </c>
      <c r="C31790" s="7">
        <f t="shared" si="496"/>
        <v>529.23689999999988</v>
      </c>
    </row>
    <row r="31791" spans="1:3" x14ac:dyDescent="0.25">
      <c r="A31791" s="2" t="s">
        <v>20204</v>
      </c>
      <c r="B31791" s="6">
        <v>529253.54999999993</v>
      </c>
      <c r="C31791" s="7">
        <f t="shared" si="496"/>
        <v>529.2535499999999</v>
      </c>
    </row>
    <row r="31792" spans="1:3" x14ac:dyDescent="0.25">
      <c r="A31792" s="2" t="s">
        <v>20205</v>
      </c>
      <c r="B31792" s="6">
        <v>529270.19999999995</v>
      </c>
      <c r="C31792" s="7">
        <f t="shared" si="496"/>
        <v>529.27019999999993</v>
      </c>
    </row>
    <row r="31793" spans="1:3" x14ac:dyDescent="0.25">
      <c r="A31793" s="2" t="s">
        <v>20206</v>
      </c>
      <c r="B31793" s="6">
        <v>529286.85</v>
      </c>
      <c r="C31793" s="7">
        <f t="shared" si="496"/>
        <v>529.28684999999996</v>
      </c>
    </row>
    <row r="31794" spans="1:3" x14ac:dyDescent="0.25">
      <c r="A31794" s="2" t="s">
        <v>20207</v>
      </c>
      <c r="B31794" s="6">
        <v>529303.5</v>
      </c>
      <c r="C31794" s="7">
        <f t="shared" si="496"/>
        <v>529.30349999999999</v>
      </c>
    </row>
    <row r="31795" spans="1:3" x14ac:dyDescent="0.25">
      <c r="A31795" s="2" t="s">
        <v>20208</v>
      </c>
      <c r="B31795" s="6">
        <v>529320.14999999991</v>
      </c>
      <c r="C31795" s="7">
        <f t="shared" si="496"/>
        <v>529.3201499999999</v>
      </c>
    </row>
    <row r="31796" spans="1:3" x14ac:dyDescent="0.25">
      <c r="A31796" s="2" t="s">
        <v>20209</v>
      </c>
      <c r="B31796" s="6">
        <v>529336.79999999993</v>
      </c>
      <c r="C31796" s="7">
        <f t="shared" si="496"/>
        <v>529.33679999999993</v>
      </c>
    </row>
    <row r="31797" spans="1:3" x14ac:dyDescent="0.25">
      <c r="A31797" s="2" t="s">
        <v>20210</v>
      </c>
      <c r="B31797" s="6">
        <v>529353.44999999995</v>
      </c>
      <c r="C31797" s="7">
        <f t="shared" si="496"/>
        <v>529.35344999999995</v>
      </c>
    </row>
    <row r="31798" spans="1:3" x14ac:dyDescent="0.25">
      <c r="A31798" s="2" t="s">
        <v>20211</v>
      </c>
      <c r="B31798" s="6">
        <v>529370.1</v>
      </c>
      <c r="C31798" s="7">
        <f t="shared" si="496"/>
        <v>529.37009999999998</v>
      </c>
    </row>
    <row r="31799" spans="1:3" x14ac:dyDescent="0.25">
      <c r="A31799" s="2" t="s">
        <v>20212</v>
      </c>
      <c r="B31799" s="6">
        <v>529386.75</v>
      </c>
      <c r="C31799" s="7">
        <f t="shared" si="496"/>
        <v>529.38675000000001</v>
      </c>
    </row>
    <row r="31800" spans="1:3" x14ac:dyDescent="0.25">
      <c r="A31800" s="2" t="s">
        <v>20213</v>
      </c>
      <c r="B31800" s="6">
        <v>529403.39999999991</v>
      </c>
      <c r="C31800" s="7">
        <f t="shared" si="496"/>
        <v>529.40339999999992</v>
      </c>
    </row>
    <row r="31801" spans="1:3" x14ac:dyDescent="0.25">
      <c r="A31801" s="2" t="s">
        <v>20214</v>
      </c>
      <c r="B31801" s="6">
        <v>529420.04999999993</v>
      </c>
      <c r="C31801" s="7">
        <f t="shared" si="496"/>
        <v>529.42004999999995</v>
      </c>
    </row>
    <row r="31802" spans="1:3" x14ac:dyDescent="0.25">
      <c r="A31802" s="2" t="s">
        <v>20215</v>
      </c>
      <c r="B31802" s="6">
        <v>529436.69999999995</v>
      </c>
      <c r="C31802" s="7">
        <f t="shared" si="496"/>
        <v>529.43669999999997</v>
      </c>
    </row>
    <row r="31803" spans="1:3" x14ac:dyDescent="0.25">
      <c r="A31803" s="2" t="s">
        <v>20216</v>
      </c>
      <c r="B31803" s="6">
        <v>529453.35</v>
      </c>
      <c r="C31803" s="7">
        <f t="shared" si="496"/>
        <v>529.45335</v>
      </c>
    </row>
    <row r="31804" spans="1:3" x14ac:dyDescent="0.25">
      <c r="A31804" s="2" t="s">
        <v>20217</v>
      </c>
      <c r="B31804" s="6">
        <v>529470</v>
      </c>
      <c r="C31804" s="7">
        <f t="shared" si="496"/>
        <v>529.47</v>
      </c>
    </row>
    <row r="31805" spans="1:3" x14ac:dyDescent="0.25">
      <c r="A31805" s="2" t="s">
        <v>20218</v>
      </c>
      <c r="B31805" s="6">
        <v>529486.64999999991</v>
      </c>
      <c r="C31805" s="7">
        <f t="shared" si="496"/>
        <v>529.48664999999994</v>
      </c>
    </row>
    <row r="31806" spans="1:3" x14ac:dyDescent="0.25">
      <c r="A31806" s="2" t="s">
        <v>20219</v>
      </c>
      <c r="B31806" s="6">
        <v>529503.29999999993</v>
      </c>
      <c r="C31806" s="7">
        <f t="shared" si="496"/>
        <v>529.50329999999997</v>
      </c>
    </row>
    <row r="31807" spans="1:3" x14ac:dyDescent="0.25">
      <c r="A31807" s="2" t="s">
        <v>20220</v>
      </c>
      <c r="B31807" s="6">
        <v>529519.94999999995</v>
      </c>
      <c r="C31807" s="7">
        <f t="shared" si="496"/>
        <v>529.51994999999999</v>
      </c>
    </row>
    <row r="31808" spans="1:3" x14ac:dyDescent="0.25">
      <c r="A31808" s="2" t="s">
        <v>20221</v>
      </c>
      <c r="B31808" s="6">
        <v>529536.6</v>
      </c>
      <c r="C31808" s="7">
        <f t="shared" si="496"/>
        <v>529.53660000000002</v>
      </c>
    </row>
    <row r="31809" spans="1:3" x14ac:dyDescent="0.25">
      <c r="A31809" s="2" t="s">
        <v>20222</v>
      </c>
      <c r="B31809" s="6">
        <v>529553.25</v>
      </c>
      <c r="C31809" s="7">
        <f t="shared" si="496"/>
        <v>529.55325000000005</v>
      </c>
    </row>
    <row r="31810" spans="1:3" x14ac:dyDescent="0.25">
      <c r="A31810" s="2" t="s">
        <v>20223</v>
      </c>
      <c r="B31810" s="6">
        <v>529569.89999999991</v>
      </c>
      <c r="C31810" s="7">
        <f t="shared" si="496"/>
        <v>529.56989999999996</v>
      </c>
    </row>
    <row r="31811" spans="1:3" x14ac:dyDescent="0.25">
      <c r="A31811" s="2" t="s">
        <v>20224</v>
      </c>
      <c r="B31811" s="6">
        <v>529586.54999999993</v>
      </c>
      <c r="C31811" s="7">
        <f t="shared" ref="C31811:C31874" si="497">B31811/1000</f>
        <v>529.58654999999987</v>
      </c>
    </row>
    <row r="31812" spans="1:3" x14ac:dyDescent="0.25">
      <c r="A31812" s="2" t="s">
        <v>20225</v>
      </c>
      <c r="B31812" s="6">
        <v>529603.19999999995</v>
      </c>
      <c r="C31812" s="7">
        <f t="shared" si="497"/>
        <v>529.6031999999999</v>
      </c>
    </row>
    <row r="31813" spans="1:3" x14ac:dyDescent="0.25">
      <c r="A31813" s="2" t="s">
        <v>20226</v>
      </c>
      <c r="B31813" s="6">
        <v>529619.85</v>
      </c>
      <c r="C31813" s="7">
        <f t="shared" si="497"/>
        <v>529.61984999999993</v>
      </c>
    </row>
    <row r="31814" spans="1:3" x14ac:dyDescent="0.25">
      <c r="A31814" s="2" t="s">
        <v>20227</v>
      </c>
      <c r="B31814" s="6">
        <v>529636.5</v>
      </c>
      <c r="C31814" s="7">
        <f t="shared" si="497"/>
        <v>529.63649999999996</v>
      </c>
    </row>
    <row r="31815" spans="1:3" x14ac:dyDescent="0.25">
      <c r="A31815" s="2" t="s">
        <v>20228</v>
      </c>
      <c r="B31815" s="6">
        <v>529653.14999999991</v>
      </c>
      <c r="C31815" s="7">
        <f t="shared" si="497"/>
        <v>529.65314999999987</v>
      </c>
    </row>
    <row r="31816" spans="1:3" x14ac:dyDescent="0.25">
      <c r="A31816" s="2" t="s">
        <v>20229</v>
      </c>
      <c r="B31816" s="6">
        <v>529669.79999999993</v>
      </c>
      <c r="C31816" s="7">
        <f t="shared" si="497"/>
        <v>529.6697999999999</v>
      </c>
    </row>
    <row r="31817" spans="1:3" x14ac:dyDescent="0.25">
      <c r="A31817" s="2" t="s">
        <v>20230</v>
      </c>
      <c r="B31817" s="6">
        <v>529686.44999999995</v>
      </c>
      <c r="C31817" s="7">
        <f t="shared" si="497"/>
        <v>529.68644999999992</v>
      </c>
    </row>
    <row r="31818" spans="1:3" x14ac:dyDescent="0.25">
      <c r="A31818" s="2" t="s">
        <v>20231</v>
      </c>
      <c r="B31818" s="6">
        <v>529703.1</v>
      </c>
      <c r="C31818" s="7">
        <f t="shared" si="497"/>
        <v>529.70309999999995</v>
      </c>
    </row>
    <row r="31819" spans="1:3" x14ac:dyDescent="0.25">
      <c r="A31819" s="2" t="s">
        <v>20232</v>
      </c>
      <c r="B31819" s="6">
        <v>529719.75</v>
      </c>
      <c r="C31819" s="7">
        <f t="shared" si="497"/>
        <v>529.71974999999998</v>
      </c>
    </row>
    <row r="31820" spans="1:3" x14ac:dyDescent="0.25">
      <c r="A31820" s="2" t="s">
        <v>20233</v>
      </c>
      <c r="B31820" s="6">
        <v>529736.39999999991</v>
      </c>
      <c r="C31820" s="7">
        <f t="shared" si="497"/>
        <v>529.73639999999989</v>
      </c>
    </row>
    <row r="31821" spans="1:3" x14ac:dyDescent="0.25">
      <c r="A31821" s="2" t="s">
        <v>20234</v>
      </c>
      <c r="B31821" s="6">
        <v>529753.04999999993</v>
      </c>
      <c r="C31821" s="7">
        <f t="shared" si="497"/>
        <v>529.75304999999992</v>
      </c>
    </row>
    <row r="31822" spans="1:3" x14ac:dyDescent="0.25">
      <c r="A31822" s="2" t="s">
        <v>20235</v>
      </c>
      <c r="B31822" s="6">
        <v>529769.69999999995</v>
      </c>
      <c r="C31822" s="7">
        <f t="shared" si="497"/>
        <v>529.76969999999994</v>
      </c>
    </row>
    <row r="31823" spans="1:3" x14ac:dyDescent="0.25">
      <c r="A31823" s="2" t="s">
        <v>20236</v>
      </c>
      <c r="B31823" s="6">
        <v>529786.35</v>
      </c>
      <c r="C31823" s="7">
        <f t="shared" si="497"/>
        <v>529.78634999999997</v>
      </c>
    </row>
    <row r="31824" spans="1:3" x14ac:dyDescent="0.25">
      <c r="A31824" s="2" t="s">
        <v>20237</v>
      </c>
      <c r="B31824" s="6">
        <v>529803</v>
      </c>
      <c r="C31824" s="7">
        <f t="shared" si="497"/>
        <v>529.803</v>
      </c>
    </row>
    <row r="31825" spans="1:3" x14ac:dyDescent="0.25">
      <c r="A31825" s="2" t="s">
        <v>20238</v>
      </c>
      <c r="B31825" s="6">
        <v>529819.64999999991</v>
      </c>
      <c r="C31825" s="7">
        <f t="shared" si="497"/>
        <v>529.81964999999991</v>
      </c>
    </row>
    <row r="31826" spans="1:3" x14ac:dyDescent="0.25">
      <c r="A31826" s="2" t="s">
        <v>20239</v>
      </c>
      <c r="B31826" s="6">
        <v>529836.29999999993</v>
      </c>
      <c r="C31826" s="7">
        <f t="shared" si="497"/>
        <v>529.83629999999994</v>
      </c>
    </row>
    <row r="31827" spans="1:3" x14ac:dyDescent="0.25">
      <c r="A31827" s="2" t="s">
        <v>20240</v>
      </c>
      <c r="B31827" s="6">
        <v>529852.94999999995</v>
      </c>
      <c r="C31827" s="7">
        <f t="shared" si="497"/>
        <v>529.85294999999996</v>
      </c>
    </row>
    <row r="31828" spans="1:3" x14ac:dyDescent="0.25">
      <c r="A31828" s="2" t="s">
        <v>20241</v>
      </c>
      <c r="B31828" s="6">
        <v>529869.6</v>
      </c>
      <c r="C31828" s="7">
        <f t="shared" si="497"/>
        <v>529.86959999999999</v>
      </c>
    </row>
    <row r="31829" spans="1:3" x14ac:dyDescent="0.25">
      <c r="A31829" s="2" t="s">
        <v>20242</v>
      </c>
      <c r="B31829" s="6">
        <v>529886.25</v>
      </c>
      <c r="C31829" s="7">
        <f t="shared" si="497"/>
        <v>529.88625000000002</v>
      </c>
    </row>
    <row r="31830" spans="1:3" x14ac:dyDescent="0.25">
      <c r="A31830" s="2" t="s">
        <v>20243</v>
      </c>
      <c r="B31830" s="6">
        <v>529902.89999999991</v>
      </c>
      <c r="C31830" s="7">
        <f t="shared" si="497"/>
        <v>529.90289999999993</v>
      </c>
    </row>
    <row r="31831" spans="1:3" x14ac:dyDescent="0.25">
      <c r="A31831" s="2" t="s">
        <v>20244</v>
      </c>
      <c r="B31831" s="6">
        <v>529919.54999999993</v>
      </c>
      <c r="C31831" s="7">
        <f t="shared" si="497"/>
        <v>529.91954999999996</v>
      </c>
    </row>
    <row r="31832" spans="1:3" x14ac:dyDescent="0.25">
      <c r="A31832" s="2" t="s">
        <v>20245</v>
      </c>
      <c r="B31832" s="6">
        <v>529936.19999999995</v>
      </c>
      <c r="C31832" s="7">
        <f t="shared" si="497"/>
        <v>529.93619999999999</v>
      </c>
    </row>
    <row r="31833" spans="1:3" x14ac:dyDescent="0.25">
      <c r="A31833" s="2" t="s">
        <v>20246</v>
      </c>
      <c r="B31833" s="6">
        <v>529952.85</v>
      </c>
      <c r="C31833" s="7">
        <f t="shared" si="497"/>
        <v>529.95285000000001</v>
      </c>
    </row>
    <row r="31834" spans="1:3" x14ac:dyDescent="0.25">
      <c r="A31834" s="2" t="s">
        <v>20247</v>
      </c>
      <c r="B31834" s="6">
        <v>529969.5</v>
      </c>
      <c r="C31834" s="7">
        <f t="shared" si="497"/>
        <v>529.96950000000004</v>
      </c>
    </row>
    <row r="31835" spans="1:3" x14ac:dyDescent="0.25">
      <c r="A31835" s="2" t="s">
        <v>20248</v>
      </c>
      <c r="B31835" s="6">
        <v>529986.14999999991</v>
      </c>
      <c r="C31835" s="7">
        <f t="shared" si="497"/>
        <v>529.98614999999995</v>
      </c>
    </row>
    <row r="31836" spans="1:3" x14ac:dyDescent="0.25">
      <c r="A31836" s="2" t="s">
        <v>20249</v>
      </c>
      <c r="B31836" s="6">
        <v>530002.79999999993</v>
      </c>
      <c r="C31836" s="7">
        <f t="shared" si="497"/>
        <v>530.00279999999998</v>
      </c>
    </row>
    <row r="31837" spans="1:3" x14ac:dyDescent="0.25">
      <c r="A31837" s="2" t="s">
        <v>20250</v>
      </c>
      <c r="B31837" s="6">
        <v>530019.44999999995</v>
      </c>
      <c r="C31837" s="7">
        <f t="shared" si="497"/>
        <v>530.01945000000001</v>
      </c>
    </row>
    <row r="31838" spans="1:3" x14ac:dyDescent="0.25">
      <c r="A31838" s="2" t="s">
        <v>20251</v>
      </c>
      <c r="B31838" s="6">
        <v>530036.1</v>
      </c>
      <c r="C31838" s="7">
        <f t="shared" si="497"/>
        <v>530.03610000000003</v>
      </c>
    </row>
    <row r="31839" spans="1:3" x14ac:dyDescent="0.25">
      <c r="A31839" s="2" t="s">
        <v>20252</v>
      </c>
      <c r="B31839" s="6">
        <v>530052.75</v>
      </c>
      <c r="C31839" s="7">
        <f t="shared" si="497"/>
        <v>530.05274999999995</v>
      </c>
    </row>
    <row r="31840" spans="1:3" x14ac:dyDescent="0.25">
      <c r="A31840" s="2" t="s">
        <v>20253</v>
      </c>
      <c r="B31840" s="6">
        <v>530069.39999999991</v>
      </c>
      <c r="C31840" s="7">
        <f t="shared" si="497"/>
        <v>530.06939999999986</v>
      </c>
    </row>
    <row r="31841" spans="1:3" x14ac:dyDescent="0.25">
      <c r="A31841" s="2" t="s">
        <v>20254</v>
      </c>
      <c r="B31841" s="6">
        <v>530086.04999999993</v>
      </c>
      <c r="C31841" s="7">
        <f t="shared" si="497"/>
        <v>530.08604999999989</v>
      </c>
    </row>
    <row r="31842" spans="1:3" x14ac:dyDescent="0.25">
      <c r="A31842" s="2" t="s">
        <v>20255</v>
      </c>
      <c r="B31842" s="6">
        <v>530102.69999999995</v>
      </c>
      <c r="C31842" s="7">
        <f t="shared" si="497"/>
        <v>530.10269999999991</v>
      </c>
    </row>
    <row r="31843" spans="1:3" x14ac:dyDescent="0.25">
      <c r="A31843" s="2" t="s">
        <v>20256</v>
      </c>
      <c r="B31843" s="6">
        <v>530119.35</v>
      </c>
      <c r="C31843" s="7">
        <f t="shared" si="497"/>
        <v>530.11934999999994</v>
      </c>
    </row>
    <row r="31844" spans="1:3" x14ac:dyDescent="0.25">
      <c r="A31844" s="2" t="s">
        <v>20257</v>
      </c>
      <c r="B31844" s="6">
        <v>530136</v>
      </c>
      <c r="C31844" s="7">
        <f t="shared" si="497"/>
        <v>530.13599999999997</v>
      </c>
    </row>
    <row r="31845" spans="1:3" x14ac:dyDescent="0.25">
      <c r="A31845" s="2" t="s">
        <v>20258</v>
      </c>
      <c r="B31845" s="6">
        <v>530152.64999999991</v>
      </c>
      <c r="C31845" s="7">
        <f t="shared" si="497"/>
        <v>530.15264999999988</v>
      </c>
    </row>
    <row r="31846" spans="1:3" x14ac:dyDescent="0.25">
      <c r="A31846" s="2" t="s">
        <v>20259</v>
      </c>
      <c r="B31846" s="6">
        <v>530169.29999999993</v>
      </c>
      <c r="C31846" s="7">
        <f t="shared" si="497"/>
        <v>530.16929999999991</v>
      </c>
    </row>
    <row r="31847" spans="1:3" x14ac:dyDescent="0.25">
      <c r="A31847" s="2" t="s">
        <v>20260</v>
      </c>
      <c r="B31847" s="6">
        <v>530185.94999999995</v>
      </c>
      <c r="C31847" s="7">
        <f t="shared" si="497"/>
        <v>530.18594999999993</v>
      </c>
    </row>
    <row r="31848" spans="1:3" x14ac:dyDescent="0.25">
      <c r="A31848" s="2" t="s">
        <v>20261</v>
      </c>
      <c r="B31848" s="6">
        <v>530202.6</v>
      </c>
      <c r="C31848" s="7">
        <f t="shared" si="497"/>
        <v>530.20259999999996</v>
      </c>
    </row>
    <row r="31849" spans="1:3" x14ac:dyDescent="0.25">
      <c r="A31849" s="2" t="s">
        <v>20262</v>
      </c>
      <c r="B31849" s="6">
        <v>530219.25</v>
      </c>
      <c r="C31849" s="7">
        <f t="shared" si="497"/>
        <v>530.21924999999999</v>
      </c>
    </row>
    <row r="31850" spans="1:3" x14ac:dyDescent="0.25">
      <c r="A31850" s="2" t="s">
        <v>20263</v>
      </c>
      <c r="B31850" s="6">
        <v>530235.89999999991</v>
      </c>
      <c r="C31850" s="7">
        <f t="shared" si="497"/>
        <v>530.2358999999999</v>
      </c>
    </row>
    <row r="31851" spans="1:3" x14ac:dyDescent="0.25">
      <c r="A31851" s="2" t="s">
        <v>20264</v>
      </c>
      <c r="B31851" s="6">
        <v>530252.54999999993</v>
      </c>
      <c r="C31851" s="7">
        <f t="shared" si="497"/>
        <v>530.25254999999993</v>
      </c>
    </row>
    <row r="31852" spans="1:3" x14ac:dyDescent="0.25">
      <c r="A31852" s="2" t="s">
        <v>20265</v>
      </c>
      <c r="B31852" s="6">
        <v>530269.19999999995</v>
      </c>
      <c r="C31852" s="7">
        <f t="shared" si="497"/>
        <v>530.26919999999996</v>
      </c>
    </row>
    <row r="31853" spans="1:3" x14ac:dyDescent="0.25">
      <c r="A31853" s="2" t="s">
        <v>20266</v>
      </c>
      <c r="B31853" s="6">
        <v>530285.85</v>
      </c>
      <c r="C31853" s="7">
        <f t="shared" si="497"/>
        <v>530.28584999999998</v>
      </c>
    </row>
    <row r="31854" spans="1:3" x14ac:dyDescent="0.25">
      <c r="A31854" s="2" t="s">
        <v>20267</v>
      </c>
      <c r="B31854" s="6">
        <v>530302.5</v>
      </c>
      <c r="C31854" s="7">
        <f t="shared" si="497"/>
        <v>530.30250000000001</v>
      </c>
    </row>
    <row r="31855" spans="1:3" x14ac:dyDescent="0.25">
      <c r="A31855" s="2" t="s">
        <v>20268</v>
      </c>
      <c r="B31855" s="6">
        <v>530319.14999999991</v>
      </c>
      <c r="C31855" s="7">
        <f t="shared" si="497"/>
        <v>530.31914999999992</v>
      </c>
    </row>
    <row r="31856" spans="1:3" x14ac:dyDescent="0.25">
      <c r="A31856" s="2" t="s">
        <v>20269</v>
      </c>
      <c r="B31856" s="6">
        <v>530335.79999999993</v>
      </c>
      <c r="C31856" s="7">
        <f t="shared" si="497"/>
        <v>530.33579999999995</v>
      </c>
    </row>
    <row r="31857" spans="1:3" x14ac:dyDescent="0.25">
      <c r="A31857" s="2" t="s">
        <v>20270</v>
      </c>
      <c r="B31857" s="6">
        <v>530352.44999999995</v>
      </c>
      <c r="C31857" s="7">
        <f t="shared" si="497"/>
        <v>530.35244999999998</v>
      </c>
    </row>
    <row r="31858" spans="1:3" x14ac:dyDescent="0.25">
      <c r="A31858" s="2" t="s">
        <v>20271</v>
      </c>
      <c r="B31858" s="6">
        <v>530369.1</v>
      </c>
      <c r="C31858" s="7">
        <f t="shared" si="497"/>
        <v>530.3691</v>
      </c>
    </row>
    <row r="31859" spans="1:3" x14ac:dyDescent="0.25">
      <c r="A31859" s="2" t="s">
        <v>20272</v>
      </c>
      <c r="B31859" s="6">
        <v>530385.75</v>
      </c>
      <c r="C31859" s="7">
        <f t="shared" si="497"/>
        <v>530.38575000000003</v>
      </c>
    </row>
    <row r="31860" spans="1:3" x14ac:dyDescent="0.25">
      <c r="A31860" s="2" t="s">
        <v>20273</v>
      </c>
      <c r="B31860" s="6">
        <v>530402.39999999991</v>
      </c>
      <c r="C31860" s="7">
        <f t="shared" si="497"/>
        <v>530.40239999999994</v>
      </c>
    </row>
    <row r="31861" spans="1:3" x14ac:dyDescent="0.25">
      <c r="A31861" s="2" t="s">
        <v>20274</v>
      </c>
      <c r="B31861" s="6">
        <v>530419.04999999993</v>
      </c>
      <c r="C31861" s="7">
        <f t="shared" si="497"/>
        <v>530.41904999999997</v>
      </c>
    </row>
    <row r="31862" spans="1:3" x14ac:dyDescent="0.25">
      <c r="A31862" s="2" t="s">
        <v>20275</v>
      </c>
      <c r="B31862" s="6">
        <v>530435.69999999995</v>
      </c>
      <c r="C31862" s="7">
        <f t="shared" si="497"/>
        <v>530.4357</v>
      </c>
    </row>
    <row r="31863" spans="1:3" x14ac:dyDescent="0.25">
      <c r="A31863" s="2" t="s">
        <v>20276</v>
      </c>
      <c r="B31863" s="6">
        <v>530452.35</v>
      </c>
      <c r="C31863" s="7">
        <f t="shared" si="497"/>
        <v>530.45235000000002</v>
      </c>
    </row>
    <row r="31864" spans="1:3" x14ac:dyDescent="0.25">
      <c r="A31864" s="2" t="s">
        <v>20277</v>
      </c>
      <c r="B31864" s="6">
        <v>530469</v>
      </c>
      <c r="C31864" s="7">
        <f t="shared" si="497"/>
        <v>530.46900000000005</v>
      </c>
    </row>
    <row r="31865" spans="1:3" x14ac:dyDescent="0.25">
      <c r="A31865" s="2" t="s">
        <v>20278</v>
      </c>
      <c r="B31865" s="6">
        <v>530485.64999999991</v>
      </c>
      <c r="C31865" s="7">
        <f t="shared" si="497"/>
        <v>530.48564999999985</v>
      </c>
    </row>
    <row r="31866" spans="1:3" x14ac:dyDescent="0.25">
      <c r="A31866" s="2" t="s">
        <v>20279</v>
      </c>
      <c r="B31866" s="6">
        <v>530502.29999999993</v>
      </c>
      <c r="C31866" s="7">
        <f t="shared" si="497"/>
        <v>530.50229999999988</v>
      </c>
    </row>
    <row r="31867" spans="1:3" x14ac:dyDescent="0.25">
      <c r="A31867" s="2" t="s">
        <v>20280</v>
      </c>
      <c r="B31867" s="6">
        <v>530518.94999999995</v>
      </c>
      <c r="C31867" s="7">
        <f t="shared" si="497"/>
        <v>530.5189499999999</v>
      </c>
    </row>
    <row r="31868" spans="1:3" x14ac:dyDescent="0.25">
      <c r="A31868" s="2" t="s">
        <v>20281</v>
      </c>
      <c r="B31868" s="6">
        <v>530535.6</v>
      </c>
      <c r="C31868" s="7">
        <f t="shared" si="497"/>
        <v>530.53559999999993</v>
      </c>
    </row>
    <row r="31869" spans="1:3" x14ac:dyDescent="0.25">
      <c r="A31869" s="2" t="s">
        <v>20282</v>
      </c>
      <c r="B31869" s="6">
        <v>530552.25</v>
      </c>
      <c r="C31869" s="7">
        <f t="shared" si="497"/>
        <v>530.55224999999996</v>
      </c>
    </row>
    <row r="31870" spans="1:3" x14ac:dyDescent="0.25">
      <c r="A31870" s="2" t="s">
        <v>20283</v>
      </c>
      <c r="B31870" s="6">
        <v>530568.89999999991</v>
      </c>
      <c r="C31870" s="7">
        <f t="shared" si="497"/>
        <v>530.56889999999987</v>
      </c>
    </row>
    <row r="31871" spans="1:3" x14ac:dyDescent="0.25">
      <c r="A31871" s="2" t="s">
        <v>20284</v>
      </c>
      <c r="B31871" s="6">
        <v>530585.54999999993</v>
      </c>
      <c r="C31871" s="7">
        <f t="shared" si="497"/>
        <v>530.5855499999999</v>
      </c>
    </row>
    <row r="31872" spans="1:3" x14ac:dyDescent="0.25">
      <c r="A31872" s="2" t="s">
        <v>20285</v>
      </c>
      <c r="B31872" s="6">
        <v>530602.19999999995</v>
      </c>
      <c r="C31872" s="7">
        <f t="shared" si="497"/>
        <v>530.60219999999993</v>
      </c>
    </row>
    <row r="31873" spans="1:3" x14ac:dyDescent="0.25">
      <c r="A31873" s="2" t="s">
        <v>20286</v>
      </c>
      <c r="B31873" s="6">
        <v>530618.85</v>
      </c>
      <c r="C31873" s="7">
        <f t="shared" si="497"/>
        <v>530.61884999999995</v>
      </c>
    </row>
    <row r="31874" spans="1:3" x14ac:dyDescent="0.25">
      <c r="A31874" s="2" t="s">
        <v>20287</v>
      </c>
      <c r="B31874" s="6">
        <v>530635.5</v>
      </c>
      <c r="C31874" s="7">
        <f t="shared" si="497"/>
        <v>530.63549999999998</v>
      </c>
    </row>
    <row r="31875" spans="1:3" x14ac:dyDescent="0.25">
      <c r="A31875" s="2" t="s">
        <v>20288</v>
      </c>
      <c r="B31875" s="6">
        <v>530652.14999999991</v>
      </c>
      <c r="C31875" s="7">
        <f t="shared" ref="C31875:C31938" si="498">B31875/1000</f>
        <v>530.65214999999989</v>
      </c>
    </row>
    <row r="31876" spans="1:3" x14ac:dyDescent="0.25">
      <c r="A31876" s="2" t="s">
        <v>20289</v>
      </c>
      <c r="B31876" s="6">
        <v>530668.79999999993</v>
      </c>
      <c r="C31876" s="7">
        <f t="shared" si="498"/>
        <v>530.66879999999992</v>
      </c>
    </row>
    <row r="31877" spans="1:3" x14ac:dyDescent="0.25">
      <c r="A31877" s="2" t="s">
        <v>20290</v>
      </c>
      <c r="B31877" s="6">
        <v>530685.44999999995</v>
      </c>
      <c r="C31877" s="7">
        <f t="shared" si="498"/>
        <v>530.68544999999995</v>
      </c>
    </row>
    <row r="31878" spans="1:3" x14ac:dyDescent="0.25">
      <c r="A31878" s="2" t="s">
        <v>20291</v>
      </c>
      <c r="B31878" s="6">
        <v>530702.1</v>
      </c>
      <c r="C31878" s="7">
        <f t="shared" si="498"/>
        <v>530.70209999999997</v>
      </c>
    </row>
    <row r="31879" spans="1:3" x14ac:dyDescent="0.25">
      <c r="A31879" s="2" t="s">
        <v>20292</v>
      </c>
      <c r="B31879" s="6">
        <v>530718.75</v>
      </c>
      <c r="C31879" s="7">
        <f t="shared" si="498"/>
        <v>530.71875</v>
      </c>
    </row>
    <row r="31880" spans="1:3" x14ac:dyDescent="0.25">
      <c r="A31880" s="2" t="s">
        <v>20293</v>
      </c>
      <c r="B31880" s="6">
        <v>530735.39999999991</v>
      </c>
      <c r="C31880" s="7">
        <f t="shared" si="498"/>
        <v>530.73539999999991</v>
      </c>
    </row>
    <row r="31881" spans="1:3" x14ac:dyDescent="0.25">
      <c r="A31881" s="2" t="s">
        <v>20294</v>
      </c>
      <c r="B31881" s="6">
        <v>530752.04999999993</v>
      </c>
      <c r="C31881" s="7">
        <f t="shared" si="498"/>
        <v>530.75204999999994</v>
      </c>
    </row>
    <row r="31882" spans="1:3" x14ac:dyDescent="0.25">
      <c r="A31882" s="2" t="s">
        <v>20295</v>
      </c>
      <c r="B31882" s="6">
        <v>530768.69999999995</v>
      </c>
      <c r="C31882" s="7">
        <f t="shared" si="498"/>
        <v>530.76869999999997</v>
      </c>
    </row>
    <row r="31883" spans="1:3" x14ac:dyDescent="0.25">
      <c r="A31883" s="2" t="s">
        <v>20296</v>
      </c>
      <c r="B31883" s="6">
        <v>530785.35</v>
      </c>
      <c r="C31883" s="7">
        <f t="shared" si="498"/>
        <v>530.78534999999999</v>
      </c>
    </row>
    <row r="31884" spans="1:3" x14ac:dyDescent="0.25">
      <c r="A31884" s="2" t="s">
        <v>20297</v>
      </c>
      <c r="B31884" s="6">
        <v>530802</v>
      </c>
      <c r="C31884" s="7">
        <f t="shared" si="498"/>
        <v>530.80200000000002</v>
      </c>
    </row>
    <row r="31885" spans="1:3" x14ac:dyDescent="0.25">
      <c r="A31885" s="2" t="s">
        <v>20298</v>
      </c>
      <c r="B31885" s="6">
        <v>530818.64999999991</v>
      </c>
      <c r="C31885" s="7">
        <f t="shared" si="498"/>
        <v>530.81864999999993</v>
      </c>
    </row>
    <row r="31886" spans="1:3" x14ac:dyDescent="0.25">
      <c r="A31886" s="2" t="s">
        <v>20299</v>
      </c>
      <c r="B31886" s="6">
        <v>530835.29999999993</v>
      </c>
      <c r="C31886" s="7">
        <f t="shared" si="498"/>
        <v>530.83529999999996</v>
      </c>
    </row>
    <row r="31887" spans="1:3" x14ac:dyDescent="0.25">
      <c r="A31887" s="2" t="s">
        <v>20300</v>
      </c>
      <c r="B31887" s="6">
        <v>530851.94999999995</v>
      </c>
      <c r="C31887" s="7">
        <f t="shared" si="498"/>
        <v>530.85194999999999</v>
      </c>
    </row>
    <row r="31888" spans="1:3" x14ac:dyDescent="0.25">
      <c r="A31888" s="2" t="s">
        <v>20301</v>
      </c>
      <c r="B31888" s="6">
        <v>530868.6</v>
      </c>
      <c r="C31888" s="7">
        <f t="shared" si="498"/>
        <v>530.86860000000001</v>
      </c>
    </row>
    <row r="31889" spans="1:3" x14ac:dyDescent="0.25">
      <c r="A31889" s="2" t="s">
        <v>20302</v>
      </c>
      <c r="B31889" s="6">
        <v>530885.25</v>
      </c>
      <c r="C31889" s="7">
        <f t="shared" si="498"/>
        <v>530.88525000000004</v>
      </c>
    </row>
    <row r="31890" spans="1:3" x14ac:dyDescent="0.25">
      <c r="A31890" s="2" t="s">
        <v>20303</v>
      </c>
      <c r="B31890" s="6">
        <v>530901.89999999991</v>
      </c>
      <c r="C31890" s="7">
        <f t="shared" si="498"/>
        <v>530.90189999999996</v>
      </c>
    </row>
    <row r="31891" spans="1:3" x14ac:dyDescent="0.25">
      <c r="A31891" s="2" t="s">
        <v>20304</v>
      </c>
      <c r="B31891" s="6">
        <v>530918.54999999993</v>
      </c>
      <c r="C31891" s="7">
        <f t="shared" si="498"/>
        <v>530.91854999999998</v>
      </c>
    </row>
    <row r="31892" spans="1:3" x14ac:dyDescent="0.25">
      <c r="A31892" s="2" t="s">
        <v>20305</v>
      </c>
      <c r="B31892" s="6">
        <v>530935.19999999995</v>
      </c>
      <c r="C31892" s="7">
        <f t="shared" si="498"/>
        <v>530.93520000000001</v>
      </c>
    </row>
    <row r="31893" spans="1:3" x14ac:dyDescent="0.25">
      <c r="A31893" s="2" t="s">
        <v>20306</v>
      </c>
      <c r="B31893" s="6">
        <v>530951.85</v>
      </c>
      <c r="C31893" s="7">
        <f t="shared" si="498"/>
        <v>530.95184999999992</v>
      </c>
    </row>
    <row r="31894" spans="1:3" x14ac:dyDescent="0.25">
      <c r="A31894" s="2" t="s">
        <v>20307</v>
      </c>
      <c r="B31894" s="6">
        <v>530968.5</v>
      </c>
      <c r="C31894" s="7">
        <f t="shared" si="498"/>
        <v>530.96849999999995</v>
      </c>
    </row>
    <row r="31895" spans="1:3" x14ac:dyDescent="0.25">
      <c r="A31895" s="2" t="s">
        <v>20308</v>
      </c>
      <c r="B31895" s="6">
        <v>530985.14999999991</v>
      </c>
      <c r="C31895" s="7">
        <f t="shared" si="498"/>
        <v>530.98514999999986</v>
      </c>
    </row>
    <row r="31896" spans="1:3" x14ac:dyDescent="0.25">
      <c r="A31896" s="2" t="s">
        <v>20309</v>
      </c>
      <c r="B31896" s="6">
        <v>531001.79999999993</v>
      </c>
      <c r="C31896" s="7">
        <f t="shared" si="498"/>
        <v>531.00179999999989</v>
      </c>
    </row>
    <row r="31897" spans="1:3" x14ac:dyDescent="0.25">
      <c r="A31897" s="2" t="s">
        <v>20310</v>
      </c>
      <c r="B31897" s="6">
        <v>531018.44999999995</v>
      </c>
      <c r="C31897" s="7">
        <f t="shared" si="498"/>
        <v>531.01844999999992</v>
      </c>
    </row>
    <row r="31898" spans="1:3" x14ac:dyDescent="0.25">
      <c r="A31898" s="2" t="s">
        <v>20311</v>
      </c>
      <c r="B31898" s="6">
        <v>531035.1</v>
      </c>
      <c r="C31898" s="7">
        <f t="shared" si="498"/>
        <v>531.03509999999994</v>
      </c>
    </row>
    <row r="31899" spans="1:3" x14ac:dyDescent="0.25">
      <c r="A31899" s="2" t="s">
        <v>20312</v>
      </c>
      <c r="B31899" s="6">
        <v>531051.75</v>
      </c>
      <c r="C31899" s="7">
        <f t="shared" si="498"/>
        <v>531.05174999999997</v>
      </c>
    </row>
    <row r="31900" spans="1:3" x14ac:dyDescent="0.25">
      <c r="A31900" s="2" t="s">
        <v>20313</v>
      </c>
      <c r="B31900" s="6">
        <v>531068.39999999991</v>
      </c>
      <c r="C31900" s="7">
        <f t="shared" si="498"/>
        <v>531.06839999999988</v>
      </c>
    </row>
    <row r="31901" spans="1:3" x14ac:dyDescent="0.25">
      <c r="A31901" s="2" t="s">
        <v>20314</v>
      </c>
      <c r="B31901" s="6">
        <v>531085.04999999993</v>
      </c>
      <c r="C31901" s="7">
        <f t="shared" si="498"/>
        <v>531.08504999999991</v>
      </c>
    </row>
    <row r="31902" spans="1:3" x14ac:dyDescent="0.25">
      <c r="A31902" s="2" t="s">
        <v>20315</v>
      </c>
      <c r="B31902" s="6">
        <v>531101.69999999995</v>
      </c>
      <c r="C31902" s="7">
        <f t="shared" si="498"/>
        <v>531.10169999999994</v>
      </c>
    </row>
    <row r="31903" spans="1:3" x14ac:dyDescent="0.25">
      <c r="A31903" s="2" t="s">
        <v>20316</v>
      </c>
      <c r="B31903" s="6">
        <v>531118.35</v>
      </c>
      <c r="C31903" s="7">
        <f t="shared" si="498"/>
        <v>531.11834999999996</v>
      </c>
    </row>
    <row r="31904" spans="1:3" x14ac:dyDescent="0.25">
      <c r="A31904" s="2" t="s">
        <v>20317</v>
      </c>
      <c r="B31904" s="6">
        <v>531135</v>
      </c>
      <c r="C31904" s="7">
        <f t="shared" si="498"/>
        <v>531.13499999999999</v>
      </c>
    </row>
    <row r="31905" spans="1:3" x14ac:dyDescent="0.25">
      <c r="A31905" s="2" t="s">
        <v>20318</v>
      </c>
      <c r="B31905" s="6">
        <v>531151.64999999991</v>
      </c>
      <c r="C31905" s="7">
        <f t="shared" si="498"/>
        <v>531.1516499999999</v>
      </c>
    </row>
    <row r="31906" spans="1:3" x14ac:dyDescent="0.25">
      <c r="A31906" s="2" t="s">
        <v>20319</v>
      </c>
      <c r="B31906" s="6">
        <v>531168.29999999993</v>
      </c>
      <c r="C31906" s="7">
        <f t="shared" si="498"/>
        <v>531.16829999999993</v>
      </c>
    </row>
    <row r="31907" spans="1:3" x14ac:dyDescent="0.25">
      <c r="A31907" s="2" t="s">
        <v>20320</v>
      </c>
      <c r="B31907" s="6">
        <v>531184.94999999995</v>
      </c>
      <c r="C31907" s="7">
        <f t="shared" si="498"/>
        <v>531.18494999999996</v>
      </c>
    </row>
    <row r="31908" spans="1:3" x14ac:dyDescent="0.25">
      <c r="A31908" s="2" t="s">
        <v>20321</v>
      </c>
      <c r="B31908" s="6">
        <v>531201.6</v>
      </c>
      <c r="C31908" s="7">
        <f t="shared" si="498"/>
        <v>531.20159999999998</v>
      </c>
    </row>
    <row r="31909" spans="1:3" x14ac:dyDescent="0.25">
      <c r="A31909" s="2" t="s">
        <v>20322</v>
      </c>
      <c r="B31909" s="6">
        <v>531218.25</v>
      </c>
      <c r="C31909" s="7">
        <f t="shared" si="498"/>
        <v>531.21825000000001</v>
      </c>
    </row>
    <row r="31910" spans="1:3" x14ac:dyDescent="0.25">
      <c r="A31910" s="2" t="s">
        <v>20323</v>
      </c>
      <c r="B31910" s="6">
        <v>531234.89999999991</v>
      </c>
      <c r="C31910" s="7">
        <f t="shared" si="498"/>
        <v>531.23489999999993</v>
      </c>
    </row>
    <row r="31911" spans="1:3" x14ac:dyDescent="0.25">
      <c r="A31911" s="2" t="s">
        <v>20324</v>
      </c>
      <c r="B31911" s="6">
        <v>531251.54999999993</v>
      </c>
      <c r="C31911" s="7">
        <f t="shared" si="498"/>
        <v>531.25154999999995</v>
      </c>
    </row>
    <row r="31912" spans="1:3" x14ac:dyDescent="0.25">
      <c r="A31912" s="2" t="s">
        <v>20325</v>
      </c>
      <c r="B31912" s="6">
        <v>531268.19999999995</v>
      </c>
      <c r="C31912" s="7">
        <f t="shared" si="498"/>
        <v>531.26819999999998</v>
      </c>
    </row>
    <row r="31913" spans="1:3" x14ac:dyDescent="0.25">
      <c r="A31913" s="2" t="s">
        <v>20326</v>
      </c>
      <c r="B31913" s="6">
        <v>531284.85</v>
      </c>
      <c r="C31913" s="7">
        <f t="shared" si="498"/>
        <v>531.28485000000001</v>
      </c>
    </row>
    <row r="31914" spans="1:3" x14ac:dyDescent="0.25">
      <c r="A31914" s="2" t="s">
        <v>20327</v>
      </c>
      <c r="B31914" s="6">
        <v>531301.5</v>
      </c>
      <c r="C31914" s="7">
        <f t="shared" si="498"/>
        <v>531.30150000000003</v>
      </c>
    </row>
    <row r="31915" spans="1:3" x14ac:dyDescent="0.25">
      <c r="A31915" s="2" t="s">
        <v>20328</v>
      </c>
      <c r="B31915" s="6">
        <v>531318.14999999991</v>
      </c>
      <c r="C31915" s="7">
        <f t="shared" si="498"/>
        <v>531.31814999999995</v>
      </c>
    </row>
    <row r="31916" spans="1:3" x14ac:dyDescent="0.25">
      <c r="A31916" s="2" t="s">
        <v>20329</v>
      </c>
      <c r="B31916" s="6">
        <v>531334.79999999993</v>
      </c>
      <c r="C31916" s="7">
        <f t="shared" si="498"/>
        <v>531.33479999999997</v>
      </c>
    </row>
    <row r="31917" spans="1:3" x14ac:dyDescent="0.25">
      <c r="A31917" s="2" t="s">
        <v>20330</v>
      </c>
      <c r="B31917" s="6">
        <v>531351.44999999995</v>
      </c>
      <c r="C31917" s="7">
        <f t="shared" si="498"/>
        <v>531.35145</v>
      </c>
    </row>
    <row r="31918" spans="1:3" x14ac:dyDescent="0.25">
      <c r="A31918" s="2" t="s">
        <v>20331</v>
      </c>
      <c r="B31918" s="6">
        <v>531368.1</v>
      </c>
      <c r="C31918" s="7">
        <f t="shared" si="498"/>
        <v>531.36810000000003</v>
      </c>
    </row>
    <row r="31919" spans="1:3" x14ac:dyDescent="0.25">
      <c r="A31919" s="2" t="s">
        <v>20332</v>
      </c>
      <c r="B31919" s="6">
        <v>531384.75</v>
      </c>
      <c r="C31919" s="7">
        <f t="shared" si="498"/>
        <v>531.38475000000005</v>
      </c>
    </row>
    <row r="31920" spans="1:3" x14ac:dyDescent="0.25">
      <c r="A31920" s="2" t="s">
        <v>20333</v>
      </c>
      <c r="B31920" s="6">
        <v>531401.39999999991</v>
      </c>
      <c r="C31920" s="7">
        <f t="shared" si="498"/>
        <v>531.40139999999985</v>
      </c>
    </row>
    <row r="31921" spans="1:3" x14ac:dyDescent="0.25">
      <c r="A31921" s="2" t="s">
        <v>20334</v>
      </c>
      <c r="B31921" s="6">
        <v>531418.04999999993</v>
      </c>
      <c r="C31921" s="7">
        <f t="shared" si="498"/>
        <v>531.41804999999988</v>
      </c>
    </row>
    <row r="31922" spans="1:3" x14ac:dyDescent="0.25">
      <c r="A31922" s="2" t="s">
        <v>20335</v>
      </c>
      <c r="B31922" s="6">
        <v>531434.69999999995</v>
      </c>
      <c r="C31922" s="7">
        <f t="shared" si="498"/>
        <v>531.43469999999991</v>
      </c>
    </row>
    <row r="31923" spans="1:3" x14ac:dyDescent="0.25">
      <c r="A31923" s="2" t="s">
        <v>20336</v>
      </c>
      <c r="B31923" s="6">
        <v>531451.35</v>
      </c>
      <c r="C31923" s="7">
        <f t="shared" si="498"/>
        <v>531.45134999999993</v>
      </c>
    </row>
    <row r="31924" spans="1:3" x14ac:dyDescent="0.25">
      <c r="A31924" s="2" t="s">
        <v>20337</v>
      </c>
      <c r="B31924" s="6">
        <v>531468</v>
      </c>
      <c r="C31924" s="7">
        <f t="shared" si="498"/>
        <v>531.46799999999996</v>
      </c>
    </row>
    <row r="31925" spans="1:3" x14ac:dyDescent="0.25">
      <c r="A31925" s="2" t="s">
        <v>20338</v>
      </c>
      <c r="B31925" s="6">
        <v>531484.64999999991</v>
      </c>
      <c r="C31925" s="7">
        <f t="shared" si="498"/>
        <v>531.48464999999987</v>
      </c>
    </row>
    <row r="31926" spans="1:3" x14ac:dyDescent="0.25">
      <c r="A31926" s="2" t="s">
        <v>20339</v>
      </c>
      <c r="B31926" s="6">
        <v>531501.29999999993</v>
      </c>
      <c r="C31926" s="7">
        <f t="shared" si="498"/>
        <v>531.5012999999999</v>
      </c>
    </row>
    <row r="31927" spans="1:3" x14ac:dyDescent="0.25">
      <c r="A31927" s="2" t="s">
        <v>20340</v>
      </c>
      <c r="B31927" s="6">
        <v>531517.94999999995</v>
      </c>
      <c r="C31927" s="7">
        <f t="shared" si="498"/>
        <v>531.51794999999993</v>
      </c>
    </row>
    <row r="31928" spans="1:3" x14ac:dyDescent="0.25">
      <c r="A31928" s="2" t="s">
        <v>20341</v>
      </c>
      <c r="B31928" s="6">
        <v>531534.6</v>
      </c>
      <c r="C31928" s="7">
        <f t="shared" si="498"/>
        <v>531.53459999999995</v>
      </c>
    </row>
    <row r="31929" spans="1:3" x14ac:dyDescent="0.25">
      <c r="A31929" s="2" t="s">
        <v>20342</v>
      </c>
      <c r="B31929" s="6">
        <v>531551.25</v>
      </c>
      <c r="C31929" s="7">
        <f t="shared" si="498"/>
        <v>531.55124999999998</v>
      </c>
    </row>
    <row r="31930" spans="1:3" x14ac:dyDescent="0.25">
      <c r="A31930" s="2" t="s">
        <v>20343</v>
      </c>
      <c r="B31930" s="6">
        <v>531567.89999999991</v>
      </c>
      <c r="C31930" s="7">
        <f t="shared" si="498"/>
        <v>531.5678999999999</v>
      </c>
    </row>
    <row r="31931" spans="1:3" x14ac:dyDescent="0.25">
      <c r="A31931" s="2" t="s">
        <v>20344</v>
      </c>
      <c r="B31931" s="6">
        <v>531584.54999999993</v>
      </c>
      <c r="C31931" s="7">
        <f t="shared" si="498"/>
        <v>531.58454999999992</v>
      </c>
    </row>
    <row r="31932" spans="1:3" x14ac:dyDescent="0.25">
      <c r="A31932" s="2" t="s">
        <v>20345</v>
      </c>
      <c r="B31932" s="6">
        <v>531601.19999999995</v>
      </c>
      <c r="C31932" s="7">
        <f t="shared" si="498"/>
        <v>531.60119999999995</v>
      </c>
    </row>
    <row r="31933" spans="1:3" x14ac:dyDescent="0.25">
      <c r="A31933" s="2" t="s">
        <v>20346</v>
      </c>
      <c r="B31933" s="6">
        <v>531617.85</v>
      </c>
      <c r="C31933" s="7">
        <f t="shared" si="498"/>
        <v>531.61784999999998</v>
      </c>
    </row>
    <row r="31934" spans="1:3" x14ac:dyDescent="0.25">
      <c r="A31934" s="2" t="s">
        <v>20347</v>
      </c>
      <c r="B31934" s="6">
        <v>531634.5</v>
      </c>
      <c r="C31934" s="7">
        <f t="shared" si="498"/>
        <v>531.6345</v>
      </c>
    </row>
    <row r="31935" spans="1:3" x14ac:dyDescent="0.25">
      <c r="A31935" s="2" t="s">
        <v>20348</v>
      </c>
      <c r="B31935" s="6">
        <v>531651.14999999991</v>
      </c>
      <c r="C31935" s="7">
        <f t="shared" si="498"/>
        <v>531.65114999999992</v>
      </c>
    </row>
    <row r="31936" spans="1:3" x14ac:dyDescent="0.25">
      <c r="A31936" s="2" t="s">
        <v>20349</v>
      </c>
      <c r="B31936" s="6">
        <v>531667.79999999993</v>
      </c>
      <c r="C31936" s="7">
        <f t="shared" si="498"/>
        <v>531.66779999999994</v>
      </c>
    </row>
    <row r="31937" spans="1:3" x14ac:dyDescent="0.25">
      <c r="A31937" s="2" t="s">
        <v>20350</v>
      </c>
      <c r="B31937" s="6">
        <v>531684.44999999995</v>
      </c>
      <c r="C31937" s="7">
        <f t="shared" si="498"/>
        <v>531.68444999999997</v>
      </c>
    </row>
    <row r="31938" spans="1:3" x14ac:dyDescent="0.25">
      <c r="A31938" s="2" t="s">
        <v>20351</v>
      </c>
      <c r="B31938" s="6">
        <v>531701.1</v>
      </c>
      <c r="C31938" s="7">
        <f t="shared" si="498"/>
        <v>531.7011</v>
      </c>
    </row>
    <row r="31939" spans="1:3" x14ac:dyDescent="0.25">
      <c r="A31939" s="2" t="s">
        <v>20352</v>
      </c>
      <c r="B31939" s="6">
        <v>531717.75</v>
      </c>
      <c r="C31939" s="7">
        <f t="shared" ref="C31939:C32002" si="499">B31939/1000</f>
        <v>531.71775000000002</v>
      </c>
    </row>
    <row r="31940" spans="1:3" x14ac:dyDescent="0.25">
      <c r="A31940" s="2" t="s">
        <v>20353</v>
      </c>
      <c r="B31940" s="6">
        <v>531734.39999999991</v>
      </c>
      <c r="C31940" s="7">
        <f t="shared" si="499"/>
        <v>531.73439999999994</v>
      </c>
    </row>
    <row r="31941" spans="1:3" x14ac:dyDescent="0.25">
      <c r="A31941" s="2" t="s">
        <v>20354</v>
      </c>
      <c r="B31941" s="6">
        <v>531751.04999999993</v>
      </c>
      <c r="C31941" s="7">
        <f t="shared" si="499"/>
        <v>531.75104999999996</v>
      </c>
    </row>
    <row r="31942" spans="1:3" x14ac:dyDescent="0.25">
      <c r="A31942" s="2" t="s">
        <v>20355</v>
      </c>
      <c r="B31942" s="6">
        <v>531767.69999999995</v>
      </c>
      <c r="C31942" s="7">
        <f t="shared" si="499"/>
        <v>531.76769999999999</v>
      </c>
    </row>
    <row r="31943" spans="1:3" x14ac:dyDescent="0.25">
      <c r="A31943" s="2" t="s">
        <v>20356</v>
      </c>
      <c r="B31943" s="6">
        <v>531784.35</v>
      </c>
      <c r="C31943" s="7">
        <f t="shared" si="499"/>
        <v>531.78435000000002</v>
      </c>
    </row>
    <row r="31944" spans="1:3" x14ac:dyDescent="0.25">
      <c r="A31944" s="2" t="s">
        <v>20357</v>
      </c>
      <c r="B31944" s="6">
        <v>531801</v>
      </c>
      <c r="C31944" s="7">
        <f t="shared" si="499"/>
        <v>531.80100000000004</v>
      </c>
    </row>
    <row r="31945" spans="1:3" x14ac:dyDescent="0.25">
      <c r="A31945" s="2" t="s">
        <v>20358</v>
      </c>
      <c r="B31945" s="6">
        <v>531817.64999999991</v>
      </c>
      <c r="C31945" s="7">
        <f t="shared" si="499"/>
        <v>531.81764999999996</v>
      </c>
    </row>
    <row r="31946" spans="1:3" x14ac:dyDescent="0.25">
      <c r="A31946" s="2" t="s">
        <v>20359</v>
      </c>
      <c r="B31946" s="6">
        <v>531834.29999999993</v>
      </c>
      <c r="C31946" s="7">
        <f t="shared" si="499"/>
        <v>531.83429999999998</v>
      </c>
    </row>
    <row r="31947" spans="1:3" x14ac:dyDescent="0.25">
      <c r="A31947" s="2" t="s">
        <v>20360</v>
      </c>
      <c r="B31947" s="6">
        <v>531850.94999999995</v>
      </c>
      <c r="C31947" s="7">
        <f t="shared" si="499"/>
        <v>531.8509499999999</v>
      </c>
    </row>
    <row r="31948" spans="1:3" x14ac:dyDescent="0.25">
      <c r="A31948" s="2" t="s">
        <v>20361</v>
      </c>
      <c r="B31948" s="6">
        <v>531867.6</v>
      </c>
      <c r="C31948" s="7">
        <f t="shared" si="499"/>
        <v>531.86759999999992</v>
      </c>
    </row>
    <row r="31949" spans="1:3" x14ac:dyDescent="0.25">
      <c r="A31949" s="2" t="s">
        <v>20362</v>
      </c>
      <c r="B31949" s="6">
        <v>531884.25</v>
      </c>
      <c r="C31949" s="7">
        <f t="shared" si="499"/>
        <v>531.88424999999995</v>
      </c>
    </row>
    <row r="31950" spans="1:3" x14ac:dyDescent="0.25">
      <c r="A31950" s="2" t="s">
        <v>20363</v>
      </c>
      <c r="B31950" s="6">
        <v>531900.89999999991</v>
      </c>
      <c r="C31950" s="7">
        <f t="shared" si="499"/>
        <v>531.90089999999987</v>
      </c>
    </row>
    <row r="31951" spans="1:3" x14ac:dyDescent="0.25">
      <c r="A31951" s="2" t="s">
        <v>20364</v>
      </c>
      <c r="B31951" s="6">
        <v>531917.54999999993</v>
      </c>
      <c r="C31951" s="7">
        <f t="shared" si="499"/>
        <v>531.91754999999989</v>
      </c>
    </row>
    <row r="31952" spans="1:3" x14ac:dyDescent="0.25">
      <c r="A31952" s="2" t="s">
        <v>20365</v>
      </c>
      <c r="B31952" s="6">
        <v>531934.19999999995</v>
      </c>
      <c r="C31952" s="7">
        <f t="shared" si="499"/>
        <v>531.93419999999992</v>
      </c>
    </row>
    <row r="31953" spans="1:3" x14ac:dyDescent="0.25">
      <c r="A31953" s="2" t="s">
        <v>20366</v>
      </c>
      <c r="B31953" s="6">
        <v>531950.85</v>
      </c>
      <c r="C31953" s="7">
        <f t="shared" si="499"/>
        <v>531.95084999999995</v>
      </c>
    </row>
    <row r="31954" spans="1:3" x14ac:dyDescent="0.25">
      <c r="A31954" s="2" t="s">
        <v>20367</v>
      </c>
      <c r="B31954" s="6">
        <v>531967.5</v>
      </c>
      <c r="C31954" s="7">
        <f t="shared" si="499"/>
        <v>531.96749999999997</v>
      </c>
    </row>
    <row r="31955" spans="1:3" x14ac:dyDescent="0.25">
      <c r="A31955" s="2" t="s">
        <v>20368</v>
      </c>
      <c r="B31955" s="6">
        <v>531984.14999999991</v>
      </c>
      <c r="C31955" s="7">
        <f t="shared" si="499"/>
        <v>531.98414999999989</v>
      </c>
    </row>
    <row r="31956" spans="1:3" x14ac:dyDescent="0.25">
      <c r="A31956" s="2" t="s">
        <v>20369</v>
      </c>
      <c r="B31956" s="6">
        <v>532000.79999999993</v>
      </c>
      <c r="C31956" s="7">
        <f t="shared" si="499"/>
        <v>532.00079999999991</v>
      </c>
    </row>
    <row r="31957" spans="1:3" x14ac:dyDescent="0.25">
      <c r="A31957" s="2" t="s">
        <v>20370</v>
      </c>
      <c r="B31957" s="6">
        <v>532017.44999999995</v>
      </c>
      <c r="C31957" s="7">
        <f t="shared" si="499"/>
        <v>532.01744999999994</v>
      </c>
    </row>
    <row r="31958" spans="1:3" x14ac:dyDescent="0.25">
      <c r="A31958" s="2" t="s">
        <v>20371</v>
      </c>
      <c r="B31958" s="6">
        <v>532034.1</v>
      </c>
      <c r="C31958" s="7">
        <f t="shared" si="499"/>
        <v>532.03409999999997</v>
      </c>
    </row>
    <row r="31959" spans="1:3" x14ac:dyDescent="0.25">
      <c r="A31959" s="2" t="s">
        <v>20372</v>
      </c>
      <c r="B31959" s="6">
        <v>532050.75</v>
      </c>
      <c r="C31959" s="7">
        <f t="shared" si="499"/>
        <v>532.05074999999999</v>
      </c>
    </row>
    <row r="31960" spans="1:3" x14ac:dyDescent="0.25">
      <c r="A31960" s="2" t="s">
        <v>20373</v>
      </c>
      <c r="B31960" s="6">
        <v>532067.39999999991</v>
      </c>
      <c r="C31960" s="7">
        <f t="shared" si="499"/>
        <v>532.06739999999991</v>
      </c>
    </row>
    <row r="31961" spans="1:3" x14ac:dyDescent="0.25">
      <c r="A31961" s="2" t="s">
        <v>20374</v>
      </c>
      <c r="B31961" s="6">
        <v>532084.04999999993</v>
      </c>
      <c r="C31961" s="7">
        <f t="shared" si="499"/>
        <v>532.08404999999993</v>
      </c>
    </row>
    <row r="31962" spans="1:3" x14ac:dyDescent="0.25">
      <c r="A31962" s="2" t="s">
        <v>20375</v>
      </c>
      <c r="B31962" s="6">
        <v>532100.69999999995</v>
      </c>
      <c r="C31962" s="7">
        <f t="shared" si="499"/>
        <v>532.10069999999996</v>
      </c>
    </row>
    <row r="31963" spans="1:3" x14ac:dyDescent="0.25">
      <c r="A31963" s="2" t="s">
        <v>20376</v>
      </c>
      <c r="B31963" s="6">
        <v>532117.35</v>
      </c>
      <c r="C31963" s="7">
        <f t="shared" si="499"/>
        <v>532.11734999999999</v>
      </c>
    </row>
    <row r="31964" spans="1:3" x14ac:dyDescent="0.25">
      <c r="A31964" s="2" t="s">
        <v>20377</v>
      </c>
      <c r="B31964" s="6">
        <v>532134</v>
      </c>
      <c r="C31964" s="7">
        <f t="shared" si="499"/>
        <v>532.13400000000001</v>
      </c>
    </row>
    <row r="31965" spans="1:3" x14ac:dyDescent="0.25">
      <c r="A31965" s="2" t="s">
        <v>20378</v>
      </c>
      <c r="B31965" s="6">
        <v>532150.64999999991</v>
      </c>
      <c r="C31965" s="7">
        <f t="shared" si="499"/>
        <v>532.15064999999993</v>
      </c>
    </row>
    <row r="31966" spans="1:3" x14ac:dyDescent="0.25">
      <c r="A31966" s="2" t="s">
        <v>20379</v>
      </c>
      <c r="B31966" s="6">
        <v>532167.29999999993</v>
      </c>
      <c r="C31966" s="7">
        <f t="shared" si="499"/>
        <v>532.16729999999995</v>
      </c>
    </row>
    <row r="31967" spans="1:3" x14ac:dyDescent="0.25">
      <c r="A31967" s="2" t="s">
        <v>20380</v>
      </c>
      <c r="B31967" s="6">
        <v>532183.94999999995</v>
      </c>
      <c r="C31967" s="7">
        <f t="shared" si="499"/>
        <v>532.18394999999998</v>
      </c>
    </row>
    <row r="31968" spans="1:3" x14ac:dyDescent="0.25">
      <c r="A31968" s="2" t="s">
        <v>20381</v>
      </c>
      <c r="B31968" s="6">
        <v>532200.6</v>
      </c>
      <c r="C31968" s="7">
        <f t="shared" si="499"/>
        <v>532.20060000000001</v>
      </c>
    </row>
    <row r="31969" spans="1:3" x14ac:dyDescent="0.25">
      <c r="A31969" s="2" t="s">
        <v>20382</v>
      </c>
      <c r="B31969" s="6">
        <v>532217.25</v>
      </c>
      <c r="C31969" s="7">
        <f t="shared" si="499"/>
        <v>532.21725000000004</v>
      </c>
    </row>
    <row r="31970" spans="1:3" x14ac:dyDescent="0.25">
      <c r="A31970" s="2" t="s">
        <v>20383</v>
      </c>
      <c r="B31970" s="6">
        <v>532233.89999999991</v>
      </c>
      <c r="C31970" s="7">
        <f t="shared" si="499"/>
        <v>532.23389999999995</v>
      </c>
    </row>
    <row r="31971" spans="1:3" x14ac:dyDescent="0.25">
      <c r="A31971" s="2" t="s">
        <v>20384</v>
      </c>
      <c r="B31971" s="6">
        <v>532250.54999999993</v>
      </c>
      <c r="C31971" s="7">
        <f t="shared" si="499"/>
        <v>532.25054999999998</v>
      </c>
    </row>
    <row r="31972" spans="1:3" x14ac:dyDescent="0.25">
      <c r="A31972" s="2" t="s">
        <v>20385</v>
      </c>
      <c r="B31972" s="6">
        <v>532267.19999999995</v>
      </c>
      <c r="C31972" s="7">
        <f t="shared" si="499"/>
        <v>532.2672</v>
      </c>
    </row>
    <row r="31973" spans="1:3" x14ac:dyDescent="0.25">
      <c r="A31973" s="2" t="s">
        <v>20386</v>
      </c>
      <c r="B31973" s="6">
        <v>532283.85</v>
      </c>
      <c r="C31973" s="7">
        <f t="shared" si="499"/>
        <v>532.28385000000003</v>
      </c>
    </row>
    <row r="31974" spans="1:3" x14ac:dyDescent="0.25">
      <c r="A31974" s="2" t="s">
        <v>20387</v>
      </c>
      <c r="B31974" s="6">
        <v>532300.5</v>
      </c>
      <c r="C31974" s="7">
        <f t="shared" si="499"/>
        <v>532.30050000000006</v>
      </c>
    </row>
    <row r="31975" spans="1:3" x14ac:dyDescent="0.25">
      <c r="A31975" s="2" t="s">
        <v>20388</v>
      </c>
      <c r="B31975" s="6">
        <v>532317.14999999991</v>
      </c>
      <c r="C31975" s="7">
        <f t="shared" si="499"/>
        <v>532.31714999999986</v>
      </c>
    </row>
    <row r="31976" spans="1:3" x14ac:dyDescent="0.25">
      <c r="A31976" s="2" t="s">
        <v>20389</v>
      </c>
      <c r="B31976" s="6">
        <v>532333.79999999993</v>
      </c>
      <c r="C31976" s="7">
        <f t="shared" si="499"/>
        <v>532.33379999999988</v>
      </c>
    </row>
    <row r="31977" spans="1:3" x14ac:dyDescent="0.25">
      <c r="A31977" s="2" t="s">
        <v>20390</v>
      </c>
      <c r="B31977" s="6">
        <v>532350.44999999995</v>
      </c>
      <c r="C31977" s="7">
        <f t="shared" si="499"/>
        <v>532.35044999999991</v>
      </c>
    </row>
    <row r="31978" spans="1:3" x14ac:dyDescent="0.25">
      <c r="A31978" s="2" t="s">
        <v>20391</v>
      </c>
      <c r="B31978" s="6">
        <v>532367.1</v>
      </c>
      <c r="C31978" s="7">
        <f t="shared" si="499"/>
        <v>532.36709999999994</v>
      </c>
    </row>
    <row r="31979" spans="1:3" x14ac:dyDescent="0.25">
      <c r="A31979" s="2" t="s">
        <v>20392</v>
      </c>
      <c r="B31979" s="6">
        <v>532383.75</v>
      </c>
      <c r="C31979" s="7">
        <f t="shared" si="499"/>
        <v>532.38374999999996</v>
      </c>
    </row>
    <row r="31980" spans="1:3" x14ac:dyDescent="0.25">
      <c r="A31980" s="2" t="s">
        <v>20393</v>
      </c>
      <c r="B31980" s="6">
        <v>532400.39999999991</v>
      </c>
      <c r="C31980" s="7">
        <f t="shared" si="499"/>
        <v>532.40039999999988</v>
      </c>
    </row>
    <row r="31981" spans="1:3" x14ac:dyDescent="0.25">
      <c r="A31981" s="2" t="s">
        <v>20394</v>
      </c>
      <c r="B31981" s="6">
        <v>532417.04999999993</v>
      </c>
      <c r="C31981" s="7">
        <f t="shared" si="499"/>
        <v>532.4170499999999</v>
      </c>
    </row>
    <row r="31982" spans="1:3" x14ac:dyDescent="0.25">
      <c r="A31982" s="2" t="s">
        <v>20395</v>
      </c>
      <c r="B31982" s="6">
        <v>532433.69999999995</v>
      </c>
      <c r="C31982" s="7">
        <f t="shared" si="499"/>
        <v>532.43369999999993</v>
      </c>
    </row>
    <row r="31983" spans="1:3" x14ac:dyDescent="0.25">
      <c r="A31983" s="2" t="s">
        <v>20396</v>
      </c>
      <c r="B31983" s="6">
        <v>532450.35</v>
      </c>
      <c r="C31983" s="7">
        <f t="shared" si="499"/>
        <v>532.45034999999996</v>
      </c>
    </row>
    <row r="31984" spans="1:3" x14ac:dyDescent="0.25">
      <c r="A31984" s="2" t="s">
        <v>20397</v>
      </c>
      <c r="B31984" s="6">
        <v>532467</v>
      </c>
      <c r="C31984" s="7">
        <f t="shared" si="499"/>
        <v>532.46699999999998</v>
      </c>
    </row>
    <row r="31985" spans="1:3" x14ac:dyDescent="0.25">
      <c r="A31985" s="2" t="s">
        <v>20398</v>
      </c>
      <c r="B31985" s="6">
        <v>532483.64999999991</v>
      </c>
      <c r="C31985" s="7">
        <f t="shared" si="499"/>
        <v>532.4836499999999</v>
      </c>
    </row>
    <row r="31986" spans="1:3" x14ac:dyDescent="0.25">
      <c r="A31986" s="2" t="s">
        <v>20399</v>
      </c>
      <c r="B31986" s="6">
        <v>532500.29999999993</v>
      </c>
      <c r="C31986" s="7">
        <f t="shared" si="499"/>
        <v>532.50029999999992</v>
      </c>
    </row>
    <row r="31987" spans="1:3" x14ac:dyDescent="0.25">
      <c r="A31987" s="2" t="s">
        <v>20400</v>
      </c>
      <c r="B31987" s="6">
        <v>532516.94999999995</v>
      </c>
      <c r="C31987" s="7">
        <f t="shared" si="499"/>
        <v>532.51694999999995</v>
      </c>
    </row>
    <row r="31988" spans="1:3" x14ac:dyDescent="0.25">
      <c r="A31988" s="2" t="s">
        <v>20401</v>
      </c>
      <c r="B31988" s="6">
        <v>532533.6</v>
      </c>
      <c r="C31988" s="7">
        <f t="shared" si="499"/>
        <v>532.53359999999998</v>
      </c>
    </row>
    <row r="31989" spans="1:3" x14ac:dyDescent="0.25">
      <c r="A31989" s="2" t="s">
        <v>20402</v>
      </c>
      <c r="B31989" s="6">
        <v>532550.25</v>
      </c>
      <c r="C31989" s="7">
        <f t="shared" si="499"/>
        <v>532.55025000000001</v>
      </c>
    </row>
    <row r="31990" spans="1:3" x14ac:dyDescent="0.25">
      <c r="A31990" s="2" t="s">
        <v>20403</v>
      </c>
      <c r="B31990" s="6">
        <v>532566.89999999991</v>
      </c>
      <c r="C31990" s="7">
        <f t="shared" si="499"/>
        <v>532.56689999999992</v>
      </c>
    </row>
    <row r="31991" spans="1:3" x14ac:dyDescent="0.25">
      <c r="A31991" s="2" t="s">
        <v>20404</v>
      </c>
      <c r="B31991" s="6">
        <v>532583.54999999993</v>
      </c>
      <c r="C31991" s="7">
        <f t="shared" si="499"/>
        <v>532.58354999999995</v>
      </c>
    </row>
    <row r="31992" spans="1:3" x14ac:dyDescent="0.25">
      <c r="A31992" s="2" t="s">
        <v>20405</v>
      </c>
      <c r="B31992" s="6">
        <v>532600.19999999995</v>
      </c>
      <c r="C31992" s="7">
        <f t="shared" si="499"/>
        <v>532.60019999999997</v>
      </c>
    </row>
    <row r="31993" spans="1:3" x14ac:dyDescent="0.25">
      <c r="A31993" s="2" t="s">
        <v>20406</v>
      </c>
      <c r="B31993" s="6">
        <v>532616.85</v>
      </c>
      <c r="C31993" s="7">
        <f t="shared" si="499"/>
        <v>532.61685</v>
      </c>
    </row>
    <row r="31994" spans="1:3" x14ac:dyDescent="0.25">
      <c r="A31994" s="2" t="s">
        <v>20407</v>
      </c>
      <c r="B31994" s="6">
        <v>532633.5</v>
      </c>
      <c r="C31994" s="7">
        <f t="shared" si="499"/>
        <v>532.63350000000003</v>
      </c>
    </row>
    <row r="31995" spans="1:3" x14ac:dyDescent="0.25">
      <c r="A31995" s="2" t="s">
        <v>20408</v>
      </c>
      <c r="B31995" s="6">
        <v>532650.14999999991</v>
      </c>
      <c r="C31995" s="7">
        <f t="shared" si="499"/>
        <v>532.65014999999994</v>
      </c>
    </row>
    <row r="31996" spans="1:3" x14ac:dyDescent="0.25">
      <c r="A31996" s="2" t="s">
        <v>20409</v>
      </c>
      <c r="B31996" s="6">
        <v>532666.79999999993</v>
      </c>
      <c r="C31996" s="7">
        <f t="shared" si="499"/>
        <v>532.66679999999997</v>
      </c>
    </row>
    <row r="31997" spans="1:3" x14ac:dyDescent="0.25">
      <c r="A31997" s="2" t="s">
        <v>20410</v>
      </c>
      <c r="B31997" s="6">
        <v>532683.44999999995</v>
      </c>
      <c r="C31997" s="7">
        <f t="shared" si="499"/>
        <v>532.68344999999999</v>
      </c>
    </row>
    <row r="31998" spans="1:3" x14ac:dyDescent="0.25">
      <c r="A31998" s="2" t="s">
        <v>20411</v>
      </c>
      <c r="B31998" s="6">
        <v>532700.1</v>
      </c>
      <c r="C31998" s="7">
        <f t="shared" si="499"/>
        <v>532.70010000000002</v>
      </c>
    </row>
    <row r="31999" spans="1:3" x14ac:dyDescent="0.25">
      <c r="A31999" s="2" t="s">
        <v>20412</v>
      </c>
      <c r="B31999" s="6">
        <v>532716.75</v>
      </c>
      <c r="C31999" s="7">
        <f t="shared" si="499"/>
        <v>532.71675000000005</v>
      </c>
    </row>
    <row r="32000" spans="1:3" x14ac:dyDescent="0.25">
      <c r="A32000" s="2" t="s">
        <v>20413</v>
      </c>
      <c r="B32000" s="6">
        <v>532733.39999999991</v>
      </c>
      <c r="C32000" s="7">
        <f t="shared" si="499"/>
        <v>532.73339999999996</v>
      </c>
    </row>
    <row r="32001" spans="1:3" x14ac:dyDescent="0.25">
      <c r="A32001" s="2" t="s">
        <v>20414</v>
      </c>
      <c r="B32001" s="6">
        <v>532750.04999999993</v>
      </c>
      <c r="C32001" s="7">
        <f t="shared" si="499"/>
        <v>532.75004999999987</v>
      </c>
    </row>
    <row r="32002" spans="1:3" x14ac:dyDescent="0.25">
      <c r="A32002" s="2" t="s">
        <v>20415</v>
      </c>
      <c r="B32002" s="6">
        <v>532766.69999999995</v>
      </c>
      <c r="C32002" s="7">
        <f t="shared" si="499"/>
        <v>532.7666999999999</v>
      </c>
    </row>
    <row r="32003" spans="1:3" x14ac:dyDescent="0.25">
      <c r="A32003" s="2" t="s">
        <v>20416</v>
      </c>
      <c r="B32003" s="6">
        <v>532783.35</v>
      </c>
      <c r="C32003" s="7">
        <f t="shared" ref="C32003:C32066" si="500">B32003/1000</f>
        <v>532.78334999999993</v>
      </c>
    </row>
    <row r="32004" spans="1:3" x14ac:dyDescent="0.25">
      <c r="A32004" s="2" t="s">
        <v>20417</v>
      </c>
      <c r="B32004" s="6">
        <v>532800</v>
      </c>
      <c r="C32004" s="7">
        <f t="shared" si="500"/>
        <v>532.79999999999995</v>
      </c>
    </row>
    <row r="32005" spans="1:3" x14ac:dyDescent="0.25">
      <c r="A32005" s="2" t="s">
        <v>20418</v>
      </c>
      <c r="B32005" s="6">
        <v>532816.64999999991</v>
      </c>
      <c r="C32005" s="7">
        <f t="shared" si="500"/>
        <v>532.81664999999987</v>
      </c>
    </row>
    <row r="32006" spans="1:3" x14ac:dyDescent="0.25">
      <c r="A32006" s="2" t="s">
        <v>20419</v>
      </c>
      <c r="B32006" s="6">
        <v>532833.29999999993</v>
      </c>
      <c r="C32006" s="7">
        <f t="shared" si="500"/>
        <v>532.83329999999989</v>
      </c>
    </row>
    <row r="32007" spans="1:3" x14ac:dyDescent="0.25">
      <c r="A32007" s="2" t="s">
        <v>20420</v>
      </c>
      <c r="B32007" s="6">
        <v>532849.94999999995</v>
      </c>
      <c r="C32007" s="7">
        <f t="shared" si="500"/>
        <v>532.84994999999992</v>
      </c>
    </row>
    <row r="32008" spans="1:3" x14ac:dyDescent="0.25">
      <c r="A32008" s="2" t="s">
        <v>20421</v>
      </c>
      <c r="B32008" s="6">
        <v>532866.6</v>
      </c>
      <c r="C32008" s="7">
        <f t="shared" si="500"/>
        <v>532.86659999999995</v>
      </c>
    </row>
    <row r="32009" spans="1:3" x14ac:dyDescent="0.25">
      <c r="A32009" s="2" t="s">
        <v>20422</v>
      </c>
      <c r="B32009" s="6">
        <v>532883.25</v>
      </c>
      <c r="C32009" s="7">
        <f t="shared" si="500"/>
        <v>532.88324999999998</v>
      </c>
    </row>
    <row r="32010" spans="1:3" x14ac:dyDescent="0.25">
      <c r="A32010" s="2" t="s">
        <v>20423</v>
      </c>
      <c r="B32010" s="6">
        <v>532899.89999999991</v>
      </c>
      <c r="C32010" s="7">
        <f t="shared" si="500"/>
        <v>532.89989999999989</v>
      </c>
    </row>
    <row r="32011" spans="1:3" x14ac:dyDescent="0.25">
      <c r="A32011" s="2" t="s">
        <v>20424</v>
      </c>
      <c r="B32011" s="6">
        <v>532916.54999999993</v>
      </c>
      <c r="C32011" s="7">
        <f t="shared" si="500"/>
        <v>532.91654999999992</v>
      </c>
    </row>
    <row r="32012" spans="1:3" x14ac:dyDescent="0.25">
      <c r="A32012" s="2" t="s">
        <v>20425</v>
      </c>
      <c r="B32012" s="6">
        <v>532933.19999999995</v>
      </c>
      <c r="C32012" s="7">
        <f t="shared" si="500"/>
        <v>532.93319999999994</v>
      </c>
    </row>
    <row r="32013" spans="1:3" x14ac:dyDescent="0.25">
      <c r="A32013" s="2" t="s">
        <v>20426</v>
      </c>
      <c r="B32013" s="6">
        <v>532949.85</v>
      </c>
      <c r="C32013" s="7">
        <f t="shared" si="500"/>
        <v>532.94984999999997</v>
      </c>
    </row>
    <row r="32014" spans="1:3" x14ac:dyDescent="0.25">
      <c r="A32014" s="2" t="s">
        <v>20427</v>
      </c>
      <c r="B32014" s="6">
        <v>532966.5</v>
      </c>
      <c r="C32014" s="7">
        <f t="shared" si="500"/>
        <v>532.9665</v>
      </c>
    </row>
    <row r="32015" spans="1:3" x14ac:dyDescent="0.25">
      <c r="A32015" s="2" t="s">
        <v>20428</v>
      </c>
      <c r="B32015" s="6">
        <v>532983.14999999991</v>
      </c>
      <c r="C32015" s="7">
        <f t="shared" si="500"/>
        <v>532.98314999999991</v>
      </c>
    </row>
    <row r="32016" spans="1:3" x14ac:dyDescent="0.25">
      <c r="A32016" s="2" t="s">
        <v>20429</v>
      </c>
      <c r="B32016" s="6">
        <v>532999.79999999993</v>
      </c>
      <c r="C32016" s="7">
        <f t="shared" si="500"/>
        <v>532.99979999999994</v>
      </c>
    </row>
    <row r="32017" spans="1:3" x14ac:dyDescent="0.25">
      <c r="A32017" s="2" t="s">
        <v>20430</v>
      </c>
      <c r="B32017" s="6">
        <v>533016.44999999995</v>
      </c>
      <c r="C32017" s="7">
        <f t="shared" si="500"/>
        <v>533.01644999999996</v>
      </c>
    </row>
    <row r="32018" spans="1:3" x14ac:dyDescent="0.25">
      <c r="A32018" s="2" t="s">
        <v>20431</v>
      </c>
      <c r="B32018" s="6">
        <v>533033.1</v>
      </c>
      <c r="C32018" s="7">
        <f t="shared" si="500"/>
        <v>533.03309999999999</v>
      </c>
    </row>
    <row r="32019" spans="1:3" x14ac:dyDescent="0.25">
      <c r="A32019" s="2" t="s">
        <v>20432</v>
      </c>
      <c r="B32019" s="6">
        <v>533049.75</v>
      </c>
      <c r="C32019" s="7">
        <f t="shared" si="500"/>
        <v>533.04975000000002</v>
      </c>
    </row>
    <row r="32020" spans="1:3" x14ac:dyDescent="0.25">
      <c r="A32020" s="2" t="s">
        <v>20433</v>
      </c>
      <c r="B32020" s="6">
        <v>533066.39999999991</v>
      </c>
      <c r="C32020" s="7">
        <f t="shared" si="500"/>
        <v>533.06639999999993</v>
      </c>
    </row>
    <row r="32021" spans="1:3" x14ac:dyDescent="0.25">
      <c r="A32021" s="2" t="s">
        <v>20434</v>
      </c>
      <c r="B32021" s="6">
        <v>533083.04999999993</v>
      </c>
      <c r="C32021" s="7">
        <f t="shared" si="500"/>
        <v>533.08304999999996</v>
      </c>
    </row>
    <row r="32022" spans="1:3" x14ac:dyDescent="0.25">
      <c r="A32022" s="2" t="s">
        <v>20435</v>
      </c>
      <c r="B32022" s="6">
        <v>533099.69999999995</v>
      </c>
      <c r="C32022" s="7">
        <f t="shared" si="500"/>
        <v>533.09969999999998</v>
      </c>
    </row>
    <row r="32023" spans="1:3" x14ac:dyDescent="0.25">
      <c r="A32023" s="2" t="s">
        <v>20436</v>
      </c>
      <c r="B32023" s="6">
        <v>533116.35</v>
      </c>
      <c r="C32023" s="7">
        <f t="shared" si="500"/>
        <v>533.11635000000001</v>
      </c>
    </row>
    <row r="32024" spans="1:3" x14ac:dyDescent="0.25">
      <c r="A32024" s="2" t="s">
        <v>20437</v>
      </c>
      <c r="B32024" s="6">
        <v>533133</v>
      </c>
      <c r="C32024" s="7">
        <f t="shared" si="500"/>
        <v>533.13300000000004</v>
      </c>
    </row>
    <row r="32025" spans="1:3" x14ac:dyDescent="0.25">
      <c r="A32025" s="2" t="s">
        <v>20438</v>
      </c>
      <c r="B32025" s="6">
        <v>533149.64999999991</v>
      </c>
      <c r="C32025" s="7">
        <f t="shared" si="500"/>
        <v>533.14964999999995</v>
      </c>
    </row>
    <row r="32026" spans="1:3" x14ac:dyDescent="0.25">
      <c r="A32026" s="2" t="s">
        <v>20439</v>
      </c>
      <c r="B32026" s="6">
        <v>533166.29999999993</v>
      </c>
      <c r="C32026" s="7">
        <f t="shared" si="500"/>
        <v>533.16629999999998</v>
      </c>
    </row>
    <row r="32027" spans="1:3" x14ac:dyDescent="0.25">
      <c r="A32027" s="2" t="s">
        <v>20440</v>
      </c>
      <c r="B32027" s="6">
        <v>533182.94999999995</v>
      </c>
      <c r="C32027" s="7">
        <f t="shared" si="500"/>
        <v>533.18295000000001</v>
      </c>
    </row>
    <row r="32028" spans="1:3" x14ac:dyDescent="0.25">
      <c r="A32028" s="2" t="s">
        <v>20441</v>
      </c>
      <c r="B32028" s="6">
        <v>533199.6</v>
      </c>
      <c r="C32028" s="7">
        <f t="shared" si="500"/>
        <v>533.19960000000003</v>
      </c>
    </row>
    <row r="32029" spans="1:3" x14ac:dyDescent="0.25">
      <c r="A32029" s="2" t="s">
        <v>20442</v>
      </c>
      <c r="B32029" s="6">
        <v>533216.25</v>
      </c>
      <c r="C32029" s="7">
        <f t="shared" si="500"/>
        <v>533.21624999999995</v>
      </c>
    </row>
    <row r="32030" spans="1:3" x14ac:dyDescent="0.25">
      <c r="A32030" s="2" t="s">
        <v>20443</v>
      </c>
      <c r="B32030" s="6">
        <v>533232.89999999991</v>
      </c>
      <c r="C32030" s="7">
        <f t="shared" si="500"/>
        <v>533.23289999999986</v>
      </c>
    </row>
    <row r="32031" spans="1:3" x14ac:dyDescent="0.25">
      <c r="A32031" s="2" t="s">
        <v>20444</v>
      </c>
      <c r="B32031" s="6">
        <v>533249.54999999993</v>
      </c>
      <c r="C32031" s="7">
        <f t="shared" si="500"/>
        <v>533.24954999999989</v>
      </c>
    </row>
    <row r="32032" spans="1:3" x14ac:dyDescent="0.25">
      <c r="A32032" s="2" t="s">
        <v>20445</v>
      </c>
      <c r="B32032" s="6">
        <v>533266.19999999995</v>
      </c>
      <c r="C32032" s="7">
        <f t="shared" si="500"/>
        <v>533.26619999999991</v>
      </c>
    </row>
    <row r="32033" spans="1:3" x14ac:dyDescent="0.25">
      <c r="A32033" s="2" t="s">
        <v>20446</v>
      </c>
      <c r="B32033" s="6">
        <v>533282.85</v>
      </c>
      <c r="C32033" s="7">
        <f t="shared" si="500"/>
        <v>533.28284999999994</v>
      </c>
    </row>
    <row r="32034" spans="1:3" x14ac:dyDescent="0.25">
      <c r="A32034" s="2" t="s">
        <v>20447</v>
      </c>
      <c r="B32034" s="6">
        <v>533299.5</v>
      </c>
      <c r="C32034" s="7">
        <f t="shared" si="500"/>
        <v>533.29949999999997</v>
      </c>
    </row>
    <row r="32035" spans="1:3" x14ac:dyDescent="0.25">
      <c r="A32035" s="2" t="s">
        <v>20448</v>
      </c>
      <c r="B32035" s="6">
        <v>533316.14999999991</v>
      </c>
      <c r="C32035" s="7">
        <f t="shared" si="500"/>
        <v>533.31614999999988</v>
      </c>
    </row>
    <row r="32036" spans="1:3" x14ac:dyDescent="0.25">
      <c r="A32036" s="2" t="s">
        <v>20449</v>
      </c>
      <c r="B32036" s="6">
        <v>533332.79999999993</v>
      </c>
      <c r="C32036" s="7">
        <f t="shared" si="500"/>
        <v>533.33279999999991</v>
      </c>
    </row>
    <row r="32037" spans="1:3" x14ac:dyDescent="0.25">
      <c r="A32037" s="2" t="s">
        <v>20450</v>
      </c>
      <c r="B32037" s="6">
        <v>533349.44999999995</v>
      </c>
      <c r="C32037" s="7">
        <f t="shared" si="500"/>
        <v>533.34944999999993</v>
      </c>
    </row>
    <row r="32038" spans="1:3" x14ac:dyDescent="0.25">
      <c r="A32038" s="2" t="s">
        <v>20451</v>
      </c>
      <c r="B32038" s="6">
        <v>533366.1</v>
      </c>
      <c r="C32038" s="7">
        <f t="shared" si="500"/>
        <v>533.36609999999996</v>
      </c>
    </row>
    <row r="32039" spans="1:3" x14ac:dyDescent="0.25">
      <c r="A32039" s="2" t="s">
        <v>20452</v>
      </c>
      <c r="B32039" s="6">
        <v>533382.75</v>
      </c>
      <c r="C32039" s="7">
        <f t="shared" si="500"/>
        <v>533.38274999999999</v>
      </c>
    </row>
    <row r="32040" spans="1:3" x14ac:dyDescent="0.25">
      <c r="A32040" s="2" t="s">
        <v>20453</v>
      </c>
      <c r="B32040" s="6">
        <v>533399.39999999991</v>
      </c>
      <c r="C32040" s="7">
        <f t="shared" si="500"/>
        <v>533.3993999999999</v>
      </c>
    </row>
    <row r="32041" spans="1:3" x14ac:dyDescent="0.25">
      <c r="A32041" s="2" t="s">
        <v>20454</v>
      </c>
      <c r="B32041" s="6">
        <v>533416.04999999993</v>
      </c>
      <c r="C32041" s="7">
        <f t="shared" si="500"/>
        <v>533.41604999999993</v>
      </c>
    </row>
    <row r="32042" spans="1:3" x14ac:dyDescent="0.25">
      <c r="A32042" s="2" t="s">
        <v>20455</v>
      </c>
      <c r="B32042" s="6">
        <v>533432.69999999995</v>
      </c>
      <c r="C32042" s="7">
        <f t="shared" si="500"/>
        <v>533.43269999999995</v>
      </c>
    </row>
    <row r="32043" spans="1:3" x14ac:dyDescent="0.25">
      <c r="A32043" s="2" t="s">
        <v>20456</v>
      </c>
      <c r="B32043" s="6">
        <v>533449.35</v>
      </c>
      <c r="C32043" s="7">
        <f t="shared" si="500"/>
        <v>533.44934999999998</v>
      </c>
    </row>
    <row r="32044" spans="1:3" x14ac:dyDescent="0.25">
      <c r="A32044" s="2" t="s">
        <v>20457</v>
      </c>
      <c r="B32044" s="6">
        <v>533466</v>
      </c>
      <c r="C32044" s="7">
        <f t="shared" si="500"/>
        <v>533.46600000000001</v>
      </c>
    </row>
    <row r="32045" spans="1:3" x14ac:dyDescent="0.25">
      <c r="A32045" s="2" t="s">
        <v>20458</v>
      </c>
      <c r="B32045" s="6">
        <v>533482.64999999991</v>
      </c>
      <c r="C32045" s="7">
        <f t="shared" si="500"/>
        <v>533.48264999999992</v>
      </c>
    </row>
    <row r="32046" spans="1:3" x14ac:dyDescent="0.25">
      <c r="A32046" s="2" t="s">
        <v>20459</v>
      </c>
      <c r="B32046" s="6">
        <v>533499.29999999993</v>
      </c>
      <c r="C32046" s="7">
        <f t="shared" si="500"/>
        <v>533.49929999999995</v>
      </c>
    </row>
    <row r="32047" spans="1:3" x14ac:dyDescent="0.25">
      <c r="A32047" s="2" t="s">
        <v>20460</v>
      </c>
      <c r="B32047" s="6">
        <v>533515.94999999995</v>
      </c>
      <c r="C32047" s="7">
        <f t="shared" si="500"/>
        <v>533.51594999999998</v>
      </c>
    </row>
    <row r="32048" spans="1:3" x14ac:dyDescent="0.25">
      <c r="A32048" s="2" t="s">
        <v>20461</v>
      </c>
      <c r="B32048" s="6">
        <v>533532.6</v>
      </c>
      <c r="C32048" s="7">
        <f t="shared" si="500"/>
        <v>533.5326</v>
      </c>
    </row>
    <row r="32049" spans="1:3" x14ac:dyDescent="0.25">
      <c r="A32049" s="2" t="s">
        <v>20462</v>
      </c>
      <c r="B32049" s="6">
        <v>533549.25</v>
      </c>
      <c r="C32049" s="7">
        <f t="shared" si="500"/>
        <v>533.54925000000003</v>
      </c>
    </row>
    <row r="32050" spans="1:3" x14ac:dyDescent="0.25">
      <c r="A32050" s="2" t="s">
        <v>20463</v>
      </c>
      <c r="B32050" s="6">
        <v>533565.89999999991</v>
      </c>
      <c r="C32050" s="7">
        <f t="shared" si="500"/>
        <v>533.56589999999994</v>
      </c>
    </row>
    <row r="32051" spans="1:3" x14ac:dyDescent="0.25">
      <c r="A32051" s="2" t="s">
        <v>20464</v>
      </c>
      <c r="B32051" s="6">
        <v>533582.54999999993</v>
      </c>
      <c r="C32051" s="7">
        <f t="shared" si="500"/>
        <v>533.58254999999997</v>
      </c>
    </row>
    <row r="32052" spans="1:3" x14ac:dyDescent="0.25">
      <c r="A32052" s="2" t="s">
        <v>20465</v>
      </c>
      <c r="B32052" s="6">
        <v>533599.19999999995</v>
      </c>
      <c r="C32052" s="7">
        <f t="shared" si="500"/>
        <v>533.5992</v>
      </c>
    </row>
    <row r="32053" spans="1:3" x14ac:dyDescent="0.25">
      <c r="A32053" s="2" t="s">
        <v>20466</v>
      </c>
      <c r="B32053" s="6">
        <v>533615.85</v>
      </c>
      <c r="C32053" s="7">
        <f t="shared" si="500"/>
        <v>533.61585000000002</v>
      </c>
    </row>
    <row r="32054" spans="1:3" x14ac:dyDescent="0.25">
      <c r="A32054" s="2" t="s">
        <v>20467</v>
      </c>
      <c r="B32054" s="6">
        <v>533632.5</v>
      </c>
      <c r="C32054" s="7">
        <f t="shared" si="500"/>
        <v>533.63250000000005</v>
      </c>
    </row>
    <row r="32055" spans="1:3" x14ac:dyDescent="0.25">
      <c r="A32055" s="2" t="s">
        <v>20468</v>
      </c>
      <c r="B32055" s="6">
        <v>533649.14999999991</v>
      </c>
      <c r="C32055" s="7">
        <f t="shared" si="500"/>
        <v>533.64914999999996</v>
      </c>
    </row>
    <row r="32056" spans="1:3" x14ac:dyDescent="0.25">
      <c r="A32056" s="2" t="s">
        <v>20469</v>
      </c>
      <c r="B32056" s="6">
        <v>533665.79999999993</v>
      </c>
      <c r="C32056" s="7">
        <f t="shared" si="500"/>
        <v>533.66579999999988</v>
      </c>
    </row>
    <row r="32057" spans="1:3" x14ac:dyDescent="0.25">
      <c r="A32057" s="2" t="s">
        <v>20470</v>
      </c>
      <c r="B32057" s="6">
        <v>533682.44999999995</v>
      </c>
      <c r="C32057" s="7">
        <f t="shared" si="500"/>
        <v>533.6824499999999</v>
      </c>
    </row>
    <row r="32058" spans="1:3" x14ac:dyDescent="0.25">
      <c r="A32058" s="2" t="s">
        <v>20471</v>
      </c>
      <c r="B32058" s="6">
        <v>533699.1</v>
      </c>
      <c r="C32058" s="7">
        <f t="shared" si="500"/>
        <v>533.69909999999993</v>
      </c>
    </row>
    <row r="32059" spans="1:3" x14ac:dyDescent="0.25">
      <c r="A32059" s="2" t="s">
        <v>20472</v>
      </c>
      <c r="B32059" s="6">
        <v>533715.75</v>
      </c>
      <c r="C32059" s="7">
        <f t="shared" si="500"/>
        <v>533.71574999999996</v>
      </c>
    </row>
    <row r="32060" spans="1:3" x14ac:dyDescent="0.25">
      <c r="A32060" s="2" t="s">
        <v>20473</v>
      </c>
      <c r="B32060" s="6">
        <v>533732.39999999991</v>
      </c>
      <c r="C32060" s="7">
        <f t="shared" si="500"/>
        <v>533.73239999999987</v>
      </c>
    </row>
    <row r="32061" spans="1:3" x14ac:dyDescent="0.25">
      <c r="A32061" s="2" t="s">
        <v>20474</v>
      </c>
      <c r="B32061" s="6">
        <v>533749.04999999993</v>
      </c>
      <c r="C32061" s="7">
        <f t="shared" si="500"/>
        <v>533.7490499999999</v>
      </c>
    </row>
    <row r="32062" spans="1:3" x14ac:dyDescent="0.25">
      <c r="A32062" s="2" t="s">
        <v>20475</v>
      </c>
      <c r="B32062" s="6">
        <v>533765.69999999995</v>
      </c>
      <c r="C32062" s="7">
        <f t="shared" si="500"/>
        <v>533.76569999999992</v>
      </c>
    </row>
    <row r="32063" spans="1:3" x14ac:dyDescent="0.25">
      <c r="A32063" s="2" t="s">
        <v>20476</v>
      </c>
      <c r="B32063" s="6">
        <v>533782.35</v>
      </c>
      <c r="C32063" s="7">
        <f t="shared" si="500"/>
        <v>533.78234999999995</v>
      </c>
    </row>
    <row r="32064" spans="1:3" x14ac:dyDescent="0.25">
      <c r="A32064" s="2" t="s">
        <v>20477</v>
      </c>
      <c r="B32064" s="6">
        <v>533799</v>
      </c>
      <c r="C32064" s="7">
        <f t="shared" si="500"/>
        <v>533.79899999999998</v>
      </c>
    </row>
    <row r="32065" spans="1:3" x14ac:dyDescent="0.25">
      <c r="A32065" s="2" t="s">
        <v>20478</v>
      </c>
      <c r="B32065" s="6">
        <v>533815.64999999991</v>
      </c>
      <c r="C32065" s="7">
        <f t="shared" si="500"/>
        <v>533.81564999999989</v>
      </c>
    </row>
    <row r="32066" spans="1:3" x14ac:dyDescent="0.25">
      <c r="A32066" s="2" t="s">
        <v>20479</v>
      </c>
      <c r="B32066" s="6">
        <v>533832.29999999993</v>
      </c>
      <c r="C32066" s="7">
        <f t="shared" si="500"/>
        <v>533.83229999999992</v>
      </c>
    </row>
    <row r="32067" spans="1:3" x14ac:dyDescent="0.25">
      <c r="A32067" s="2" t="s">
        <v>20480</v>
      </c>
      <c r="B32067" s="6">
        <v>533848.94999999995</v>
      </c>
      <c r="C32067" s="7">
        <f t="shared" ref="C32067:C32130" si="501">B32067/1000</f>
        <v>533.84894999999995</v>
      </c>
    </row>
    <row r="32068" spans="1:3" x14ac:dyDescent="0.25">
      <c r="A32068" s="2" t="s">
        <v>20481</v>
      </c>
      <c r="B32068" s="6">
        <v>533865.6</v>
      </c>
      <c r="C32068" s="7">
        <f t="shared" si="501"/>
        <v>533.86559999999997</v>
      </c>
    </row>
    <row r="32069" spans="1:3" x14ac:dyDescent="0.25">
      <c r="A32069" s="2" t="s">
        <v>20482</v>
      </c>
      <c r="B32069" s="6">
        <v>533882.25</v>
      </c>
      <c r="C32069" s="7">
        <f t="shared" si="501"/>
        <v>533.88225</v>
      </c>
    </row>
    <row r="32070" spans="1:3" x14ac:dyDescent="0.25">
      <c r="A32070" s="2" t="s">
        <v>20483</v>
      </c>
      <c r="B32070" s="6">
        <v>533898.89999999991</v>
      </c>
      <c r="C32070" s="7">
        <f t="shared" si="501"/>
        <v>533.89889999999991</v>
      </c>
    </row>
    <row r="32071" spans="1:3" x14ac:dyDescent="0.25">
      <c r="A32071" s="2" t="s">
        <v>20484</v>
      </c>
      <c r="B32071" s="6">
        <v>533915.54999999993</v>
      </c>
      <c r="C32071" s="7">
        <f t="shared" si="501"/>
        <v>533.91554999999994</v>
      </c>
    </row>
    <row r="32072" spans="1:3" x14ac:dyDescent="0.25">
      <c r="A32072" s="2" t="s">
        <v>20485</v>
      </c>
      <c r="B32072" s="6">
        <v>533932.19999999995</v>
      </c>
      <c r="C32072" s="7">
        <f t="shared" si="501"/>
        <v>533.93219999999997</v>
      </c>
    </row>
    <row r="32073" spans="1:3" x14ac:dyDescent="0.25">
      <c r="A32073" s="2" t="s">
        <v>20486</v>
      </c>
      <c r="B32073" s="6">
        <v>533948.85</v>
      </c>
      <c r="C32073" s="7">
        <f t="shared" si="501"/>
        <v>533.94884999999999</v>
      </c>
    </row>
    <row r="32074" spans="1:3" x14ac:dyDescent="0.25">
      <c r="A32074" s="2" t="s">
        <v>20487</v>
      </c>
      <c r="B32074" s="6">
        <v>533965.5</v>
      </c>
      <c r="C32074" s="7">
        <f t="shared" si="501"/>
        <v>533.96550000000002</v>
      </c>
    </row>
    <row r="32075" spans="1:3" x14ac:dyDescent="0.25">
      <c r="A32075" s="2" t="s">
        <v>20488</v>
      </c>
      <c r="B32075" s="6">
        <v>533982.14999999991</v>
      </c>
      <c r="C32075" s="7">
        <f t="shared" si="501"/>
        <v>533.98214999999993</v>
      </c>
    </row>
    <row r="32076" spans="1:3" x14ac:dyDescent="0.25">
      <c r="A32076" s="2" t="s">
        <v>20489</v>
      </c>
      <c r="B32076" s="6">
        <v>533998.79999999993</v>
      </c>
      <c r="C32076" s="7">
        <f t="shared" si="501"/>
        <v>533.99879999999996</v>
      </c>
    </row>
    <row r="32077" spans="1:3" x14ac:dyDescent="0.25">
      <c r="A32077" s="2" t="s">
        <v>20490</v>
      </c>
      <c r="B32077" s="6">
        <v>534015.44999999995</v>
      </c>
      <c r="C32077" s="7">
        <f t="shared" si="501"/>
        <v>534.01544999999999</v>
      </c>
    </row>
    <row r="32078" spans="1:3" x14ac:dyDescent="0.25">
      <c r="A32078" s="2" t="s">
        <v>20491</v>
      </c>
      <c r="B32078" s="6">
        <v>534032.1</v>
      </c>
      <c r="C32078" s="7">
        <f t="shared" si="501"/>
        <v>534.03210000000001</v>
      </c>
    </row>
    <row r="32079" spans="1:3" x14ac:dyDescent="0.25">
      <c r="A32079" s="2" t="s">
        <v>20492</v>
      </c>
      <c r="B32079" s="6">
        <v>534048.75</v>
      </c>
      <c r="C32079" s="7">
        <f t="shared" si="501"/>
        <v>534.04875000000004</v>
      </c>
    </row>
    <row r="32080" spans="1:3" x14ac:dyDescent="0.25">
      <c r="A32080" s="2" t="s">
        <v>20493</v>
      </c>
      <c r="B32080" s="6">
        <v>534065.39999999991</v>
      </c>
      <c r="C32080" s="7">
        <f t="shared" si="501"/>
        <v>534.06539999999995</v>
      </c>
    </row>
    <row r="32081" spans="1:3" x14ac:dyDescent="0.25">
      <c r="A32081" s="2" t="s">
        <v>20494</v>
      </c>
      <c r="B32081" s="6">
        <v>534082.04999999993</v>
      </c>
      <c r="C32081" s="7">
        <f t="shared" si="501"/>
        <v>534.08204999999998</v>
      </c>
    </row>
    <row r="32082" spans="1:3" x14ac:dyDescent="0.25">
      <c r="A32082" s="2" t="s">
        <v>20495</v>
      </c>
      <c r="B32082" s="6">
        <v>534098.69999999995</v>
      </c>
      <c r="C32082" s="7">
        <f t="shared" si="501"/>
        <v>534.09870000000001</v>
      </c>
    </row>
    <row r="32083" spans="1:3" x14ac:dyDescent="0.25">
      <c r="A32083" s="2" t="s">
        <v>20496</v>
      </c>
      <c r="B32083" s="6">
        <v>534115.35</v>
      </c>
      <c r="C32083" s="7">
        <f t="shared" si="501"/>
        <v>534.11534999999992</v>
      </c>
    </row>
    <row r="32084" spans="1:3" x14ac:dyDescent="0.25">
      <c r="A32084" s="2" t="s">
        <v>20497</v>
      </c>
      <c r="B32084" s="6">
        <v>534132</v>
      </c>
      <c r="C32084" s="7">
        <f t="shared" si="501"/>
        <v>534.13199999999995</v>
      </c>
    </row>
    <row r="32085" spans="1:3" x14ac:dyDescent="0.25">
      <c r="A32085" s="2" t="s">
        <v>20498</v>
      </c>
      <c r="B32085" s="6">
        <v>534148.64999999991</v>
      </c>
      <c r="C32085" s="7">
        <f t="shared" si="501"/>
        <v>534.14864999999986</v>
      </c>
    </row>
    <row r="32086" spans="1:3" x14ac:dyDescent="0.25">
      <c r="A32086" s="2" t="s">
        <v>20499</v>
      </c>
      <c r="B32086" s="6">
        <v>534165.29999999993</v>
      </c>
      <c r="C32086" s="7">
        <f t="shared" si="501"/>
        <v>534.16529999999989</v>
      </c>
    </row>
    <row r="32087" spans="1:3" x14ac:dyDescent="0.25">
      <c r="A32087" s="2" t="s">
        <v>20500</v>
      </c>
      <c r="B32087" s="6">
        <v>534181.94999999995</v>
      </c>
      <c r="C32087" s="7">
        <f t="shared" si="501"/>
        <v>534.18194999999992</v>
      </c>
    </row>
    <row r="32088" spans="1:3" x14ac:dyDescent="0.25">
      <c r="A32088" s="2" t="s">
        <v>20501</v>
      </c>
      <c r="B32088" s="6">
        <v>534198.6</v>
      </c>
      <c r="C32088" s="7">
        <f t="shared" si="501"/>
        <v>534.19859999999994</v>
      </c>
    </row>
    <row r="32089" spans="1:3" x14ac:dyDescent="0.25">
      <c r="A32089" s="2" t="s">
        <v>20502</v>
      </c>
      <c r="B32089" s="6">
        <v>534215.25</v>
      </c>
      <c r="C32089" s="7">
        <f t="shared" si="501"/>
        <v>534.21524999999997</v>
      </c>
    </row>
    <row r="32090" spans="1:3" x14ac:dyDescent="0.25">
      <c r="A32090" s="2" t="s">
        <v>20503</v>
      </c>
      <c r="B32090" s="6">
        <v>534231.89999999991</v>
      </c>
      <c r="C32090" s="7">
        <f t="shared" si="501"/>
        <v>534.23189999999988</v>
      </c>
    </row>
    <row r="32091" spans="1:3" x14ac:dyDescent="0.25">
      <c r="A32091" s="2" t="s">
        <v>20504</v>
      </c>
      <c r="B32091" s="6">
        <v>534248.54999999993</v>
      </c>
      <c r="C32091" s="7">
        <f t="shared" si="501"/>
        <v>534.24854999999991</v>
      </c>
    </row>
    <row r="32092" spans="1:3" x14ac:dyDescent="0.25">
      <c r="A32092" s="2" t="s">
        <v>20505</v>
      </c>
      <c r="B32092" s="6">
        <v>534265.19999999995</v>
      </c>
      <c r="C32092" s="7">
        <f t="shared" si="501"/>
        <v>534.26519999999994</v>
      </c>
    </row>
    <row r="32093" spans="1:3" x14ac:dyDescent="0.25">
      <c r="A32093" s="2" t="s">
        <v>20506</v>
      </c>
      <c r="B32093" s="6">
        <v>534281.85</v>
      </c>
      <c r="C32093" s="7">
        <f t="shared" si="501"/>
        <v>534.28184999999996</v>
      </c>
    </row>
    <row r="32094" spans="1:3" x14ac:dyDescent="0.25">
      <c r="A32094" s="2" t="s">
        <v>20507</v>
      </c>
      <c r="B32094" s="6">
        <v>534298.5</v>
      </c>
      <c r="C32094" s="7">
        <f t="shared" si="501"/>
        <v>534.29849999999999</v>
      </c>
    </row>
    <row r="32095" spans="1:3" x14ac:dyDescent="0.25">
      <c r="A32095" s="2" t="s">
        <v>20508</v>
      </c>
      <c r="B32095" s="6">
        <v>534315.14999999991</v>
      </c>
      <c r="C32095" s="7">
        <f t="shared" si="501"/>
        <v>534.3151499999999</v>
      </c>
    </row>
    <row r="32096" spans="1:3" x14ac:dyDescent="0.25">
      <c r="A32096" s="2" t="s">
        <v>20509</v>
      </c>
      <c r="B32096" s="6">
        <v>534331.79999999993</v>
      </c>
      <c r="C32096" s="7">
        <f t="shared" si="501"/>
        <v>534.33179999999993</v>
      </c>
    </row>
    <row r="32097" spans="1:3" x14ac:dyDescent="0.25">
      <c r="A32097" s="2" t="s">
        <v>20510</v>
      </c>
      <c r="B32097" s="6">
        <v>534348.44999999995</v>
      </c>
      <c r="C32097" s="7">
        <f t="shared" si="501"/>
        <v>534.34844999999996</v>
      </c>
    </row>
    <row r="32098" spans="1:3" x14ac:dyDescent="0.25">
      <c r="A32098" s="2" t="s">
        <v>20511</v>
      </c>
      <c r="B32098" s="6">
        <v>534365.1</v>
      </c>
      <c r="C32098" s="7">
        <f t="shared" si="501"/>
        <v>534.36509999999998</v>
      </c>
    </row>
    <row r="32099" spans="1:3" x14ac:dyDescent="0.25">
      <c r="A32099" s="2" t="s">
        <v>20512</v>
      </c>
      <c r="B32099" s="6">
        <v>534381.75</v>
      </c>
      <c r="C32099" s="7">
        <f t="shared" si="501"/>
        <v>534.38175000000001</v>
      </c>
    </row>
    <row r="32100" spans="1:3" x14ac:dyDescent="0.25">
      <c r="A32100" s="2" t="s">
        <v>20513</v>
      </c>
      <c r="B32100" s="6">
        <v>534398.39999999991</v>
      </c>
      <c r="C32100" s="7">
        <f t="shared" si="501"/>
        <v>534.39839999999992</v>
      </c>
    </row>
    <row r="32101" spans="1:3" x14ac:dyDescent="0.25">
      <c r="A32101" s="2" t="s">
        <v>20514</v>
      </c>
      <c r="B32101" s="6">
        <v>534415.04999999993</v>
      </c>
      <c r="C32101" s="7">
        <f t="shared" si="501"/>
        <v>534.41504999999995</v>
      </c>
    </row>
    <row r="32102" spans="1:3" x14ac:dyDescent="0.25">
      <c r="A32102" s="2" t="s">
        <v>20515</v>
      </c>
      <c r="B32102" s="6">
        <v>534431.69999999995</v>
      </c>
      <c r="C32102" s="7">
        <f t="shared" si="501"/>
        <v>534.43169999999998</v>
      </c>
    </row>
    <row r="32103" spans="1:3" x14ac:dyDescent="0.25">
      <c r="A32103" s="2" t="s">
        <v>20516</v>
      </c>
      <c r="B32103" s="6">
        <v>534448.35</v>
      </c>
      <c r="C32103" s="7">
        <f t="shared" si="501"/>
        <v>534.44835</v>
      </c>
    </row>
    <row r="32104" spans="1:3" x14ac:dyDescent="0.25">
      <c r="A32104" s="2" t="s">
        <v>20517</v>
      </c>
      <c r="B32104" s="6">
        <v>534465</v>
      </c>
      <c r="C32104" s="7">
        <f t="shared" si="501"/>
        <v>534.46500000000003</v>
      </c>
    </row>
    <row r="32105" spans="1:3" x14ac:dyDescent="0.25">
      <c r="A32105" s="2" t="s">
        <v>20518</v>
      </c>
      <c r="B32105" s="6">
        <v>534481.64999999991</v>
      </c>
      <c r="C32105" s="7">
        <f t="shared" si="501"/>
        <v>534.48164999999995</v>
      </c>
    </row>
    <row r="32106" spans="1:3" x14ac:dyDescent="0.25">
      <c r="A32106" s="2" t="s">
        <v>20519</v>
      </c>
      <c r="B32106" s="6">
        <v>534498.29999999993</v>
      </c>
      <c r="C32106" s="7">
        <f t="shared" si="501"/>
        <v>534.49829999999997</v>
      </c>
    </row>
    <row r="32107" spans="1:3" x14ac:dyDescent="0.25">
      <c r="A32107" s="2" t="s">
        <v>20520</v>
      </c>
      <c r="B32107" s="6">
        <v>534514.94999999995</v>
      </c>
      <c r="C32107" s="7">
        <f t="shared" si="501"/>
        <v>534.51495</v>
      </c>
    </row>
    <row r="32108" spans="1:3" x14ac:dyDescent="0.25">
      <c r="A32108" s="2" t="s">
        <v>20521</v>
      </c>
      <c r="B32108" s="6">
        <v>534531.6</v>
      </c>
      <c r="C32108" s="7">
        <f t="shared" si="501"/>
        <v>534.53160000000003</v>
      </c>
    </row>
    <row r="32109" spans="1:3" x14ac:dyDescent="0.25">
      <c r="A32109" s="2" t="s">
        <v>20522</v>
      </c>
      <c r="B32109" s="6">
        <v>534548.25</v>
      </c>
      <c r="C32109" s="7">
        <f t="shared" si="501"/>
        <v>534.54825000000005</v>
      </c>
    </row>
    <row r="32110" spans="1:3" x14ac:dyDescent="0.25">
      <c r="A32110" s="2" t="s">
        <v>20523</v>
      </c>
      <c r="B32110" s="6">
        <v>534564.89999999991</v>
      </c>
      <c r="C32110" s="7">
        <f t="shared" si="501"/>
        <v>534.56489999999985</v>
      </c>
    </row>
    <row r="32111" spans="1:3" x14ac:dyDescent="0.25">
      <c r="A32111" s="2" t="s">
        <v>20524</v>
      </c>
      <c r="B32111" s="6">
        <v>534581.54999999993</v>
      </c>
      <c r="C32111" s="7">
        <f t="shared" si="501"/>
        <v>534.58154999999988</v>
      </c>
    </row>
    <row r="32112" spans="1:3" x14ac:dyDescent="0.25">
      <c r="A32112" s="2" t="s">
        <v>20525</v>
      </c>
      <c r="B32112" s="6">
        <v>534598.19999999995</v>
      </c>
      <c r="C32112" s="7">
        <f t="shared" si="501"/>
        <v>534.59819999999991</v>
      </c>
    </row>
    <row r="32113" spans="1:3" x14ac:dyDescent="0.25">
      <c r="A32113" s="2" t="s">
        <v>20526</v>
      </c>
      <c r="B32113" s="6">
        <v>534614.85</v>
      </c>
      <c r="C32113" s="7">
        <f t="shared" si="501"/>
        <v>534.61484999999993</v>
      </c>
    </row>
    <row r="32114" spans="1:3" x14ac:dyDescent="0.25">
      <c r="A32114" s="2" t="s">
        <v>20527</v>
      </c>
      <c r="B32114" s="6">
        <v>534631.5</v>
      </c>
      <c r="C32114" s="7">
        <f t="shared" si="501"/>
        <v>534.63149999999996</v>
      </c>
    </row>
    <row r="32115" spans="1:3" x14ac:dyDescent="0.25">
      <c r="A32115" s="2" t="s">
        <v>20528</v>
      </c>
      <c r="B32115" s="6">
        <v>534648.14999999991</v>
      </c>
      <c r="C32115" s="7">
        <f t="shared" si="501"/>
        <v>534.64814999999987</v>
      </c>
    </row>
    <row r="32116" spans="1:3" x14ac:dyDescent="0.25">
      <c r="A32116" s="2" t="s">
        <v>20529</v>
      </c>
      <c r="B32116" s="6">
        <v>534664.79999999993</v>
      </c>
      <c r="C32116" s="7">
        <f t="shared" si="501"/>
        <v>534.6647999999999</v>
      </c>
    </row>
    <row r="32117" spans="1:3" x14ac:dyDescent="0.25">
      <c r="A32117" s="2" t="s">
        <v>20530</v>
      </c>
      <c r="B32117" s="6">
        <v>534681.44999999995</v>
      </c>
      <c r="C32117" s="7">
        <f t="shared" si="501"/>
        <v>534.68144999999993</v>
      </c>
    </row>
    <row r="32118" spans="1:3" x14ac:dyDescent="0.25">
      <c r="A32118" s="2" t="s">
        <v>20531</v>
      </c>
      <c r="B32118" s="6">
        <v>534698.1</v>
      </c>
      <c r="C32118" s="7">
        <f t="shared" si="501"/>
        <v>534.69809999999995</v>
      </c>
    </row>
    <row r="32119" spans="1:3" x14ac:dyDescent="0.25">
      <c r="A32119" s="2" t="s">
        <v>20532</v>
      </c>
      <c r="B32119" s="6">
        <v>534714.75</v>
      </c>
      <c r="C32119" s="7">
        <f t="shared" si="501"/>
        <v>534.71474999999998</v>
      </c>
    </row>
    <row r="32120" spans="1:3" x14ac:dyDescent="0.25">
      <c r="A32120" s="2" t="s">
        <v>20533</v>
      </c>
      <c r="B32120" s="6">
        <v>534731.39999999991</v>
      </c>
      <c r="C32120" s="7">
        <f t="shared" si="501"/>
        <v>534.73139999999989</v>
      </c>
    </row>
    <row r="32121" spans="1:3" x14ac:dyDescent="0.25">
      <c r="A32121" s="2" t="s">
        <v>20534</v>
      </c>
      <c r="B32121" s="6">
        <v>534748.04999999993</v>
      </c>
      <c r="C32121" s="7">
        <f t="shared" si="501"/>
        <v>534.74804999999992</v>
      </c>
    </row>
    <row r="32122" spans="1:3" x14ac:dyDescent="0.25">
      <c r="A32122" s="2" t="s">
        <v>20535</v>
      </c>
      <c r="B32122" s="6">
        <v>534764.69999999995</v>
      </c>
      <c r="C32122" s="7">
        <f t="shared" si="501"/>
        <v>534.76469999999995</v>
      </c>
    </row>
    <row r="32123" spans="1:3" x14ac:dyDescent="0.25">
      <c r="A32123" s="2" t="s">
        <v>20536</v>
      </c>
      <c r="B32123" s="6">
        <v>534781.35</v>
      </c>
      <c r="C32123" s="7">
        <f t="shared" si="501"/>
        <v>534.78134999999997</v>
      </c>
    </row>
    <row r="32124" spans="1:3" x14ac:dyDescent="0.25">
      <c r="A32124" s="2" t="s">
        <v>20537</v>
      </c>
      <c r="B32124" s="6">
        <v>534798</v>
      </c>
      <c r="C32124" s="7">
        <f t="shared" si="501"/>
        <v>534.798</v>
      </c>
    </row>
    <row r="32125" spans="1:3" x14ac:dyDescent="0.25">
      <c r="A32125" s="2" t="s">
        <v>20538</v>
      </c>
      <c r="B32125" s="6">
        <v>534814.64999999991</v>
      </c>
      <c r="C32125" s="7">
        <f t="shared" si="501"/>
        <v>534.81464999999992</v>
      </c>
    </row>
    <row r="32126" spans="1:3" x14ac:dyDescent="0.25">
      <c r="A32126" s="2" t="s">
        <v>20539</v>
      </c>
      <c r="B32126" s="6">
        <v>534831.29999999993</v>
      </c>
      <c r="C32126" s="7">
        <f t="shared" si="501"/>
        <v>534.83129999999994</v>
      </c>
    </row>
    <row r="32127" spans="1:3" x14ac:dyDescent="0.25">
      <c r="A32127" s="2" t="s">
        <v>20540</v>
      </c>
      <c r="B32127" s="6">
        <v>534847.94999999995</v>
      </c>
      <c r="C32127" s="7">
        <f t="shared" si="501"/>
        <v>534.84794999999997</v>
      </c>
    </row>
    <row r="32128" spans="1:3" x14ac:dyDescent="0.25">
      <c r="A32128" s="2" t="s">
        <v>20541</v>
      </c>
      <c r="B32128" s="6">
        <v>534864.6</v>
      </c>
      <c r="C32128" s="7">
        <f t="shared" si="501"/>
        <v>534.8646</v>
      </c>
    </row>
    <row r="32129" spans="1:3" x14ac:dyDescent="0.25">
      <c r="A32129" s="2" t="s">
        <v>20542</v>
      </c>
      <c r="B32129" s="6">
        <v>534881.25</v>
      </c>
      <c r="C32129" s="7">
        <f t="shared" si="501"/>
        <v>534.88125000000002</v>
      </c>
    </row>
    <row r="32130" spans="1:3" x14ac:dyDescent="0.25">
      <c r="A32130" s="2" t="s">
        <v>20543</v>
      </c>
      <c r="B32130" s="6">
        <v>534897.89999999991</v>
      </c>
      <c r="C32130" s="7">
        <f t="shared" si="501"/>
        <v>534.89789999999994</v>
      </c>
    </row>
    <row r="32131" spans="1:3" x14ac:dyDescent="0.25">
      <c r="A32131" s="2" t="s">
        <v>20544</v>
      </c>
      <c r="B32131" s="6">
        <v>534914.54999999993</v>
      </c>
      <c r="C32131" s="7">
        <f t="shared" ref="C32131:C32194" si="502">B32131/1000</f>
        <v>534.91454999999996</v>
      </c>
    </row>
    <row r="32132" spans="1:3" x14ac:dyDescent="0.25">
      <c r="A32132" s="2" t="s">
        <v>20545</v>
      </c>
      <c r="B32132" s="6">
        <v>534931.19999999995</v>
      </c>
      <c r="C32132" s="7">
        <f t="shared" si="502"/>
        <v>534.93119999999999</v>
      </c>
    </row>
    <row r="32133" spans="1:3" x14ac:dyDescent="0.25">
      <c r="A32133" s="2" t="s">
        <v>20546</v>
      </c>
      <c r="B32133" s="6">
        <v>534947.85</v>
      </c>
      <c r="C32133" s="7">
        <f t="shared" si="502"/>
        <v>534.94785000000002</v>
      </c>
    </row>
    <row r="32134" spans="1:3" x14ac:dyDescent="0.25">
      <c r="A32134" s="2" t="s">
        <v>20547</v>
      </c>
      <c r="B32134" s="6">
        <v>534964.5</v>
      </c>
      <c r="C32134" s="7">
        <f t="shared" si="502"/>
        <v>534.96450000000004</v>
      </c>
    </row>
    <row r="32135" spans="1:3" x14ac:dyDescent="0.25">
      <c r="A32135" s="2" t="s">
        <v>20548</v>
      </c>
      <c r="B32135" s="6">
        <v>534981.14999999991</v>
      </c>
      <c r="C32135" s="7">
        <f t="shared" si="502"/>
        <v>534.98114999999996</v>
      </c>
    </row>
    <row r="32136" spans="1:3" x14ac:dyDescent="0.25">
      <c r="A32136" s="2" t="s">
        <v>20549</v>
      </c>
      <c r="B32136" s="6">
        <v>534997.79999999993</v>
      </c>
      <c r="C32136" s="7">
        <f t="shared" si="502"/>
        <v>534.99779999999998</v>
      </c>
    </row>
    <row r="32137" spans="1:3" x14ac:dyDescent="0.25">
      <c r="A32137" s="2" t="s">
        <v>20550</v>
      </c>
      <c r="B32137" s="6">
        <v>535014.44999999995</v>
      </c>
      <c r="C32137" s="7">
        <f t="shared" si="502"/>
        <v>535.0144499999999</v>
      </c>
    </row>
    <row r="32138" spans="1:3" x14ac:dyDescent="0.25">
      <c r="A32138" s="2" t="s">
        <v>20551</v>
      </c>
      <c r="B32138" s="6">
        <v>535031.1</v>
      </c>
      <c r="C32138" s="7">
        <f t="shared" si="502"/>
        <v>535.03109999999992</v>
      </c>
    </row>
    <row r="32139" spans="1:3" x14ac:dyDescent="0.25">
      <c r="A32139" s="2" t="s">
        <v>20552</v>
      </c>
      <c r="B32139" s="6">
        <v>535047.75</v>
      </c>
      <c r="C32139" s="7">
        <f t="shared" si="502"/>
        <v>535.04774999999995</v>
      </c>
    </row>
    <row r="32140" spans="1:3" x14ac:dyDescent="0.25">
      <c r="A32140" s="2" t="s">
        <v>20553</v>
      </c>
      <c r="B32140" s="6">
        <v>535064.39999999991</v>
      </c>
      <c r="C32140" s="7">
        <f t="shared" si="502"/>
        <v>535.06439999999986</v>
      </c>
    </row>
    <row r="32141" spans="1:3" x14ac:dyDescent="0.25">
      <c r="A32141" s="2" t="s">
        <v>20554</v>
      </c>
      <c r="B32141" s="6">
        <v>535081.04999999993</v>
      </c>
      <c r="C32141" s="7">
        <f t="shared" si="502"/>
        <v>535.08104999999989</v>
      </c>
    </row>
    <row r="32142" spans="1:3" x14ac:dyDescent="0.25">
      <c r="A32142" s="2" t="s">
        <v>20555</v>
      </c>
      <c r="B32142" s="6">
        <v>535097.69999999995</v>
      </c>
      <c r="C32142" s="7">
        <f t="shared" si="502"/>
        <v>535.09769999999992</v>
      </c>
    </row>
    <row r="32143" spans="1:3" x14ac:dyDescent="0.25">
      <c r="A32143" s="2" t="s">
        <v>20556</v>
      </c>
      <c r="B32143" s="6">
        <v>535114.35</v>
      </c>
      <c r="C32143" s="7">
        <f t="shared" si="502"/>
        <v>535.11434999999994</v>
      </c>
    </row>
    <row r="32144" spans="1:3" x14ac:dyDescent="0.25">
      <c r="A32144" s="2" t="s">
        <v>20557</v>
      </c>
      <c r="B32144" s="6">
        <v>535131</v>
      </c>
      <c r="C32144" s="7">
        <f t="shared" si="502"/>
        <v>535.13099999999997</v>
      </c>
    </row>
    <row r="32145" spans="1:3" x14ac:dyDescent="0.25">
      <c r="A32145" s="2" t="s">
        <v>20558</v>
      </c>
      <c r="B32145" s="6">
        <v>535147.64999999991</v>
      </c>
      <c r="C32145" s="7">
        <f t="shared" si="502"/>
        <v>535.14764999999989</v>
      </c>
    </row>
    <row r="32146" spans="1:3" x14ac:dyDescent="0.25">
      <c r="A32146" s="2" t="s">
        <v>20559</v>
      </c>
      <c r="B32146" s="6">
        <v>535164.29999999993</v>
      </c>
      <c r="C32146" s="7">
        <f t="shared" si="502"/>
        <v>535.16429999999991</v>
      </c>
    </row>
    <row r="32147" spans="1:3" x14ac:dyDescent="0.25">
      <c r="A32147" s="2" t="s">
        <v>20560</v>
      </c>
      <c r="B32147" s="6">
        <v>535180.94999999995</v>
      </c>
      <c r="C32147" s="7">
        <f t="shared" si="502"/>
        <v>535.18094999999994</v>
      </c>
    </row>
    <row r="32148" spans="1:3" x14ac:dyDescent="0.25">
      <c r="A32148" s="2" t="s">
        <v>20561</v>
      </c>
      <c r="B32148" s="6">
        <v>535197.6</v>
      </c>
      <c r="C32148" s="7">
        <f t="shared" si="502"/>
        <v>535.19759999999997</v>
      </c>
    </row>
    <row r="32149" spans="1:3" x14ac:dyDescent="0.25">
      <c r="A32149" s="2" t="s">
        <v>20562</v>
      </c>
      <c r="B32149" s="6">
        <v>535214.25</v>
      </c>
      <c r="C32149" s="7">
        <f t="shared" si="502"/>
        <v>535.21424999999999</v>
      </c>
    </row>
    <row r="32150" spans="1:3" x14ac:dyDescent="0.25">
      <c r="A32150" s="2" t="s">
        <v>20563</v>
      </c>
      <c r="B32150" s="6">
        <v>535230.89999999991</v>
      </c>
      <c r="C32150" s="7">
        <f t="shared" si="502"/>
        <v>535.23089999999991</v>
      </c>
    </row>
    <row r="32151" spans="1:3" x14ac:dyDescent="0.25">
      <c r="A32151" s="2" t="s">
        <v>20564</v>
      </c>
      <c r="B32151" s="6">
        <v>535247.54999999993</v>
      </c>
      <c r="C32151" s="7">
        <f t="shared" si="502"/>
        <v>535.24754999999993</v>
      </c>
    </row>
    <row r="32152" spans="1:3" x14ac:dyDescent="0.25">
      <c r="A32152" s="2" t="s">
        <v>20565</v>
      </c>
      <c r="B32152" s="6">
        <v>535264.19999999995</v>
      </c>
      <c r="C32152" s="7">
        <f t="shared" si="502"/>
        <v>535.26419999999996</v>
      </c>
    </row>
    <row r="32153" spans="1:3" x14ac:dyDescent="0.25">
      <c r="A32153" s="2" t="s">
        <v>20566</v>
      </c>
      <c r="B32153" s="6">
        <v>535280.85</v>
      </c>
      <c r="C32153" s="7">
        <f t="shared" si="502"/>
        <v>535.28084999999999</v>
      </c>
    </row>
    <row r="32154" spans="1:3" x14ac:dyDescent="0.25">
      <c r="A32154" s="2" t="s">
        <v>20567</v>
      </c>
      <c r="B32154" s="6">
        <v>535297.5</v>
      </c>
      <c r="C32154" s="7">
        <f t="shared" si="502"/>
        <v>535.29750000000001</v>
      </c>
    </row>
    <row r="32155" spans="1:3" x14ac:dyDescent="0.25">
      <c r="A32155" s="2" t="s">
        <v>20568</v>
      </c>
      <c r="B32155" s="6">
        <v>535314.14999999991</v>
      </c>
      <c r="C32155" s="7">
        <f t="shared" si="502"/>
        <v>535.31414999999993</v>
      </c>
    </row>
    <row r="32156" spans="1:3" x14ac:dyDescent="0.25">
      <c r="A32156" s="2" t="s">
        <v>20569</v>
      </c>
      <c r="B32156" s="6">
        <v>535330.79999999993</v>
      </c>
      <c r="C32156" s="7">
        <f t="shared" si="502"/>
        <v>535.33079999999995</v>
      </c>
    </row>
    <row r="32157" spans="1:3" x14ac:dyDescent="0.25">
      <c r="A32157" s="2" t="s">
        <v>20570</v>
      </c>
      <c r="B32157" s="6">
        <v>535347.44999999995</v>
      </c>
      <c r="C32157" s="7">
        <f t="shared" si="502"/>
        <v>535.34744999999998</v>
      </c>
    </row>
    <row r="32158" spans="1:3" x14ac:dyDescent="0.25">
      <c r="A32158" s="2" t="s">
        <v>20571</v>
      </c>
      <c r="B32158" s="6">
        <v>535364.1</v>
      </c>
      <c r="C32158" s="7">
        <f t="shared" si="502"/>
        <v>535.36410000000001</v>
      </c>
    </row>
    <row r="32159" spans="1:3" x14ac:dyDescent="0.25">
      <c r="A32159" s="2" t="s">
        <v>20572</v>
      </c>
      <c r="B32159" s="6">
        <v>535380.75</v>
      </c>
      <c r="C32159" s="7">
        <f t="shared" si="502"/>
        <v>535.38075000000003</v>
      </c>
    </row>
    <row r="32160" spans="1:3" x14ac:dyDescent="0.25">
      <c r="A32160" s="2" t="s">
        <v>20573</v>
      </c>
      <c r="B32160" s="6">
        <v>535397.39999999991</v>
      </c>
      <c r="C32160" s="7">
        <f t="shared" si="502"/>
        <v>535.39739999999995</v>
      </c>
    </row>
    <row r="32161" spans="1:3" x14ac:dyDescent="0.25">
      <c r="A32161" s="2" t="s">
        <v>20574</v>
      </c>
      <c r="B32161" s="6">
        <v>535414.04999999993</v>
      </c>
      <c r="C32161" s="7">
        <f t="shared" si="502"/>
        <v>535.41404999999997</v>
      </c>
    </row>
    <row r="32162" spans="1:3" x14ac:dyDescent="0.25">
      <c r="A32162" s="2" t="s">
        <v>20575</v>
      </c>
      <c r="B32162" s="6">
        <v>535430.69999999995</v>
      </c>
      <c r="C32162" s="7">
        <f t="shared" si="502"/>
        <v>535.4307</v>
      </c>
    </row>
    <row r="32163" spans="1:3" x14ac:dyDescent="0.25">
      <c r="A32163" s="2" t="s">
        <v>20576</v>
      </c>
      <c r="B32163" s="6">
        <v>535447.35</v>
      </c>
      <c r="C32163" s="7">
        <f t="shared" si="502"/>
        <v>535.44735000000003</v>
      </c>
    </row>
    <row r="32164" spans="1:3" x14ac:dyDescent="0.25">
      <c r="A32164" s="2" t="s">
        <v>20577</v>
      </c>
      <c r="B32164" s="6">
        <v>535464</v>
      </c>
      <c r="C32164" s="7">
        <f t="shared" si="502"/>
        <v>535.46400000000006</v>
      </c>
    </row>
    <row r="32165" spans="1:3" x14ac:dyDescent="0.25">
      <c r="A32165" s="2" t="s">
        <v>20578</v>
      </c>
      <c r="B32165" s="6">
        <v>535480.64999999991</v>
      </c>
      <c r="C32165" s="7">
        <f t="shared" si="502"/>
        <v>535.48064999999986</v>
      </c>
    </row>
    <row r="32166" spans="1:3" x14ac:dyDescent="0.25">
      <c r="A32166" s="2" t="s">
        <v>20579</v>
      </c>
      <c r="B32166" s="6">
        <v>535497.29999999993</v>
      </c>
      <c r="C32166" s="7">
        <f t="shared" si="502"/>
        <v>535.49729999999988</v>
      </c>
    </row>
    <row r="32167" spans="1:3" x14ac:dyDescent="0.25">
      <c r="A32167" s="2" t="s">
        <v>20580</v>
      </c>
      <c r="B32167" s="6">
        <v>535513.94999999995</v>
      </c>
      <c r="C32167" s="7">
        <f t="shared" si="502"/>
        <v>535.51394999999991</v>
      </c>
    </row>
    <row r="32168" spans="1:3" x14ac:dyDescent="0.25">
      <c r="A32168" s="2" t="s">
        <v>20581</v>
      </c>
      <c r="B32168" s="6">
        <v>535530.6</v>
      </c>
      <c r="C32168" s="7">
        <f t="shared" si="502"/>
        <v>535.53059999999994</v>
      </c>
    </row>
    <row r="32169" spans="1:3" x14ac:dyDescent="0.25">
      <c r="A32169" s="2" t="s">
        <v>20582</v>
      </c>
      <c r="B32169" s="6">
        <v>535547.25</v>
      </c>
      <c r="C32169" s="7">
        <f t="shared" si="502"/>
        <v>535.54724999999996</v>
      </c>
    </row>
    <row r="32170" spans="1:3" x14ac:dyDescent="0.25">
      <c r="A32170" s="2" t="s">
        <v>20583</v>
      </c>
      <c r="B32170" s="6">
        <v>535563.89999999991</v>
      </c>
      <c r="C32170" s="7">
        <f t="shared" si="502"/>
        <v>535.56389999999988</v>
      </c>
    </row>
    <row r="32171" spans="1:3" x14ac:dyDescent="0.25">
      <c r="A32171" s="2" t="s">
        <v>20584</v>
      </c>
      <c r="B32171" s="6">
        <v>535580.54999999993</v>
      </c>
      <c r="C32171" s="7">
        <f t="shared" si="502"/>
        <v>535.5805499999999</v>
      </c>
    </row>
    <row r="32172" spans="1:3" x14ac:dyDescent="0.25">
      <c r="A32172" s="2" t="s">
        <v>20585</v>
      </c>
      <c r="B32172" s="6">
        <v>535597.19999999995</v>
      </c>
      <c r="C32172" s="7">
        <f t="shared" si="502"/>
        <v>535.59719999999993</v>
      </c>
    </row>
    <row r="32173" spans="1:3" x14ac:dyDescent="0.25">
      <c r="A32173" s="2" t="s">
        <v>20586</v>
      </c>
      <c r="B32173" s="6">
        <v>535613.85</v>
      </c>
      <c r="C32173" s="7">
        <f t="shared" si="502"/>
        <v>535.61384999999996</v>
      </c>
    </row>
    <row r="32174" spans="1:3" x14ac:dyDescent="0.25">
      <c r="A32174" s="2" t="s">
        <v>20587</v>
      </c>
      <c r="B32174" s="6">
        <v>535630.5</v>
      </c>
      <c r="C32174" s="7">
        <f t="shared" si="502"/>
        <v>535.63049999999998</v>
      </c>
    </row>
    <row r="32175" spans="1:3" x14ac:dyDescent="0.25">
      <c r="A32175" s="2" t="s">
        <v>20588</v>
      </c>
      <c r="B32175" s="6">
        <v>535647.14999999991</v>
      </c>
      <c r="C32175" s="7">
        <f t="shared" si="502"/>
        <v>535.6471499999999</v>
      </c>
    </row>
    <row r="32176" spans="1:3" x14ac:dyDescent="0.25">
      <c r="A32176" s="2" t="s">
        <v>20589</v>
      </c>
      <c r="B32176" s="6">
        <v>535663.79999999993</v>
      </c>
      <c r="C32176" s="7">
        <f t="shared" si="502"/>
        <v>535.66379999999992</v>
      </c>
    </row>
    <row r="32177" spans="1:3" x14ac:dyDescent="0.25">
      <c r="A32177" s="2" t="s">
        <v>20590</v>
      </c>
      <c r="B32177" s="6">
        <v>535680.44999999995</v>
      </c>
      <c r="C32177" s="7">
        <f t="shared" si="502"/>
        <v>535.68044999999995</v>
      </c>
    </row>
    <row r="32178" spans="1:3" x14ac:dyDescent="0.25">
      <c r="A32178" s="2" t="s">
        <v>20591</v>
      </c>
      <c r="B32178" s="6">
        <v>535697.1</v>
      </c>
      <c r="C32178" s="7">
        <f t="shared" si="502"/>
        <v>535.69709999999998</v>
      </c>
    </row>
    <row r="32179" spans="1:3" x14ac:dyDescent="0.25">
      <c r="A32179" s="2" t="s">
        <v>20592</v>
      </c>
      <c r="B32179" s="6">
        <v>535713.75</v>
      </c>
      <c r="C32179" s="7">
        <f t="shared" si="502"/>
        <v>535.71375</v>
      </c>
    </row>
    <row r="32180" spans="1:3" x14ac:dyDescent="0.25">
      <c r="A32180" s="2" t="s">
        <v>20593</v>
      </c>
      <c r="B32180" s="6">
        <v>535730.39999999991</v>
      </c>
      <c r="C32180" s="7">
        <f t="shared" si="502"/>
        <v>535.73039999999992</v>
      </c>
    </row>
    <row r="32181" spans="1:3" x14ac:dyDescent="0.25">
      <c r="A32181" s="2" t="s">
        <v>20594</v>
      </c>
      <c r="B32181" s="6">
        <v>535747.04999999993</v>
      </c>
      <c r="C32181" s="7">
        <f t="shared" si="502"/>
        <v>535.74704999999994</v>
      </c>
    </row>
    <row r="32182" spans="1:3" x14ac:dyDescent="0.25">
      <c r="A32182" s="2" t="s">
        <v>20595</v>
      </c>
      <c r="B32182" s="6">
        <v>535763.69999999995</v>
      </c>
      <c r="C32182" s="7">
        <f t="shared" si="502"/>
        <v>535.76369999999997</v>
      </c>
    </row>
    <row r="32183" spans="1:3" x14ac:dyDescent="0.25">
      <c r="A32183" s="2" t="s">
        <v>20596</v>
      </c>
      <c r="B32183" s="6">
        <v>535780.35</v>
      </c>
      <c r="C32183" s="7">
        <f t="shared" si="502"/>
        <v>535.78035</v>
      </c>
    </row>
    <row r="32184" spans="1:3" x14ac:dyDescent="0.25">
      <c r="A32184" s="2" t="s">
        <v>20597</v>
      </c>
      <c r="B32184" s="6">
        <v>535797</v>
      </c>
      <c r="C32184" s="7">
        <f t="shared" si="502"/>
        <v>535.79700000000003</v>
      </c>
    </row>
    <row r="32185" spans="1:3" x14ac:dyDescent="0.25">
      <c r="A32185" s="2" t="s">
        <v>20598</v>
      </c>
      <c r="B32185" s="6">
        <v>535813.64999999991</v>
      </c>
      <c r="C32185" s="7">
        <f t="shared" si="502"/>
        <v>535.81364999999994</v>
      </c>
    </row>
    <row r="32186" spans="1:3" x14ac:dyDescent="0.25">
      <c r="A32186" s="2" t="s">
        <v>20599</v>
      </c>
      <c r="B32186" s="6">
        <v>535830.29999999993</v>
      </c>
      <c r="C32186" s="7">
        <f t="shared" si="502"/>
        <v>535.83029999999997</v>
      </c>
    </row>
    <row r="32187" spans="1:3" x14ac:dyDescent="0.25">
      <c r="A32187" s="2" t="s">
        <v>20600</v>
      </c>
      <c r="B32187" s="6">
        <v>535846.94999999995</v>
      </c>
      <c r="C32187" s="7">
        <f t="shared" si="502"/>
        <v>535.84694999999999</v>
      </c>
    </row>
    <row r="32188" spans="1:3" x14ac:dyDescent="0.25">
      <c r="A32188" s="2" t="s">
        <v>20601</v>
      </c>
      <c r="B32188" s="6">
        <v>535863.6</v>
      </c>
      <c r="C32188" s="7">
        <f t="shared" si="502"/>
        <v>535.86360000000002</v>
      </c>
    </row>
    <row r="32189" spans="1:3" x14ac:dyDescent="0.25">
      <c r="A32189" s="2" t="s">
        <v>20602</v>
      </c>
      <c r="B32189" s="6">
        <v>535880.25</v>
      </c>
      <c r="C32189" s="7">
        <f t="shared" si="502"/>
        <v>535.88025000000005</v>
      </c>
    </row>
    <row r="32190" spans="1:3" x14ac:dyDescent="0.25">
      <c r="A32190" s="2" t="s">
        <v>20603</v>
      </c>
      <c r="B32190" s="6">
        <v>535896.89999999991</v>
      </c>
      <c r="C32190" s="7">
        <f t="shared" si="502"/>
        <v>535.89689999999996</v>
      </c>
    </row>
    <row r="32191" spans="1:3" x14ac:dyDescent="0.25">
      <c r="A32191" s="2" t="s">
        <v>20604</v>
      </c>
      <c r="B32191" s="6">
        <v>535913.54999999993</v>
      </c>
      <c r="C32191" s="7">
        <f t="shared" si="502"/>
        <v>535.91354999999999</v>
      </c>
    </row>
    <row r="32192" spans="1:3" x14ac:dyDescent="0.25">
      <c r="A32192" s="2" t="s">
        <v>20605</v>
      </c>
      <c r="B32192" s="6">
        <v>535930.19999999995</v>
      </c>
      <c r="C32192" s="7">
        <f t="shared" si="502"/>
        <v>535.9301999999999</v>
      </c>
    </row>
    <row r="32193" spans="1:3" x14ac:dyDescent="0.25">
      <c r="A32193" s="2" t="s">
        <v>20606</v>
      </c>
      <c r="B32193" s="6">
        <v>535946.85</v>
      </c>
      <c r="C32193" s="7">
        <f t="shared" si="502"/>
        <v>535.94684999999993</v>
      </c>
    </row>
    <row r="32194" spans="1:3" x14ac:dyDescent="0.25">
      <c r="A32194" s="2" t="s">
        <v>20607</v>
      </c>
      <c r="B32194" s="6">
        <v>535963.5</v>
      </c>
      <c r="C32194" s="7">
        <f t="shared" si="502"/>
        <v>535.96349999999995</v>
      </c>
    </row>
    <row r="32195" spans="1:3" x14ac:dyDescent="0.25">
      <c r="A32195" s="2" t="s">
        <v>20608</v>
      </c>
      <c r="B32195" s="6">
        <v>535980.14999999991</v>
      </c>
      <c r="C32195" s="7">
        <f t="shared" ref="C32195:C32258" si="503">B32195/1000</f>
        <v>535.98014999999987</v>
      </c>
    </row>
    <row r="32196" spans="1:3" x14ac:dyDescent="0.25">
      <c r="A32196" s="2" t="s">
        <v>20609</v>
      </c>
      <c r="B32196" s="6">
        <v>535996.79999999993</v>
      </c>
      <c r="C32196" s="7">
        <f t="shared" si="503"/>
        <v>535.99679999999989</v>
      </c>
    </row>
    <row r="32197" spans="1:3" x14ac:dyDescent="0.25">
      <c r="A32197" s="2" t="s">
        <v>20610</v>
      </c>
      <c r="B32197" s="6">
        <v>536013.44999999995</v>
      </c>
      <c r="C32197" s="7">
        <f t="shared" si="503"/>
        <v>536.01344999999992</v>
      </c>
    </row>
    <row r="32198" spans="1:3" x14ac:dyDescent="0.25">
      <c r="A32198" s="2" t="s">
        <v>20611</v>
      </c>
      <c r="B32198" s="6">
        <v>536030.1</v>
      </c>
      <c r="C32198" s="7">
        <f t="shared" si="503"/>
        <v>536.03009999999995</v>
      </c>
    </row>
    <row r="32199" spans="1:3" x14ac:dyDescent="0.25">
      <c r="A32199" s="2" t="s">
        <v>20612</v>
      </c>
      <c r="B32199" s="6">
        <v>536046.75</v>
      </c>
      <c r="C32199" s="7">
        <f t="shared" si="503"/>
        <v>536.04674999999997</v>
      </c>
    </row>
    <row r="32200" spans="1:3" x14ac:dyDescent="0.25">
      <c r="A32200" s="2" t="s">
        <v>20613</v>
      </c>
      <c r="B32200" s="6">
        <v>536063.39999999991</v>
      </c>
      <c r="C32200" s="7">
        <f t="shared" si="503"/>
        <v>536.06339999999989</v>
      </c>
    </row>
    <row r="32201" spans="1:3" x14ac:dyDescent="0.25">
      <c r="A32201" s="2" t="s">
        <v>20614</v>
      </c>
      <c r="B32201" s="6">
        <v>536080.04999999993</v>
      </c>
      <c r="C32201" s="7">
        <f t="shared" si="503"/>
        <v>536.08004999999991</v>
      </c>
    </row>
    <row r="32202" spans="1:3" x14ac:dyDescent="0.25">
      <c r="A32202" s="2" t="s">
        <v>20615</v>
      </c>
      <c r="B32202" s="6">
        <v>536096.69999999995</v>
      </c>
      <c r="C32202" s="7">
        <f t="shared" si="503"/>
        <v>536.09669999999994</v>
      </c>
    </row>
    <row r="32203" spans="1:3" x14ac:dyDescent="0.25">
      <c r="A32203" s="2" t="s">
        <v>20616</v>
      </c>
      <c r="B32203" s="6">
        <v>536113.35</v>
      </c>
      <c r="C32203" s="7">
        <f t="shared" si="503"/>
        <v>536.11334999999997</v>
      </c>
    </row>
    <row r="32204" spans="1:3" x14ac:dyDescent="0.25">
      <c r="A32204" s="2" t="s">
        <v>20617</v>
      </c>
      <c r="B32204" s="6">
        <v>536130</v>
      </c>
      <c r="C32204" s="7">
        <f t="shared" si="503"/>
        <v>536.13</v>
      </c>
    </row>
    <row r="32205" spans="1:3" x14ac:dyDescent="0.25">
      <c r="A32205" s="2" t="s">
        <v>20618</v>
      </c>
      <c r="B32205" s="6">
        <v>536146.64999999991</v>
      </c>
      <c r="C32205" s="7">
        <f t="shared" si="503"/>
        <v>536.14664999999991</v>
      </c>
    </row>
    <row r="32206" spans="1:3" x14ac:dyDescent="0.25">
      <c r="A32206" s="2" t="s">
        <v>20619</v>
      </c>
      <c r="B32206" s="6">
        <v>536163.29999999993</v>
      </c>
      <c r="C32206" s="7">
        <f t="shared" si="503"/>
        <v>536.16329999999994</v>
      </c>
    </row>
    <row r="32207" spans="1:3" x14ac:dyDescent="0.25">
      <c r="A32207" s="2" t="s">
        <v>20620</v>
      </c>
      <c r="B32207" s="6">
        <v>536179.94999999995</v>
      </c>
      <c r="C32207" s="7">
        <f t="shared" si="503"/>
        <v>536.17994999999996</v>
      </c>
    </row>
    <row r="32208" spans="1:3" x14ac:dyDescent="0.25">
      <c r="A32208" s="2" t="s">
        <v>20621</v>
      </c>
      <c r="B32208" s="6">
        <v>536196.6</v>
      </c>
      <c r="C32208" s="7">
        <f t="shared" si="503"/>
        <v>536.19659999999999</v>
      </c>
    </row>
    <row r="32209" spans="1:3" x14ac:dyDescent="0.25">
      <c r="A32209" s="2" t="s">
        <v>20622</v>
      </c>
      <c r="B32209" s="6">
        <v>536213.25</v>
      </c>
      <c r="C32209" s="7">
        <f t="shared" si="503"/>
        <v>536.21325000000002</v>
      </c>
    </row>
    <row r="32210" spans="1:3" x14ac:dyDescent="0.25">
      <c r="A32210" s="2" t="s">
        <v>20623</v>
      </c>
      <c r="B32210" s="6">
        <v>536229.89999999991</v>
      </c>
      <c r="C32210" s="7">
        <f t="shared" si="503"/>
        <v>536.22989999999993</v>
      </c>
    </row>
    <row r="32211" spans="1:3" x14ac:dyDescent="0.25">
      <c r="A32211" s="2" t="s">
        <v>20624</v>
      </c>
      <c r="B32211" s="6">
        <v>536246.54999999993</v>
      </c>
      <c r="C32211" s="7">
        <f t="shared" si="503"/>
        <v>536.24654999999996</v>
      </c>
    </row>
    <row r="32212" spans="1:3" x14ac:dyDescent="0.25">
      <c r="A32212" s="2" t="s">
        <v>20625</v>
      </c>
      <c r="B32212" s="6">
        <v>536263.19999999995</v>
      </c>
      <c r="C32212" s="7">
        <f t="shared" si="503"/>
        <v>536.26319999999998</v>
      </c>
    </row>
    <row r="32213" spans="1:3" x14ac:dyDescent="0.25">
      <c r="A32213" s="2" t="s">
        <v>20626</v>
      </c>
      <c r="B32213" s="6">
        <v>536279.85</v>
      </c>
      <c r="C32213" s="7">
        <f t="shared" si="503"/>
        <v>536.27985000000001</v>
      </c>
    </row>
    <row r="32214" spans="1:3" x14ac:dyDescent="0.25">
      <c r="A32214" s="2" t="s">
        <v>20627</v>
      </c>
      <c r="B32214" s="6">
        <v>536296.5</v>
      </c>
      <c r="C32214" s="7">
        <f t="shared" si="503"/>
        <v>536.29650000000004</v>
      </c>
    </row>
    <row r="32215" spans="1:3" x14ac:dyDescent="0.25">
      <c r="A32215" s="2" t="s">
        <v>20628</v>
      </c>
      <c r="B32215" s="6">
        <v>536313.14999999991</v>
      </c>
      <c r="C32215" s="7">
        <f t="shared" si="503"/>
        <v>536.31314999999995</v>
      </c>
    </row>
    <row r="32216" spans="1:3" x14ac:dyDescent="0.25">
      <c r="A32216" s="2" t="s">
        <v>20629</v>
      </c>
      <c r="B32216" s="6">
        <v>536329.79999999993</v>
      </c>
      <c r="C32216" s="7">
        <f t="shared" si="503"/>
        <v>536.32979999999998</v>
      </c>
    </row>
    <row r="32217" spans="1:3" x14ac:dyDescent="0.25">
      <c r="A32217" s="2" t="s">
        <v>20630</v>
      </c>
      <c r="B32217" s="6">
        <v>536346.44999999995</v>
      </c>
      <c r="C32217" s="7">
        <f t="shared" si="503"/>
        <v>536.34645</v>
      </c>
    </row>
    <row r="32218" spans="1:3" x14ac:dyDescent="0.25">
      <c r="A32218" s="2" t="s">
        <v>20631</v>
      </c>
      <c r="B32218" s="6">
        <v>536363.1</v>
      </c>
      <c r="C32218" s="7">
        <f t="shared" si="503"/>
        <v>536.36310000000003</v>
      </c>
    </row>
    <row r="32219" spans="1:3" x14ac:dyDescent="0.25">
      <c r="A32219" s="2" t="s">
        <v>20632</v>
      </c>
      <c r="B32219" s="6">
        <v>536379.75</v>
      </c>
      <c r="C32219" s="7">
        <f t="shared" si="503"/>
        <v>536.37974999999994</v>
      </c>
    </row>
    <row r="32220" spans="1:3" x14ac:dyDescent="0.25">
      <c r="A32220" s="2" t="s">
        <v>20633</v>
      </c>
      <c r="B32220" s="6">
        <v>536396.39999999991</v>
      </c>
      <c r="C32220" s="7">
        <f t="shared" si="503"/>
        <v>536.39639999999986</v>
      </c>
    </row>
    <row r="32221" spans="1:3" x14ac:dyDescent="0.25">
      <c r="A32221" s="2" t="s">
        <v>20634</v>
      </c>
      <c r="B32221" s="6">
        <v>536413.04999999993</v>
      </c>
      <c r="C32221" s="7">
        <f t="shared" si="503"/>
        <v>536.41304999999988</v>
      </c>
    </row>
    <row r="32222" spans="1:3" x14ac:dyDescent="0.25">
      <c r="A32222" s="2" t="s">
        <v>20635</v>
      </c>
      <c r="B32222" s="6">
        <v>536429.69999999995</v>
      </c>
      <c r="C32222" s="7">
        <f t="shared" si="503"/>
        <v>536.42969999999991</v>
      </c>
    </row>
    <row r="32223" spans="1:3" x14ac:dyDescent="0.25">
      <c r="A32223" s="2" t="s">
        <v>20636</v>
      </c>
      <c r="B32223" s="6">
        <v>536446.35</v>
      </c>
      <c r="C32223" s="7">
        <f t="shared" si="503"/>
        <v>536.44634999999994</v>
      </c>
    </row>
    <row r="32224" spans="1:3" x14ac:dyDescent="0.25">
      <c r="A32224" s="2" t="s">
        <v>20637</v>
      </c>
      <c r="B32224" s="6">
        <v>536463</v>
      </c>
      <c r="C32224" s="7">
        <f t="shared" si="503"/>
        <v>536.46299999999997</v>
      </c>
    </row>
    <row r="32225" spans="1:3" x14ac:dyDescent="0.25">
      <c r="A32225" s="2" t="s">
        <v>20638</v>
      </c>
      <c r="B32225" s="6">
        <v>536479.64999999991</v>
      </c>
      <c r="C32225" s="7">
        <f t="shared" si="503"/>
        <v>536.47964999999988</v>
      </c>
    </row>
    <row r="32226" spans="1:3" x14ac:dyDescent="0.25">
      <c r="A32226" s="2" t="s">
        <v>20639</v>
      </c>
      <c r="B32226" s="6">
        <v>536496.29999999993</v>
      </c>
      <c r="C32226" s="7">
        <f t="shared" si="503"/>
        <v>536.49629999999991</v>
      </c>
    </row>
    <row r="32227" spans="1:3" x14ac:dyDescent="0.25">
      <c r="A32227" s="2" t="s">
        <v>20640</v>
      </c>
      <c r="B32227" s="6">
        <v>536512.94999999995</v>
      </c>
      <c r="C32227" s="7">
        <f t="shared" si="503"/>
        <v>536.51294999999993</v>
      </c>
    </row>
    <row r="32228" spans="1:3" x14ac:dyDescent="0.25">
      <c r="A32228" s="2" t="s">
        <v>20641</v>
      </c>
      <c r="B32228" s="6">
        <v>536529.6</v>
      </c>
      <c r="C32228" s="7">
        <f t="shared" si="503"/>
        <v>536.52959999999996</v>
      </c>
    </row>
    <row r="32229" spans="1:3" x14ac:dyDescent="0.25">
      <c r="A32229" s="2" t="s">
        <v>20642</v>
      </c>
      <c r="B32229" s="6">
        <v>536546.25</v>
      </c>
      <c r="C32229" s="7">
        <f t="shared" si="503"/>
        <v>536.54624999999999</v>
      </c>
    </row>
    <row r="32230" spans="1:3" x14ac:dyDescent="0.25">
      <c r="A32230" s="2" t="s">
        <v>20643</v>
      </c>
      <c r="B32230" s="6">
        <v>536562.89999999991</v>
      </c>
      <c r="C32230" s="7">
        <f t="shared" si="503"/>
        <v>536.5628999999999</v>
      </c>
    </row>
    <row r="32231" spans="1:3" x14ac:dyDescent="0.25">
      <c r="A32231" s="2" t="s">
        <v>20644</v>
      </c>
      <c r="B32231" s="6">
        <v>536579.54999999993</v>
      </c>
      <c r="C32231" s="7">
        <f t="shared" si="503"/>
        <v>536.57954999999993</v>
      </c>
    </row>
    <row r="32232" spans="1:3" x14ac:dyDescent="0.25">
      <c r="A32232" s="2" t="s">
        <v>20645</v>
      </c>
      <c r="B32232" s="6">
        <v>536596.19999999995</v>
      </c>
      <c r="C32232" s="7">
        <f t="shared" si="503"/>
        <v>536.59619999999995</v>
      </c>
    </row>
    <row r="32233" spans="1:3" x14ac:dyDescent="0.25">
      <c r="A32233" s="2" t="s">
        <v>20646</v>
      </c>
      <c r="B32233" s="6">
        <v>536612.85</v>
      </c>
      <c r="C32233" s="7">
        <f t="shared" si="503"/>
        <v>536.61284999999998</v>
      </c>
    </row>
    <row r="32234" spans="1:3" x14ac:dyDescent="0.25">
      <c r="A32234" s="2" t="s">
        <v>20647</v>
      </c>
      <c r="B32234" s="6">
        <v>536629.5</v>
      </c>
      <c r="C32234" s="7">
        <f t="shared" si="503"/>
        <v>536.62950000000001</v>
      </c>
    </row>
    <row r="32235" spans="1:3" x14ac:dyDescent="0.25">
      <c r="A32235" s="2" t="s">
        <v>20648</v>
      </c>
      <c r="B32235" s="6">
        <v>536646.14999999991</v>
      </c>
      <c r="C32235" s="7">
        <f t="shared" si="503"/>
        <v>536.64614999999992</v>
      </c>
    </row>
    <row r="32236" spans="1:3" x14ac:dyDescent="0.25">
      <c r="A32236" s="2" t="s">
        <v>20649</v>
      </c>
      <c r="B32236" s="6">
        <v>536662.79999999993</v>
      </c>
      <c r="C32236" s="7">
        <f t="shared" si="503"/>
        <v>536.66279999999995</v>
      </c>
    </row>
    <row r="32237" spans="1:3" x14ac:dyDescent="0.25">
      <c r="A32237" s="2" t="s">
        <v>20650</v>
      </c>
      <c r="B32237" s="6">
        <v>536679.44999999995</v>
      </c>
      <c r="C32237" s="7">
        <f t="shared" si="503"/>
        <v>536.67944999999997</v>
      </c>
    </row>
    <row r="32238" spans="1:3" x14ac:dyDescent="0.25">
      <c r="A32238" s="2" t="s">
        <v>20651</v>
      </c>
      <c r="B32238" s="6">
        <v>536696.1</v>
      </c>
      <c r="C32238" s="7">
        <f t="shared" si="503"/>
        <v>536.6961</v>
      </c>
    </row>
    <row r="32239" spans="1:3" x14ac:dyDescent="0.25">
      <c r="A32239" s="2" t="s">
        <v>20652</v>
      </c>
      <c r="B32239" s="6">
        <v>536712.75</v>
      </c>
      <c r="C32239" s="7">
        <f t="shared" si="503"/>
        <v>536.71275000000003</v>
      </c>
    </row>
    <row r="32240" spans="1:3" x14ac:dyDescent="0.25">
      <c r="A32240" s="2" t="s">
        <v>20653</v>
      </c>
      <c r="B32240" s="6">
        <v>536729.39999999991</v>
      </c>
      <c r="C32240" s="7">
        <f t="shared" si="503"/>
        <v>536.72939999999994</v>
      </c>
    </row>
    <row r="32241" spans="1:3" x14ac:dyDescent="0.25">
      <c r="A32241" s="2" t="s">
        <v>20654</v>
      </c>
      <c r="B32241" s="6">
        <v>536746.04999999993</v>
      </c>
      <c r="C32241" s="7">
        <f t="shared" si="503"/>
        <v>536.74604999999997</v>
      </c>
    </row>
    <row r="32242" spans="1:3" x14ac:dyDescent="0.25">
      <c r="A32242" s="2" t="s">
        <v>20655</v>
      </c>
      <c r="B32242" s="6">
        <v>536762.69999999995</v>
      </c>
      <c r="C32242" s="7">
        <f t="shared" si="503"/>
        <v>536.7627</v>
      </c>
    </row>
    <row r="32243" spans="1:3" x14ac:dyDescent="0.25">
      <c r="A32243" s="2" t="s">
        <v>20656</v>
      </c>
      <c r="B32243" s="6">
        <v>536779.35</v>
      </c>
      <c r="C32243" s="7">
        <f t="shared" si="503"/>
        <v>536.77935000000002</v>
      </c>
    </row>
    <row r="32244" spans="1:3" x14ac:dyDescent="0.25">
      <c r="A32244" s="2" t="s">
        <v>20657</v>
      </c>
      <c r="B32244" s="6">
        <v>536796</v>
      </c>
      <c r="C32244" s="7">
        <f t="shared" si="503"/>
        <v>536.79600000000005</v>
      </c>
    </row>
    <row r="32245" spans="1:3" x14ac:dyDescent="0.25">
      <c r="A32245" s="2" t="s">
        <v>20658</v>
      </c>
      <c r="B32245" s="6">
        <v>536812.64999999991</v>
      </c>
      <c r="C32245" s="7">
        <f t="shared" si="503"/>
        <v>536.81264999999996</v>
      </c>
    </row>
    <row r="32246" spans="1:3" x14ac:dyDescent="0.25">
      <c r="A32246" s="2" t="s">
        <v>20659</v>
      </c>
      <c r="B32246" s="6">
        <v>536829.29999999993</v>
      </c>
      <c r="C32246" s="7">
        <f t="shared" si="503"/>
        <v>536.82929999999988</v>
      </c>
    </row>
    <row r="32247" spans="1:3" x14ac:dyDescent="0.25">
      <c r="A32247" s="2" t="s">
        <v>20660</v>
      </c>
      <c r="B32247" s="6">
        <v>536845.94999999995</v>
      </c>
      <c r="C32247" s="7">
        <f t="shared" si="503"/>
        <v>536.8459499999999</v>
      </c>
    </row>
    <row r="32248" spans="1:3" x14ac:dyDescent="0.25">
      <c r="A32248" s="2" t="s">
        <v>20661</v>
      </c>
      <c r="B32248" s="6">
        <v>536862.6</v>
      </c>
      <c r="C32248" s="7">
        <f t="shared" si="503"/>
        <v>536.86259999999993</v>
      </c>
    </row>
    <row r="32249" spans="1:3" x14ac:dyDescent="0.25">
      <c r="A32249" s="2" t="s">
        <v>20662</v>
      </c>
      <c r="B32249" s="6">
        <v>536879.25</v>
      </c>
      <c r="C32249" s="7">
        <f t="shared" si="503"/>
        <v>536.87924999999996</v>
      </c>
    </row>
    <row r="32250" spans="1:3" x14ac:dyDescent="0.25">
      <c r="A32250" s="2" t="s">
        <v>20663</v>
      </c>
      <c r="B32250" s="6">
        <v>536895.89999999991</v>
      </c>
      <c r="C32250" s="7">
        <f t="shared" si="503"/>
        <v>536.89589999999987</v>
      </c>
    </row>
    <row r="32251" spans="1:3" x14ac:dyDescent="0.25">
      <c r="A32251" s="2" t="s">
        <v>20664</v>
      </c>
      <c r="B32251" s="6">
        <v>536912.54999999993</v>
      </c>
      <c r="C32251" s="7">
        <f t="shared" si="503"/>
        <v>536.9125499999999</v>
      </c>
    </row>
    <row r="32252" spans="1:3" x14ac:dyDescent="0.25">
      <c r="A32252" s="2" t="s">
        <v>20665</v>
      </c>
      <c r="B32252" s="6">
        <v>536929.19999999995</v>
      </c>
      <c r="C32252" s="7">
        <f t="shared" si="503"/>
        <v>536.92919999999992</v>
      </c>
    </row>
    <row r="32253" spans="1:3" x14ac:dyDescent="0.25">
      <c r="A32253" s="2" t="s">
        <v>20666</v>
      </c>
      <c r="B32253" s="6">
        <v>536945.85</v>
      </c>
      <c r="C32253" s="7">
        <f t="shared" si="503"/>
        <v>536.94584999999995</v>
      </c>
    </row>
    <row r="32254" spans="1:3" x14ac:dyDescent="0.25">
      <c r="A32254" s="2" t="s">
        <v>20667</v>
      </c>
      <c r="B32254" s="6">
        <v>536962.5</v>
      </c>
      <c r="C32254" s="7">
        <f t="shared" si="503"/>
        <v>536.96249999999998</v>
      </c>
    </row>
    <row r="32255" spans="1:3" x14ac:dyDescent="0.25">
      <c r="A32255" s="2" t="s">
        <v>20668</v>
      </c>
      <c r="B32255" s="6">
        <v>536979.14999999991</v>
      </c>
      <c r="C32255" s="7">
        <f t="shared" si="503"/>
        <v>536.97914999999989</v>
      </c>
    </row>
    <row r="32256" spans="1:3" x14ac:dyDescent="0.25">
      <c r="A32256" s="2" t="s">
        <v>20669</v>
      </c>
      <c r="B32256" s="6">
        <v>536995.79999999993</v>
      </c>
      <c r="C32256" s="7">
        <f t="shared" si="503"/>
        <v>536.99579999999992</v>
      </c>
    </row>
    <row r="32257" spans="1:3" x14ac:dyDescent="0.25">
      <c r="A32257" s="2" t="s">
        <v>20670</v>
      </c>
      <c r="B32257" s="6">
        <v>537012.44999999995</v>
      </c>
      <c r="C32257" s="7">
        <f t="shared" si="503"/>
        <v>537.01244999999994</v>
      </c>
    </row>
    <row r="32258" spans="1:3" x14ac:dyDescent="0.25">
      <c r="A32258" s="2" t="s">
        <v>20671</v>
      </c>
      <c r="B32258" s="6">
        <v>537029.1</v>
      </c>
      <c r="C32258" s="7">
        <f t="shared" si="503"/>
        <v>537.02909999999997</v>
      </c>
    </row>
    <row r="32259" spans="1:3" x14ac:dyDescent="0.25">
      <c r="A32259" s="2" t="s">
        <v>20672</v>
      </c>
      <c r="B32259" s="6">
        <v>537045.75</v>
      </c>
      <c r="C32259" s="7">
        <f t="shared" ref="C32259:C32322" si="504">B32259/1000</f>
        <v>537.04575</v>
      </c>
    </row>
    <row r="32260" spans="1:3" x14ac:dyDescent="0.25">
      <c r="A32260" s="2" t="s">
        <v>20673</v>
      </c>
      <c r="B32260" s="6">
        <v>537062.39999999991</v>
      </c>
      <c r="C32260" s="7">
        <f t="shared" si="504"/>
        <v>537.06239999999991</v>
      </c>
    </row>
    <row r="32261" spans="1:3" x14ac:dyDescent="0.25">
      <c r="A32261" s="2" t="s">
        <v>20674</v>
      </c>
      <c r="B32261" s="6">
        <v>537079.04999999993</v>
      </c>
      <c r="C32261" s="7">
        <f t="shared" si="504"/>
        <v>537.07904999999994</v>
      </c>
    </row>
    <row r="32262" spans="1:3" x14ac:dyDescent="0.25">
      <c r="A32262" s="2" t="s">
        <v>20675</v>
      </c>
      <c r="B32262" s="6">
        <v>537095.69999999995</v>
      </c>
      <c r="C32262" s="7">
        <f t="shared" si="504"/>
        <v>537.09569999999997</v>
      </c>
    </row>
    <row r="32263" spans="1:3" x14ac:dyDescent="0.25">
      <c r="A32263" s="2" t="s">
        <v>20676</v>
      </c>
      <c r="B32263" s="6">
        <v>537112.35</v>
      </c>
      <c r="C32263" s="7">
        <f t="shared" si="504"/>
        <v>537.11234999999999</v>
      </c>
    </row>
    <row r="32264" spans="1:3" x14ac:dyDescent="0.25">
      <c r="A32264" s="2" t="s">
        <v>20677</v>
      </c>
      <c r="B32264" s="6">
        <v>537129</v>
      </c>
      <c r="C32264" s="7">
        <f t="shared" si="504"/>
        <v>537.12900000000002</v>
      </c>
    </row>
    <row r="32265" spans="1:3" x14ac:dyDescent="0.25">
      <c r="A32265" s="2" t="s">
        <v>20678</v>
      </c>
      <c r="B32265" s="6">
        <v>537145.64999999991</v>
      </c>
      <c r="C32265" s="7">
        <f t="shared" si="504"/>
        <v>537.14564999999993</v>
      </c>
    </row>
    <row r="32266" spans="1:3" x14ac:dyDescent="0.25">
      <c r="A32266" s="2" t="s">
        <v>20679</v>
      </c>
      <c r="B32266" s="6">
        <v>537162.29999999993</v>
      </c>
      <c r="C32266" s="7">
        <f t="shared" si="504"/>
        <v>537.16229999999996</v>
      </c>
    </row>
    <row r="32267" spans="1:3" x14ac:dyDescent="0.25">
      <c r="A32267" s="2" t="s">
        <v>20680</v>
      </c>
      <c r="B32267" s="6">
        <v>537178.94999999995</v>
      </c>
      <c r="C32267" s="7">
        <f t="shared" si="504"/>
        <v>537.17894999999999</v>
      </c>
    </row>
    <row r="32268" spans="1:3" x14ac:dyDescent="0.25">
      <c r="A32268" s="2" t="s">
        <v>20681</v>
      </c>
      <c r="B32268" s="6">
        <v>537195.6</v>
      </c>
      <c r="C32268" s="7">
        <f t="shared" si="504"/>
        <v>537.19560000000001</v>
      </c>
    </row>
    <row r="32269" spans="1:3" x14ac:dyDescent="0.25">
      <c r="A32269" s="2" t="s">
        <v>20682</v>
      </c>
      <c r="B32269" s="6">
        <v>537212.25</v>
      </c>
      <c r="C32269" s="7">
        <f t="shared" si="504"/>
        <v>537.21225000000004</v>
      </c>
    </row>
    <row r="32270" spans="1:3" x14ac:dyDescent="0.25">
      <c r="A32270" s="2" t="s">
        <v>20683</v>
      </c>
      <c r="B32270" s="6">
        <v>537228.89999999991</v>
      </c>
      <c r="C32270" s="7">
        <f t="shared" si="504"/>
        <v>537.22889999999995</v>
      </c>
    </row>
    <row r="32271" spans="1:3" x14ac:dyDescent="0.25">
      <c r="A32271" s="2" t="s">
        <v>20684</v>
      </c>
      <c r="B32271" s="6">
        <v>537245.54999999993</v>
      </c>
      <c r="C32271" s="7">
        <f t="shared" si="504"/>
        <v>537.24554999999998</v>
      </c>
    </row>
    <row r="32272" spans="1:3" x14ac:dyDescent="0.25">
      <c r="A32272" s="2" t="s">
        <v>20685</v>
      </c>
      <c r="B32272" s="6">
        <v>537262.19999999995</v>
      </c>
      <c r="C32272" s="7">
        <f t="shared" si="504"/>
        <v>537.26220000000001</v>
      </c>
    </row>
    <row r="32273" spans="1:3" x14ac:dyDescent="0.25">
      <c r="A32273" s="2" t="s">
        <v>20686</v>
      </c>
      <c r="B32273" s="6">
        <v>537278.85</v>
      </c>
      <c r="C32273" s="7">
        <f t="shared" si="504"/>
        <v>537.27884999999992</v>
      </c>
    </row>
    <row r="32274" spans="1:3" x14ac:dyDescent="0.25">
      <c r="A32274" s="2" t="s">
        <v>20687</v>
      </c>
      <c r="B32274" s="6">
        <v>537295.5</v>
      </c>
      <c r="C32274" s="7">
        <f t="shared" si="504"/>
        <v>537.29549999999995</v>
      </c>
    </row>
    <row r="32275" spans="1:3" x14ac:dyDescent="0.25">
      <c r="A32275" s="2" t="s">
        <v>20688</v>
      </c>
      <c r="B32275" s="6">
        <v>537312.14999999991</v>
      </c>
      <c r="C32275" s="7">
        <f t="shared" si="504"/>
        <v>537.31214999999986</v>
      </c>
    </row>
    <row r="32276" spans="1:3" x14ac:dyDescent="0.25">
      <c r="A32276" s="2" t="s">
        <v>20689</v>
      </c>
      <c r="B32276" s="6">
        <v>537328.79999999993</v>
      </c>
      <c r="C32276" s="7">
        <f t="shared" si="504"/>
        <v>537.32879999999989</v>
      </c>
    </row>
    <row r="32277" spans="1:3" x14ac:dyDescent="0.25">
      <c r="A32277" s="2" t="s">
        <v>20690</v>
      </c>
      <c r="B32277" s="6">
        <v>537345.44999999995</v>
      </c>
      <c r="C32277" s="7">
        <f t="shared" si="504"/>
        <v>537.34544999999991</v>
      </c>
    </row>
    <row r="32278" spans="1:3" x14ac:dyDescent="0.25">
      <c r="A32278" s="2" t="s">
        <v>20691</v>
      </c>
      <c r="B32278" s="6">
        <v>537362.1</v>
      </c>
      <c r="C32278" s="7">
        <f t="shared" si="504"/>
        <v>537.36209999999994</v>
      </c>
    </row>
    <row r="32279" spans="1:3" x14ac:dyDescent="0.25">
      <c r="A32279" s="2" t="s">
        <v>20692</v>
      </c>
      <c r="B32279" s="6">
        <v>537378.75</v>
      </c>
      <c r="C32279" s="7">
        <f t="shared" si="504"/>
        <v>537.37874999999997</v>
      </c>
    </row>
    <row r="32280" spans="1:3" x14ac:dyDescent="0.25">
      <c r="A32280" s="2" t="s">
        <v>20693</v>
      </c>
      <c r="B32280" s="6">
        <v>537395.39999999991</v>
      </c>
      <c r="C32280" s="7">
        <f t="shared" si="504"/>
        <v>537.39539999999988</v>
      </c>
    </row>
    <row r="32281" spans="1:3" x14ac:dyDescent="0.25">
      <c r="A32281" s="2" t="s">
        <v>20694</v>
      </c>
      <c r="B32281" s="6">
        <v>537412.04999999993</v>
      </c>
      <c r="C32281" s="7">
        <f t="shared" si="504"/>
        <v>537.41204999999991</v>
      </c>
    </row>
    <row r="32282" spans="1:3" x14ac:dyDescent="0.25">
      <c r="A32282" s="2" t="s">
        <v>20695</v>
      </c>
      <c r="B32282" s="6">
        <v>537428.69999999995</v>
      </c>
      <c r="C32282" s="7">
        <f t="shared" si="504"/>
        <v>537.42869999999994</v>
      </c>
    </row>
    <row r="32283" spans="1:3" x14ac:dyDescent="0.25">
      <c r="A32283" s="2" t="s">
        <v>20696</v>
      </c>
      <c r="B32283" s="6">
        <v>537445.35</v>
      </c>
      <c r="C32283" s="7">
        <f t="shared" si="504"/>
        <v>537.44534999999996</v>
      </c>
    </row>
    <row r="32284" spans="1:3" x14ac:dyDescent="0.25">
      <c r="A32284" s="2" t="s">
        <v>20697</v>
      </c>
      <c r="B32284" s="6">
        <v>537462</v>
      </c>
      <c r="C32284" s="7">
        <f t="shared" si="504"/>
        <v>537.46199999999999</v>
      </c>
    </row>
    <row r="32285" spans="1:3" x14ac:dyDescent="0.25">
      <c r="A32285" s="2" t="s">
        <v>20698</v>
      </c>
      <c r="B32285" s="6">
        <v>537478.64999999991</v>
      </c>
      <c r="C32285" s="7">
        <f t="shared" si="504"/>
        <v>537.4786499999999</v>
      </c>
    </row>
    <row r="32286" spans="1:3" x14ac:dyDescent="0.25">
      <c r="A32286" s="2" t="s">
        <v>20699</v>
      </c>
      <c r="B32286" s="6">
        <v>537495.29999999993</v>
      </c>
      <c r="C32286" s="7">
        <f t="shared" si="504"/>
        <v>537.49529999999993</v>
      </c>
    </row>
    <row r="32287" spans="1:3" x14ac:dyDescent="0.25">
      <c r="A32287" s="2" t="s">
        <v>20700</v>
      </c>
      <c r="B32287" s="6">
        <v>537511.94999999995</v>
      </c>
      <c r="C32287" s="7">
        <f t="shared" si="504"/>
        <v>537.51194999999996</v>
      </c>
    </row>
    <row r="32288" spans="1:3" x14ac:dyDescent="0.25">
      <c r="A32288" s="2" t="s">
        <v>20701</v>
      </c>
      <c r="B32288" s="6">
        <v>537528.6</v>
      </c>
      <c r="C32288" s="7">
        <f t="shared" si="504"/>
        <v>537.52859999999998</v>
      </c>
    </row>
    <row r="32289" spans="1:3" x14ac:dyDescent="0.25">
      <c r="A32289" s="2" t="s">
        <v>20702</v>
      </c>
      <c r="B32289" s="6">
        <v>537545.25</v>
      </c>
      <c r="C32289" s="7">
        <f t="shared" si="504"/>
        <v>537.54525000000001</v>
      </c>
    </row>
    <row r="32290" spans="1:3" x14ac:dyDescent="0.25">
      <c r="A32290" s="2" t="s">
        <v>20703</v>
      </c>
      <c r="B32290" s="6">
        <v>537561.89999999991</v>
      </c>
      <c r="C32290" s="7">
        <f t="shared" si="504"/>
        <v>537.56189999999992</v>
      </c>
    </row>
    <row r="32291" spans="1:3" x14ac:dyDescent="0.25">
      <c r="A32291" s="2" t="s">
        <v>20704</v>
      </c>
      <c r="B32291" s="6">
        <v>537578.54999999993</v>
      </c>
      <c r="C32291" s="7">
        <f t="shared" si="504"/>
        <v>537.57854999999995</v>
      </c>
    </row>
    <row r="32292" spans="1:3" x14ac:dyDescent="0.25">
      <c r="A32292" s="2" t="s">
        <v>20705</v>
      </c>
      <c r="B32292" s="6">
        <v>537595.19999999995</v>
      </c>
      <c r="C32292" s="7">
        <f t="shared" si="504"/>
        <v>537.59519999999998</v>
      </c>
    </row>
    <row r="32293" spans="1:3" x14ac:dyDescent="0.25">
      <c r="A32293" s="2" t="s">
        <v>20706</v>
      </c>
      <c r="B32293" s="6">
        <v>537611.85</v>
      </c>
      <c r="C32293" s="7">
        <f t="shared" si="504"/>
        <v>537.61185</v>
      </c>
    </row>
    <row r="32294" spans="1:3" x14ac:dyDescent="0.25">
      <c r="A32294" s="2" t="s">
        <v>20707</v>
      </c>
      <c r="B32294" s="6">
        <v>537628.5</v>
      </c>
      <c r="C32294" s="7">
        <f t="shared" si="504"/>
        <v>537.62850000000003</v>
      </c>
    </row>
    <row r="32295" spans="1:3" x14ac:dyDescent="0.25">
      <c r="A32295" s="2" t="s">
        <v>20708</v>
      </c>
      <c r="B32295" s="6">
        <v>537645.14999999991</v>
      </c>
      <c r="C32295" s="7">
        <f t="shared" si="504"/>
        <v>537.64514999999994</v>
      </c>
    </row>
    <row r="32296" spans="1:3" x14ac:dyDescent="0.25">
      <c r="A32296" s="2" t="s">
        <v>20709</v>
      </c>
      <c r="B32296" s="6">
        <v>537661.79999999993</v>
      </c>
      <c r="C32296" s="7">
        <f t="shared" si="504"/>
        <v>537.66179999999997</v>
      </c>
    </row>
    <row r="32297" spans="1:3" x14ac:dyDescent="0.25">
      <c r="A32297" s="2" t="s">
        <v>20710</v>
      </c>
      <c r="B32297" s="6">
        <v>537678.44999999995</v>
      </c>
      <c r="C32297" s="7">
        <f t="shared" si="504"/>
        <v>537.67845</v>
      </c>
    </row>
    <row r="32298" spans="1:3" x14ac:dyDescent="0.25">
      <c r="A32298" s="2" t="s">
        <v>20711</v>
      </c>
      <c r="B32298" s="6">
        <v>537695.1</v>
      </c>
      <c r="C32298" s="7">
        <f t="shared" si="504"/>
        <v>537.69510000000002</v>
      </c>
    </row>
    <row r="32299" spans="1:3" x14ac:dyDescent="0.25">
      <c r="A32299" s="2" t="s">
        <v>20712</v>
      </c>
      <c r="B32299" s="6">
        <v>537711.75</v>
      </c>
      <c r="C32299" s="7">
        <f t="shared" si="504"/>
        <v>537.71175000000005</v>
      </c>
    </row>
    <row r="32300" spans="1:3" x14ac:dyDescent="0.25">
      <c r="A32300" s="2" t="s">
        <v>20713</v>
      </c>
      <c r="B32300" s="6">
        <v>537728.39999999991</v>
      </c>
      <c r="C32300" s="7">
        <f t="shared" si="504"/>
        <v>537.72839999999985</v>
      </c>
    </row>
    <row r="32301" spans="1:3" x14ac:dyDescent="0.25">
      <c r="A32301" s="2" t="s">
        <v>20714</v>
      </c>
      <c r="B32301" s="6">
        <v>537745.04999999993</v>
      </c>
      <c r="C32301" s="7">
        <f t="shared" si="504"/>
        <v>537.74504999999988</v>
      </c>
    </row>
    <row r="32302" spans="1:3" x14ac:dyDescent="0.25">
      <c r="A32302" s="2" t="s">
        <v>20715</v>
      </c>
      <c r="B32302" s="6">
        <v>537761.69999999995</v>
      </c>
      <c r="C32302" s="7">
        <f t="shared" si="504"/>
        <v>537.76169999999991</v>
      </c>
    </row>
    <row r="32303" spans="1:3" x14ac:dyDescent="0.25">
      <c r="A32303" s="2" t="s">
        <v>20716</v>
      </c>
      <c r="B32303" s="6">
        <v>537778.35</v>
      </c>
      <c r="C32303" s="7">
        <f t="shared" si="504"/>
        <v>537.77834999999993</v>
      </c>
    </row>
    <row r="32304" spans="1:3" x14ac:dyDescent="0.25">
      <c r="A32304" s="2" t="s">
        <v>20717</v>
      </c>
      <c r="B32304" s="6">
        <v>537795</v>
      </c>
      <c r="C32304" s="7">
        <f t="shared" si="504"/>
        <v>537.79499999999996</v>
      </c>
    </row>
    <row r="32305" spans="1:3" x14ac:dyDescent="0.25">
      <c r="A32305" s="2" t="s">
        <v>20718</v>
      </c>
      <c r="B32305" s="6">
        <v>537811.64999999991</v>
      </c>
      <c r="C32305" s="7">
        <f t="shared" si="504"/>
        <v>537.81164999999987</v>
      </c>
    </row>
    <row r="32306" spans="1:3" x14ac:dyDescent="0.25">
      <c r="A32306" s="2" t="s">
        <v>20719</v>
      </c>
      <c r="B32306" s="6">
        <v>537828.29999999993</v>
      </c>
      <c r="C32306" s="7">
        <f t="shared" si="504"/>
        <v>537.8282999999999</v>
      </c>
    </row>
    <row r="32307" spans="1:3" x14ac:dyDescent="0.25">
      <c r="A32307" s="2" t="s">
        <v>20720</v>
      </c>
      <c r="B32307" s="6">
        <v>537844.94999999995</v>
      </c>
      <c r="C32307" s="7">
        <f t="shared" si="504"/>
        <v>537.84494999999993</v>
      </c>
    </row>
    <row r="32308" spans="1:3" x14ac:dyDescent="0.25">
      <c r="A32308" s="2" t="s">
        <v>20721</v>
      </c>
      <c r="B32308" s="6">
        <v>537861.6</v>
      </c>
      <c r="C32308" s="7">
        <f t="shared" si="504"/>
        <v>537.86159999999995</v>
      </c>
    </row>
    <row r="32309" spans="1:3" x14ac:dyDescent="0.25">
      <c r="A32309" s="2" t="s">
        <v>20722</v>
      </c>
      <c r="B32309" s="6">
        <v>537878.25</v>
      </c>
      <c r="C32309" s="7">
        <f t="shared" si="504"/>
        <v>537.87824999999998</v>
      </c>
    </row>
    <row r="32310" spans="1:3" x14ac:dyDescent="0.25">
      <c r="A32310" s="2" t="s">
        <v>20723</v>
      </c>
      <c r="B32310" s="6">
        <v>537894.89999999991</v>
      </c>
      <c r="C32310" s="7">
        <f t="shared" si="504"/>
        <v>537.89489999999989</v>
      </c>
    </row>
    <row r="32311" spans="1:3" x14ac:dyDescent="0.25">
      <c r="A32311" s="2" t="s">
        <v>20724</v>
      </c>
      <c r="B32311" s="6">
        <v>537911.54999999993</v>
      </c>
      <c r="C32311" s="7">
        <f t="shared" si="504"/>
        <v>537.91154999999992</v>
      </c>
    </row>
    <row r="32312" spans="1:3" x14ac:dyDescent="0.25">
      <c r="A32312" s="2" t="s">
        <v>20725</v>
      </c>
      <c r="B32312" s="6">
        <v>537928.19999999995</v>
      </c>
      <c r="C32312" s="7">
        <f t="shared" si="504"/>
        <v>537.92819999999995</v>
      </c>
    </row>
    <row r="32313" spans="1:3" x14ac:dyDescent="0.25">
      <c r="A32313" s="2" t="s">
        <v>20726</v>
      </c>
      <c r="B32313" s="6">
        <v>537944.85</v>
      </c>
      <c r="C32313" s="7">
        <f t="shared" si="504"/>
        <v>537.94484999999997</v>
      </c>
    </row>
    <row r="32314" spans="1:3" x14ac:dyDescent="0.25">
      <c r="A32314" s="2" t="s">
        <v>20727</v>
      </c>
      <c r="B32314" s="6">
        <v>537961.5</v>
      </c>
      <c r="C32314" s="7">
        <f t="shared" si="504"/>
        <v>537.9615</v>
      </c>
    </row>
    <row r="32315" spans="1:3" x14ac:dyDescent="0.25">
      <c r="A32315" s="2" t="s">
        <v>20728</v>
      </c>
      <c r="B32315" s="6">
        <v>537978.14999999991</v>
      </c>
      <c r="C32315" s="7">
        <f t="shared" si="504"/>
        <v>537.97814999999991</v>
      </c>
    </row>
    <row r="32316" spans="1:3" x14ac:dyDescent="0.25">
      <c r="A32316" s="2" t="s">
        <v>20729</v>
      </c>
      <c r="B32316" s="6">
        <v>537994.79999999993</v>
      </c>
      <c r="C32316" s="7">
        <f t="shared" si="504"/>
        <v>537.99479999999994</v>
      </c>
    </row>
    <row r="32317" spans="1:3" x14ac:dyDescent="0.25">
      <c r="A32317" s="2" t="s">
        <v>20730</v>
      </c>
      <c r="B32317" s="6">
        <v>538011.44999999995</v>
      </c>
      <c r="C32317" s="7">
        <f t="shared" si="504"/>
        <v>538.01144999999997</v>
      </c>
    </row>
    <row r="32318" spans="1:3" x14ac:dyDescent="0.25">
      <c r="A32318" s="2" t="s">
        <v>20731</v>
      </c>
      <c r="B32318" s="6">
        <v>538028.1</v>
      </c>
      <c r="C32318" s="7">
        <f t="shared" si="504"/>
        <v>538.02809999999999</v>
      </c>
    </row>
    <row r="32319" spans="1:3" x14ac:dyDescent="0.25">
      <c r="A32319" s="2" t="s">
        <v>20732</v>
      </c>
      <c r="B32319" s="6">
        <v>538044.75</v>
      </c>
      <c r="C32319" s="7">
        <f t="shared" si="504"/>
        <v>538.04475000000002</v>
      </c>
    </row>
    <row r="32320" spans="1:3" x14ac:dyDescent="0.25">
      <c r="A32320" s="2" t="s">
        <v>20733</v>
      </c>
      <c r="B32320" s="6">
        <v>538061.39999999991</v>
      </c>
      <c r="C32320" s="7">
        <f t="shared" si="504"/>
        <v>538.06139999999994</v>
      </c>
    </row>
    <row r="32321" spans="1:3" x14ac:dyDescent="0.25">
      <c r="A32321" s="2" t="s">
        <v>20734</v>
      </c>
      <c r="B32321" s="6">
        <v>538078.04999999993</v>
      </c>
      <c r="C32321" s="7">
        <f t="shared" si="504"/>
        <v>538.07804999999996</v>
      </c>
    </row>
    <row r="32322" spans="1:3" x14ac:dyDescent="0.25">
      <c r="A32322" s="2" t="s">
        <v>20735</v>
      </c>
      <c r="B32322" s="6">
        <v>538094.69999999995</v>
      </c>
      <c r="C32322" s="7">
        <f t="shared" si="504"/>
        <v>538.09469999999999</v>
      </c>
    </row>
    <row r="32323" spans="1:3" x14ac:dyDescent="0.25">
      <c r="A32323" s="2" t="s">
        <v>20736</v>
      </c>
      <c r="B32323" s="6">
        <v>538111.35</v>
      </c>
      <c r="C32323" s="7">
        <f t="shared" ref="C32323:C32386" si="505">B32323/1000</f>
        <v>538.11135000000002</v>
      </c>
    </row>
    <row r="32324" spans="1:3" x14ac:dyDescent="0.25">
      <c r="A32324" s="2" t="s">
        <v>20737</v>
      </c>
      <c r="B32324" s="6">
        <v>538128</v>
      </c>
      <c r="C32324" s="7">
        <f t="shared" si="505"/>
        <v>538.12800000000004</v>
      </c>
    </row>
    <row r="32325" spans="1:3" x14ac:dyDescent="0.25">
      <c r="A32325" s="2" t="s">
        <v>20738</v>
      </c>
      <c r="B32325" s="6">
        <v>538144.64999999991</v>
      </c>
      <c r="C32325" s="7">
        <f t="shared" si="505"/>
        <v>538.14464999999996</v>
      </c>
    </row>
    <row r="32326" spans="1:3" x14ac:dyDescent="0.25">
      <c r="A32326" s="2" t="s">
        <v>20739</v>
      </c>
      <c r="B32326" s="6">
        <v>538161.29999999993</v>
      </c>
      <c r="C32326" s="7">
        <f t="shared" si="505"/>
        <v>538.16129999999998</v>
      </c>
    </row>
    <row r="32327" spans="1:3" x14ac:dyDescent="0.25">
      <c r="A32327" s="2" t="s">
        <v>20740</v>
      </c>
      <c r="B32327" s="6">
        <v>538177.94999999995</v>
      </c>
      <c r="C32327" s="7">
        <f t="shared" si="505"/>
        <v>538.17795000000001</v>
      </c>
    </row>
    <row r="32328" spans="1:3" x14ac:dyDescent="0.25">
      <c r="A32328" s="2" t="s">
        <v>20741</v>
      </c>
      <c r="B32328" s="6">
        <v>538194.6</v>
      </c>
      <c r="C32328" s="7">
        <f t="shared" si="505"/>
        <v>538.19459999999992</v>
      </c>
    </row>
    <row r="32329" spans="1:3" x14ac:dyDescent="0.25">
      <c r="A32329" s="2" t="s">
        <v>20742</v>
      </c>
      <c r="B32329" s="6">
        <v>538211.25</v>
      </c>
      <c r="C32329" s="7">
        <f t="shared" si="505"/>
        <v>538.21124999999995</v>
      </c>
    </row>
    <row r="32330" spans="1:3" x14ac:dyDescent="0.25">
      <c r="A32330" s="2" t="s">
        <v>20743</v>
      </c>
      <c r="B32330" s="6">
        <v>538227.89999999991</v>
      </c>
      <c r="C32330" s="7">
        <f t="shared" si="505"/>
        <v>538.22789999999986</v>
      </c>
    </row>
    <row r="32331" spans="1:3" x14ac:dyDescent="0.25">
      <c r="A32331" s="2" t="s">
        <v>20744</v>
      </c>
      <c r="B32331" s="6">
        <v>538244.54999999993</v>
      </c>
      <c r="C32331" s="7">
        <f t="shared" si="505"/>
        <v>538.24454999999989</v>
      </c>
    </row>
    <row r="32332" spans="1:3" x14ac:dyDescent="0.25">
      <c r="A32332" s="2" t="s">
        <v>20745</v>
      </c>
      <c r="B32332" s="6">
        <v>538261.19999999995</v>
      </c>
      <c r="C32332" s="7">
        <f t="shared" si="505"/>
        <v>538.26119999999992</v>
      </c>
    </row>
    <row r="32333" spans="1:3" x14ac:dyDescent="0.25">
      <c r="A32333" s="2" t="s">
        <v>20746</v>
      </c>
      <c r="B32333" s="6">
        <v>538277.85</v>
      </c>
      <c r="C32333" s="7">
        <f t="shared" si="505"/>
        <v>538.27784999999994</v>
      </c>
    </row>
    <row r="32334" spans="1:3" x14ac:dyDescent="0.25">
      <c r="A32334" s="2" t="s">
        <v>20747</v>
      </c>
      <c r="B32334" s="6">
        <v>538294.5</v>
      </c>
      <c r="C32334" s="7">
        <f t="shared" si="505"/>
        <v>538.29449999999997</v>
      </c>
    </row>
    <row r="32335" spans="1:3" x14ac:dyDescent="0.25">
      <c r="A32335" s="2" t="s">
        <v>20748</v>
      </c>
      <c r="B32335" s="6">
        <v>538311.14999999991</v>
      </c>
      <c r="C32335" s="7">
        <f t="shared" si="505"/>
        <v>538.31114999999988</v>
      </c>
    </row>
    <row r="32336" spans="1:3" x14ac:dyDescent="0.25">
      <c r="A32336" s="2" t="s">
        <v>20749</v>
      </c>
      <c r="B32336" s="6">
        <v>538327.79999999993</v>
      </c>
      <c r="C32336" s="7">
        <f t="shared" si="505"/>
        <v>538.32779999999991</v>
      </c>
    </row>
    <row r="32337" spans="1:3" x14ac:dyDescent="0.25">
      <c r="A32337" s="2" t="s">
        <v>20750</v>
      </c>
      <c r="B32337" s="6">
        <v>538344.44999999995</v>
      </c>
      <c r="C32337" s="7">
        <f t="shared" si="505"/>
        <v>538.34444999999994</v>
      </c>
    </row>
    <row r="32338" spans="1:3" x14ac:dyDescent="0.25">
      <c r="A32338" s="2" t="s">
        <v>20751</v>
      </c>
      <c r="B32338" s="6">
        <v>538361.1</v>
      </c>
      <c r="C32338" s="7">
        <f t="shared" si="505"/>
        <v>538.36109999999996</v>
      </c>
    </row>
    <row r="32339" spans="1:3" x14ac:dyDescent="0.25">
      <c r="A32339" s="2" t="s">
        <v>20752</v>
      </c>
      <c r="B32339" s="6">
        <v>538377.75</v>
      </c>
      <c r="C32339" s="7">
        <f t="shared" si="505"/>
        <v>538.37774999999999</v>
      </c>
    </row>
    <row r="32340" spans="1:3" x14ac:dyDescent="0.25">
      <c r="A32340" s="2" t="s">
        <v>20753</v>
      </c>
      <c r="B32340" s="6">
        <v>538394.39999999991</v>
      </c>
      <c r="C32340" s="7">
        <f t="shared" si="505"/>
        <v>538.39439999999991</v>
      </c>
    </row>
    <row r="32341" spans="1:3" x14ac:dyDescent="0.25">
      <c r="A32341" s="2" t="s">
        <v>20754</v>
      </c>
      <c r="B32341" s="6">
        <v>538411.04999999993</v>
      </c>
      <c r="C32341" s="7">
        <f t="shared" si="505"/>
        <v>538.41104999999993</v>
      </c>
    </row>
    <row r="32342" spans="1:3" x14ac:dyDescent="0.25">
      <c r="A32342" s="2" t="s">
        <v>20755</v>
      </c>
      <c r="B32342" s="6">
        <v>538427.69999999995</v>
      </c>
      <c r="C32342" s="7">
        <f t="shared" si="505"/>
        <v>538.42769999999996</v>
      </c>
    </row>
    <row r="32343" spans="1:3" x14ac:dyDescent="0.25">
      <c r="A32343" s="2" t="s">
        <v>20756</v>
      </c>
      <c r="B32343" s="6">
        <v>538444.35</v>
      </c>
      <c r="C32343" s="7">
        <f t="shared" si="505"/>
        <v>538.44434999999999</v>
      </c>
    </row>
    <row r="32344" spans="1:3" x14ac:dyDescent="0.25">
      <c r="A32344" s="2" t="s">
        <v>20757</v>
      </c>
      <c r="B32344" s="6">
        <v>538461</v>
      </c>
      <c r="C32344" s="7">
        <f t="shared" si="505"/>
        <v>538.46100000000001</v>
      </c>
    </row>
    <row r="32345" spans="1:3" x14ac:dyDescent="0.25">
      <c r="A32345" s="2" t="s">
        <v>20758</v>
      </c>
      <c r="B32345" s="6">
        <v>538477.64999999991</v>
      </c>
      <c r="C32345" s="7">
        <f t="shared" si="505"/>
        <v>538.47764999999993</v>
      </c>
    </row>
    <row r="32346" spans="1:3" x14ac:dyDescent="0.25">
      <c r="A32346" s="2" t="s">
        <v>20759</v>
      </c>
      <c r="B32346" s="6">
        <v>538494.29999999993</v>
      </c>
      <c r="C32346" s="7">
        <f t="shared" si="505"/>
        <v>538.49429999999995</v>
      </c>
    </row>
    <row r="32347" spans="1:3" x14ac:dyDescent="0.25">
      <c r="A32347" s="2" t="s">
        <v>20760</v>
      </c>
      <c r="B32347" s="6">
        <v>538510.94999999995</v>
      </c>
      <c r="C32347" s="7">
        <f t="shared" si="505"/>
        <v>538.51094999999998</v>
      </c>
    </row>
    <row r="32348" spans="1:3" x14ac:dyDescent="0.25">
      <c r="A32348" s="2" t="s">
        <v>20761</v>
      </c>
      <c r="B32348" s="6">
        <v>538527.6</v>
      </c>
      <c r="C32348" s="7">
        <f t="shared" si="505"/>
        <v>538.52760000000001</v>
      </c>
    </row>
    <row r="32349" spans="1:3" x14ac:dyDescent="0.25">
      <c r="A32349" s="2" t="s">
        <v>20762</v>
      </c>
      <c r="B32349" s="6">
        <v>538544.25</v>
      </c>
      <c r="C32349" s="7">
        <f t="shared" si="505"/>
        <v>538.54425000000003</v>
      </c>
    </row>
    <row r="32350" spans="1:3" x14ac:dyDescent="0.25">
      <c r="A32350" s="2" t="s">
        <v>20763</v>
      </c>
      <c r="B32350" s="6">
        <v>538560.89999999991</v>
      </c>
      <c r="C32350" s="7">
        <f t="shared" si="505"/>
        <v>538.56089999999995</v>
      </c>
    </row>
    <row r="32351" spans="1:3" x14ac:dyDescent="0.25">
      <c r="A32351" s="2" t="s">
        <v>20764</v>
      </c>
      <c r="B32351" s="6">
        <v>538577.54999999993</v>
      </c>
      <c r="C32351" s="7">
        <f t="shared" si="505"/>
        <v>538.57754999999997</v>
      </c>
    </row>
    <row r="32352" spans="1:3" x14ac:dyDescent="0.25">
      <c r="A32352" s="2" t="s">
        <v>20765</v>
      </c>
      <c r="B32352" s="6">
        <v>538594.19999999995</v>
      </c>
      <c r="C32352" s="7">
        <f t="shared" si="505"/>
        <v>538.5942</v>
      </c>
    </row>
    <row r="32353" spans="1:3" x14ac:dyDescent="0.25">
      <c r="A32353" s="2" t="s">
        <v>20766</v>
      </c>
      <c r="B32353" s="6">
        <v>538610.85</v>
      </c>
      <c r="C32353" s="7">
        <f t="shared" si="505"/>
        <v>538.61085000000003</v>
      </c>
    </row>
    <row r="32354" spans="1:3" x14ac:dyDescent="0.25">
      <c r="A32354" s="2" t="s">
        <v>20767</v>
      </c>
      <c r="B32354" s="6">
        <v>538627.5</v>
      </c>
      <c r="C32354" s="7">
        <f t="shared" si="505"/>
        <v>538.62750000000005</v>
      </c>
    </row>
    <row r="32355" spans="1:3" x14ac:dyDescent="0.25">
      <c r="A32355" s="2" t="s">
        <v>20768</v>
      </c>
      <c r="B32355" s="6">
        <v>538644.14999999991</v>
      </c>
      <c r="C32355" s="7">
        <f t="shared" si="505"/>
        <v>538.64414999999985</v>
      </c>
    </row>
    <row r="32356" spans="1:3" x14ac:dyDescent="0.25">
      <c r="A32356" s="2" t="s">
        <v>20769</v>
      </c>
      <c r="B32356" s="6">
        <v>538660.79999999993</v>
      </c>
      <c r="C32356" s="7">
        <f t="shared" si="505"/>
        <v>538.66079999999988</v>
      </c>
    </row>
    <row r="32357" spans="1:3" x14ac:dyDescent="0.25">
      <c r="A32357" s="2" t="s">
        <v>20770</v>
      </c>
      <c r="B32357" s="6">
        <v>538677.44999999995</v>
      </c>
      <c r="C32357" s="7">
        <f t="shared" si="505"/>
        <v>538.67744999999991</v>
      </c>
    </row>
    <row r="32358" spans="1:3" x14ac:dyDescent="0.25">
      <c r="A32358" s="2" t="s">
        <v>20771</v>
      </c>
      <c r="B32358" s="6">
        <v>538694.1</v>
      </c>
      <c r="C32358" s="7">
        <f t="shared" si="505"/>
        <v>538.69409999999993</v>
      </c>
    </row>
    <row r="32359" spans="1:3" x14ac:dyDescent="0.25">
      <c r="A32359" s="2" t="s">
        <v>20772</v>
      </c>
      <c r="B32359" s="6">
        <v>538710.75</v>
      </c>
      <c r="C32359" s="7">
        <f t="shared" si="505"/>
        <v>538.71074999999996</v>
      </c>
    </row>
    <row r="32360" spans="1:3" x14ac:dyDescent="0.25">
      <c r="A32360" s="2" t="s">
        <v>20773</v>
      </c>
      <c r="B32360" s="6">
        <v>538727.39999999991</v>
      </c>
      <c r="C32360" s="7">
        <f t="shared" si="505"/>
        <v>538.72739999999988</v>
      </c>
    </row>
    <row r="32361" spans="1:3" x14ac:dyDescent="0.25">
      <c r="A32361" s="2" t="s">
        <v>20774</v>
      </c>
      <c r="B32361" s="6">
        <v>538744.04999999993</v>
      </c>
      <c r="C32361" s="7">
        <f t="shared" si="505"/>
        <v>538.7440499999999</v>
      </c>
    </row>
    <row r="32362" spans="1:3" x14ac:dyDescent="0.25">
      <c r="A32362" s="2" t="s">
        <v>20775</v>
      </c>
      <c r="B32362" s="6">
        <v>538760.69999999995</v>
      </c>
      <c r="C32362" s="7">
        <f t="shared" si="505"/>
        <v>538.76069999999993</v>
      </c>
    </row>
    <row r="32363" spans="1:3" x14ac:dyDescent="0.25">
      <c r="A32363" s="2" t="s">
        <v>20776</v>
      </c>
      <c r="B32363" s="6">
        <v>538777.35</v>
      </c>
      <c r="C32363" s="7">
        <f t="shared" si="505"/>
        <v>538.77734999999996</v>
      </c>
    </row>
    <row r="32364" spans="1:3" x14ac:dyDescent="0.25">
      <c r="A32364" s="2" t="s">
        <v>20777</v>
      </c>
      <c r="B32364" s="6">
        <v>538794</v>
      </c>
      <c r="C32364" s="7">
        <f t="shared" si="505"/>
        <v>538.79399999999998</v>
      </c>
    </row>
    <row r="32365" spans="1:3" x14ac:dyDescent="0.25">
      <c r="A32365" s="2" t="s">
        <v>20778</v>
      </c>
      <c r="B32365" s="6">
        <v>538810.64999999991</v>
      </c>
      <c r="C32365" s="7">
        <f t="shared" si="505"/>
        <v>538.8106499999999</v>
      </c>
    </row>
    <row r="32366" spans="1:3" x14ac:dyDescent="0.25">
      <c r="A32366" s="2" t="s">
        <v>20779</v>
      </c>
      <c r="B32366" s="6">
        <v>538827.29999999993</v>
      </c>
      <c r="C32366" s="7">
        <f t="shared" si="505"/>
        <v>538.82729999999992</v>
      </c>
    </row>
    <row r="32367" spans="1:3" x14ac:dyDescent="0.25">
      <c r="A32367" s="2" t="s">
        <v>20780</v>
      </c>
      <c r="B32367" s="6">
        <v>538843.94999999995</v>
      </c>
      <c r="C32367" s="7">
        <f t="shared" si="505"/>
        <v>538.84394999999995</v>
      </c>
    </row>
    <row r="32368" spans="1:3" x14ac:dyDescent="0.25">
      <c r="A32368" s="2" t="s">
        <v>20781</v>
      </c>
      <c r="B32368" s="6">
        <v>538860.6</v>
      </c>
      <c r="C32368" s="7">
        <f t="shared" si="505"/>
        <v>538.86059999999998</v>
      </c>
    </row>
    <row r="32369" spans="1:3" x14ac:dyDescent="0.25">
      <c r="A32369" s="2" t="s">
        <v>20782</v>
      </c>
      <c r="B32369" s="6">
        <v>538877.25</v>
      </c>
      <c r="C32369" s="7">
        <f t="shared" si="505"/>
        <v>538.87725</v>
      </c>
    </row>
    <row r="32370" spans="1:3" x14ac:dyDescent="0.25">
      <c r="A32370" s="2" t="s">
        <v>20783</v>
      </c>
      <c r="B32370" s="6">
        <v>538893.89999999991</v>
      </c>
      <c r="C32370" s="7">
        <f t="shared" si="505"/>
        <v>538.89389999999992</v>
      </c>
    </row>
    <row r="32371" spans="1:3" x14ac:dyDescent="0.25">
      <c r="A32371" s="2" t="s">
        <v>20784</v>
      </c>
      <c r="B32371" s="6">
        <v>538910.54999999993</v>
      </c>
      <c r="C32371" s="7">
        <f t="shared" si="505"/>
        <v>538.91054999999994</v>
      </c>
    </row>
    <row r="32372" spans="1:3" x14ac:dyDescent="0.25">
      <c r="A32372" s="2" t="s">
        <v>20785</v>
      </c>
      <c r="B32372" s="6">
        <v>538927.19999999995</v>
      </c>
      <c r="C32372" s="7">
        <f t="shared" si="505"/>
        <v>538.92719999999997</v>
      </c>
    </row>
    <row r="32373" spans="1:3" x14ac:dyDescent="0.25">
      <c r="A32373" s="2" t="s">
        <v>20786</v>
      </c>
      <c r="B32373" s="6">
        <v>538943.85</v>
      </c>
      <c r="C32373" s="7">
        <f t="shared" si="505"/>
        <v>538.94385</v>
      </c>
    </row>
    <row r="32374" spans="1:3" x14ac:dyDescent="0.25">
      <c r="A32374" s="2" t="s">
        <v>20787</v>
      </c>
      <c r="B32374" s="6">
        <v>538960.5</v>
      </c>
      <c r="C32374" s="7">
        <f t="shared" si="505"/>
        <v>538.96050000000002</v>
      </c>
    </row>
    <row r="32375" spans="1:3" x14ac:dyDescent="0.25">
      <c r="A32375" s="2" t="s">
        <v>20788</v>
      </c>
      <c r="B32375" s="6">
        <v>538977.14999999991</v>
      </c>
      <c r="C32375" s="7">
        <f t="shared" si="505"/>
        <v>538.97714999999994</v>
      </c>
    </row>
    <row r="32376" spans="1:3" x14ac:dyDescent="0.25">
      <c r="A32376" s="2" t="s">
        <v>20789</v>
      </c>
      <c r="B32376" s="6">
        <v>538993.79999999993</v>
      </c>
      <c r="C32376" s="7">
        <f t="shared" si="505"/>
        <v>538.99379999999996</v>
      </c>
    </row>
    <row r="32377" spans="1:3" x14ac:dyDescent="0.25">
      <c r="A32377" s="2" t="s">
        <v>20790</v>
      </c>
      <c r="B32377" s="6">
        <v>539010.44999999995</v>
      </c>
      <c r="C32377" s="7">
        <f t="shared" si="505"/>
        <v>539.01044999999999</v>
      </c>
    </row>
    <row r="32378" spans="1:3" x14ac:dyDescent="0.25">
      <c r="A32378" s="2" t="s">
        <v>20791</v>
      </c>
      <c r="B32378" s="6">
        <v>539027.1</v>
      </c>
      <c r="C32378" s="7">
        <f t="shared" si="505"/>
        <v>539.02710000000002</v>
      </c>
    </row>
    <row r="32379" spans="1:3" x14ac:dyDescent="0.25">
      <c r="A32379" s="2" t="s">
        <v>20792</v>
      </c>
      <c r="B32379" s="6">
        <v>539043.75</v>
      </c>
      <c r="C32379" s="7">
        <f t="shared" si="505"/>
        <v>539.04375000000005</v>
      </c>
    </row>
    <row r="32380" spans="1:3" x14ac:dyDescent="0.25">
      <c r="A32380" s="2" t="s">
        <v>20793</v>
      </c>
      <c r="B32380" s="6">
        <v>539060.39999999991</v>
      </c>
      <c r="C32380" s="7">
        <f t="shared" si="505"/>
        <v>539.06039999999996</v>
      </c>
    </row>
    <row r="32381" spans="1:3" x14ac:dyDescent="0.25">
      <c r="A32381" s="2" t="s">
        <v>20794</v>
      </c>
      <c r="B32381" s="6">
        <v>539077.04999999993</v>
      </c>
      <c r="C32381" s="7">
        <f t="shared" si="505"/>
        <v>539.07704999999999</v>
      </c>
    </row>
    <row r="32382" spans="1:3" x14ac:dyDescent="0.25">
      <c r="A32382" s="2" t="s">
        <v>20795</v>
      </c>
      <c r="B32382" s="6">
        <v>539093.69999999995</v>
      </c>
      <c r="C32382" s="7">
        <f t="shared" si="505"/>
        <v>539.0936999999999</v>
      </c>
    </row>
    <row r="32383" spans="1:3" x14ac:dyDescent="0.25">
      <c r="A32383" s="2" t="s">
        <v>20796</v>
      </c>
      <c r="B32383" s="6">
        <v>539110.35</v>
      </c>
      <c r="C32383" s="7">
        <f t="shared" si="505"/>
        <v>539.11034999999993</v>
      </c>
    </row>
    <row r="32384" spans="1:3" x14ac:dyDescent="0.25">
      <c r="A32384" s="2" t="s">
        <v>20797</v>
      </c>
      <c r="B32384" s="6">
        <v>539127</v>
      </c>
      <c r="C32384" s="7">
        <f t="shared" si="505"/>
        <v>539.12699999999995</v>
      </c>
    </row>
    <row r="32385" spans="1:3" x14ac:dyDescent="0.25">
      <c r="A32385" s="2" t="s">
        <v>20798</v>
      </c>
      <c r="B32385" s="6">
        <v>539143.64999999991</v>
      </c>
      <c r="C32385" s="7">
        <f t="shared" si="505"/>
        <v>539.14364999999987</v>
      </c>
    </row>
    <row r="32386" spans="1:3" x14ac:dyDescent="0.25">
      <c r="A32386" s="2" t="s">
        <v>20799</v>
      </c>
      <c r="B32386" s="6">
        <v>539160.29999999993</v>
      </c>
      <c r="C32386" s="7">
        <f t="shared" si="505"/>
        <v>539.16029999999989</v>
      </c>
    </row>
    <row r="32387" spans="1:3" x14ac:dyDescent="0.25">
      <c r="A32387" s="2" t="s">
        <v>20800</v>
      </c>
      <c r="B32387" s="6">
        <v>539176.94999999995</v>
      </c>
      <c r="C32387" s="7">
        <f t="shared" ref="C32387:C32450" si="506">B32387/1000</f>
        <v>539.17694999999992</v>
      </c>
    </row>
    <row r="32388" spans="1:3" x14ac:dyDescent="0.25">
      <c r="A32388" s="2" t="s">
        <v>20801</v>
      </c>
      <c r="B32388" s="6">
        <v>539193.59999999998</v>
      </c>
      <c r="C32388" s="7">
        <f t="shared" si="506"/>
        <v>539.19359999999995</v>
      </c>
    </row>
    <row r="32389" spans="1:3" x14ac:dyDescent="0.25">
      <c r="A32389" s="2" t="s">
        <v>20802</v>
      </c>
      <c r="B32389" s="6">
        <v>539210.25</v>
      </c>
      <c r="C32389" s="7">
        <f t="shared" si="506"/>
        <v>539.21024999999997</v>
      </c>
    </row>
    <row r="32390" spans="1:3" x14ac:dyDescent="0.25">
      <c r="A32390" s="2" t="s">
        <v>20803</v>
      </c>
      <c r="B32390" s="6">
        <v>539226.89999999991</v>
      </c>
      <c r="C32390" s="7">
        <f t="shared" si="506"/>
        <v>539.22689999999989</v>
      </c>
    </row>
    <row r="32391" spans="1:3" x14ac:dyDescent="0.25">
      <c r="A32391" s="2" t="s">
        <v>20804</v>
      </c>
      <c r="B32391" s="6">
        <v>539243.54999999993</v>
      </c>
      <c r="C32391" s="7">
        <f t="shared" si="506"/>
        <v>539.24354999999991</v>
      </c>
    </row>
    <row r="32392" spans="1:3" x14ac:dyDescent="0.25">
      <c r="A32392" s="2" t="s">
        <v>20805</v>
      </c>
      <c r="B32392" s="6">
        <v>539260.19999999995</v>
      </c>
      <c r="C32392" s="7">
        <f t="shared" si="506"/>
        <v>539.26019999999994</v>
      </c>
    </row>
    <row r="32393" spans="1:3" x14ac:dyDescent="0.25">
      <c r="A32393" s="2" t="s">
        <v>20806</v>
      </c>
      <c r="B32393" s="6">
        <v>539276.85</v>
      </c>
      <c r="C32393" s="7">
        <f t="shared" si="506"/>
        <v>539.27684999999997</v>
      </c>
    </row>
    <row r="32394" spans="1:3" x14ac:dyDescent="0.25">
      <c r="A32394" s="2" t="s">
        <v>20807</v>
      </c>
      <c r="B32394" s="6">
        <v>539293.5</v>
      </c>
      <c r="C32394" s="7">
        <f t="shared" si="506"/>
        <v>539.29349999999999</v>
      </c>
    </row>
    <row r="32395" spans="1:3" x14ac:dyDescent="0.25">
      <c r="A32395" s="2" t="s">
        <v>20808</v>
      </c>
      <c r="B32395" s="6">
        <v>539310.14999999991</v>
      </c>
      <c r="C32395" s="7">
        <f t="shared" si="506"/>
        <v>539.31014999999991</v>
      </c>
    </row>
    <row r="32396" spans="1:3" x14ac:dyDescent="0.25">
      <c r="A32396" s="2" t="s">
        <v>20809</v>
      </c>
      <c r="B32396" s="6">
        <v>539326.79999999993</v>
      </c>
      <c r="C32396" s="7">
        <f t="shared" si="506"/>
        <v>539.32679999999993</v>
      </c>
    </row>
    <row r="32397" spans="1:3" x14ac:dyDescent="0.25">
      <c r="A32397" s="2" t="s">
        <v>20810</v>
      </c>
      <c r="B32397" s="6">
        <v>539343.44999999995</v>
      </c>
      <c r="C32397" s="7">
        <f t="shared" si="506"/>
        <v>539.34344999999996</v>
      </c>
    </row>
    <row r="32398" spans="1:3" x14ac:dyDescent="0.25">
      <c r="A32398" s="2" t="s">
        <v>20811</v>
      </c>
      <c r="B32398" s="6">
        <v>539360.1</v>
      </c>
      <c r="C32398" s="7">
        <f t="shared" si="506"/>
        <v>539.36009999999999</v>
      </c>
    </row>
    <row r="32399" spans="1:3" x14ac:dyDescent="0.25">
      <c r="A32399" s="2" t="s">
        <v>20812</v>
      </c>
      <c r="B32399" s="6">
        <v>539376.75</v>
      </c>
      <c r="C32399" s="7">
        <f t="shared" si="506"/>
        <v>539.37675000000002</v>
      </c>
    </row>
    <row r="32400" spans="1:3" x14ac:dyDescent="0.25">
      <c r="A32400" s="2" t="s">
        <v>20813</v>
      </c>
      <c r="B32400" s="6">
        <v>539393.39999999991</v>
      </c>
      <c r="C32400" s="7">
        <f t="shared" si="506"/>
        <v>539.39339999999993</v>
      </c>
    </row>
    <row r="32401" spans="1:3" x14ac:dyDescent="0.25">
      <c r="A32401" s="2" t="s">
        <v>20814</v>
      </c>
      <c r="B32401" s="6">
        <v>539410.04999999993</v>
      </c>
      <c r="C32401" s="7">
        <f t="shared" si="506"/>
        <v>539.41004999999996</v>
      </c>
    </row>
    <row r="32402" spans="1:3" x14ac:dyDescent="0.25">
      <c r="A32402" s="2" t="s">
        <v>20815</v>
      </c>
      <c r="B32402" s="6">
        <v>539426.69999999995</v>
      </c>
      <c r="C32402" s="7">
        <f t="shared" si="506"/>
        <v>539.42669999999998</v>
      </c>
    </row>
    <row r="32403" spans="1:3" x14ac:dyDescent="0.25">
      <c r="A32403" s="2" t="s">
        <v>20816</v>
      </c>
      <c r="B32403" s="6">
        <v>539443.35</v>
      </c>
      <c r="C32403" s="7">
        <f t="shared" si="506"/>
        <v>539.44335000000001</v>
      </c>
    </row>
    <row r="32404" spans="1:3" x14ac:dyDescent="0.25">
      <c r="A32404" s="2" t="s">
        <v>20817</v>
      </c>
      <c r="B32404" s="6">
        <v>539460</v>
      </c>
      <c r="C32404" s="7">
        <f t="shared" si="506"/>
        <v>539.46</v>
      </c>
    </row>
    <row r="32405" spans="1:3" x14ac:dyDescent="0.25">
      <c r="A32405" s="2" t="s">
        <v>20818</v>
      </c>
      <c r="B32405" s="6">
        <v>539476.64999999991</v>
      </c>
      <c r="C32405" s="7">
        <f t="shared" si="506"/>
        <v>539.47664999999995</v>
      </c>
    </row>
    <row r="32406" spans="1:3" x14ac:dyDescent="0.25">
      <c r="A32406" s="2" t="s">
        <v>20819</v>
      </c>
      <c r="B32406" s="6">
        <v>539493.29999999993</v>
      </c>
      <c r="C32406" s="7">
        <f t="shared" si="506"/>
        <v>539.49329999999998</v>
      </c>
    </row>
    <row r="32407" spans="1:3" x14ac:dyDescent="0.25">
      <c r="A32407" s="2" t="s">
        <v>20820</v>
      </c>
      <c r="B32407" s="6">
        <v>539509.94999999995</v>
      </c>
      <c r="C32407" s="7">
        <f t="shared" si="506"/>
        <v>539.50995</v>
      </c>
    </row>
    <row r="32408" spans="1:3" x14ac:dyDescent="0.25">
      <c r="A32408" s="2" t="s">
        <v>20821</v>
      </c>
      <c r="B32408" s="6">
        <v>539526.6</v>
      </c>
      <c r="C32408" s="7">
        <f t="shared" si="506"/>
        <v>539.52660000000003</v>
      </c>
    </row>
    <row r="32409" spans="1:3" x14ac:dyDescent="0.25">
      <c r="A32409" s="2" t="s">
        <v>20822</v>
      </c>
      <c r="B32409" s="6">
        <v>539543.25</v>
      </c>
      <c r="C32409" s="7">
        <f t="shared" si="506"/>
        <v>539.54324999999994</v>
      </c>
    </row>
    <row r="32410" spans="1:3" x14ac:dyDescent="0.25">
      <c r="A32410" s="2" t="s">
        <v>20823</v>
      </c>
      <c r="B32410" s="6">
        <v>539559.89999999991</v>
      </c>
      <c r="C32410" s="7">
        <f t="shared" si="506"/>
        <v>539.55989999999986</v>
      </c>
    </row>
    <row r="32411" spans="1:3" x14ac:dyDescent="0.25">
      <c r="A32411" s="2" t="s">
        <v>20824</v>
      </c>
      <c r="B32411" s="6">
        <v>539576.54999999993</v>
      </c>
      <c r="C32411" s="7">
        <f t="shared" si="506"/>
        <v>539.57654999999988</v>
      </c>
    </row>
    <row r="32412" spans="1:3" x14ac:dyDescent="0.25">
      <c r="A32412" s="2" t="s">
        <v>20825</v>
      </c>
      <c r="B32412" s="6">
        <v>539593.19999999995</v>
      </c>
      <c r="C32412" s="7">
        <f t="shared" si="506"/>
        <v>539.59319999999991</v>
      </c>
    </row>
    <row r="32413" spans="1:3" x14ac:dyDescent="0.25">
      <c r="A32413" s="2" t="s">
        <v>20826</v>
      </c>
      <c r="B32413" s="6">
        <v>539609.85</v>
      </c>
      <c r="C32413" s="7">
        <f t="shared" si="506"/>
        <v>539.60984999999994</v>
      </c>
    </row>
    <row r="32414" spans="1:3" x14ac:dyDescent="0.25">
      <c r="A32414" s="2" t="s">
        <v>20827</v>
      </c>
      <c r="B32414" s="6">
        <v>539626.5</v>
      </c>
      <c r="C32414" s="7">
        <f t="shared" si="506"/>
        <v>539.62649999999996</v>
      </c>
    </row>
    <row r="32415" spans="1:3" x14ac:dyDescent="0.25">
      <c r="A32415" s="2" t="s">
        <v>20828</v>
      </c>
      <c r="B32415" s="6">
        <v>539643.14999999991</v>
      </c>
      <c r="C32415" s="7">
        <f t="shared" si="506"/>
        <v>539.64314999999988</v>
      </c>
    </row>
    <row r="32416" spans="1:3" x14ac:dyDescent="0.25">
      <c r="A32416" s="2" t="s">
        <v>20829</v>
      </c>
      <c r="B32416" s="6">
        <v>539659.79999999993</v>
      </c>
      <c r="C32416" s="7">
        <f t="shared" si="506"/>
        <v>539.6597999999999</v>
      </c>
    </row>
    <row r="32417" spans="1:3" x14ac:dyDescent="0.25">
      <c r="A32417" s="2" t="s">
        <v>20830</v>
      </c>
      <c r="B32417" s="6">
        <v>539676.44999999995</v>
      </c>
      <c r="C32417" s="7">
        <f t="shared" si="506"/>
        <v>539.67644999999993</v>
      </c>
    </row>
    <row r="32418" spans="1:3" x14ac:dyDescent="0.25">
      <c r="A32418" s="2" t="s">
        <v>20831</v>
      </c>
      <c r="B32418" s="6">
        <v>539693.1</v>
      </c>
      <c r="C32418" s="7">
        <f t="shared" si="506"/>
        <v>539.69309999999996</v>
      </c>
    </row>
    <row r="32419" spans="1:3" x14ac:dyDescent="0.25">
      <c r="A32419" s="2" t="s">
        <v>20832</v>
      </c>
      <c r="B32419" s="6">
        <v>539709.75</v>
      </c>
      <c r="C32419" s="7">
        <f t="shared" si="506"/>
        <v>539.70974999999999</v>
      </c>
    </row>
    <row r="32420" spans="1:3" x14ac:dyDescent="0.25">
      <c r="A32420" s="2" t="s">
        <v>20833</v>
      </c>
      <c r="B32420" s="6">
        <v>539726.39999999991</v>
      </c>
      <c r="C32420" s="7">
        <f t="shared" si="506"/>
        <v>539.7263999999999</v>
      </c>
    </row>
    <row r="32421" spans="1:3" x14ac:dyDescent="0.25">
      <c r="A32421" s="2" t="s">
        <v>20834</v>
      </c>
      <c r="B32421" s="6">
        <v>539743.04999999993</v>
      </c>
      <c r="C32421" s="7">
        <f t="shared" si="506"/>
        <v>539.74304999999993</v>
      </c>
    </row>
    <row r="32422" spans="1:3" x14ac:dyDescent="0.25">
      <c r="A32422" s="2" t="s">
        <v>20835</v>
      </c>
      <c r="B32422" s="6">
        <v>539759.69999999995</v>
      </c>
      <c r="C32422" s="7">
        <f t="shared" si="506"/>
        <v>539.75969999999995</v>
      </c>
    </row>
    <row r="32423" spans="1:3" x14ac:dyDescent="0.25">
      <c r="A32423" s="2" t="s">
        <v>20836</v>
      </c>
      <c r="B32423" s="6">
        <v>539776.35</v>
      </c>
      <c r="C32423" s="7">
        <f t="shared" si="506"/>
        <v>539.77634999999998</v>
      </c>
    </row>
    <row r="32424" spans="1:3" x14ac:dyDescent="0.25">
      <c r="A32424" s="2" t="s">
        <v>20837</v>
      </c>
      <c r="B32424" s="6">
        <v>539793</v>
      </c>
      <c r="C32424" s="7">
        <f t="shared" si="506"/>
        <v>539.79300000000001</v>
      </c>
    </row>
    <row r="32425" spans="1:3" x14ac:dyDescent="0.25">
      <c r="A32425" s="2" t="s">
        <v>20838</v>
      </c>
      <c r="B32425" s="6">
        <v>539809.64999999991</v>
      </c>
      <c r="C32425" s="7">
        <f t="shared" si="506"/>
        <v>539.80964999999992</v>
      </c>
    </row>
    <row r="32426" spans="1:3" x14ac:dyDescent="0.25">
      <c r="A32426" s="2" t="s">
        <v>20839</v>
      </c>
      <c r="B32426" s="6">
        <v>539826.29999999993</v>
      </c>
      <c r="C32426" s="7">
        <f t="shared" si="506"/>
        <v>539.82629999999995</v>
      </c>
    </row>
    <row r="32427" spans="1:3" x14ac:dyDescent="0.25">
      <c r="A32427" s="2" t="s">
        <v>20840</v>
      </c>
      <c r="B32427" s="6">
        <v>539842.94999999995</v>
      </c>
      <c r="C32427" s="7">
        <f t="shared" si="506"/>
        <v>539.84294999999997</v>
      </c>
    </row>
    <row r="32428" spans="1:3" x14ac:dyDescent="0.25">
      <c r="A32428" s="2" t="s">
        <v>20841</v>
      </c>
      <c r="B32428" s="6">
        <v>539859.6</v>
      </c>
      <c r="C32428" s="7">
        <f t="shared" si="506"/>
        <v>539.8596</v>
      </c>
    </row>
    <row r="32429" spans="1:3" x14ac:dyDescent="0.25">
      <c r="A32429" s="2" t="s">
        <v>20842</v>
      </c>
      <c r="B32429" s="6">
        <v>539876.25</v>
      </c>
      <c r="C32429" s="7">
        <f t="shared" si="506"/>
        <v>539.87625000000003</v>
      </c>
    </row>
    <row r="32430" spans="1:3" x14ac:dyDescent="0.25">
      <c r="A32430" s="2" t="s">
        <v>20843</v>
      </c>
      <c r="B32430" s="6">
        <v>539892.89999999991</v>
      </c>
      <c r="C32430" s="7">
        <f t="shared" si="506"/>
        <v>539.89289999999994</v>
      </c>
    </row>
    <row r="32431" spans="1:3" x14ac:dyDescent="0.25">
      <c r="A32431" s="2" t="s">
        <v>20844</v>
      </c>
      <c r="B32431" s="6">
        <v>539909.54999999993</v>
      </c>
      <c r="C32431" s="7">
        <f t="shared" si="506"/>
        <v>539.90954999999997</v>
      </c>
    </row>
    <row r="32432" spans="1:3" x14ac:dyDescent="0.25">
      <c r="A32432" s="2" t="s">
        <v>20845</v>
      </c>
      <c r="B32432" s="6">
        <v>539926.19999999995</v>
      </c>
      <c r="C32432" s="7">
        <f t="shared" si="506"/>
        <v>539.92619999999999</v>
      </c>
    </row>
    <row r="32433" spans="1:3" x14ac:dyDescent="0.25">
      <c r="A32433" s="2" t="s">
        <v>20846</v>
      </c>
      <c r="B32433" s="6">
        <v>539942.85</v>
      </c>
      <c r="C32433" s="7">
        <f t="shared" si="506"/>
        <v>539.94285000000002</v>
      </c>
    </row>
    <row r="32434" spans="1:3" x14ac:dyDescent="0.25">
      <c r="A32434" s="2" t="s">
        <v>20847</v>
      </c>
      <c r="B32434" s="6">
        <v>539959.5</v>
      </c>
      <c r="C32434" s="7">
        <f t="shared" si="506"/>
        <v>539.95950000000005</v>
      </c>
    </row>
    <row r="32435" spans="1:3" x14ac:dyDescent="0.25">
      <c r="A32435" s="2" t="s">
        <v>20848</v>
      </c>
      <c r="B32435" s="6">
        <v>539976.14999999991</v>
      </c>
      <c r="C32435" s="7">
        <f t="shared" si="506"/>
        <v>539.97614999999996</v>
      </c>
    </row>
    <row r="32436" spans="1:3" x14ac:dyDescent="0.25">
      <c r="A32436" s="2" t="s">
        <v>20849</v>
      </c>
      <c r="B32436" s="6">
        <v>539992.79999999993</v>
      </c>
      <c r="C32436" s="7">
        <f t="shared" si="506"/>
        <v>539.99279999999987</v>
      </c>
    </row>
    <row r="32437" spans="1:3" x14ac:dyDescent="0.25">
      <c r="A32437" s="2" t="s">
        <v>20850</v>
      </c>
      <c r="B32437" s="6">
        <v>540009.44999999995</v>
      </c>
      <c r="C32437" s="7">
        <f t="shared" si="506"/>
        <v>540.0094499999999</v>
      </c>
    </row>
    <row r="32438" spans="1:3" x14ac:dyDescent="0.25">
      <c r="A32438" s="2" t="s">
        <v>20851</v>
      </c>
      <c r="B32438" s="6">
        <v>540026.1</v>
      </c>
      <c r="C32438" s="7">
        <f t="shared" si="506"/>
        <v>540.02609999999993</v>
      </c>
    </row>
    <row r="32439" spans="1:3" x14ac:dyDescent="0.25">
      <c r="A32439" s="2" t="s">
        <v>20852</v>
      </c>
      <c r="B32439" s="6">
        <v>540042.75</v>
      </c>
      <c r="C32439" s="7">
        <f t="shared" si="506"/>
        <v>540.04274999999996</v>
      </c>
    </row>
    <row r="32440" spans="1:3" x14ac:dyDescent="0.25">
      <c r="A32440" s="2" t="s">
        <v>20853</v>
      </c>
      <c r="B32440" s="6">
        <v>540059.39999999991</v>
      </c>
      <c r="C32440" s="7">
        <f t="shared" si="506"/>
        <v>540.05939999999987</v>
      </c>
    </row>
    <row r="32441" spans="1:3" x14ac:dyDescent="0.25">
      <c r="A32441" s="2" t="s">
        <v>20854</v>
      </c>
      <c r="B32441" s="6">
        <v>540076.04999999993</v>
      </c>
      <c r="C32441" s="7">
        <f t="shared" si="506"/>
        <v>540.0760499999999</v>
      </c>
    </row>
    <row r="32442" spans="1:3" x14ac:dyDescent="0.25">
      <c r="A32442" s="2" t="s">
        <v>20855</v>
      </c>
      <c r="B32442" s="6">
        <v>540092.69999999995</v>
      </c>
      <c r="C32442" s="7">
        <f t="shared" si="506"/>
        <v>540.09269999999992</v>
      </c>
    </row>
    <row r="32443" spans="1:3" x14ac:dyDescent="0.25">
      <c r="A32443" s="2" t="s">
        <v>20856</v>
      </c>
      <c r="B32443" s="6">
        <v>540109.35</v>
      </c>
      <c r="C32443" s="7">
        <f t="shared" si="506"/>
        <v>540.10934999999995</v>
      </c>
    </row>
    <row r="32444" spans="1:3" x14ac:dyDescent="0.25">
      <c r="A32444" s="2" t="s">
        <v>20857</v>
      </c>
      <c r="B32444" s="6">
        <v>540126</v>
      </c>
      <c r="C32444" s="7">
        <f t="shared" si="506"/>
        <v>540.12599999999998</v>
      </c>
    </row>
    <row r="32445" spans="1:3" x14ac:dyDescent="0.25">
      <c r="A32445" s="2" t="s">
        <v>20858</v>
      </c>
      <c r="B32445" s="6">
        <v>540142.64999999991</v>
      </c>
      <c r="C32445" s="7">
        <f t="shared" si="506"/>
        <v>540.14264999999989</v>
      </c>
    </row>
    <row r="32446" spans="1:3" x14ac:dyDescent="0.25">
      <c r="A32446" s="2" t="s">
        <v>20859</v>
      </c>
      <c r="B32446" s="6">
        <v>540159.29999999993</v>
      </c>
      <c r="C32446" s="7">
        <f t="shared" si="506"/>
        <v>540.15929999999992</v>
      </c>
    </row>
    <row r="32447" spans="1:3" x14ac:dyDescent="0.25">
      <c r="A32447" s="2" t="s">
        <v>20860</v>
      </c>
      <c r="B32447" s="6">
        <v>540175.94999999995</v>
      </c>
      <c r="C32447" s="7">
        <f t="shared" si="506"/>
        <v>540.17594999999994</v>
      </c>
    </row>
    <row r="32448" spans="1:3" x14ac:dyDescent="0.25">
      <c r="A32448" s="2" t="s">
        <v>20861</v>
      </c>
      <c r="B32448" s="6">
        <v>540192.6</v>
      </c>
      <c r="C32448" s="7">
        <f t="shared" si="506"/>
        <v>540.19259999999997</v>
      </c>
    </row>
    <row r="32449" spans="1:3" x14ac:dyDescent="0.25">
      <c r="A32449" s="2" t="s">
        <v>20862</v>
      </c>
      <c r="B32449" s="6">
        <v>540209.25</v>
      </c>
      <c r="C32449" s="7">
        <f t="shared" si="506"/>
        <v>540.20925</v>
      </c>
    </row>
    <row r="32450" spans="1:3" x14ac:dyDescent="0.25">
      <c r="A32450" s="2" t="s">
        <v>20863</v>
      </c>
      <c r="B32450" s="6">
        <v>540225.89999999991</v>
      </c>
      <c r="C32450" s="7">
        <f t="shared" si="506"/>
        <v>540.22589999999991</v>
      </c>
    </row>
    <row r="32451" spans="1:3" x14ac:dyDescent="0.25">
      <c r="A32451" s="2" t="s">
        <v>20864</v>
      </c>
      <c r="B32451" s="6">
        <v>540242.54999999993</v>
      </c>
      <c r="C32451" s="7">
        <f t="shared" ref="C32451:C32514" si="507">B32451/1000</f>
        <v>540.24254999999994</v>
      </c>
    </row>
    <row r="32452" spans="1:3" x14ac:dyDescent="0.25">
      <c r="A32452" s="2" t="s">
        <v>20865</v>
      </c>
      <c r="B32452" s="6">
        <v>540259.19999999995</v>
      </c>
      <c r="C32452" s="7">
        <f t="shared" si="507"/>
        <v>540.25919999999996</v>
      </c>
    </row>
    <row r="32453" spans="1:3" x14ac:dyDescent="0.25">
      <c r="A32453" s="2" t="s">
        <v>20866</v>
      </c>
      <c r="B32453" s="6">
        <v>540275.85</v>
      </c>
      <c r="C32453" s="7">
        <f t="shared" si="507"/>
        <v>540.27584999999999</v>
      </c>
    </row>
    <row r="32454" spans="1:3" x14ac:dyDescent="0.25">
      <c r="A32454" s="2" t="s">
        <v>20867</v>
      </c>
      <c r="B32454" s="6">
        <v>540292.5</v>
      </c>
      <c r="C32454" s="7">
        <f t="shared" si="507"/>
        <v>540.29250000000002</v>
      </c>
    </row>
    <row r="32455" spans="1:3" x14ac:dyDescent="0.25">
      <c r="A32455" s="2" t="s">
        <v>20868</v>
      </c>
      <c r="B32455" s="6">
        <v>540309.14999999991</v>
      </c>
      <c r="C32455" s="7">
        <f t="shared" si="507"/>
        <v>540.30914999999993</v>
      </c>
    </row>
    <row r="32456" spans="1:3" x14ac:dyDescent="0.25">
      <c r="A32456" s="2" t="s">
        <v>20869</v>
      </c>
      <c r="B32456" s="6">
        <v>540325.79999999993</v>
      </c>
      <c r="C32456" s="7">
        <f t="shared" si="507"/>
        <v>540.32579999999996</v>
      </c>
    </row>
    <row r="32457" spans="1:3" x14ac:dyDescent="0.25">
      <c r="A32457" s="2" t="s">
        <v>20870</v>
      </c>
      <c r="B32457" s="6">
        <v>540342.44999999995</v>
      </c>
      <c r="C32457" s="7">
        <f t="shared" si="507"/>
        <v>540.34244999999999</v>
      </c>
    </row>
    <row r="32458" spans="1:3" x14ac:dyDescent="0.25">
      <c r="A32458" s="2" t="s">
        <v>20871</v>
      </c>
      <c r="B32458" s="6">
        <v>540359.1</v>
      </c>
      <c r="C32458" s="7">
        <f t="shared" si="507"/>
        <v>540.35910000000001</v>
      </c>
    </row>
    <row r="32459" spans="1:3" x14ac:dyDescent="0.25">
      <c r="A32459" s="2" t="s">
        <v>20872</v>
      </c>
      <c r="B32459" s="6">
        <v>540375.75</v>
      </c>
      <c r="C32459" s="7">
        <f t="shared" si="507"/>
        <v>540.37575000000004</v>
      </c>
    </row>
    <row r="32460" spans="1:3" x14ac:dyDescent="0.25">
      <c r="A32460" s="2" t="s">
        <v>20873</v>
      </c>
      <c r="B32460" s="6">
        <v>540392.39999999991</v>
      </c>
      <c r="C32460" s="7">
        <f t="shared" si="507"/>
        <v>540.39239999999995</v>
      </c>
    </row>
    <row r="32461" spans="1:3" x14ac:dyDescent="0.25">
      <c r="A32461" s="2" t="s">
        <v>20874</v>
      </c>
      <c r="B32461" s="6">
        <v>540409.04999999993</v>
      </c>
      <c r="C32461" s="7">
        <f t="shared" si="507"/>
        <v>540.40904999999998</v>
      </c>
    </row>
    <row r="32462" spans="1:3" x14ac:dyDescent="0.25">
      <c r="A32462" s="2" t="s">
        <v>20875</v>
      </c>
      <c r="B32462" s="6">
        <v>540425.69999999995</v>
      </c>
      <c r="C32462" s="7">
        <f t="shared" si="507"/>
        <v>540.42570000000001</v>
      </c>
    </row>
    <row r="32463" spans="1:3" x14ac:dyDescent="0.25">
      <c r="A32463" s="2" t="s">
        <v>20876</v>
      </c>
      <c r="B32463" s="6">
        <v>540442.35</v>
      </c>
      <c r="C32463" s="7">
        <f t="shared" si="507"/>
        <v>540.44235000000003</v>
      </c>
    </row>
    <row r="32464" spans="1:3" x14ac:dyDescent="0.25">
      <c r="A32464" s="2" t="s">
        <v>20877</v>
      </c>
      <c r="B32464" s="6">
        <v>540459</v>
      </c>
      <c r="C32464" s="7">
        <f t="shared" si="507"/>
        <v>540.45899999999995</v>
      </c>
    </row>
    <row r="32465" spans="1:3" x14ac:dyDescent="0.25">
      <c r="A32465" s="2" t="s">
        <v>20878</v>
      </c>
      <c r="B32465" s="6">
        <v>540475.64999999991</v>
      </c>
      <c r="C32465" s="7">
        <f t="shared" si="507"/>
        <v>540.47564999999986</v>
      </c>
    </row>
    <row r="32466" spans="1:3" x14ac:dyDescent="0.25">
      <c r="A32466" s="2" t="s">
        <v>20879</v>
      </c>
      <c r="B32466" s="6">
        <v>540492.29999999993</v>
      </c>
      <c r="C32466" s="7">
        <f t="shared" si="507"/>
        <v>540.49229999999989</v>
      </c>
    </row>
    <row r="32467" spans="1:3" x14ac:dyDescent="0.25">
      <c r="A32467" s="2" t="s">
        <v>20880</v>
      </c>
      <c r="B32467" s="6">
        <v>540508.94999999995</v>
      </c>
      <c r="C32467" s="7">
        <f t="shared" si="507"/>
        <v>540.50894999999991</v>
      </c>
    </row>
    <row r="32468" spans="1:3" x14ac:dyDescent="0.25">
      <c r="A32468" s="2" t="s">
        <v>20881</v>
      </c>
      <c r="B32468" s="6">
        <v>540525.6</v>
      </c>
      <c r="C32468" s="7">
        <f t="shared" si="507"/>
        <v>540.52559999999994</v>
      </c>
    </row>
    <row r="32469" spans="1:3" x14ac:dyDescent="0.25">
      <c r="A32469" s="2" t="s">
        <v>20882</v>
      </c>
      <c r="B32469" s="6">
        <v>540542.25</v>
      </c>
      <c r="C32469" s="7">
        <f t="shared" si="507"/>
        <v>540.54224999999997</v>
      </c>
    </row>
    <row r="32470" spans="1:3" x14ac:dyDescent="0.25">
      <c r="A32470" s="2" t="s">
        <v>20883</v>
      </c>
      <c r="B32470" s="6">
        <v>540558.89999999991</v>
      </c>
      <c r="C32470" s="7">
        <f t="shared" si="507"/>
        <v>540.55889999999988</v>
      </c>
    </row>
    <row r="32471" spans="1:3" x14ac:dyDescent="0.25">
      <c r="A32471" s="2" t="s">
        <v>20884</v>
      </c>
      <c r="B32471" s="6">
        <v>540575.54999999993</v>
      </c>
      <c r="C32471" s="7">
        <f t="shared" si="507"/>
        <v>540.57554999999991</v>
      </c>
    </row>
    <row r="32472" spans="1:3" x14ac:dyDescent="0.25">
      <c r="A32472" s="2" t="s">
        <v>20885</v>
      </c>
      <c r="B32472" s="6">
        <v>540592.19999999995</v>
      </c>
      <c r="C32472" s="7">
        <f t="shared" si="507"/>
        <v>540.59219999999993</v>
      </c>
    </row>
    <row r="32473" spans="1:3" x14ac:dyDescent="0.25">
      <c r="A32473" s="2" t="s">
        <v>20886</v>
      </c>
      <c r="B32473" s="6">
        <v>540608.85</v>
      </c>
      <c r="C32473" s="7">
        <f t="shared" si="507"/>
        <v>540.60884999999996</v>
      </c>
    </row>
    <row r="32474" spans="1:3" x14ac:dyDescent="0.25">
      <c r="A32474" s="2" t="s">
        <v>20887</v>
      </c>
      <c r="B32474" s="6">
        <v>540625.5</v>
      </c>
      <c r="C32474" s="7">
        <f t="shared" si="507"/>
        <v>540.62549999999999</v>
      </c>
    </row>
    <row r="32475" spans="1:3" x14ac:dyDescent="0.25">
      <c r="A32475" s="2" t="s">
        <v>20888</v>
      </c>
      <c r="B32475" s="6">
        <v>540642.14999999991</v>
      </c>
      <c r="C32475" s="7">
        <f t="shared" si="507"/>
        <v>540.6421499999999</v>
      </c>
    </row>
    <row r="32476" spans="1:3" x14ac:dyDescent="0.25">
      <c r="A32476" s="2" t="s">
        <v>20889</v>
      </c>
      <c r="B32476" s="6">
        <v>540658.79999999993</v>
      </c>
      <c r="C32476" s="7">
        <f t="shared" si="507"/>
        <v>540.65879999999993</v>
      </c>
    </row>
    <row r="32477" spans="1:3" x14ac:dyDescent="0.25">
      <c r="A32477" s="2" t="s">
        <v>20890</v>
      </c>
      <c r="B32477" s="6">
        <v>540675.44999999995</v>
      </c>
      <c r="C32477" s="7">
        <f t="shared" si="507"/>
        <v>540.67544999999996</v>
      </c>
    </row>
    <row r="32478" spans="1:3" x14ac:dyDescent="0.25">
      <c r="A32478" s="2" t="s">
        <v>20891</v>
      </c>
      <c r="B32478" s="6">
        <v>540692.1</v>
      </c>
      <c r="C32478" s="7">
        <f t="shared" si="507"/>
        <v>540.69209999999998</v>
      </c>
    </row>
    <row r="32479" spans="1:3" x14ac:dyDescent="0.25">
      <c r="A32479" s="2" t="s">
        <v>20892</v>
      </c>
      <c r="B32479" s="6">
        <v>540708.75</v>
      </c>
      <c r="C32479" s="7">
        <f t="shared" si="507"/>
        <v>540.70875000000001</v>
      </c>
    </row>
    <row r="32480" spans="1:3" x14ac:dyDescent="0.25">
      <c r="A32480" s="2" t="s">
        <v>20893</v>
      </c>
      <c r="B32480" s="6">
        <v>540725.39999999991</v>
      </c>
      <c r="C32480" s="7">
        <f t="shared" si="507"/>
        <v>540.72539999999992</v>
      </c>
    </row>
    <row r="32481" spans="1:3" x14ac:dyDescent="0.25">
      <c r="A32481" s="2" t="s">
        <v>20894</v>
      </c>
      <c r="B32481" s="6">
        <v>540742.04999999993</v>
      </c>
      <c r="C32481" s="7">
        <f t="shared" si="507"/>
        <v>540.74204999999995</v>
      </c>
    </row>
    <row r="32482" spans="1:3" x14ac:dyDescent="0.25">
      <c r="A32482" s="2" t="s">
        <v>20895</v>
      </c>
      <c r="B32482" s="6">
        <v>540758.69999999995</v>
      </c>
      <c r="C32482" s="7">
        <f t="shared" si="507"/>
        <v>540.75869999999998</v>
      </c>
    </row>
    <row r="32483" spans="1:3" x14ac:dyDescent="0.25">
      <c r="A32483" s="2" t="s">
        <v>20896</v>
      </c>
      <c r="B32483" s="6">
        <v>540775.35</v>
      </c>
      <c r="C32483" s="7">
        <f t="shared" si="507"/>
        <v>540.77535</v>
      </c>
    </row>
    <row r="32484" spans="1:3" x14ac:dyDescent="0.25">
      <c r="A32484" s="2" t="s">
        <v>20897</v>
      </c>
      <c r="B32484" s="6">
        <v>540792</v>
      </c>
      <c r="C32484" s="7">
        <f t="shared" si="507"/>
        <v>540.79200000000003</v>
      </c>
    </row>
    <row r="32485" spans="1:3" x14ac:dyDescent="0.25">
      <c r="A32485" s="2" t="s">
        <v>20898</v>
      </c>
      <c r="B32485" s="6">
        <v>540808.64999999991</v>
      </c>
      <c r="C32485" s="7">
        <f t="shared" si="507"/>
        <v>540.80864999999994</v>
      </c>
    </row>
    <row r="32486" spans="1:3" x14ac:dyDescent="0.25">
      <c r="A32486" s="2" t="s">
        <v>20899</v>
      </c>
      <c r="B32486" s="6">
        <v>540825.29999999993</v>
      </c>
      <c r="C32486" s="7">
        <f t="shared" si="507"/>
        <v>540.82529999999997</v>
      </c>
    </row>
    <row r="32487" spans="1:3" x14ac:dyDescent="0.25">
      <c r="A32487" s="2" t="s">
        <v>20900</v>
      </c>
      <c r="B32487" s="6">
        <v>540841.94999999995</v>
      </c>
      <c r="C32487" s="7">
        <f t="shared" si="507"/>
        <v>540.84195</v>
      </c>
    </row>
    <row r="32488" spans="1:3" x14ac:dyDescent="0.25">
      <c r="A32488" s="2" t="s">
        <v>20901</v>
      </c>
      <c r="B32488" s="6">
        <v>540858.6</v>
      </c>
      <c r="C32488" s="7">
        <f t="shared" si="507"/>
        <v>540.85860000000002</v>
      </c>
    </row>
    <row r="32489" spans="1:3" x14ac:dyDescent="0.25">
      <c r="A32489" s="2" t="s">
        <v>20902</v>
      </c>
      <c r="B32489" s="6">
        <v>540875.25</v>
      </c>
      <c r="C32489" s="7">
        <f t="shared" si="507"/>
        <v>540.87525000000005</v>
      </c>
    </row>
    <row r="32490" spans="1:3" x14ac:dyDescent="0.25">
      <c r="A32490" s="2" t="s">
        <v>20903</v>
      </c>
      <c r="B32490" s="6">
        <v>540891.89999999991</v>
      </c>
      <c r="C32490" s="7">
        <f t="shared" si="507"/>
        <v>540.89189999999985</v>
      </c>
    </row>
    <row r="32491" spans="1:3" x14ac:dyDescent="0.25">
      <c r="A32491" s="2" t="s">
        <v>20904</v>
      </c>
      <c r="B32491" s="6">
        <v>540908.54999999993</v>
      </c>
      <c r="C32491" s="7">
        <f t="shared" si="507"/>
        <v>540.90854999999988</v>
      </c>
    </row>
    <row r="32492" spans="1:3" x14ac:dyDescent="0.25">
      <c r="A32492" s="2" t="s">
        <v>20905</v>
      </c>
      <c r="B32492" s="6">
        <v>540925.19999999995</v>
      </c>
      <c r="C32492" s="7">
        <f t="shared" si="507"/>
        <v>540.9251999999999</v>
      </c>
    </row>
    <row r="32493" spans="1:3" x14ac:dyDescent="0.25">
      <c r="A32493" s="2" t="s">
        <v>20906</v>
      </c>
      <c r="B32493" s="6">
        <v>540941.85</v>
      </c>
      <c r="C32493" s="7">
        <f t="shared" si="507"/>
        <v>540.94184999999993</v>
      </c>
    </row>
    <row r="32494" spans="1:3" x14ac:dyDescent="0.25">
      <c r="A32494" s="2" t="s">
        <v>20907</v>
      </c>
      <c r="B32494" s="6">
        <v>540958.5</v>
      </c>
      <c r="C32494" s="7">
        <f t="shared" si="507"/>
        <v>540.95849999999996</v>
      </c>
    </row>
    <row r="32495" spans="1:3" x14ac:dyDescent="0.25">
      <c r="A32495" s="2" t="s">
        <v>20908</v>
      </c>
      <c r="B32495" s="6">
        <v>540975.14999999991</v>
      </c>
      <c r="C32495" s="7">
        <f t="shared" si="507"/>
        <v>540.97514999999987</v>
      </c>
    </row>
    <row r="32496" spans="1:3" x14ac:dyDescent="0.25">
      <c r="A32496" s="2" t="s">
        <v>20909</v>
      </c>
      <c r="B32496" s="6">
        <v>540991.79999999993</v>
      </c>
      <c r="C32496" s="7">
        <f t="shared" si="507"/>
        <v>540.9917999999999</v>
      </c>
    </row>
    <row r="32497" spans="1:3" x14ac:dyDescent="0.25">
      <c r="A32497" s="2" t="s">
        <v>20910</v>
      </c>
      <c r="B32497" s="6">
        <v>541008.44999999995</v>
      </c>
      <c r="C32497" s="7">
        <f t="shared" si="507"/>
        <v>541.00844999999993</v>
      </c>
    </row>
    <row r="32498" spans="1:3" x14ac:dyDescent="0.25">
      <c r="A32498" s="2" t="s">
        <v>20911</v>
      </c>
      <c r="B32498" s="6">
        <v>541025.1</v>
      </c>
      <c r="C32498" s="7">
        <f t="shared" si="507"/>
        <v>541.02509999999995</v>
      </c>
    </row>
    <row r="32499" spans="1:3" x14ac:dyDescent="0.25">
      <c r="A32499" s="2" t="s">
        <v>20912</v>
      </c>
      <c r="B32499" s="6">
        <v>541041.75</v>
      </c>
      <c r="C32499" s="7">
        <f t="shared" si="507"/>
        <v>541.04174999999998</v>
      </c>
    </row>
    <row r="32500" spans="1:3" x14ac:dyDescent="0.25">
      <c r="A32500" s="2" t="s">
        <v>20913</v>
      </c>
      <c r="B32500" s="6">
        <v>541058.39999999991</v>
      </c>
      <c r="C32500" s="7">
        <f t="shared" si="507"/>
        <v>541.05839999999989</v>
      </c>
    </row>
    <row r="32501" spans="1:3" x14ac:dyDescent="0.25">
      <c r="A32501" s="2" t="s">
        <v>20914</v>
      </c>
      <c r="B32501" s="6">
        <v>541075.04999999993</v>
      </c>
      <c r="C32501" s="7">
        <f t="shared" si="507"/>
        <v>541.07504999999992</v>
      </c>
    </row>
    <row r="32502" spans="1:3" x14ac:dyDescent="0.25">
      <c r="A32502" s="2" t="s">
        <v>20915</v>
      </c>
      <c r="B32502" s="6">
        <v>541091.69999999995</v>
      </c>
      <c r="C32502" s="7">
        <f t="shared" si="507"/>
        <v>541.09169999999995</v>
      </c>
    </row>
    <row r="32503" spans="1:3" x14ac:dyDescent="0.25">
      <c r="A32503" s="2" t="s">
        <v>20916</v>
      </c>
      <c r="B32503" s="6">
        <v>541108.35</v>
      </c>
      <c r="C32503" s="7">
        <f t="shared" si="507"/>
        <v>541.10834999999997</v>
      </c>
    </row>
    <row r="32504" spans="1:3" x14ac:dyDescent="0.25">
      <c r="A32504" s="2" t="s">
        <v>20917</v>
      </c>
      <c r="B32504" s="6">
        <v>541125</v>
      </c>
      <c r="C32504" s="7">
        <f t="shared" si="507"/>
        <v>541.125</v>
      </c>
    </row>
    <row r="32505" spans="1:3" x14ac:dyDescent="0.25">
      <c r="A32505" s="2" t="s">
        <v>20918</v>
      </c>
      <c r="B32505" s="6">
        <v>541141.64999999991</v>
      </c>
      <c r="C32505" s="7">
        <f t="shared" si="507"/>
        <v>541.14164999999991</v>
      </c>
    </row>
    <row r="32506" spans="1:3" x14ac:dyDescent="0.25">
      <c r="A32506" s="2" t="s">
        <v>20919</v>
      </c>
      <c r="B32506" s="6">
        <v>541158.29999999993</v>
      </c>
      <c r="C32506" s="7">
        <f t="shared" si="507"/>
        <v>541.15829999999994</v>
      </c>
    </row>
    <row r="32507" spans="1:3" x14ac:dyDescent="0.25">
      <c r="A32507" s="2" t="s">
        <v>20920</v>
      </c>
      <c r="B32507" s="6">
        <v>541174.94999999995</v>
      </c>
      <c r="C32507" s="7">
        <f t="shared" si="507"/>
        <v>541.17494999999997</v>
      </c>
    </row>
    <row r="32508" spans="1:3" x14ac:dyDescent="0.25">
      <c r="A32508" s="2" t="s">
        <v>20921</v>
      </c>
      <c r="B32508" s="6">
        <v>541191.6</v>
      </c>
      <c r="C32508" s="7">
        <f t="shared" si="507"/>
        <v>541.19159999999999</v>
      </c>
    </row>
    <row r="32509" spans="1:3" x14ac:dyDescent="0.25">
      <c r="A32509" s="2" t="s">
        <v>20922</v>
      </c>
      <c r="B32509" s="6">
        <v>541208.25</v>
      </c>
      <c r="C32509" s="7">
        <f t="shared" si="507"/>
        <v>541.20825000000002</v>
      </c>
    </row>
    <row r="32510" spans="1:3" x14ac:dyDescent="0.25">
      <c r="A32510" s="2" t="s">
        <v>20923</v>
      </c>
      <c r="B32510" s="6">
        <v>541224.89999999991</v>
      </c>
      <c r="C32510" s="7">
        <f t="shared" si="507"/>
        <v>541.22489999999993</v>
      </c>
    </row>
    <row r="32511" spans="1:3" x14ac:dyDescent="0.25">
      <c r="A32511" s="2" t="s">
        <v>20924</v>
      </c>
      <c r="B32511" s="6">
        <v>541241.54999999993</v>
      </c>
      <c r="C32511" s="7">
        <f t="shared" si="507"/>
        <v>541.24154999999996</v>
      </c>
    </row>
    <row r="32512" spans="1:3" x14ac:dyDescent="0.25">
      <c r="A32512" s="2" t="s">
        <v>20925</v>
      </c>
      <c r="B32512" s="6">
        <v>541258.19999999995</v>
      </c>
      <c r="C32512" s="7">
        <f t="shared" si="507"/>
        <v>541.25819999999999</v>
      </c>
    </row>
    <row r="32513" spans="1:3" x14ac:dyDescent="0.25">
      <c r="A32513" s="2" t="s">
        <v>20926</v>
      </c>
      <c r="B32513" s="6">
        <v>541274.85</v>
      </c>
      <c r="C32513" s="7">
        <f t="shared" si="507"/>
        <v>541.27485000000001</v>
      </c>
    </row>
    <row r="32514" spans="1:3" x14ac:dyDescent="0.25">
      <c r="A32514" s="2" t="s">
        <v>20927</v>
      </c>
      <c r="B32514" s="6">
        <v>541291.5</v>
      </c>
      <c r="C32514" s="7">
        <f t="shared" si="507"/>
        <v>541.29150000000004</v>
      </c>
    </row>
    <row r="32515" spans="1:3" x14ac:dyDescent="0.25">
      <c r="A32515" s="2" t="s">
        <v>20928</v>
      </c>
      <c r="B32515" s="6">
        <v>541308.14999999991</v>
      </c>
      <c r="C32515" s="7">
        <f t="shared" ref="C32515:C32578" si="508">B32515/1000</f>
        <v>541.30814999999996</v>
      </c>
    </row>
    <row r="32516" spans="1:3" x14ac:dyDescent="0.25">
      <c r="A32516" s="2" t="s">
        <v>20929</v>
      </c>
      <c r="B32516" s="6">
        <v>541324.79999999993</v>
      </c>
      <c r="C32516" s="7">
        <f t="shared" si="508"/>
        <v>541.32479999999998</v>
      </c>
    </row>
    <row r="32517" spans="1:3" x14ac:dyDescent="0.25">
      <c r="A32517" s="2" t="s">
        <v>20930</v>
      </c>
      <c r="B32517" s="6">
        <v>541341.44999999995</v>
      </c>
      <c r="C32517" s="7">
        <f t="shared" si="508"/>
        <v>541.34145000000001</v>
      </c>
    </row>
    <row r="32518" spans="1:3" x14ac:dyDescent="0.25">
      <c r="A32518" s="2" t="s">
        <v>20931</v>
      </c>
      <c r="B32518" s="6">
        <v>541358.1</v>
      </c>
      <c r="C32518" s="7">
        <f t="shared" si="508"/>
        <v>541.35809999999992</v>
      </c>
    </row>
    <row r="32519" spans="1:3" x14ac:dyDescent="0.25">
      <c r="A32519" s="2" t="s">
        <v>20932</v>
      </c>
      <c r="B32519" s="6">
        <v>541374.75</v>
      </c>
      <c r="C32519" s="7">
        <f t="shared" si="508"/>
        <v>541.37474999999995</v>
      </c>
    </row>
    <row r="32520" spans="1:3" x14ac:dyDescent="0.25">
      <c r="A32520" s="2" t="s">
        <v>20933</v>
      </c>
      <c r="B32520" s="6">
        <v>541391.39999999991</v>
      </c>
      <c r="C32520" s="7">
        <f t="shared" si="508"/>
        <v>541.39139999999986</v>
      </c>
    </row>
    <row r="32521" spans="1:3" x14ac:dyDescent="0.25">
      <c r="A32521" s="2" t="s">
        <v>20934</v>
      </c>
      <c r="B32521" s="6">
        <v>541408.04999999993</v>
      </c>
      <c r="C32521" s="7">
        <f t="shared" si="508"/>
        <v>541.40804999999989</v>
      </c>
    </row>
    <row r="32522" spans="1:3" x14ac:dyDescent="0.25">
      <c r="A32522" s="2" t="s">
        <v>20935</v>
      </c>
      <c r="B32522" s="6">
        <v>541424.69999999995</v>
      </c>
      <c r="C32522" s="7">
        <f t="shared" si="508"/>
        <v>541.42469999999992</v>
      </c>
    </row>
    <row r="32523" spans="1:3" x14ac:dyDescent="0.25">
      <c r="A32523" s="2" t="s">
        <v>20936</v>
      </c>
      <c r="B32523" s="6">
        <v>541441.35</v>
      </c>
      <c r="C32523" s="7">
        <f t="shared" si="508"/>
        <v>541.44134999999994</v>
      </c>
    </row>
    <row r="32524" spans="1:3" x14ac:dyDescent="0.25">
      <c r="A32524" s="2" t="s">
        <v>20937</v>
      </c>
      <c r="B32524" s="6">
        <v>541458</v>
      </c>
      <c r="C32524" s="7">
        <f t="shared" si="508"/>
        <v>541.45799999999997</v>
      </c>
    </row>
    <row r="32525" spans="1:3" x14ac:dyDescent="0.25">
      <c r="A32525" s="2" t="s">
        <v>20938</v>
      </c>
      <c r="B32525" s="6">
        <v>541474.64999999991</v>
      </c>
      <c r="C32525" s="7">
        <f t="shared" si="508"/>
        <v>541.47464999999988</v>
      </c>
    </row>
    <row r="32526" spans="1:3" x14ac:dyDescent="0.25">
      <c r="A32526" s="2" t="s">
        <v>20939</v>
      </c>
      <c r="B32526" s="6">
        <v>541491.29999999993</v>
      </c>
      <c r="C32526" s="7">
        <f t="shared" si="508"/>
        <v>541.49129999999991</v>
      </c>
    </row>
    <row r="32527" spans="1:3" x14ac:dyDescent="0.25">
      <c r="A32527" s="2" t="s">
        <v>20940</v>
      </c>
      <c r="B32527" s="6">
        <v>541507.94999999995</v>
      </c>
      <c r="C32527" s="7">
        <f t="shared" si="508"/>
        <v>541.50794999999994</v>
      </c>
    </row>
    <row r="32528" spans="1:3" x14ac:dyDescent="0.25">
      <c r="A32528" s="2" t="s">
        <v>20941</v>
      </c>
      <c r="B32528" s="6">
        <v>541524.6</v>
      </c>
      <c r="C32528" s="7">
        <f t="shared" si="508"/>
        <v>541.52459999999996</v>
      </c>
    </row>
    <row r="32529" spans="1:3" x14ac:dyDescent="0.25">
      <c r="A32529" s="2" t="s">
        <v>20942</v>
      </c>
      <c r="B32529" s="6">
        <v>541541.25</v>
      </c>
      <c r="C32529" s="7">
        <f t="shared" si="508"/>
        <v>541.54124999999999</v>
      </c>
    </row>
    <row r="32530" spans="1:3" x14ac:dyDescent="0.25">
      <c r="A32530" s="2" t="s">
        <v>20943</v>
      </c>
      <c r="B32530" s="6">
        <v>541557.89999999991</v>
      </c>
      <c r="C32530" s="7">
        <f t="shared" si="508"/>
        <v>541.5578999999999</v>
      </c>
    </row>
    <row r="32531" spans="1:3" x14ac:dyDescent="0.25">
      <c r="A32531" s="2" t="s">
        <v>20944</v>
      </c>
      <c r="B32531" s="6">
        <v>541574.54999999993</v>
      </c>
      <c r="C32531" s="7">
        <f t="shared" si="508"/>
        <v>541.57454999999993</v>
      </c>
    </row>
    <row r="32532" spans="1:3" x14ac:dyDescent="0.25">
      <c r="A32532" s="2" t="s">
        <v>20945</v>
      </c>
      <c r="B32532" s="6">
        <v>541591.19999999995</v>
      </c>
      <c r="C32532" s="7">
        <f t="shared" si="508"/>
        <v>541.59119999999996</v>
      </c>
    </row>
    <row r="32533" spans="1:3" x14ac:dyDescent="0.25">
      <c r="A32533" s="2" t="s">
        <v>20946</v>
      </c>
      <c r="B32533" s="6">
        <v>541607.85</v>
      </c>
      <c r="C32533" s="7">
        <f t="shared" si="508"/>
        <v>541.60784999999998</v>
      </c>
    </row>
    <row r="32534" spans="1:3" x14ac:dyDescent="0.25">
      <c r="A32534" s="2" t="s">
        <v>20947</v>
      </c>
      <c r="B32534" s="6">
        <v>541624.5</v>
      </c>
      <c r="C32534" s="7">
        <f t="shared" si="508"/>
        <v>541.62450000000001</v>
      </c>
    </row>
    <row r="32535" spans="1:3" x14ac:dyDescent="0.25">
      <c r="A32535" s="2" t="s">
        <v>20948</v>
      </c>
      <c r="B32535" s="6">
        <v>541641.14999999991</v>
      </c>
      <c r="C32535" s="7">
        <f t="shared" si="508"/>
        <v>541.64114999999993</v>
      </c>
    </row>
    <row r="32536" spans="1:3" x14ac:dyDescent="0.25">
      <c r="A32536" s="2" t="s">
        <v>20949</v>
      </c>
      <c r="B32536" s="6">
        <v>541657.79999999993</v>
      </c>
      <c r="C32536" s="7">
        <f t="shared" si="508"/>
        <v>541.65779999999995</v>
      </c>
    </row>
    <row r="32537" spans="1:3" x14ac:dyDescent="0.25">
      <c r="A32537" s="2" t="s">
        <v>20950</v>
      </c>
      <c r="B32537" s="6">
        <v>541674.44999999995</v>
      </c>
      <c r="C32537" s="7">
        <f t="shared" si="508"/>
        <v>541.67444999999998</v>
      </c>
    </row>
    <row r="32538" spans="1:3" x14ac:dyDescent="0.25">
      <c r="A32538" s="2" t="s">
        <v>20951</v>
      </c>
      <c r="B32538" s="6">
        <v>541691.1</v>
      </c>
      <c r="C32538" s="7">
        <f t="shared" si="508"/>
        <v>541.69110000000001</v>
      </c>
    </row>
    <row r="32539" spans="1:3" x14ac:dyDescent="0.25">
      <c r="A32539" s="2" t="s">
        <v>20952</v>
      </c>
      <c r="B32539" s="6">
        <v>541707.75</v>
      </c>
      <c r="C32539" s="7">
        <f t="shared" si="508"/>
        <v>541.70775000000003</v>
      </c>
    </row>
    <row r="32540" spans="1:3" x14ac:dyDescent="0.25">
      <c r="A32540" s="2" t="s">
        <v>20953</v>
      </c>
      <c r="B32540" s="6">
        <v>541724.39999999991</v>
      </c>
      <c r="C32540" s="7">
        <f t="shared" si="508"/>
        <v>541.72439999999995</v>
      </c>
    </row>
    <row r="32541" spans="1:3" x14ac:dyDescent="0.25">
      <c r="A32541" s="2" t="s">
        <v>20954</v>
      </c>
      <c r="B32541" s="6">
        <v>541741.04999999993</v>
      </c>
      <c r="C32541" s="7">
        <f t="shared" si="508"/>
        <v>541.74104999999997</v>
      </c>
    </row>
    <row r="32542" spans="1:3" x14ac:dyDescent="0.25">
      <c r="A32542" s="2" t="s">
        <v>20955</v>
      </c>
      <c r="B32542" s="6">
        <v>541757.69999999995</v>
      </c>
      <c r="C32542" s="7">
        <f t="shared" si="508"/>
        <v>541.7577</v>
      </c>
    </row>
    <row r="32543" spans="1:3" x14ac:dyDescent="0.25">
      <c r="A32543" s="2" t="s">
        <v>20956</v>
      </c>
      <c r="B32543" s="6">
        <v>541774.35</v>
      </c>
      <c r="C32543" s="7">
        <f t="shared" si="508"/>
        <v>541.77435000000003</v>
      </c>
    </row>
    <row r="32544" spans="1:3" x14ac:dyDescent="0.25">
      <c r="A32544" s="2" t="s">
        <v>20957</v>
      </c>
      <c r="B32544" s="6">
        <v>541791</v>
      </c>
      <c r="C32544" s="7">
        <f t="shared" si="508"/>
        <v>541.79100000000005</v>
      </c>
    </row>
    <row r="32545" spans="1:9" x14ac:dyDescent="0.25">
      <c r="A32545" s="2" t="s">
        <v>20958</v>
      </c>
      <c r="B32545" s="6">
        <v>541807.64999999991</v>
      </c>
      <c r="C32545" s="7">
        <f t="shared" si="508"/>
        <v>541.80764999999985</v>
      </c>
    </row>
    <row r="32546" spans="1:9" x14ac:dyDescent="0.25">
      <c r="A32546" s="2" t="s">
        <v>20959</v>
      </c>
      <c r="B32546" s="6">
        <v>541824.29999999993</v>
      </c>
      <c r="C32546" s="7">
        <f t="shared" si="508"/>
        <v>541.82429999999988</v>
      </c>
    </row>
    <row r="32547" spans="1:9" x14ac:dyDescent="0.25">
      <c r="A32547" s="2" t="s">
        <v>20960</v>
      </c>
      <c r="B32547" s="6">
        <v>541840.94999999995</v>
      </c>
      <c r="C32547" s="7">
        <f t="shared" si="508"/>
        <v>541.84094999999991</v>
      </c>
    </row>
    <row r="32548" spans="1:9" x14ac:dyDescent="0.25">
      <c r="A32548" s="2" t="s">
        <v>20961</v>
      </c>
      <c r="B32548" s="6">
        <v>541857.6</v>
      </c>
      <c r="C32548" s="7">
        <f t="shared" si="508"/>
        <v>541.85759999999993</v>
      </c>
    </row>
    <row r="32549" spans="1:9" x14ac:dyDescent="0.25">
      <c r="A32549" s="2" t="s">
        <v>20962</v>
      </c>
      <c r="B32549" s="6">
        <v>541874.25</v>
      </c>
      <c r="C32549" s="7">
        <f t="shared" si="508"/>
        <v>541.87424999999996</v>
      </c>
    </row>
    <row r="32550" spans="1:9" x14ac:dyDescent="0.25">
      <c r="A32550" s="3">
        <v>41646.404421296298</v>
      </c>
      <c r="B32550" s="6">
        <v>541890.89999999991</v>
      </c>
      <c r="C32550" s="7">
        <f t="shared" si="508"/>
        <v>541.89089999999987</v>
      </c>
      <c r="I32550" s="1"/>
    </row>
    <row r="32551" spans="1:9" x14ac:dyDescent="0.25">
      <c r="A32551" s="3">
        <v>41646.415173611109</v>
      </c>
      <c r="B32551" s="6">
        <v>541907.54999999993</v>
      </c>
      <c r="C32551" s="7">
        <f t="shared" si="508"/>
        <v>541.9075499999999</v>
      </c>
      <c r="I32551" s="1"/>
    </row>
    <row r="32552" spans="1:9" x14ac:dyDescent="0.25">
      <c r="A32552" s="3">
        <v>41646.424375000002</v>
      </c>
      <c r="B32552" s="6">
        <v>541924.19999999995</v>
      </c>
      <c r="C32552" s="7">
        <f t="shared" si="508"/>
        <v>541.92419999999993</v>
      </c>
      <c r="I32552" s="1"/>
    </row>
    <row r="32553" spans="1:9" x14ac:dyDescent="0.25">
      <c r="A32553" s="3">
        <v>41646.42459490741</v>
      </c>
      <c r="B32553" s="6">
        <v>541940.85</v>
      </c>
      <c r="C32553" s="7">
        <f t="shared" si="508"/>
        <v>541.94084999999995</v>
      </c>
      <c r="I32553" s="1"/>
    </row>
    <row r="32554" spans="1:9" x14ac:dyDescent="0.25">
      <c r="A32554" s="3">
        <v>41646.43482638889</v>
      </c>
      <c r="B32554" s="6">
        <v>541957.5</v>
      </c>
      <c r="C32554" s="7">
        <f t="shared" si="508"/>
        <v>541.95749999999998</v>
      </c>
      <c r="I32554" s="1"/>
    </row>
    <row r="32555" spans="1:9" x14ac:dyDescent="0.25">
      <c r="A32555" s="3">
        <v>41646.434988425928</v>
      </c>
      <c r="B32555" s="6">
        <v>541974.14999999991</v>
      </c>
      <c r="C32555" s="7">
        <f t="shared" si="508"/>
        <v>541.9741499999999</v>
      </c>
      <c r="I32555" s="1"/>
    </row>
    <row r="32556" spans="1:9" x14ac:dyDescent="0.25">
      <c r="A32556" s="3">
        <v>41646.44195601852</v>
      </c>
      <c r="B32556" s="6">
        <v>541990.79999999993</v>
      </c>
      <c r="C32556" s="7">
        <f t="shared" si="508"/>
        <v>541.99079999999992</v>
      </c>
      <c r="I32556" s="1"/>
    </row>
    <row r="32557" spans="1:9" x14ac:dyDescent="0.25">
      <c r="A32557" s="3">
        <v>41646.442141203705</v>
      </c>
      <c r="B32557" s="6">
        <v>542007.44999999995</v>
      </c>
      <c r="C32557" s="7">
        <f t="shared" si="508"/>
        <v>542.00744999999995</v>
      </c>
      <c r="I32557" s="1"/>
    </row>
    <row r="32558" spans="1:9" x14ac:dyDescent="0.25">
      <c r="A32558" s="3">
        <v>41646.445740740739</v>
      </c>
      <c r="B32558" s="6">
        <v>542024.1</v>
      </c>
      <c r="C32558" s="7">
        <f t="shared" si="508"/>
        <v>542.02409999999998</v>
      </c>
      <c r="I32558" s="1"/>
    </row>
    <row r="32559" spans="1:9" x14ac:dyDescent="0.25">
      <c r="A32559" s="3">
        <v>41646.445983796293</v>
      </c>
      <c r="B32559" s="6">
        <v>542040.75</v>
      </c>
      <c r="C32559" s="7">
        <f t="shared" si="508"/>
        <v>542.04075</v>
      </c>
      <c r="I32559" s="1"/>
    </row>
    <row r="32560" spans="1:9" x14ac:dyDescent="0.25">
      <c r="A32560" s="3">
        <v>41646.457060185188</v>
      </c>
      <c r="B32560" s="6">
        <v>542057.39999999991</v>
      </c>
      <c r="C32560" s="7">
        <f t="shared" si="508"/>
        <v>542.05739999999992</v>
      </c>
      <c r="I32560" s="1"/>
    </row>
    <row r="32561" spans="1:9" x14ac:dyDescent="0.25">
      <c r="A32561" s="3">
        <v>41646.457233796296</v>
      </c>
      <c r="B32561" s="6">
        <v>542074.04999999993</v>
      </c>
      <c r="C32561" s="7">
        <f t="shared" si="508"/>
        <v>542.07404999999994</v>
      </c>
      <c r="I32561" s="1"/>
    </row>
    <row r="32562" spans="1:9" x14ac:dyDescent="0.25">
      <c r="A32562" s="3">
        <v>41646.461782407408</v>
      </c>
      <c r="B32562" s="6">
        <v>542090.69999999995</v>
      </c>
      <c r="C32562" s="7">
        <f t="shared" si="508"/>
        <v>542.09069999999997</v>
      </c>
      <c r="I32562" s="1"/>
    </row>
    <row r="32563" spans="1:9" x14ac:dyDescent="0.25">
      <c r="A32563" s="3">
        <v>41646.461863425924</v>
      </c>
      <c r="B32563" s="6">
        <v>542107.35</v>
      </c>
      <c r="C32563" s="7">
        <f t="shared" si="508"/>
        <v>542.10735</v>
      </c>
      <c r="I32563" s="1"/>
    </row>
    <row r="32564" spans="1:9" x14ac:dyDescent="0.25">
      <c r="A32564" s="3">
        <v>41646.463692129626</v>
      </c>
      <c r="B32564" s="6">
        <v>542124</v>
      </c>
      <c r="C32564" s="7">
        <f t="shared" si="508"/>
        <v>542.12400000000002</v>
      </c>
      <c r="I32564" s="1"/>
    </row>
    <row r="32565" spans="1:9" x14ac:dyDescent="0.25">
      <c r="A32565" s="3">
        <v>41646.463807870372</v>
      </c>
      <c r="B32565" s="6">
        <v>542140.64999999991</v>
      </c>
      <c r="C32565" s="7">
        <f t="shared" si="508"/>
        <v>542.14064999999994</v>
      </c>
      <c r="I32565" s="1"/>
    </row>
    <row r="32566" spans="1:9" x14ac:dyDescent="0.25">
      <c r="A32566" s="3">
        <v>41646.469201388885</v>
      </c>
      <c r="B32566" s="6">
        <v>542157.29999999993</v>
      </c>
      <c r="C32566" s="7">
        <f t="shared" si="508"/>
        <v>542.15729999999996</v>
      </c>
      <c r="I32566" s="1"/>
    </row>
    <row r="32567" spans="1:9" x14ac:dyDescent="0.25">
      <c r="A32567" s="3">
        <v>41646.469328703701</v>
      </c>
      <c r="B32567" s="6">
        <v>542173.94999999995</v>
      </c>
      <c r="C32567" s="7">
        <f t="shared" si="508"/>
        <v>542.17394999999999</v>
      </c>
      <c r="I32567" s="1"/>
    </row>
    <row r="32568" spans="1:9" x14ac:dyDescent="0.25">
      <c r="A32568" s="3">
        <v>41646.476238425923</v>
      </c>
      <c r="B32568" s="6">
        <v>542190.6</v>
      </c>
      <c r="C32568" s="7">
        <f t="shared" si="508"/>
        <v>542.19060000000002</v>
      </c>
      <c r="I32568" s="1"/>
    </row>
    <row r="32569" spans="1:9" x14ac:dyDescent="0.25">
      <c r="A32569" s="3">
        <v>41646.476712962962</v>
      </c>
      <c r="B32569" s="6">
        <v>542207.25</v>
      </c>
      <c r="C32569" s="7">
        <f t="shared" si="508"/>
        <v>542.20725000000004</v>
      </c>
      <c r="I32569" s="1"/>
    </row>
    <row r="32570" spans="1:9" x14ac:dyDescent="0.25">
      <c r="A32570" s="3">
        <v>41646.482002314813</v>
      </c>
      <c r="B32570" s="6">
        <v>542223.89999999991</v>
      </c>
      <c r="C32570" s="7">
        <f t="shared" si="508"/>
        <v>542.22389999999996</v>
      </c>
      <c r="I32570" s="1"/>
    </row>
    <row r="32571" spans="1:9" x14ac:dyDescent="0.25">
      <c r="A32571" s="3">
        <v>41646.482129629629</v>
      </c>
      <c r="B32571" s="6">
        <v>542240.54999999993</v>
      </c>
      <c r="C32571" s="7">
        <f t="shared" si="508"/>
        <v>542.24054999999998</v>
      </c>
      <c r="I32571" s="1"/>
    </row>
    <row r="32572" spans="1:9" x14ac:dyDescent="0.25">
      <c r="A32572" s="3">
        <v>41646.485196759262</v>
      </c>
      <c r="B32572" s="6">
        <v>542257.19999999995</v>
      </c>
      <c r="C32572" s="7">
        <f t="shared" si="508"/>
        <v>542.2571999999999</v>
      </c>
      <c r="I32572" s="1"/>
    </row>
    <row r="32573" spans="1:9" x14ac:dyDescent="0.25">
      <c r="A32573" s="3">
        <v>41646.485335648147</v>
      </c>
      <c r="B32573" s="6">
        <v>542273.85</v>
      </c>
      <c r="C32573" s="7">
        <f t="shared" si="508"/>
        <v>542.27384999999992</v>
      </c>
      <c r="I32573" s="1"/>
    </row>
    <row r="32574" spans="1:9" x14ac:dyDescent="0.25">
      <c r="A32574" s="3">
        <v>41646.489722222221</v>
      </c>
      <c r="B32574" s="6">
        <v>542290.5</v>
      </c>
      <c r="C32574" s="7">
        <f t="shared" si="508"/>
        <v>542.29049999999995</v>
      </c>
      <c r="I32574" s="1"/>
    </row>
    <row r="32575" spans="1:9" x14ac:dyDescent="0.25">
      <c r="A32575" s="3">
        <v>41646.489791666667</v>
      </c>
      <c r="B32575" s="6">
        <v>542307.14999999991</v>
      </c>
      <c r="C32575" s="7">
        <f t="shared" si="508"/>
        <v>542.30714999999987</v>
      </c>
      <c r="I32575" s="1"/>
    </row>
    <row r="32576" spans="1:9" x14ac:dyDescent="0.25">
      <c r="A32576" s="3">
        <v>41646.491608796299</v>
      </c>
      <c r="B32576" s="6">
        <v>542323.79999999993</v>
      </c>
      <c r="C32576" s="7">
        <f t="shared" si="508"/>
        <v>542.32379999999989</v>
      </c>
      <c r="I32576" s="1"/>
    </row>
    <row r="32577" spans="1:9" x14ac:dyDescent="0.25">
      <c r="A32577" s="3">
        <v>41646.494884259257</v>
      </c>
      <c r="B32577" s="6">
        <v>542340.44999999995</v>
      </c>
      <c r="C32577" s="7">
        <f t="shared" si="508"/>
        <v>542.34044999999992</v>
      </c>
      <c r="I32577" s="1"/>
    </row>
    <row r="32578" spans="1:9" x14ac:dyDescent="0.25">
      <c r="A32578" s="3">
        <v>41646.508125</v>
      </c>
      <c r="B32578" s="6">
        <v>542357.1</v>
      </c>
      <c r="C32578" s="7">
        <f t="shared" si="508"/>
        <v>542.35709999999995</v>
      </c>
      <c r="I32578" s="1"/>
    </row>
    <row r="32579" spans="1:9" x14ac:dyDescent="0.25">
      <c r="A32579" s="3">
        <v>41646.508298611108</v>
      </c>
      <c r="B32579" s="6">
        <v>542373.75</v>
      </c>
      <c r="C32579" s="7">
        <f t="shared" ref="C32579:C32642" si="509">B32579/1000</f>
        <v>542.37374999999997</v>
      </c>
      <c r="I32579" s="1"/>
    </row>
    <row r="32580" spans="1:9" x14ac:dyDescent="0.25">
      <c r="A32580" s="3">
        <v>41646.51462962963</v>
      </c>
      <c r="B32580" s="6">
        <v>542390.39999999991</v>
      </c>
      <c r="C32580" s="7">
        <f t="shared" si="509"/>
        <v>542.39039999999989</v>
      </c>
      <c r="I32580" s="1"/>
    </row>
    <row r="32581" spans="1:9" x14ac:dyDescent="0.25">
      <c r="A32581" s="3">
        <v>41646.514791666668</v>
      </c>
      <c r="B32581" s="6">
        <v>542407.04999999993</v>
      </c>
      <c r="C32581" s="7">
        <f t="shared" si="509"/>
        <v>542.40704999999991</v>
      </c>
      <c r="I32581" s="1"/>
    </row>
    <row r="32582" spans="1:9" x14ac:dyDescent="0.25">
      <c r="A32582" s="3">
        <v>41646.52076388889</v>
      </c>
      <c r="B32582" s="6">
        <v>542423.69999999995</v>
      </c>
      <c r="C32582" s="7">
        <f t="shared" si="509"/>
        <v>542.42369999999994</v>
      </c>
      <c r="I32582" s="1"/>
    </row>
    <row r="32583" spans="1:9" x14ac:dyDescent="0.25">
      <c r="A32583" s="3">
        <v>41646.521006944444</v>
      </c>
      <c r="B32583" s="6">
        <v>542440.35</v>
      </c>
      <c r="C32583" s="7">
        <f t="shared" si="509"/>
        <v>542.44034999999997</v>
      </c>
      <c r="I32583" s="1"/>
    </row>
    <row r="32584" spans="1:9" x14ac:dyDescent="0.25">
      <c r="A32584" s="3">
        <v>41646.523009259261</v>
      </c>
      <c r="B32584" s="6">
        <v>542457</v>
      </c>
      <c r="C32584" s="7">
        <f t="shared" si="509"/>
        <v>542.45699999999999</v>
      </c>
      <c r="I32584" s="1"/>
    </row>
    <row r="32585" spans="1:9" x14ac:dyDescent="0.25">
      <c r="A32585" s="3">
        <v>41646.5231712963</v>
      </c>
      <c r="B32585" s="6">
        <v>542473.64999999991</v>
      </c>
      <c r="C32585" s="7">
        <f t="shared" si="509"/>
        <v>542.47364999999991</v>
      </c>
      <c r="I32585" s="1"/>
    </row>
    <row r="32586" spans="1:9" x14ac:dyDescent="0.25">
      <c r="A32586" s="3">
        <v>41646.524907407409</v>
      </c>
      <c r="B32586" s="6">
        <v>542490.29999999993</v>
      </c>
      <c r="C32586" s="7">
        <f t="shared" si="509"/>
        <v>542.49029999999993</v>
      </c>
      <c r="I32586" s="1"/>
    </row>
    <row r="32587" spans="1:9" x14ac:dyDescent="0.25">
      <c r="A32587" s="3">
        <v>41646.524988425925</v>
      </c>
      <c r="B32587" s="6">
        <v>542506.94999999995</v>
      </c>
      <c r="C32587" s="7">
        <f t="shared" si="509"/>
        <v>542.50694999999996</v>
      </c>
      <c r="I32587" s="1"/>
    </row>
    <row r="32588" spans="1:9" x14ac:dyDescent="0.25">
      <c r="A32588" s="3">
        <v>41646.527881944443</v>
      </c>
      <c r="B32588" s="6">
        <v>542523.6</v>
      </c>
      <c r="C32588" s="7">
        <f t="shared" si="509"/>
        <v>542.52359999999999</v>
      </c>
      <c r="I32588" s="1"/>
    </row>
    <row r="32589" spans="1:9" x14ac:dyDescent="0.25">
      <c r="A32589" s="3">
        <v>41646.528032407405</v>
      </c>
      <c r="B32589" s="6">
        <v>542540.25</v>
      </c>
      <c r="C32589" s="7">
        <f t="shared" si="509"/>
        <v>542.54025000000001</v>
      </c>
      <c r="I32589" s="1"/>
    </row>
    <row r="32590" spans="1:9" x14ac:dyDescent="0.25">
      <c r="A32590" s="3">
        <v>41646.52915509259</v>
      </c>
      <c r="B32590" s="6">
        <v>542556.89999999991</v>
      </c>
      <c r="C32590" s="7">
        <f t="shared" si="509"/>
        <v>542.55689999999993</v>
      </c>
      <c r="I32590" s="1"/>
    </row>
    <row r="32591" spans="1:9" x14ac:dyDescent="0.25">
      <c r="A32591" s="3">
        <v>41646.529293981483</v>
      </c>
      <c r="B32591" s="6">
        <v>542573.54999999993</v>
      </c>
      <c r="C32591" s="7">
        <f t="shared" si="509"/>
        <v>542.57354999999995</v>
      </c>
      <c r="I32591" s="1"/>
    </row>
    <row r="32592" spans="1:9" x14ac:dyDescent="0.25">
      <c r="A32592" s="3">
        <v>41646.532268518517</v>
      </c>
      <c r="B32592" s="6">
        <v>542590.19999999995</v>
      </c>
      <c r="C32592" s="7">
        <f t="shared" si="509"/>
        <v>542.59019999999998</v>
      </c>
      <c r="I32592" s="1"/>
    </row>
    <row r="32593" spans="1:9" x14ac:dyDescent="0.25">
      <c r="A32593" s="3">
        <v>41646.532384259262</v>
      </c>
      <c r="B32593" s="6">
        <v>542606.85</v>
      </c>
      <c r="C32593" s="7">
        <f t="shared" si="509"/>
        <v>542.60685000000001</v>
      </c>
      <c r="I32593" s="1"/>
    </row>
    <row r="32594" spans="1:9" x14ac:dyDescent="0.25">
      <c r="A32594" s="3">
        <v>41646.533194444448</v>
      </c>
      <c r="B32594" s="6">
        <v>542623.5</v>
      </c>
      <c r="C32594" s="7">
        <f t="shared" si="509"/>
        <v>542.62350000000004</v>
      </c>
      <c r="I32594" s="1"/>
    </row>
    <row r="32595" spans="1:9" x14ac:dyDescent="0.25">
      <c r="A32595" s="3">
        <v>41646.53328703704</v>
      </c>
      <c r="B32595" s="6">
        <v>542640.14999999991</v>
      </c>
      <c r="C32595" s="7">
        <f t="shared" si="509"/>
        <v>542.64014999999995</v>
      </c>
      <c r="I32595" s="1"/>
    </row>
    <row r="32596" spans="1:9" x14ac:dyDescent="0.25">
      <c r="A32596" s="3">
        <v>41646.534756944442</v>
      </c>
      <c r="B32596" s="6">
        <v>542656.79999999993</v>
      </c>
      <c r="C32596" s="7">
        <f t="shared" si="509"/>
        <v>542.65679999999998</v>
      </c>
      <c r="I32596" s="1"/>
    </row>
    <row r="32597" spans="1:9" x14ac:dyDescent="0.25">
      <c r="A32597" s="3">
        <v>41646.534884259258</v>
      </c>
      <c r="B32597" s="6">
        <v>542673.44999999995</v>
      </c>
      <c r="C32597" s="7">
        <f t="shared" si="509"/>
        <v>542.67345</v>
      </c>
      <c r="I32597" s="1"/>
    </row>
    <row r="32598" spans="1:9" x14ac:dyDescent="0.25">
      <c r="A32598" s="3">
        <v>41646.536828703705</v>
      </c>
      <c r="B32598" s="6">
        <v>542690.1</v>
      </c>
      <c r="C32598" s="7">
        <f t="shared" si="509"/>
        <v>542.69010000000003</v>
      </c>
      <c r="I32598" s="1"/>
    </row>
    <row r="32599" spans="1:9" x14ac:dyDescent="0.25">
      <c r="A32599" s="3">
        <v>41646.537164351852</v>
      </c>
      <c r="B32599" s="6">
        <v>542706.75</v>
      </c>
      <c r="C32599" s="7">
        <f t="shared" si="509"/>
        <v>542.70675000000006</v>
      </c>
      <c r="I32599" s="1"/>
    </row>
    <row r="32600" spans="1:9" x14ac:dyDescent="0.25">
      <c r="A32600" s="3">
        <v>41646.540636574071</v>
      </c>
      <c r="B32600" s="6">
        <v>542723.39999999991</v>
      </c>
      <c r="C32600" s="7">
        <f t="shared" si="509"/>
        <v>542.72339999999986</v>
      </c>
      <c r="I32600" s="1"/>
    </row>
    <row r="32601" spans="1:9" x14ac:dyDescent="0.25">
      <c r="A32601" s="3">
        <v>41646.540821759256</v>
      </c>
      <c r="B32601" s="6">
        <v>542740.04999999993</v>
      </c>
      <c r="C32601" s="7">
        <f t="shared" si="509"/>
        <v>542.74004999999988</v>
      </c>
      <c r="I32601" s="1"/>
    </row>
    <row r="32602" spans="1:9" x14ac:dyDescent="0.25">
      <c r="A32602" s="3">
        <v>41646.544849537036</v>
      </c>
      <c r="B32602" s="6">
        <v>542756.69999999995</v>
      </c>
      <c r="C32602" s="7">
        <f t="shared" si="509"/>
        <v>542.75669999999991</v>
      </c>
      <c r="I32602" s="1"/>
    </row>
    <row r="32603" spans="1:9" x14ac:dyDescent="0.25">
      <c r="A32603" s="3">
        <v>41646.545092592591</v>
      </c>
      <c r="B32603" s="6">
        <v>542773.35</v>
      </c>
      <c r="C32603" s="7">
        <f t="shared" si="509"/>
        <v>542.77334999999994</v>
      </c>
      <c r="I32603" s="1"/>
    </row>
    <row r="32604" spans="1:9" x14ac:dyDescent="0.25">
      <c r="A32604" s="3">
        <v>41646.546944444446</v>
      </c>
      <c r="B32604" s="6">
        <v>542790</v>
      </c>
      <c r="C32604" s="7">
        <f t="shared" si="509"/>
        <v>542.79</v>
      </c>
      <c r="I32604" s="1"/>
    </row>
    <row r="32605" spans="1:9" x14ac:dyDescent="0.25">
      <c r="A32605" s="3">
        <v>41646.547476851854</v>
      </c>
      <c r="B32605" s="6">
        <v>542806.64999999991</v>
      </c>
      <c r="C32605" s="7">
        <f t="shared" si="509"/>
        <v>542.80664999999988</v>
      </c>
      <c r="I32605" s="1"/>
    </row>
    <row r="32606" spans="1:9" x14ac:dyDescent="0.25">
      <c r="A32606" s="3">
        <v>41646.550752314812</v>
      </c>
      <c r="B32606" s="6">
        <v>542823.29999999993</v>
      </c>
      <c r="C32606" s="7">
        <f t="shared" si="509"/>
        <v>542.8232999999999</v>
      </c>
      <c r="I32606" s="1"/>
    </row>
    <row r="32607" spans="1:9" x14ac:dyDescent="0.25">
      <c r="A32607" s="3">
        <v>41646.550844907404</v>
      </c>
      <c r="B32607" s="6">
        <v>542839.94999999995</v>
      </c>
      <c r="C32607" s="7">
        <f t="shared" si="509"/>
        <v>542.83994999999993</v>
      </c>
      <c r="I32607" s="1"/>
    </row>
    <row r="32608" spans="1:9" x14ac:dyDescent="0.25">
      <c r="A32608" s="3">
        <v>41646.551608796297</v>
      </c>
      <c r="B32608" s="6">
        <v>542856.6</v>
      </c>
      <c r="C32608" s="7">
        <f t="shared" si="509"/>
        <v>542.85659999999996</v>
      </c>
      <c r="I32608" s="1"/>
    </row>
    <row r="32609" spans="1:9" x14ac:dyDescent="0.25">
      <c r="A32609" s="3">
        <v>41646.551678240743</v>
      </c>
      <c r="B32609" s="6">
        <v>542873.25</v>
      </c>
      <c r="C32609" s="7">
        <f t="shared" si="509"/>
        <v>542.87324999999998</v>
      </c>
      <c r="I32609" s="1"/>
    </row>
    <row r="32610" spans="1:9" x14ac:dyDescent="0.25">
      <c r="A32610" s="3">
        <v>41646.553530092591</v>
      </c>
      <c r="B32610" s="6">
        <v>542889.89999999991</v>
      </c>
      <c r="C32610" s="7">
        <f t="shared" si="509"/>
        <v>542.8898999999999</v>
      </c>
      <c r="I32610" s="1"/>
    </row>
    <row r="32611" spans="1:9" x14ac:dyDescent="0.25">
      <c r="A32611" s="3">
        <v>41646.554085648146</v>
      </c>
      <c r="B32611" s="6">
        <v>542906.54999999993</v>
      </c>
      <c r="C32611" s="7">
        <f t="shared" si="509"/>
        <v>542.90654999999992</v>
      </c>
      <c r="I32611" s="1"/>
    </row>
    <row r="32612" spans="1:9" x14ac:dyDescent="0.25">
      <c r="A32612" s="3">
        <v>41646.55809027778</v>
      </c>
      <c r="B32612" s="6">
        <v>542923.19999999995</v>
      </c>
      <c r="C32612" s="7">
        <f t="shared" si="509"/>
        <v>542.92319999999995</v>
      </c>
      <c r="I32612" s="1"/>
    </row>
    <row r="32613" spans="1:9" x14ac:dyDescent="0.25">
      <c r="A32613" s="3">
        <v>41646.558310185188</v>
      </c>
      <c r="B32613" s="6">
        <v>542939.85</v>
      </c>
      <c r="C32613" s="7">
        <f t="shared" si="509"/>
        <v>542.93984999999998</v>
      </c>
      <c r="I32613" s="1"/>
    </row>
    <row r="32614" spans="1:9" x14ac:dyDescent="0.25">
      <c r="A32614" s="3">
        <v>41646.5621875</v>
      </c>
      <c r="B32614" s="6">
        <v>542956.5</v>
      </c>
      <c r="C32614" s="7">
        <f t="shared" si="509"/>
        <v>542.95650000000001</v>
      </c>
      <c r="I32614" s="1"/>
    </row>
    <row r="32615" spans="1:9" x14ac:dyDescent="0.25">
      <c r="A32615" s="3">
        <v>41646.562361111108</v>
      </c>
      <c r="B32615" s="6">
        <v>542973.14999999991</v>
      </c>
      <c r="C32615" s="7">
        <f t="shared" si="509"/>
        <v>542.97314999999992</v>
      </c>
      <c r="I32615" s="1"/>
    </row>
    <row r="32616" spans="1:9" x14ac:dyDescent="0.25">
      <c r="A32616" s="3">
        <v>41646.567210648151</v>
      </c>
      <c r="B32616" s="6">
        <v>542989.79999999993</v>
      </c>
      <c r="C32616" s="7">
        <f t="shared" si="509"/>
        <v>542.98979999999995</v>
      </c>
      <c r="I32616" s="1"/>
    </row>
    <row r="32617" spans="1:9" x14ac:dyDescent="0.25">
      <c r="A32617" s="3">
        <v>41646.567523148151</v>
      </c>
      <c r="B32617" s="6">
        <v>543006.44999999995</v>
      </c>
      <c r="C32617" s="7">
        <f t="shared" si="509"/>
        <v>543.00644999999997</v>
      </c>
      <c r="I32617" s="1"/>
    </row>
    <row r="32618" spans="1:9" x14ac:dyDescent="0.25">
      <c r="A32618" s="3">
        <v>41646.570590277777</v>
      </c>
      <c r="B32618" s="6">
        <v>543023.1</v>
      </c>
      <c r="C32618" s="7">
        <f t="shared" si="509"/>
        <v>543.0231</v>
      </c>
      <c r="I32618" s="1"/>
    </row>
    <row r="32619" spans="1:9" x14ac:dyDescent="0.25">
      <c r="A32619" s="3">
        <v>41646.571747685186</v>
      </c>
      <c r="B32619" s="6">
        <v>543039.75</v>
      </c>
      <c r="C32619" s="7">
        <f t="shared" si="509"/>
        <v>543.03975000000003</v>
      </c>
      <c r="I32619" s="1"/>
    </row>
    <row r="32620" spans="1:9" x14ac:dyDescent="0.25">
      <c r="A32620" s="3">
        <v>41646.575937499998</v>
      </c>
      <c r="B32620" s="6">
        <v>543056.39999999991</v>
      </c>
      <c r="C32620" s="7">
        <f t="shared" si="509"/>
        <v>543.05639999999994</v>
      </c>
      <c r="I32620" s="1"/>
    </row>
    <row r="32621" spans="1:9" x14ac:dyDescent="0.25">
      <c r="A32621" s="3">
        <v>41646.576111111113</v>
      </c>
      <c r="B32621" s="6">
        <v>543073.04999999993</v>
      </c>
      <c r="C32621" s="7">
        <f t="shared" si="509"/>
        <v>543.07304999999997</v>
      </c>
      <c r="I32621" s="1"/>
    </row>
    <row r="32622" spans="1:9" x14ac:dyDescent="0.25">
      <c r="A32622" s="3">
        <v>41646.578587962962</v>
      </c>
      <c r="B32622" s="6">
        <v>543089.69999999995</v>
      </c>
      <c r="C32622" s="7">
        <f t="shared" si="509"/>
        <v>543.08969999999999</v>
      </c>
      <c r="I32622" s="1"/>
    </row>
    <row r="32623" spans="1:9" x14ac:dyDescent="0.25">
      <c r="A32623" s="3">
        <v>41646.578773148147</v>
      </c>
      <c r="B32623" s="6">
        <v>543106.35</v>
      </c>
      <c r="C32623" s="7">
        <f t="shared" si="509"/>
        <v>543.10635000000002</v>
      </c>
      <c r="I32623" s="1"/>
    </row>
    <row r="32624" spans="1:9" x14ac:dyDescent="0.25">
      <c r="A32624" s="3">
        <v>41646.584189814814</v>
      </c>
      <c r="B32624" s="6">
        <v>543123</v>
      </c>
      <c r="C32624" s="7">
        <f t="shared" si="509"/>
        <v>543.12300000000005</v>
      </c>
      <c r="I32624" s="1"/>
    </row>
    <row r="32625" spans="1:9" x14ac:dyDescent="0.25">
      <c r="A32625" s="3">
        <v>41646.584386574075</v>
      </c>
      <c r="B32625" s="6">
        <v>543139.64999999991</v>
      </c>
      <c r="C32625" s="7">
        <f t="shared" si="509"/>
        <v>543.13964999999996</v>
      </c>
      <c r="I32625" s="1"/>
    </row>
    <row r="32626" spans="1:9" x14ac:dyDescent="0.25">
      <c r="A32626" s="3">
        <v>41646.585219907407</v>
      </c>
      <c r="B32626" s="6">
        <v>543156.29999999993</v>
      </c>
      <c r="C32626" s="7">
        <f t="shared" si="509"/>
        <v>543.15629999999987</v>
      </c>
      <c r="I32626" s="1"/>
    </row>
    <row r="32627" spans="1:9" x14ac:dyDescent="0.25">
      <c r="A32627" s="3">
        <v>41646.585324074076</v>
      </c>
      <c r="B32627" s="6">
        <v>543172.94999999995</v>
      </c>
      <c r="C32627" s="7">
        <f t="shared" si="509"/>
        <v>543.1729499999999</v>
      </c>
      <c r="I32627" s="1"/>
    </row>
    <row r="32628" spans="1:9" x14ac:dyDescent="0.25">
      <c r="A32628" s="3">
        <v>41646.587280092594</v>
      </c>
      <c r="B32628" s="6">
        <v>543189.6</v>
      </c>
      <c r="C32628" s="7">
        <f t="shared" si="509"/>
        <v>543.18959999999993</v>
      </c>
      <c r="I32628" s="1"/>
    </row>
    <row r="32629" spans="1:9" x14ac:dyDescent="0.25">
      <c r="A32629" s="3">
        <v>41646.587407407409</v>
      </c>
      <c r="B32629" s="6">
        <v>543206.25</v>
      </c>
      <c r="C32629" s="7">
        <f t="shared" si="509"/>
        <v>543.20624999999995</v>
      </c>
      <c r="I32629" s="1"/>
    </row>
    <row r="32630" spans="1:9" x14ac:dyDescent="0.25">
      <c r="A32630" s="3">
        <v>41646.591157407405</v>
      </c>
      <c r="B32630" s="6">
        <v>543222.89999999991</v>
      </c>
      <c r="C32630" s="7">
        <f t="shared" si="509"/>
        <v>543.22289999999987</v>
      </c>
      <c r="I32630" s="1"/>
    </row>
    <row r="32631" spans="1:9" x14ac:dyDescent="0.25">
      <c r="A32631" s="3">
        <v>41646.591226851851</v>
      </c>
      <c r="B32631" s="6">
        <v>543239.54999999993</v>
      </c>
      <c r="C32631" s="7">
        <f t="shared" si="509"/>
        <v>543.23954999999989</v>
      </c>
      <c r="I32631" s="1"/>
    </row>
    <row r="32632" spans="1:9" x14ac:dyDescent="0.25">
      <c r="A32632" s="3">
        <v>41646.593472222223</v>
      </c>
      <c r="B32632" s="6">
        <v>543256.19999999995</v>
      </c>
      <c r="C32632" s="7">
        <f t="shared" si="509"/>
        <v>543.25619999999992</v>
      </c>
      <c r="I32632" s="1"/>
    </row>
    <row r="32633" spans="1:9" x14ac:dyDescent="0.25">
      <c r="A32633" s="3">
        <v>41646.593611111108</v>
      </c>
      <c r="B32633" s="6">
        <v>543272.85</v>
      </c>
      <c r="C32633" s="7">
        <f t="shared" si="509"/>
        <v>543.27284999999995</v>
      </c>
      <c r="I32633" s="1"/>
    </row>
    <row r="32634" spans="1:9" x14ac:dyDescent="0.25">
      <c r="A32634" s="3">
        <v>41646.594641203701</v>
      </c>
      <c r="B32634" s="6">
        <v>543289.5</v>
      </c>
      <c r="C32634" s="7">
        <f t="shared" si="509"/>
        <v>543.28949999999998</v>
      </c>
      <c r="I32634" s="1"/>
    </row>
    <row r="32635" spans="1:9" x14ac:dyDescent="0.25">
      <c r="A32635" s="3">
        <v>41646.594953703701</v>
      </c>
      <c r="B32635" s="6">
        <v>543306.14999999991</v>
      </c>
      <c r="C32635" s="7">
        <f t="shared" si="509"/>
        <v>543.30614999999989</v>
      </c>
      <c r="I32635" s="1"/>
    </row>
    <row r="32636" spans="1:9" x14ac:dyDescent="0.25">
      <c r="A32636" s="3">
        <v>41646.596712962964</v>
      </c>
      <c r="B32636" s="6">
        <v>543322.79999999993</v>
      </c>
      <c r="C32636" s="7">
        <f t="shared" si="509"/>
        <v>543.32279999999992</v>
      </c>
      <c r="I32636" s="1"/>
    </row>
    <row r="32637" spans="1:9" x14ac:dyDescent="0.25">
      <c r="A32637" s="3">
        <v>41646.596805555557</v>
      </c>
      <c r="B32637" s="6">
        <v>543339.44999999995</v>
      </c>
      <c r="C32637" s="7">
        <f t="shared" si="509"/>
        <v>543.33944999999994</v>
      </c>
      <c r="I32637" s="1"/>
    </row>
    <row r="32638" spans="1:9" x14ac:dyDescent="0.25">
      <c r="A32638" s="3">
        <v>41646.599374999998</v>
      </c>
      <c r="B32638" s="6">
        <v>543356.1</v>
      </c>
      <c r="C32638" s="7">
        <f t="shared" si="509"/>
        <v>543.35609999999997</v>
      </c>
      <c r="I32638" s="1"/>
    </row>
    <row r="32639" spans="1:9" x14ac:dyDescent="0.25">
      <c r="A32639" s="3">
        <v>41646.599629629629</v>
      </c>
      <c r="B32639" s="6">
        <v>543372.75</v>
      </c>
      <c r="C32639" s="7">
        <f t="shared" si="509"/>
        <v>543.37275</v>
      </c>
      <c r="I32639" s="1"/>
    </row>
    <row r="32640" spans="1:9" x14ac:dyDescent="0.25">
      <c r="A32640" s="3">
        <v>41646.602962962963</v>
      </c>
      <c r="B32640" s="6">
        <v>543389.39999999991</v>
      </c>
      <c r="C32640" s="7">
        <f t="shared" si="509"/>
        <v>543.38939999999991</v>
      </c>
      <c r="I32640" s="1"/>
    </row>
    <row r="32641" spans="1:9" x14ac:dyDescent="0.25">
      <c r="A32641" s="3">
        <v>41646.603576388887</v>
      </c>
      <c r="B32641" s="6">
        <v>543406.04999999993</v>
      </c>
      <c r="C32641" s="7">
        <f t="shared" si="509"/>
        <v>543.40604999999994</v>
      </c>
      <c r="I32641" s="1"/>
    </row>
    <row r="32642" spans="1:9" x14ac:dyDescent="0.25">
      <c r="A32642" s="3">
        <v>41646.610914351855</v>
      </c>
      <c r="B32642" s="6">
        <v>543422.69999999995</v>
      </c>
      <c r="C32642" s="7">
        <f t="shared" si="509"/>
        <v>543.42269999999996</v>
      </c>
      <c r="I32642" s="1"/>
    </row>
    <row r="32643" spans="1:9" x14ac:dyDescent="0.25">
      <c r="A32643" s="3">
        <v>41646.614618055559</v>
      </c>
      <c r="B32643" s="6">
        <v>543439.35</v>
      </c>
      <c r="C32643" s="7">
        <f t="shared" ref="C32643:C32706" si="510">B32643/1000</f>
        <v>543.43934999999999</v>
      </c>
      <c r="I32643" s="1"/>
    </row>
    <row r="32644" spans="1:9" x14ac:dyDescent="0.25">
      <c r="A32644" s="3">
        <v>41646.615937499999</v>
      </c>
      <c r="B32644" s="6">
        <v>543456</v>
      </c>
      <c r="C32644" s="7">
        <f t="shared" si="510"/>
        <v>543.45600000000002</v>
      </c>
      <c r="I32644" s="1"/>
    </row>
    <row r="32645" spans="1:9" x14ac:dyDescent="0.25">
      <c r="A32645" s="3">
        <v>41646.616284722222</v>
      </c>
      <c r="B32645" s="6">
        <v>543472.64999999991</v>
      </c>
      <c r="C32645" s="7">
        <f t="shared" si="510"/>
        <v>543.47264999999993</v>
      </c>
      <c r="I32645" s="1"/>
    </row>
    <row r="32646" spans="1:9" x14ac:dyDescent="0.25">
      <c r="A32646" s="3">
        <v>41646.617766203701</v>
      </c>
      <c r="B32646" s="6">
        <v>543489.29999999993</v>
      </c>
      <c r="C32646" s="7">
        <f t="shared" si="510"/>
        <v>543.48929999999996</v>
      </c>
      <c r="I32646" s="1"/>
    </row>
    <row r="32647" spans="1:9" x14ac:dyDescent="0.25">
      <c r="A32647" s="3">
        <v>41646.618067129632</v>
      </c>
      <c r="B32647" s="6">
        <v>543505.94999999995</v>
      </c>
      <c r="C32647" s="7">
        <f t="shared" si="510"/>
        <v>543.50594999999998</v>
      </c>
      <c r="I32647" s="1"/>
    </row>
    <row r="32648" spans="1:9" x14ac:dyDescent="0.25">
      <c r="A32648" s="3">
        <v>41646.626574074071</v>
      </c>
      <c r="B32648" s="6">
        <v>543522.6</v>
      </c>
      <c r="C32648" s="7">
        <f t="shared" si="510"/>
        <v>543.52260000000001</v>
      </c>
      <c r="I32648" s="1"/>
    </row>
    <row r="32649" spans="1:9" x14ac:dyDescent="0.25">
      <c r="A32649" s="3">
        <v>41646.627500000002</v>
      </c>
      <c r="B32649" s="6">
        <v>543539.25</v>
      </c>
      <c r="C32649" s="7">
        <f t="shared" si="510"/>
        <v>543.53925000000004</v>
      </c>
      <c r="I32649" s="1"/>
    </row>
    <row r="32650" spans="1:9" x14ac:dyDescent="0.25">
      <c r="A32650" s="3">
        <v>41646.632777777777</v>
      </c>
      <c r="B32650" s="6">
        <v>543555.89999999991</v>
      </c>
      <c r="C32650" s="7">
        <f t="shared" si="510"/>
        <v>543.55589999999995</v>
      </c>
      <c r="I32650" s="1"/>
    </row>
    <row r="32651" spans="1:9" x14ac:dyDescent="0.25">
      <c r="A32651" s="3">
        <v>41646.634675925925</v>
      </c>
      <c r="B32651" s="6">
        <v>543572.54999999993</v>
      </c>
      <c r="C32651" s="7">
        <f t="shared" si="510"/>
        <v>543.57254999999998</v>
      </c>
      <c r="I32651" s="1"/>
    </row>
    <row r="32652" spans="1:9" x14ac:dyDescent="0.25">
      <c r="A32652" s="3">
        <v>41646.635729166665</v>
      </c>
      <c r="B32652" s="6">
        <v>543589.19999999995</v>
      </c>
      <c r="C32652" s="7">
        <f t="shared" si="510"/>
        <v>543.58920000000001</v>
      </c>
      <c r="I32652" s="1"/>
    </row>
    <row r="32653" spans="1:9" x14ac:dyDescent="0.25">
      <c r="A32653" s="3">
        <v>41646.635810185187</v>
      </c>
      <c r="B32653" s="6">
        <v>543605.85</v>
      </c>
      <c r="C32653" s="7">
        <f t="shared" si="510"/>
        <v>543.60585000000003</v>
      </c>
      <c r="I32653" s="1"/>
    </row>
    <row r="32654" spans="1:9" x14ac:dyDescent="0.25">
      <c r="A32654" s="3">
        <v>41646.63653935185</v>
      </c>
      <c r="B32654" s="6">
        <v>543622.5</v>
      </c>
      <c r="C32654" s="7">
        <f t="shared" si="510"/>
        <v>543.62249999999995</v>
      </c>
      <c r="I32654" s="1"/>
    </row>
    <row r="32655" spans="1:9" x14ac:dyDescent="0.25">
      <c r="A32655" s="3">
        <v>41646.636608796296</v>
      </c>
      <c r="B32655" s="6">
        <v>543639.14999999991</v>
      </c>
      <c r="C32655" s="7">
        <f t="shared" si="510"/>
        <v>543.63914999999986</v>
      </c>
      <c r="I32655" s="1"/>
    </row>
    <row r="32656" spans="1:9" x14ac:dyDescent="0.25">
      <c r="A32656" s="3">
        <v>41646.637986111113</v>
      </c>
      <c r="B32656" s="6">
        <v>543655.79999999993</v>
      </c>
      <c r="C32656" s="7">
        <f t="shared" si="510"/>
        <v>543.65579999999989</v>
      </c>
      <c r="I32656" s="1"/>
    </row>
    <row r="32657" spans="1:9" x14ac:dyDescent="0.25">
      <c r="A32657" s="3">
        <v>41646.638078703705</v>
      </c>
      <c r="B32657" s="6">
        <v>543672.44999999995</v>
      </c>
      <c r="C32657" s="7">
        <f t="shared" si="510"/>
        <v>543.67244999999991</v>
      </c>
      <c r="I32657" s="1"/>
    </row>
    <row r="32658" spans="1:9" x14ac:dyDescent="0.25">
      <c r="A32658" s="3">
        <v>41646.641261574077</v>
      </c>
      <c r="B32658" s="6">
        <v>543689.1</v>
      </c>
      <c r="C32658" s="7">
        <f t="shared" si="510"/>
        <v>543.68909999999994</v>
      </c>
      <c r="I32658" s="1"/>
    </row>
    <row r="32659" spans="1:9" x14ac:dyDescent="0.25">
      <c r="A32659" s="3">
        <v>41646.641377314816</v>
      </c>
      <c r="B32659" s="6">
        <v>543705.75</v>
      </c>
      <c r="C32659" s="7">
        <f t="shared" si="510"/>
        <v>543.70574999999997</v>
      </c>
      <c r="I32659" s="1"/>
    </row>
    <row r="32660" spans="1:9" x14ac:dyDescent="0.25">
      <c r="A32660" s="3">
        <v>41646.64366898148</v>
      </c>
      <c r="B32660" s="6">
        <v>543722.39999999991</v>
      </c>
      <c r="C32660" s="7">
        <f t="shared" si="510"/>
        <v>543.72239999999988</v>
      </c>
      <c r="I32660" s="1"/>
    </row>
    <row r="32661" spans="1:9" x14ac:dyDescent="0.25">
      <c r="A32661" s="3">
        <v>41646.643738425926</v>
      </c>
      <c r="B32661" s="6">
        <v>543739.04999999993</v>
      </c>
      <c r="C32661" s="7">
        <f t="shared" si="510"/>
        <v>543.73904999999991</v>
      </c>
      <c r="I32661" s="1"/>
    </row>
    <row r="32662" spans="1:9" x14ac:dyDescent="0.25">
      <c r="A32662" s="3">
        <v>41646.645104166666</v>
      </c>
      <c r="B32662" s="6">
        <v>543755.69999999995</v>
      </c>
      <c r="C32662" s="7">
        <f t="shared" si="510"/>
        <v>543.75569999999993</v>
      </c>
      <c r="I32662" s="1"/>
    </row>
    <row r="32663" spans="1:9" x14ac:dyDescent="0.25">
      <c r="A32663" s="3">
        <v>41646.645462962966</v>
      </c>
      <c r="B32663" s="6">
        <v>543772.35</v>
      </c>
      <c r="C32663" s="7">
        <f t="shared" si="510"/>
        <v>543.77234999999996</v>
      </c>
      <c r="I32663" s="1"/>
    </row>
    <row r="32664" spans="1:9" x14ac:dyDescent="0.25">
      <c r="A32664" s="3">
        <v>41646.647800925923</v>
      </c>
      <c r="B32664" s="6">
        <v>543789</v>
      </c>
      <c r="C32664" s="7">
        <f t="shared" si="510"/>
        <v>543.78899999999999</v>
      </c>
      <c r="I32664" s="1"/>
    </row>
    <row r="32665" spans="1:9" x14ac:dyDescent="0.25">
      <c r="A32665" s="3">
        <v>41646.647997685184</v>
      </c>
      <c r="B32665" s="6">
        <v>543805.64999999991</v>
      </c>
      <c r="C32665" s="7">
        <f t="shared" si="510"/>
        <v>543.8056499999999</v>
      </c>
      <c r="I32665" s="1"/>
    </row>
    <row r="32666" spans="1:9" x14ac:dyDescent="0.25">
      <c r="A32666" s="3">
        <v>41646.648819444446</v>
      </c>
      <c r="B32666" s="6">
        <v>543822.29999999993</v>
      </c>
      <c r="C32666" s="7">
        <f t="shared" si="510"/>
        <v>543.82229999999993</v>
      </c>
      <c r="I32666" s="1"/>
    </row>
    <row r="32667" spans="1:9" x14ac:dyDescent="0.25">
      <c r="A32667" s="3">
        <v>41646.648923611108</v>
      </c>
      <c r="B32667" s="6">
        <v>543838.94999999995</v>
      </c>
      <c r="C32667" s="7">
        <f t="shared" si="510"/>
        <v>543.83894999999995</v>
      </c>
      <c r="I32667" s="1"/>
    </row>
    <row r="32668" spans="1:9" x14ac:dyDescent="0.25">
      <c r="A32668" s="3">
        <v>41646.649664351855</v>
      </c>
      <c r="B32668" s="6">
        <v>543855.6</v>
      </c>
      <c r="C32668" s="7">
        <f t="shared" si="510"/>
        <v>543.85559999999998</v>
      </c>
      <c r="I32668" s="1"/>
    </row>
    <row r="32669" spans="1:9" x14ac:dyDescent="0.25">
      <c r="A32669" s="3">
        <v>41646.649745370371</v>
      </c>
      <c r="B32669" s="6">
        <v>543872.25</v>
      </c>
      <c r="C32669" s="7">
        <f t="shared" si="510"/>
        <v>543.87225000000001</v>
      </c>
      <c r="I32669" s="1"/>
    </row>
    <row r="32670" spans="1:9" x14ac:dyDescent="0.25">
      <c r="A32670" s="3">
        <v>41646.651759259257</v>
      </c>
      <c r="B32670" s="6">
        <v>543888.89999999991</v>
      </c>
      <c r="C32670" s="7">
        <f t="shared" si="510"/>
        <v>543.88889999999992</v>
      </c>
      <c r="I32670" s="1"/>
    </row>
    <row r="32671" spans="1:9" x14ac:dyDescent="0.25">
      <c r="A32671" s="3">
        <v>41646.651921296296</v>
      </c>
      <c r="B32671" s="6">
        <v>543905.54999999993</v>
      </c>
      <c r="C32671" s="7">
        <f t="shared" si="510"/>
        <v>543.90554999999995</v>
      </c>
      <c r="I32671" s="1"/>
    </row>
    <row r="32672" spans="1:9" x14ac:dyDescent="0.25">
      <c r="A32672" s="3">
        <v>41646.652766203704</v>
      </c>
      <c r="B32672" s="6">
        <v>543922.19999999995</v>
      </c>
      <c r="C32672" s="7">
        <f t="shared" si="510"/>
        <v>543.92219999999998</v>
      </c>
      <c r="I32672" s="1"/>
    </row>
    <row r="32673" spans="1:9" x14ac:dyDescent="0.25">
      <c r="A32673" s="3">
        <v>41646.652928240743</v>
      </c>
      <c r="B32673" s="6">
        <v>543938.85</v>
      </c>
      <c r="C32673" s="7">
        <f t="shared" si="510"/>
        <v>543.93885</v>
      </c>
      <c r="I32673" s="1"/>
    </row>
    <row r="32674" spans="1:9" x14ac:dyDescent="0.25">
      <c r="A32674" s="3">
        <v>41646.653865740744</v>
      </c>
      <c r="B32674" s="6">
        <v>543955.5</v>
      </c>
      <c r="C32674" s="7">
        <f t="shared" si="510"/>
        <v>543.95550000000003</v>
      </c>
      <c r="I32674" s="1"/>
    </row>
    <row r="32675" spans="1:9" x14ac:dyDescent="0.25">
      <c r="A32675" s="3">
        <v>41646.653969907406</v>
      </c>
      <c r="B32675" s="6">
        <v>543972.14999999991</v>
      </c>
      <c r="C32675" s="7">
        <f t="shared" si="510"/>
        <v>543.97214999999994</v>
      </c>
      <c r="I32675" s="1"/>
    </row>
    <row r="32676" spans="1:9" x14ac:dyDescent="0.25">
      <c r="A32676" s="3">
        <v>41646.657893518517</v>
      </c>
      <c r="B32676" s="6">
        <v>543988.79999999993</v>
      </c>
      <c r="C32676" s="7">
        <f t="shared" si="510"/>
        <v>543.98879999999997</v>
      </c>
      <c r="I32676" s="1"/>
    </row>
    <row r="32677" spans="1:9" x14ac:dyDescent="0.25">
      <c r="A32677" s="3">
        <v>41646.658020833333</v>
      </c>
      <c r="B32677" s="6">
        <v>544005.44999999995</v>
      </c>
      <c r="C32677" s="7">
        <f t="shared" si="510"/>
        <v>544.00545</v>
      </c>
      <c r="I32677" s="1"/>
    </row>
    <row r="32678" spans="1:9" x14ac:dyDescent="0.25">
      <c r="A32678" s="3">
        <v>41646.65892361111</v>
      </c>
      <c r="B32678" s="6">
        <v>544022.1</v>
      </c>
      <c r="C32678" s="7">
        <f t="shared" si="510"/>
        <v>544.02210000000002</v>
      </c>
      <c r="I32678" s="1"/>
    </row>
    <row r="32679" spans="1:9" x14ac:dyDescent="0.25">
      <c r="A32679" s="3">
        <v>41646.659050925926</v>
      </c>
      <c r="B32679" s="6">
        <v>544038.75</v>
      </c>
      <c r="C32679" s="7">
        <f t="shared" si="510"/>
        <v>544.03875000000005</v>
      </c>
      <c r="I32679" s="1"/>
    </row>
    <row r="32680" spans="1:9" x14ac:dyDescent="0.25">
      <c r="A32680" s="3">
        <v>41646.659988425927</v>
      </c>
      <c r="B32680" s="6">
        <v>544055.39999999991</v>
      </c>
      <c r="C32680" s="7">
        <f t="shared" si="510"/>
        <v>544.05539999999996</v>
      </c>
      <c r="I32680" s="1"/>
    </row>
    <row r="32681" spans="1:9" x14ac:dyDescent="0.25">
      <c r="A32681" s="3">
        <v>41646.660173611112</v>
      </c>
      <c r="B32681" s="6">
        <v>544072.04999999993</v>
      </c>
      <c r="C32681" s="7">
        <f t="shared" si="510"/>
        <v>544.07204999999988</v>
      </c>
      <c r="I32681" s="1"/>
    </row>
    <row r="32682" spans="1:9" x14ac:dyDescent="0.25">
      <c r="A32682" s="3">
        <v>41646.662222222221</v>
      </c>
      <c r="B32682" s="6">
        <v>544088.69999999995</v>
      </c>
      <c r="C32682" s="7">
        <f t="shared" si="510"/>
        <v>544.0886999999999</v>
      </c>
      <c r="I32682" s="1"/>
    </row>
    <row r="32683" spans="1:9" x14ac:dyDescent="0.25">
      <c r="A32683" s="3">
        <v>41646.662349537037</v>
      </c>
      <c r="B32683" s="6">
        <v>544105.35</v>
      </c>
      <c r="C32683" s="7">
        <f t="shared" si="510"/>
        <v>544.10534999999993</v>
      </c>
      <c r="I32683" s="1"/>
    </row>
    <row r="32684" spans="1:9" x14ac:dyDescent="0.25">
      <c r="A32684" s="3">
        <v>41646.665405092594</v>
      </c>
      <c r="B32684" s="6">
        <v>544122</v>
      </c>
      <c r="C32684" s="7">
        <f t="shared" si="510"/>
        <v>544.12199999999996</v>
      </c>
      <c r="I32684" s="1"/>
    </row>
    <row r="32685" spans="1:9" x14ac:dyDescent="0.25">
      <c r="A32685" s="3">
        <v>41646.665578703702</v>
      </c>
      <c r="B32685" s="6">
        <v>544138.64999999991</v>
      </c>
      <c r="C32685" s="7">
        <f t="shared" si="510"/>
        <v>544.13864999999987</v>
      </c>
      <c r="I32685" s="1"/>
    </row>
    <row r="32686" spans="1:9" x14ac:dyDescent="0.25">
      <c r="A32686" s="3">
        <v>41646.669710648152</v>
      </c>
      <c r="B32686" s="6">
        <v>544155.29999999993</v>
      </c>
      <c r="C32686" s="7">
        <f t="shared" si="510"/>
        <v>544.1552999999999</v>
      </c>
      <c r="I32686" s="1"/>
    </row>
    <row r="32687" spans="1:9" x14ac:dyDescent="0.25">
      <c r="A32687" s="3">
        <v>41646.669814814813</v>
      </c>
      <c r="B32687" s="6">
        <v>544171.94999999995</v>
      </c>
      <c r="C32687" s="7">
        <f t="shared" si="510"/>
        <v>544.17194999999992</v>
      </c>
      <c r="I32687" s="1"/>
    </row>
    <row r="32688" spans="1:9" x14ac:dyDescent="0.25">
      <c r="A32688" s="3">
        <v>41646.672291666669</v>
      </c>
      <c r="B32688" s="6">
        <v>544188.6</v>
      </c>
      <c r="C32688" s="7">
        <f t="shared" si="510"/>
        <v>544.18859999999995</v>
      </c>
      <c r="I32688" s="1"/>
    </row>
    <row r="32689" spans="1:9" x14ac:dyDescent="0.25">
      <c r="A32689" s="3">
        <v>41646.672465277778</v>
      </c>
      <c r="B32689" s="6">
        <v>544205.25</v>
      </c>
      <c r="C32689" s="7">
        <f t="shared" si="510"/>
        <v>544.20524999999998</v>
      </c>
      <c r="I32689" s="1"/>
    </row>
    <row r="32690" spans="1:9" x14ac:dyDescent="0.25">
      <c r="A32690" s="3">
        <v>41646.675208333334</v>
      </c>
      <c r="B32690" s="6">
        <v>544221.89999999991</v>
      </c>
      <c r="C32690" s="7">
        <f t="shared" si="510"/>
        <v>544.22189999999989</v>
      </c>
      <c r="I32690" s="1"/>
    </row>
    <row r="32691" spans="1:9" x14ac:dyDescent="0.25">
      <c r="A32691" s="3">
        <v>41646.675312500003</v>
      </c>
      <c r="B32691" s="6">
        <v>544238.54999999993</v>
      </c>
      <c r="C32691" s="7">
        <f t="shared" si="510"/>
        <v>544.23854999999992</v>
      </c>
      <c r="I32691" s="1"/>
    </row>
    <row r="32692" spans="1:9" x14ac:dyDescent="0.25">
      <c r="A32692" s="3">
        <v>41646.67591435185</v>
      </c>
      <c r="B32692" s="6">
        <v>544255.19999999995</v>
      </c>
      <c r="C32692" s="7">
        <f t="shared" si="510"/>
        <v>544.25519999999995</v>
      </c>
      <c r="I32692" s="1"/>
    </row>
    <row r="32693" spans="1:9" x14ac:dyDescent="0.25">
      <c r="A32693" s="3">
        <v>41646.675983796296</v>
      </c>
      <c r="B32693" s="6">
        <v>544271.85</v>
      </c>
      <c r="C32693" s="7">
        <f t="shared" si="510"/>
        <v>544.27184999999997</v>
      </c>
      <c r="I32693" s="1"/>
    </row>
    <row r="32694" spans="1:9" x14ac:dyDescent="0.25">
      <c r="A32694" s="3">
        <v>41646.676469907405</v>
      </c>
      <c r="B32694" s="6">
        <v>544288.5</v>
      </c>
      <c r="C32694" s="7">
        <f t="shared" si="510"/>
        <v>544.2885</v>
      </c>
      <c r="I32694" s="1"/>
    </row>
    <row r="32695" spans="1:9" x14ac:dyDescent="0.25">
      <c r="A32695" s="3">
        <v>41646.676550925928</v>
      </c>
      <c r="B32695" s="6">
        <v>544305.14999999991</v>
      </c>
      <c r="C32695" s="7">
        <f t="shared" si="510"/>
        <v>544.30514999999991</v>
      </c>
      <c r="I32695" s="1"/>
    </row>
    <row r="32696" spans="1:9" x14ac:dyDescent="0.25">
      <c r="A32696" s="3">
        <v>41646.678530092591</v>
      </c>
      <c r="B32696" s="6">
        <v>544321.79999999993</v>
      </c>
      <c r="C32696" s="7">
        <f t="shared" si="510"/>
        <v>544.32179999999994</v>
      </c>
      <c r="I32696" s="1"/>
    </row>
    <row r="32697" spans="1:9" x14ac:dyDescent="0.25">
      <c r="A32697" s="3">
        <v>41646.678981481484</v>
      </c>
      <c r="B32697" s="6">
        <v>544338.44999999995</v>
      </c>
      <c r="C32697" s="7">
        <f t="shared" si="510"/>
        <v>544.33844999999997</v>
      </c>
      <c r="I32697" s="1"/>
    </row>
    <row r="32698" spans="1:9" x14ac:dyDescent="0.25">
      <c r="A32698" s="3">
        <v>41646.684317129628</v>
      </c>
      <c r="B32698" s="6">
        <v>544355.1</v>
      </c>
      <c r="C32698" s="7">
        <f t="shared" si="510"/>
        <v>544.35509999999999</v>
      </c>
      <c r="I32698" s="1"/>
    </row>
    <row r="32699" spans="1:9" x14ac:dyDescent="0.25">
      <c r="A32699" s="3">
        <v>41646.684479166666</v>
      </c>
      <c r="B32699" s="6">
        <v>544371.75</v>
      </c>
      <c r="C32699" s="7">
        <f t="shared" si="510"/>
        <v>544.37175000000002</v>
      </c>
      <c r="I32699" s="1"/>
    </row>
    <row r="32700" spans="1:9" x14ac:dyDescent="0.25">
      <c r="A32700" s="3">
        <v>41646.687789351854</v>
      </c>
      <c r="B32700" s="6">
        <v>544388.39999999991</v>
      </c>
      <c r="C32700" s="7">
        <f t="shared" si="510"/>
        <v>544.38839999999993</v>
      </c>
      <c r="I32700" s="1"/>
    </row>
    <row r="32701" spans="1:9" x14ac:dyDescent="0.25">
      <c r="A32701" s="3">
        <v>41646.687928240739</v>
      </c>
      <c r="B32701" s="6">
        <v>544405.04999999993</v>
      </c>
      <c r="C32701" s="7">
        <f t="shared" si="510"/>
        <v>544.40504999999996</v>
      </c>
      <c r="I32701" s="1"/>
    </row>
    <row r="32702" spans="1:9" x14ac:dyDescent="0.25">
      <c r="A32702" s="3">
        <v>41646.690925925926</v>
      </c>
      <c r="B32702" s="6">
        <v>544421.69999999995</v>
      </c>
      <c r="C32702" s="7">
        <f t="shared" si="510"/>
        <v>544.42169999999999</v>
      </c>
      <c r="I32702" s="1"/>
    </row>
    <row r="32703" spans="1:9" x14ac:dyDescent="0.25">
      <c r="A32703" s="3">
        <v>41646.691041666665</v>
      </c>
      <c r="B32703" s="6">
        <v>544438.35</v>
      </c>
      <c r="C32703" s="7">
        <f t="shared" si="510"/>
        <v>544.43835000000001</v>
      </c>
      <c r="I32703" s="1"/>
    </row>
    <row r="32704" spans="1:9" x14ac:dyDescent="0.25">
      <c r="A32704" s="3">
        <v>41646.693518518521</v>
      </c>
      <c r="B32704" s="6">
        <v>544455</v>
      </c>
      <c r="C32704" s="7">
        <f t="shared" si="510"/>
        <v>544.45500000000004</v>
      </c>
      <c r="I32704" s="1"/>
    </row>
    <row r="32705" spans="1:9" x14ac:dyDescent="0.25">
      <c r="A32705" s="3">
        <v>41646.694479166668</v>
      </c>
      <c r="B32705" s="6">
        <v>544471.64999999991</v>
      </c>
      <c r="C32705" s="7">
        <f t="shared" si="510"/>
        <v>544.47164999999995</v>
      </c>
      <c r="I32705" s="1"/>
    </row>
    <row r="32706" spans="1:9" x14ac:dyDescent="0.25">
      <c r="A32706" s="3">
        <v>41646.718101851853</v>
      </c>
      <c r="B32706" s="6">
        <v>544488.29999999993</v>
      </c>
      <c r="C32706" s="7">
        <f t="shared" si="510"/>
        <v>544.48829999999998</v>
      </c>
      <c r="I32706" s="1"/>
    </row>
    <row r="32707" spans="1:9" x14ac:dyDescent="0.25">
      <c r="A32707" s="3">
        <v>41646.719571759262</v>
      </c>
      <c r="B32707" s="6">
        <v>544504.94999999995</v>
      </c>
      <c r="C32707" s="7">
        <f t="shared" ref="C32707:C32770" si="511">B32707/1000</f>
        <v>544.50495000000001</v>
      </c>
      <c r="I32707" s="1"/>
    </row>
    <row r="32708" spans="1:9" x14ac:dyDescent="0.25">
      <c r="A32708" s="3">
        <v>41646.727766203701</v>
      </c>
      <c r="B32708" s="6">
        <v>544521.6</v>
      </c>
      <c r="C32708" s="7">
        <f t="shared" si="511"/>
        <v>544.52159999999992</v>
      </c>
      <c r="I32708" s="1"/>
    </row>
    <row r="32709" spans="1:9" x14ac:dyDescent="0.25">
      <c r="A32709" s="3">
        <v>41646.729803240742</v>
      </c>
      <c r="B32709" s="6">
        <v>544538.25</v>
      </c>
      <c r="C32709" s="7">
        <f t="shared" si="511"/>
        <v>544.53824999999995</v>
      </c>
      <c r="I32709" s="1"/>
    </row>
    <row r="32710" spans="1:9" x14ac:dyDescent="0.25">
      <c r="A32710" s="3">
        <v>41646.742384259262</v>
      </c>
      <c r="B32710" s="6">
        <v>544554.89999999991</v>
      </c>
      <c r="C32710" s="7">
        <f t="shared" si="511"/>
        <v>544.55489999999986</v>
      </c>
      <c r="I32710" s="1"/>
    </row>
    <row r="32711" spans="1:9" x14ac:dyDescent="0.25">
      <c r="A32711" s="3">
        <v>41646.743888888886</v>
      </c>
      <c r="B32711" s="6">
        <v>544571.54999999993</v>
      </c>
      <c r="C32711" s="7">
        <f t="shared" si="511"/>
        <v>544.57154999999989</v>
      </c>
      <c r="I32711" s="1"/>
    </row>
    <row r="32712" spans="1:9" x14ac:dyDescent="0.25">
      <c r="A32712" s="3">
        <v>41646.746736111112</v>
      </c>
      <c r="B32712" s="6">
        <v>544588.19999999995</v>
      </c>
      <c r="C32712" s="7">
        <f t="shared" si="511"/>
        <v>544.58819999999992</v>
      </c>
      <c r="I32712" s="1"/>
    </row>
    <row r="32713" spans="1:9" x14ac:dyDescent="0.25">
      <c r="A32713" s="3">
        <v>41646.748113425929</v>
      </c>
      <c r="B32713" s="6">
        <v>544604.85</v>
      </c>
      <c r="C32713" s="7">
        <f t="shared" si="511"/>
        <v>544.60484999999994</v>
      </c>
      <c r="I32713" s="1"/>
    </row>
    <row r="32714" spans="1:9" x14ac:dyDescent="0.25">
      <c r="A32714" s="3">
        <v>41646.750115740739</v>
      </c>
      <c r="B32714" s="6">
        <v>544621.5</v>
      </c>
      <c r="C32714" s="7">
        <f t="shared" si="511"/>
        <v>544.62149999999997</v>
      </c>
      <c r="I32714" s="1"/>
    </row>
    <row r="32715" spans="1:9" x14ac:dyDescent="0.25">
      <c r="A32715" s="3">
        <v>41646.750243055554</v>
      </c>
      <c r="B32715" s="6">
        <v>544638.14999999991</v>
      </c>
      <c r="C32715" s="7">
        <f t="shared" si="511"/>
        <v>544.63814999999988</v>
      </c>
      <c r="I32715" s="1"/>
    </row>
    <row r="32716" spans="1:9" x14ac:dyDescent="0.25">
      <c r="A32716" s="3">
        <v>41646.752384259256</v>
      </c>
      <c r="B32716" s="6">
        <v>544654.79999999993</v>
      </c>
      <c r="C32716" s="7">
        <f t="shared" si="511"/>
        <v>544.65479999999991</v>
      </c>
      <c r="I32716" s="1"/>
    </row>
    <row r="32717" spans="1:9" x14ac:dyDescent="0.25">
      <c r="A32717" s="3">
        <v>41646.752615740741</v>
      </c>
      <c r="B32717" s="6">
        <v>544671.44999999995</v>
      </c>
      <c r="C32717" s="7">
        <f t="shared" si="511"/>
        <v>544.67144999999994</v>
      </c>
      <c r="I32717" s="1"/>
    </row>
    <row r="32718" spans="1:9" x14ac:dyDescent="0.25">
      <c r="A32718" s="3">
        <v>41646.757835648146</v>
      </c>
      <c r="B32718" s="6">
        <v>544688.1</v>
      </c>
      <c r="C32718" s="7">
        <f t="shared" si="511"/>
        <v>544.68809999999996</v>
      </c>
      <c r="I32718" s="1"/>
    </row>
    <row r="32719" spans="1:9" x14ac:dyDescent="0.25">
      <c r="A32719" s="3">
        <v>41646.758055555554</v>
      </c>
      <c r="B32719" s="6">
        <v>544704.75</v>
      </c>
      <c r="C32719" s="7">
        <f t="shared" si="511"/>
        <v>544.70474999999999</v>
      </c>
      <c r="I32719" s="1"/>
    </row>
    <row r="32720" spans="1:9" x14ac:dyDescent="0.25">
      <c r="A32720" s="3">
        <v>41646.760891203703</v>
      </c>
      <c r="B32720" s="6">
        <v>544721.39999999991</v>
      </c>
      <c r="C32720" s="7">
        <f t="shared" si="511"/>
        <v>544.7213999999999</v>
      </c>
      <c r="I32720" s="1"/>
    </row>
    <row r="32721" spans="1:9" x14ac:dyDescent="0.25">
      <c r="A32721" s="3">
        <v>41646.762592592589</v>
      </c>
      <c r="B32721" s="6">
        <v>544738.04999999993</v>
      </c>
      <c r="C32721" s="7">
        <f t="shared" si="511"/>
        <v>544.73804999999993</v>
      </c>
      <c r="I32721" s="1"/>
    </row>
    <row r="32722" spans="1:9" x14ac:dyDescent="0.25">
      <c r="A32722" s="3">
        <v>41646.765833333331</v>
      </c>
      <c r="B32722" s="6">
        <v>544754.69999999995</v>
      </c>
      <c r="C32722" s="7">
        <f t="shared" si="511"/>
        <v>544.75469999999996</v>
      </c>
      <c r="I32722" s="1"/>
    </row>
    <row r="32723" spans="1:9" x14ac:dyDescent="0.25">
      <c r="A32723" s="3">
        <v>41646.766041666669</v>
      </c>
      <c r="B32723" s="6">
        <v>544771.35</v>
      </c>
      <c r="C32723" s="7">
        <f t="shared" si="511"/>
        <v>544.77134999999998</v>
      </c>
      <c r="I32723" s="1"/>
    </row>
    <row r="32724" spans="1:9" x14ac:dyDescent="0.25">
      <c r="A32724" s="3">
        <v>41646.770335648151</v>
      </c>
      <c r="B32724" s="6">
        <v>544788</v>
      </c>
      <c r="C32724" s="7">
        <f t="shared" si="511"/>
        <v>544.78800000000001</v>
      </c>
      <c r="I32724" s="1"/>
    </row>
    <row r="32725" spans="1:9" x14ac:dyDescent="0.25">
      <c r="A32725" s="3">
        <v>41646.770520833335</v>
      </c>
      <c r="B32725" s="6">
        <v>544804.64999999991</v>
      </c>
      <c r="C32725" s="7">
        <f t="shared" si="511"/>
        <v>544.80464999999992</v>
      </c>
      <c r="I32725" s="1"/>
    </row>
    <row r="32726" spans="1:9" x14ac:dyDescent="0.25">
      <c r="A32726" s="3">
        <v>41646.772430555553</v>
      </c>
      <c r="B32726" s="6">
        <v>544821.29999999993</v>
      </c>
      <c r="C32726" s="7">
        <f t="shared" si="511"/>
        <v>544.82129999999995</v>
      </c>
      <c r="I32726" s="1"/>
    </row>
    <row r="32727" spans="1:9" x14ac:dyDescent="0.25">
      <c r="A32727" s="3">
        <v>41646.773877314816</v>
      </c>
      <c r="B32727" s="6">
        <v>544837.94999999995</v>
      </c>
      <c r="C32727" s="7">
        <f t="shared" si="511"/>
        <v>544.83794999999998</v>
      </c>
      <c r="I32727" s="1"/>
    </row>
    <row r="32728" spans="1:9" x14ac:dyDescent="0.25">
      <c r="A32728" s="3">
        <v>41646.776574074072</v>
      </c>
      <c r="B32728" s="6">
        <v>544854.6</v>
      </c>
      <c r="C32728" s="7">
        <f t="shared" si="511"/>
        <v>544.8546</v>
      </c>
      <c r="I32728" s="1"/>
    </row>
    <row r="32729" spans="1:9" x14ac:dyDescent="0.25">
      <c r="A32729" s="3">
        <v>41646.776805555557</v>
      </c>
      <c r="B32729" s="6">
        <v>544871.25</v>
      </c>
      <c r="C32729" s="7">
        <f t="shared" si="511"/>
        <v>544.87125000000003</v>
      </c>
      <c r="I32729" s="1"/>
    </row>
    <row r="32730" spans="1:9" x14ac:dyDescent="0.25">
      <c r="A32730" s="3">
        <v>41646.779027777775</v>
      </c>
      <c r="B32730" s="6">
        <v>544887.89999999991</v>
      </c>
      <c r="C32730" s="7">
        <f t="shared" si="511"/>
        <v>544.88789999999995</v>
      </c>
      <c r="I32730" s="1"/>
    </row>
    <row r="32731" spans="1:9" x14ac:dyDescent="0.25">
      <c r="A32731" s="3">
        <v>41646.779293981483</v>
      </c>
      <c r="B32731" s="6">
        <v>544904.54999999993</v>
      </c>
      <c r="C32731" s="7">
        <f t="shared" si="511"/>
        <v>544.90454999999997</v>
      </c>
      <c r="I32731" s="1"/>
    </row>
    <row r="32732" spans="1:9" x14ac:dyDescent="0.25">
      <c r="A32732" s="3">
        <v>41646.78570601852</v>
      </c>
      <c r="B32732" s="6">
        <v>544921.19999999995</v>
      </c>
      <c r="C32732" s="7">
        <f t="shared" si="511"/>
        <v>544.9212</v>
      </c>
      <c r="I32732" s="1"/>
    </row>
    <row r="32733" spans="1:9" x14ac:dyDescent="0.25">
      <c r="A32733" s="3">
        <v>41646.785798611112</v>
      </c>
      <c r="B32733" s="6">
        <v>544937.85</v>
      </c>
      <c r="C32733" s="7">
        <f t="shared" si="511"/>
        <v>544.93785000000003</v>
      </c>
      <c r="I32733" s="1"/>
    </row>
    <row r="32734" spans="1:9" x14ac:dyDescent="0.25">
      <c r="A32734" s="3">
        <v>41646.789629629631</v>
      </c>
      <c r="B32734" s="6">
        <v>544954.5</v>
      </c>
      <c r="C32734" s="7">
        <f t="shared" si="511"/>
        <v>544.95450000000005</v>
      </c>
      <c r="I32734" s="1"/>
    </row>
    <row r="32735" spans="1:9" x14ac:dyDescent="0.25">
      <c r="A32735" s="3">
        <v>41646.790671296294</v>
      </c>
      <c r="B32735" s="6">
        <v>544971.14999999991</v>
      </c>
      <c r="C32735" s="7">
        <f t="shared" si="511"/>
        <v>544.97114999999985</v>
      </c>
      <c r="I32735" s="1"/>
    </row>
    <row r="32736" spans="1:9" x14ac:dyDescent="0.25">
      <c r="A32736" s="3">
        <v>41646.793483796297</v>
      </c>
      <c r="B32736" s="6">
        <v>544987.79999999993</v>
      </c>
      <c r="C32736" s="7">
        <f t="shared" si="511"/>
        <v>544.98779999999988</v>
      </c>
      <c r="I32736" s="1"/>
    </row>
    <row r="32737" spans="1:9" x14ac:dyDescent="0.25">
      <c r="A32737" s="3">
        <v>41646.794942129629</v>
      </c>
      <c r="B32737" s="6">
        <v>545004.44999999995</v>
      </c>
      <c r="C32737" s="7">
        <f t="shared" si="511"/>
        <v>545.00444999999991</v>
      </c>
      <c r="I32737" s="1"/>
    </row>
    <row r="32738" spans="1:9" x14ac:dyDescent="0.25">
      <c r="A32738" s="3">
        <v>41646.801180555558</v>
      </c>
      <c r="B32738" s="6">
        <v>545021.1</v>
      </c>
      <c r="C32738" s="7">
        <f t="shared" si="511"/>
        <v>545.02109999999993</v>
      </c>
      <c r="I32738" s="1"/>
    </row>
    <row r="32739" spans="1:9" x14ac:dyDescent="0.25">
      <c r="A32739" s="3">
        <v>41646.801296296297</v>
      </c>
      <c r="B32739" s="6">
        <v>545037.75</v>
      </c>
      <c r="C32739" s="7">
        <f t="shared" si="511"/>
        <v>545.03774999999996</v>
      </c>
      <c r="I32739" s="1"/>
    </row>
    <row r="32740" spans="1:9" x14ac:dyDescent="0.25">
      <c r="A32740" s="3">
        <v>41646.803900462961</v>
      </c>
      <c r="B32740" s="6">
        <v>545054.39999999991</v>
      </c>
      <c r="C32740" s="7">
        <f t="shared" si="511"/>
        <v>545.05439999999987</v>
      </c>
      <c r="I32740" s="1"/>
    </row>
    <row r="32741" spans="1:9" x14ac:dyDescent="0.25">
      <c r="A32741" s="3">
        <v>41646.803993055553</v>
      </c>
      <c r="B32741" s="6">
        <v>545071.04999999993</v>
      </c>
      <c r="C32741" s="7">
        <f t="shared" si="511"/>
        <v>545.0710499999999</v>
      </c>
      <c r="I32741" s="1"/>
    </row>
    <row r="32742" spans="1:9" x14ac:dyDescent="0.25">
      <c r="A32742" s="3">
        <v>41646.811354166668</v>
      </c>
      <c r="B32742" s="6">
        <v>545087.69999999995</v>
      </c>
      <c r="C32742" s="7">
        <f t="shared" si="511"/>
        <v>545.08769999999993</v>
      </c>
      <c r="I32742" s="1"/>
    </row>
    <row r="32743" spans="1:9" x14ac:dyDescent="0.25">
      <c r="A32743" s="3">
        <v>41646.811574074076</v>
      </c>
      <c r="B32743" s="6">
        <v>545104.35</v>
      </c>
      <c r="C32743" s="7">
        <f t="shared" si="511"/>
        <v>545.10434999999995</v>
      </c>
      <c r="I32743" s="1"/>
    </row>
    <row r="32744" spans="1:9" x14ac:dyDescent="0.25">
      <c r="A32744" s="3">
        <v>41677.31759259259</v>
      </c>
      <c r="B32744" s="6">
        <v>545121</v>
      </c>
      <c r="C32744" s="7">
        <f t="shared" si="511"/>
        <v>545.12099999999998</v>
      </c>
      <c r="I32744" s="1"/>
    </row>
    <row r="32745" spans="1:9" x14ac:dyDescent="0.25">
      <c r="A32745" s="3">
        <v>41677.317766203705</v>
      </c>
      <c r="B32745" s="6">
        <v>545137.64999999991</v>
      </c>
      <c r="C32745" s="7">
        <f t="shared" si="511"/>
        <v>545.13764999999989</v>
      </c>
      <c r="I32745" s="1"/>
    </row>
    <row r="32746" spans="1:9" x14ac:dyDescent="0.25">
      <c r="A32746" s="3">
        <v>41677.36041666667</v>
      </c>
      <c r="B32746" s="6">
        <v>545154.29999999993</v>
      </c>
      <c r="C32746" s="7">
        <f t="shared" si="511"/>
        <v>545.15429999999992</v>
      </c>
      <c r="I32746" s="1"/>
    </row>
    <row r="32747" spans="1:9" x14ac:dyDescent="0.25">
      <c r="A32747" s="3">
        <v>41677.360960648148</v>
      </c>
      <c r="B32747" s="6">
        <v>545170.94999999995</v>
      </c>
      <c r="C32747" s="7">
        <f t="shared" si="511"/>
        <v>545.17094999999995</v>
      </c>
      <c r="I32747" s="1"/>
    </row>
    <row r="32748" spans="1:9" x14ac:dyDescent="0.25">
      <c r="A32748" s="3">
        <v>41677.378738425927</v>
      </c>
      <c r="B32748" s="6">
        <v>545187.6</v>
      </c>
      <c r="C32748" s="7">
        <f t="shared" si="511"/>
        <v>545.18759999999997</v>
      </c>
      <c r="I32748" s="1"/>
    </row>
    <row r="32749" spans="1:9" x14ac:dyDescent="0.25">
      <c r="A32749" s="3">
        <v>41677.378865740742</v>
      </c>
      <c r="B32749" s="6">
        <v>545204.25</v>
      </c>
      <c r="C32749" s="7">
        <f t="shared" si="511"/>
        <v>545.20425</v>
      </c>
      <c r="I32749" s="1"/>
    </row>
    <row r="32750" spans="1:9" x14ac:dyDescent="0.25">
      <c r="A32750" s="3">
        <v>41677.38553240741</v>
      </c>
      <c r="B32750" s="6">
        <v>545220.89999999991</v>
      </c>
      <c r="C32750" s="7">
        <f t="shared" si="511"/>
        <v>545.22089999999992</v>
      </c>
      <c r="I32750" s="1"/>
    </row>
    <row r="32751" spans="1:9" x14ac:dyDescent="0.25">
      <c r="A32751" s="3">
        <v>41677.385648148149</v>
      </c>
      <c r="B32751" s="6">
        <v>545237.54999999993</v>
      </c>
      <c r="C32751" s="7">
        <f t="shared" si="511"/>
        <v>545.23754999999994</v>
      </c>
      <c r="I32751" s="1"/>
    </row>
    <row r="32752" spans="1:9" x14ac:dyDescent="0.25">
      <c r="A32752" s="3">
        <v>41677.390115740738</v>
      </c>
      <c r="B32752" s="6">
        <v>545254.19999999995</v>
      </c>
      <c r="C32752" s="7">
        <f t="shared" si="511"/>
        <v>545.25419999999997</v>
      </c>
      <c r="I32752" s="1"/>
    </row>
    <row r="32753" spans="1:9" x14ac:dyDescent="0.25">
      <c r="A32753" s="3">
        <v>41677.390219907407</v>
      </c>
      <c r="B32753" s="6">
        <v>545270.85</v>
      </c>
      <c r="C32753" s="7">
        <f t="shared" si="511"/>
        <v>545.27085</v>
      </c>
      <c r="I32753" s="1"/>
    </row>
    <row r="32754" spans="1:9" x14ac:dyDescent="0.25">
      <c r="A32754" s="3">
        <v>41677.391469907408</v>
      </c>
      <c r="B32754" s="6">
        <v>545287.5</v>
      </c>
      <c r="C32754" s="7">
        <f t="shared" si="511"/>
        <v>545.28750000000002</v>
      </c>
      <c r="I32754" s="1"/>
    </row>
    <row r="32755" spans="1:9" x14ac:dyDescent="0.25">
      <c r="A32755" s="3">
        <v>41677.391608796293</v>
      </c>
      <c r="B32755" s="6">
        <v>545304.14999999991</v>
      </c>
      <c r="C32755" s="7">
        <f t="shared" si="511"/>
        <v>545.30414999999994</v>
      </c>
      <c r="I32755" s="1"/>
    </row>
    <row r="32756" spans="1:9" x14ac:dyDescent="0.25">
      <c r="A32756" s="3">
        <v>41677.393622685187</v>
      </c>
      <c r="B32756" s="6">
        <v>545320.79999999993</v>
      </c>
      <c r="C32756" s="7">
        <f t="shared" si="511"/>
        <v>545.32079999999996</v>
      </c>
      <c r="I32756" s="1"/>
    </row>
    <row r="32757" spans="1:9" x14ac:dyDescent="0.25">
      <c r="A32757" s="3">
        <v>41677.393738425926</v>
      </c>
      <c r="B32757" s="6">
        <v>545337.44999999995</v>
      </c>
      <c r="C32757" s="7">
        <f t="shared" si="511"/>
        <v>545.33744999999999</v>
      </c>
      <c r="I32757" s="1"/>
    </row>
    <row r="32758" spans="1:9" x14ac:dyDescent="0.25">
      <c r="A32758" s="3">
        <v>41677.398831018516</v>
      </c>
      <c r="B32758" s="6">
        <v>545354.1</v>
      </c>
      <c r="C32758" s="7">
        <f t="shared" si="511"/>
        <v>545.35410000000002</v>
      </c>
      <c r="I32758" s="1"/>
    </row>
    <row r="32759" spans="1:9" x14ac:dyDescent="0.25">
      <c r="A32759" s="3">
        <v>41677.398946759262</v>
      </c>
      <c r="B32759" s="6">
        <v>545370.75</v>
      </c>
      <c r="C32759" s="7">
        <f t="shared" si="511"/>
        <v>545.37075000000004</v>
      </c>
      <c r="I32759" s="1"/>
    </row>
    <row r="32760" spans="1:9" x14ac:dyDescent="0.25">
      <c r="A32760" s="3">
        <v>41677.404849537037</v>
      </c>
      <c r="B32760" s="6">
        <v>545387.39999999991</v>
      </c>
      <c r="C32760" s="7">
        <f t="shared" si="511"/>
        <v>545.38739999999996</v>
      </c>
      <c r="I32760" s="1"/>
    </row>
    <row r="32761" spans="1:9" x14ac:dyDescent="0.25">
      <c r="A32761" s="3">
        <v>41677.405023148145</v>
      </c>
      <c r="B32761" s="6">
        <v>545404.04999999993</v>
      </c>
      <c r="C32761" s="7">
        <f t="shared" si="511"/>
        <v>545.40404999999998</v>
      </c>
      <c r="I32761" s="1"/>
    </row>
    <row r="32762" spans="1:9" x14ac:dyDescent="0.25">
      <c r="A32762" s="3">
        <v>41677.412997685184</v>
      </c>
      <c r="B32762" s="6">
        <v>545420.69999999995</v>
      </c>
      <c r="C32762" s="7">
        <f t="shared" si="511"/>
        <v>545.4206999999999</v>
      </c>
      <c r="I32762" s="1"/>
    </row>
    <row r="32763" spans="1:9" x14ac:dyDescent="0.25">
      <c r="A32763" s="3">
        <v>41677.413159722222</v>
      </c>
      <c r="B32763" s="6">
        <v>545437.35</v>
      </c>
      <c r="C32763" s="7">
        <f t="shared" si="511"/>
        <v>545.43734999999992</v>
      </c>
      <c r="I32763" s="1"/>
    </row>
    <row r="32764" spans="1:9" x14ac:dyDescent="0.25">
      <c r="A32764" s="3">
        <v>41677.418923611112</v>
      </c>
      <c r="B32764" s="6">
        <v>545454</v>
      </c>
      <c r="C32764" s="7">
        <f t="shared" si="511"/>
        <v>545.45399999999995</v>
      </c>
      <c r="I32764" s="1"/>
    </row>
    <row r="32765" spans="1:9" x14ac:dyDescent="0.25">
      <c r="A32765" s="3">
        <v>41677.422175925924</v>
      </c>
      <c r="B32765" s="6">
        <v>545470.64999999991</v>
      </c>
      <c r="C32765" s="7">
        <f t="shared" si="511"/>
        <v>545.47064999999986</v>
      </c>
      <c r="I32765" s="1"/>
    </row>
    <row r="32766" spans="1:9" x14ac:dyDescent="0.25">
      <c r="A32766" s="3">
        <v>41677.42564814815</v>
      </c>
      <c r="B32766" s="6">
        <v>545487.29999999993</v>
      </c>
      <c r="C32766" s="7">
        <f t="shared" si="511"/>
        <v>545.48729999999989</v>
      </c>
      <c r="I32766" s="1"/>
    </row>
    <row r="32767" spans="1:9" x14ac:dyDescent="0.25">
      <c r="A32767" s="3">
        <v>41677.430972222224</v>
      </c>
      <c r="B32767" s="6">
        <v>545503.94999999995</v>
      </c>
      <c r="C32767" s="7">
        <f t="shared" si="511"/>
        <v>545.50394999999992</v>
      </c>
      <c r="I32767" s="1"/>
    </row>
    <row r="32768" spans="1:9" x14ac:dyDescent="0.25">
      <c r="A32768" s="3">
        <v>41677.432395833333</v>
      </c>
      <c r="B32768" s="6">
        <v>545520.6</v>
      </c>
      <c r="C32768" s="7">
        <f t="shared" si="511"/>
        <v>545.52059999999994</v>
      </c>
      <c r="I32768" s="1"/>
    </row>
    <row r="32769" spans="1:9" x14ac:dyDescent="0.25">
      <c r="A32769" s="3">
        <v>41677.432523148149</v>
      </c>
      <c r="B32769" s="6">
        <v>545537.25</v>
      </c>
      <c r="C32769" s="7">
        <f t="shared" si="511"/>
        <v>545.53724999999997</v>
      </c>
      <c r="I32769" s="1"/>
    </row>
    <row r="32770" spans="1:9" x14ac:dyDescent="0.25">
      <c r="A32770" s="3">
        <v>41677.436226851853</v>
      </c>
      <c r="B32770" s="6">
        <v>545553.89999999991</v>
      </c>
      <c r="C32770" s="7">
        <f t="shared" si="511"/>
        <v>545.55389999999989</v>
      </c>
      <c r="I32770" s="1"/>
    </row>
    <row r="32771" spans="1:9" x14ac:dyDescent="0.25">
      <c r="A32771" s="3">
        <v>41677.440381944441</v>
      </c>
      <c r="B32771" s="6">
        <v>545570.54999999993</v>
      </c>
      <c r="C32771" s="7">
        <f t="shared" ref="C32771:C32834" si="512">B32771/1000</f>
        <v>545.57054999999991</v>
      </c>
      <c r="I32771" s="1"/>
    </row>
    <row r="32772" spans="1:9" x14ac:dyDescent="0.25">
      <c r="A32772" s="3">
        <v>41677.4528125</v>
      </c>
      <c r="B32772" s="6">
        <v>545587.19999999995</v>
      </c>
      <c r="C32772" s="7">
        <f t="shared" si="512"/>
        <v>545.58719999999994</v>
      </c>
      <c r="I32772" s="1"/>
    </row>
    <row r="32773" spans="1:9" x14ac:dyDescent="0.25">
      <c r="A32773" s="3">
        <v>41677.453287037039</v>
      </c>
      <c r="B32773" s="6">
        <v>545603.85</v>
      </c>
      <c r="C32773" s="7">
        <f t="shared" si="512"/>
        <v>545.60384999999997</v>
      </c>
      <c r="I32773" s="1"/>
    </row>
    <row r="32774" spans="1:9" x14ac:dyDescent="0.25">
      <c r="A32774" s="3">
        <v>41677.455914351849</v>
      </c>
      <c r="B32774" s="6">
        <v>545620.5</v>
      </c>
      <c r="C32774" s="7">
        <f t="shared" si="512"/>
        <v>545.62049999999999</v>
      </c>
      <c r="I32774" s="1"/>
    </row>
    <row r="32775" spans="1:9" x14ac:dyDescent="0.25">
      <c r="A32775" s="3">
        <v>41677.456018518518</v>
      </c>
      <c r="B32775" s="6">
        <v>545637.14999999991</v>
      </c>
      <c r="C32775" s="7">
        <f t="shared" si="512"/>
        <v>545.63714999999991</v>
      </c>
      <c r="I32775" s="1"/>
    </row>
    <row r="32776" spans="1:9" x14ac:dyDescent="0.25">
      <c r="A32776" s="3">
        <v>41677.457106481481</v>
      </c>
      <c r="B32776" s="6">
        <v>545653.79999999993</v>
      </c>
      <c r="C32776" s="7">
        <f t="shared" si="512"/>
        <v>545.65379999999993</v>
      </c>
      <c r="I32776" s="1"/>
    </row>
    <row r="32777" spans="1:9" x14ac:dyDescent="0.25">
      <c r="A32777" s="3">
        <v>41677.457349537035</v>
      </c>
      <c r="B32777" s="6">
        <v>545670.44999999995</v>
      </c>
      <c r="C32777" s="7">
        <f t="shared" si="512"/>
        <v>545.67044999999996</v>
      </c>
      <c r="I32777" s="1"/>
    </row>
    <row r="32778" spans="1:9" x14ac:dyDescent="0.25">
      <c r="A32778" s="3">
        <v>41677.461261574077</v>
      </c>
      <c r="B32778" s="6">
        <v>545687.1</v>
      </c>
      <c r="C32778" s="7">
        <f t="shared" si="512"/>
        <v>545.68709999999999</v>
      </c>
      <c r="I32778" s="1"/>
    </row>
    <row r="32779" spans="1:9" x14ac:dyDescent="0.25">
      <c r="A32779" s="3">
        <v>41677.461504629631</v>
      </c>
      <c r="B32779" s="6">
        <v>545703.75</v>
      </c>
      <c r="C32779" s="7">
        <f t="shared" si="512"/>
        <v>545.70375000000001</v>
      </c>
      <c r="I32779" s="1"/>
    </row>
    <row r="32780" spans="1:9" x14ac:dyDescent="0.25">
      <c r="A32780" s="3">
        <v>41677.469351851854</v>
      </c>
      <c r="B32780" s="6">
        <v>545720.39999999991</v>
      </c>
      <c r="C32780" s="7">
        <f t="shared" si="512"/>
        <v>545.72039999999993</v>
      </c>
      <c r="I32780" s="1"/>
    </row>
    <row r="32781" spans="1:9" x14ac:dyDescent="0.25">
      <c r="A32781" s="3">
        <v>41677.470636574071</v>
      </c>
      <c r="B32781" s="6">
        <v>545737.04999999993</v>
      </c>
      <c r="C32781" s="7">
        <f t="shared" si="512"/>
        <v>545.73704999999995</v>
      </c>
      <c r="I32781" s="1"/>
    </row>
    <row r="32782" spans="1:9" x14ac:dyDescent="0.25">
      <c r="A32782" s="3">
        <v>41677.478935185187</v>
      </c>
      <c r="B32782" s="6">
        <v>545753.69999999995</v>
      </c>
      <c r="C32782" s="7">
        <f t="shared" si="512"/>
        <v>545.75369999999998</v>
      </c>
      <c r="I32782" s="1"/>
    </row>
    <row r="32783" spans="1:9" x14ac:dyDescent="0.25">
      <c r="A32783" s="3">
        <v>41677.479062500002</v>
      </c>
      <c r="B32783" s="6">
        <v>545770.35</v>
      </c>
      <c r="C32783" s="7">
        <f t="shared" si="512"/>
        <v>545.77035000000001</v>
      </c>
      <c r="I32783" s="1"/>
    </row>
    <row r="32784" spans="1:9" x14ac:dyDescent="0.25">
      <c r="A32784" s="3">
        <v>41677.482581018521</v>
      </c>
      <c r="B32784" s="6">
        <v>545787</v>
      </c>
      <c r="C32784" s="7">
        <f t="shared" si="512"/>
        <v>545.78700000000003</v>
      </c>
      <c r="I32784" s="1"/>
    </row>
    <row r="32785" spans="1:9" x14ac:dyDescent="0.25">
      <c r="A32785" s="3">
        <v>41677.483252314814</v>
      </c>
      <c r="B32785" s="6">
        <v>545803.64999999991</v>
      </c>
      <c r="C32785" s="7">
        <f t="shared" si="512"/>
        <v>545.80364999999995</v>
      </c>
      <c r="I32785" s="1"/>
    </row>
    <row r="32786" spans="1:9" x14ac:dyDescent="0.25">
      <c r="A32786" s="3">
        <v>41677.48877314815</v>
      </c>
      <c r="B32786" s="6">
        <v>545820.29999999993</v>
      </c>
      <c r="C32786" s="7">
        <f t="shared" si="512"/>
        <v>545.82029999999997</v>
      </c>
      <c r="I32786" s="1"/>
    </row>
    <row r="32787" spans="1:9" x14ac:dyDescent="0.25">
      <c r="A32787" s="3">
        <v>41677.489629629628</v>
      </c>
      <c r="B32787" s="6">
        <v>545836.94999999995</v>
      </c>
      <c r="C32787" s="7">
        <f t="shared" si="512"/>
        <v>545.83695</v>
      </c>
      <c r="I32787" s="1"/>
    </row>
    <row r="32788" spans="1:9" x14ac:dyDescent="0.25">
      <c r="A32788" s="3">
        <v>41677.504293981481</v>
      </c>
      <c r="B32788" s="6">
        <v>545853.6</v>
      </c>
      <c r="C32788" s="7">
        <f t="shared" si="512"/>
        <v>545.85360000000003</v>
      </c>
      <c r="I32788" s="1"/>
    </row>
    <row r="32789" spans="1:9" x14ac:dyDescent="0.25">
      <c r="A32789" s="3">
        <v>41677.507118055553</v>
      </c>
      <c r="B32789" s="6">
        <v>545870.25</v>
      </c>
      <c r="C32789" s="7">
        <f t="shared" si="512"/>
        <v>545.87025000000006</v>
      </c>
      <c r="I32789" s="1"/>
    </row>
    <row r="32790" spans="1:9" x14ac:dyDescent="0.25">
      <c r="A32790" s="3">
        <v>41677.534502314818</v>
      </c>
      <c r="B32790" s="6">
        <v>545886.89999999991</v>
      </c>
      <c r="C32790" s="7">
        <f t="shared" si="512"/>
        <v>545.88689999999986</v>
      </c>
      <c r="I32790" s="1"/>
    </row>
    <row r="32791" spans="1:9" x14ac:dyDescent="0.25">
      <c r="A32791" s="3">
        <v>41677.536087962966</v>
      </c>
      <c r="B32791" s="6">
        <v>545903.54999999993</v>
      </c>
      <c r="C32791" s="7">
        <f t="shared" si="512"/>
        <v>545.90354999999988</v>
      </c>
      <c r="I32791" s="1"/>
    </row>
    <row r="32792" spans="1:9" x14ac:dyDescent="0.25">
      <c r="A32792" s="3">
        <v>41677.54047453704</v>
      </c>
      <c r="B32792" s="6">
        <v>545920.19999999995</v>
      </c>
      <c r="C32792" s="7">
        <f t="shared" si="512"/>
        <v>545.92019999999991</v>
      </c>
      <c r="I32792" s="1"/>
    </row>
    <row r="32793" spans="1:9" x14ac:dyDescent="0.25">
      <c r="A32793" s="3">
        <v>41677.540648148148</v>
      </c>
      <c r="B32793" s="6">
        <v>545936.85</v>
      </c>
      <c r="C32793" s="7">
        <f t="shared" si="512"/>
        <v>545.93684999999994</v>
      </c>
      <c r="I32793" s="1"/>
    </row>
    <row r="32794" spans="1:9" x14ac:dyDescent="0.25">
      <c r="A32794" s="3">
        <v>41677.549618055556</v>
      </c>
      <c r="B32794" s="6">
        <v>545953.5</v>
      </c>
      <c r="C32794" s="7">
        <f t="shared" si="512"/>
        <v>545.95349999999996</v>
      </c>
      <c r="I32794" s="1"/>
    </row>
    <row r="32795" spans="1:9" x14ac:dyDescent="0.25">
      <c r="A32795" s="3">
        <v>41677.549895833334</v>
      </c>
      <c r="B32795" s="6">
        <v>545970.14999999991</v>
      </c>
      <c r="C32795" s="7">
        <f t="shared" si="512"/>
        <v>545.97014999999988</v>
      </c>
      <c r="I32795" s="1"/>
    </row>
    <row r="32796" spans="1:9" x14ac:dyDescent="0.25">
      <c r="A32796" s="3">
        <v>41677.552581018521</v>
      </c>
      <c r="B32796" s="6">
        <v>545986.79999999993</v>
      </c>
      <c r="C32796" s="7">
        <f t="shared" si="512"/>
        <v>545.9867999999999</v>
      </c>
      <c r="I32796" s="1"/>
    </row>
    <row r="32797" spans="1:9" x14ac:dyDescent="0.25">
      <c r="A32797" s="3">
        <v>41677.552777777775</v>
      </c>
      <c r="B32797" s="6">
        <v>546003.44999999995</v>
      </c>
      <c r="C32797" s="7">
        <f t="shared" si="512"/>
        <v>546.00344999999993</v>
      </c>
      <c r="I32797" s="1"/>
    </row>
    <row r="32798" spans="1:9" x14ac:dyDescent="0.25">
      <c r="A32798" s="3">
        <v>41677.555891203701</v>
      </c>
      <c r="B32798" s="6">
        <v>546020.1</v>
      </c>
      <c r="C32798" s="7">
        <f t="shared" si="512"/>
        <v>546.02009999999996</v>
      </c>
      <c r="I32798" s="1"/>
    </row>
    <row r="32799" spans="1:9" x14ac:dyDescent="0.25">
      <c r="A32799" s="3">
        <v>41677.556516203702</v>
      </c>
      <c r="B32799" s="6">
        <v>546036.75</v>
      </c>
      <c r="C32799" s="7">
        <f t="shared" si="512"/>
        <v>546.03674999999998</v>
      </c>
      <c r="I32799" s="1"/>
    </row>
    <row r="32800" spans="1:9" x14ac:dyDescent="0.25">
      <c r="A32800" s="3">
        <v>41677.55741898148</v>
      </c>
      <c r="B32800" s="6">
        <v>546053.39999999991</v>
      </c>
      <c r="C32800" s="7">
        <f t="shared" si="512"/>
        <v>546.0533999999999</v>
      </c>
      <c r="I32800" s="1"/>
    </row>
    <row r="32801" spans="1:9" x14ac:dyDescent="0.25">
      <c r="A32801" s="3">
        <v>41677.557581018518</v>
      </c>
      <c r="B32801" s="6">
        <v>546070.04999999993</v>
      </c>
      <c r="C32801" s="7">
        <f t="shared" si="512"/>
        <v>546.07004999999992</v>
      </c>
      <c r="I32801" s="1"/>
    </row>
    <row r="32802" spans="1:9" x14ac:dyDescent="0.25">
      <c r="A32802" s="3">
        <v>41677.560856481483</v>
      </c>
      <c r="B32802" s="6">
        <v>546086.69999999995</v>
      </c>
      <c r="C32802" s="7">
        <f t="shared" si="512"/>
        <v>546.08669999999995</v>
      </c>
      <c r="I32802" s="1"/>
    </row>
    <row r="32803" spans="1:9" x14ac:dyDescent="0.25">
      <c r="A32803" s="3">
        <v>41677.561782407407</v>
      </c>
      <c r="B32803" s="6">
        <v>546103.35</v>
      </c>
      <c r="C32803" s="7">
        <f t="shared" si="512"/>
        <v>546.10334999999998</v>
      </c>
      <c r="I32803" s="1"/>
    </row>
    <row r="32804" spans="1:9" x14ac:dyDescent="0.25">
      <c r="A32804" s="3">
        <v>41677.57539351852</v>
      </c>
      <c r="B32804" s="6">
        <v>546120</v>
      </c>
      <c r="C32804" s="7">
        <f t="shared" si="512"/>
        <v>546.12</v>
      </c>
      <c r="I32804" s="1"/>
    </row>
    <row r="32805" spans="1:9" x14ac:dyDescent="0.25">
      <c r="A32805" s="3">
        <v>41677.575902777775</v>
      </c>
      <c r="B32805" s="6">
        <v>546136.64999999991</v>
      </c>
      <c r="C32805" s="7">
        <f t="shared" si="512"/>
        <v>546.13664999999992</v>
      </c>
      <c r="I32805" s="1"/>
    </row>
    <row r="32806" spans="1:9" x14ac:dyDescent="0.25">
      <c r="A32806" s="3">
        <v>41677.577152777776</v>
      </c>
      <c r="B32806" s="6">
        <v>546153.29999999993</v>
      </c>
      <c r="C32806" s="7">
        <f t="shared" si="512"/>
        <v>546.15329999999994</v>
      </c>
      <c r="I32806" s="1"/>
    </row>
    <row r="32807" spans="1:9" x14ac:dyDescent="0.25">
      <c r="A32807" s="3">
        <v>41677.577210648145</v>
      </c>
      <c r="B32807" s="6">
        <v>546169.94999999995</v>
      </c>
      <c r="C32807" s="7">
        <f t="shared" si="512"/>
        <v>546.16994999999997</v>
      </c>
      <c r="I32807" s="1"/>
    </row>
    <row r="32808" spans="1:9" x14ac:dyDescent="0.25">
      <c r="A32808" s="3">
        <v>41677.577766203707</v>
      </c>
      <c r="B32808" s="6">
        <v>546186.6</v>
      </c>
      <c r="C32808" s="7">
        <f t="shared" si="512"/>
        <v>546.1866</v>
      </c>
      <c r="I32808" s="1"/>
    </row>
    <row r="32809" spans="1:9" x14ac:dyDescent="0.25">
      <c r="A32809" s="3">
        <v>41677.577847222223</v>
      </c>
      <c r="B32809" s="6">
        <v>546203.25</v>
      </c>
      <c r="C32809" s="7">
        <f t="shared" si="512"/>
        <v>546.20325000000003</v>
      </c>
      <c r="I32809" s="1"/>
    </row>
    <row r="32810" spans="1:9" x14ac:dyDescent="0.25">
      <c r="A32810" s="3">
        <v>41677.579062500001</v>
      </c>
      <c r="B32810" s="6">
        <v>546219.89999999991</v>
      </c>
      <c r="C32810" s="7">
        <f t="shared" si="512"/>
        <v>546.21989999999994</v>
      </c>
      <c r="I32810" s="1"/>
    </row>
    <row r="32811" spans="1:9" x14ac:dyDescent="0.25">
      <c r="A32811" s="3">
        <v>41677.579131944447</v>
      </c>
      <c r="B32811" s="6">
        <v>546236.54999999993</v>
      </c>
      <c r="C32811" s="7">
        <f t="shared" si="512"/>
        <v>546.23654999999997</v>
      </c>
      <c r="I32811" s="1"/>
    </row>
    <row r="32812" spans="1:9" x14ac:dyDescent="0.25">
      <c r="A32812" s="3">
        <v>41677.579930555556</v>
      </c>
      <c r="B32812" s="6">
        <v>546253.19999999995</v>
      </c>
      <c r="C32812" s="7">
        <f t="shared" si="512"/>
        <v>546.25319999999999</v>
      </c>
      <c r="I32812" s="1"/>
    </row>
    <row r="32813" spans="1:9" x14ac:dyDescent="0.25">
      <c r="A32813" s="3">
        <v>41677.580011574071</v>
      </c>
      <c r="B32813" s="6">
        <v>546269.85</v>
      </c>
      <c r="C32813" s="7">
        <f t="shared" si="512"/>
        <v>546.26985000000002</v>
      </c>
      <c r="I32813" s="1"/>
    </row>
    <row r="32814" spans="1:9" x14ac:dyDescent="0.25">
      <c r="A32814" s="3">
        <v>41677.580520833333</v>
      </c>
      <c r="B32814" s="6">
        <v>546286.5</v>
      </c>
      <c r="C32814" s="7">
        <f t="shared" si="512"/>
        <v>546.28650000000005</v>
      </c>
      <c r="I32814" s="1"/>
    </row>
    <row r="32815" spans="1:9" x14ac:dyDescent="0.25">
      <c r="A32815" s="3">
        <v>41677.580601851849</v>
      </c>
      <c r="B32815" s="6">
        <v>546303.14999999991</v>
      </c>
      <c r="C32815" s="7">
        <f t="shared" si="512"/>
        <v>546.30314999999996</v>
      </c>
      <c r="I32815" s="1"/>
    </row>
    <row r="32816" spans="1:9" x14ac:dyDescent="0.25">
      <c r="A32816" s="3">
        <v>41677.583078703705</v>
      </c>
      <c r="B32816" s="6">
        <v>546319.79999999993</v>
      </c>
      <c r="C32816" s="7">
        <f t="shared" si="512"/>
        <v>546.31979999999999</v>
      </c>
      <c r="I32816" s="1"/>
    </row>
    <row r="32817" spans="1:9" x14ac:dyDescent="0.25">
      <c r="A32817" s="3">
        <v>41677.583171296297</v>
      </c>
      <c r="B32817" s="6">
        <v>546336.44999999995</v>
      </c>
      <c r="C32817" s="7">
        <f t="shared" si="512"/>
        <v>546.3364499999999</v>
      </c>
      <c r="I32817" s="1"/>
    </row>
    <row r="32818" spans="1:9" x14ac:dyDescent="0.25">
      <c r="A32818" s="3">
        <v>41677.585231481484</v>
      </c>
      <c r="B32818" s="6">
        <v>546353.1</v>
      </c>
      <c r="C32818" s="7">
        <f t="shared" si="512"/>
        <v>546.35309999999993</v>
      </c>
      <c r="I32818" s="1"/>
    </row>
    <row r="32819" spans="1:9" x14ac:dyDescent="0.25">
      <c r="A32819" s="3">
        <v>41677.585277777776</v>
      </c>
      <c r="B32819" s="6">
        <v>546369.75</v>
      </c>
      <c r="C32819" s="7">
        <f t="shared" si="512"/>
        <v>546.36974999999995</v>
      </c>
      <c r="I32819" s="1"/>
    </row>
    <row r="32820" spans="1:9" x14ac:dyDescent="0.25">
      <c r="A32820" s="3">
        <v>41677.586238425924</v>
      </c>
      <c r="B32820" s="6">
        <v>546386.39999999991</v>
      </c>
      <c r="C32820" s="7">
        <f t="shared" si="512"/>
        <v>546.38639999999987</v>
      </c>
      <c r="I32820" s="1"/>
    </row>
    <row r="32821" spans="1:9" x14ac:dyDescent="0.25">
      <c r="A32821" s="3">
        <v>41677.586412037039</v>
      </c>
      <c r="B32821" s="6">
        <v>546403.04999999993</v>
      </c>
      <c r="C32821" s="7">
        <f t="shared" si="512"/>
        <v>546.40304999999989</v>
      </c>
      <c r="I32821" s="1"/>
    </row>
    <row r="32822" spans="1:9" x14ac:dyDescent="0.25">
      <c r="A32822" s="3">
        <v>41677.587129629632</v>
      </c>
      <c r="B32822" s="6">
        <v>546419.69999999995</v>
      </c>
      <c r="C32822" s="7">
        <f t="shared" si="512"/>
        <v>546.41969999999992</v>
      </c>
      <c r="I32822" s="1"/>
    </row>
    <row r="32823" spans="1:9" x14ac:dyDescent="0.25">
      <c r="A32823" s="3">
        <v>41677.587164351855</v>
      </c>
      <c r="B32823" s="6">
        <v>546436.35</v>
      </c>
      <c r="C32823" s="7">
        <f t="shared" si="512"/>
        <v>546.43634999999995</v>
      </c>
      <c r="I32823" s="1"/>
    </row>
    <row r="32824" spans="1:9" x14ac:dyDescent="0.25">
      <c r="A32824" s="3">
        <v>41677.587870370371</v>
      </c>
      <c r="B32824" s="6">
        <v>546453</v>
      </c>
      <c r="C32824" s="7">
        <f t="shared" si="512"/>
        <v>546.45299999999997</v>
      </c>
      <c r="I32824" s="1"/>
    </row>
    <row r="32825" spans="1:9" x14ac:dyDescent="0.25">
      <c r="A32825" s="3">
        <v>41677.58798611111</v>
      </c>
      <c r="B32825" s="6">
        <v>546469.64999999991</v>
      </c>
      <c r="C32825" s="7">
        <f t="shared" si="512"/>
        <v>546.46964999999989</v>
      </c>
      <c r="I32825" s="1"/>
    </row>
    <row r="32826" spans="1:9" x14ac:dyDescent="0.25">
      <c r="A32826" s="3">
        <v>41677.588750000003</v>
      </c>
      <c r="B32826" s="6">
        <v>546486.29999999993</v>
      </c>
      <c r="C32826" s="7">
        <f t="shared" si="512"/>
        <v>546.48629999999991</v>
      </c>
      <c r="I32826" s="1"/>
    </row>
    <row r="32827" spans="1:9" x14ac:dyDescent="0.25">
      <c r="A32827" s="3">
        <v>41677.588807870372</v>
      </c>
      <c r="B32827" s="6">
        <v>546502.94999999995</v>
      </c>
      <c r="C32827" s="7">
        <f t="shared" si="512"/>
        <v>546.50294999999994</v>
      </c>
      <c r="I32827" s="1"/>
    </row>
    <row r="32828" spans="1:9" x14ac:dyDescent="0.25">
      <c r="A32828" s="3">
        <v>41677.589467592596</v>
      </c>
      <c r="B32828" s="6">
        <v>546519.6</v>
      </c>
      <c r="C32828" s="7">
        <f t="shared" si="512"/>
        <v>546.51959999999997</v>
      </c>
      <c r="I32828" s="1"/>
    </row>
    <row r="32829" spans="1:9" x14ac:dyDescent="0.25">
      <c r="A32829" s="3">
        <v>41677.589525462965</v>
      </c>
      <c r="B32829" s="6">
        <v>546536.25</v>
      </c>
      <c r="C32829" s="7">
        <f t="shared" si="512"/>
        <v>546.53625</v>
      </c>
      <c r="I32829" s="1"/>
    </row>
    <row r="32830" spans="1:9" x14ac:dyDescent="0.25">
      <c r="A32830" s="3">
        <v>41677.590162037035</v>
      </c>
      <c r="B32830" s="6">
        <v>546552.89999999991</v>
      </c>
      <c r="C32830" s="7">
        <f t="shared" si="512"/>
        <v>546.55289999999991</v>
      </c>
      <c r="I32830" s="1"/>
    </row>
    <row r="32831" spans="1:9" x14ac:dyDescent="0.25">
      <c r="A32831" s="3">
        <v>41677.590243055558</v>
      </c>
      <c r="B32831" s="6">
        <v>546569.54999999993</v>
      </c>
      <c r="C32831" s="7">
        <f t="shared" si="512"/>
        <v>546.56954999999994</v>
      </c>
      <c r="I32831" s="1"/>
    </row>
    <row r="32832" spans="1:9" x14ac:dyDescent="0.25">
      <c r="A32832" s="3">
        <v>41677.591493055559</v>
      </c>
      <c r="B32832" s="6">
        <v>546586.19999999995</v>
      </c>
      <c r="C32832" s="7">
        <f t="shared" si="512"/>
        <v>546.58619999999996</v>
      </c>
      <c r="I32832" s="1"/>
    </row>
    <row r="32833" spans="1:9" x14ac:dyDescent="0.25">
      <c r="A32833" s="3">
        <v>41677.59171296296</v>
      </c>
      <c r="B32833" s="6">
        <v>546602.85</v>
      </c>
      <c r="C32833" s="7">
        <f t="shared" si="512"/>
        <v>546.60284999999999</v>
      </c>
      <c r="I32833" s="1"/>
    </row>
    <row r="32834" spans="1:9" x14ac:dyDescent="0.25">
      <c r="A32834" s="3">
        <v>41677.59238425926</v>
      </c>
      <c r="B32834" s="6">
        <v>546619.5</v>
      </c>
      <c r="C32834" s="7">
        <f t="shared" si="512"/>
        <v>546.61950000000002</v>
      </c>
      <c r="I32834" s="1"/>
    </row>
    <row r="32835" spans="1:9" x14ac:dyDescent="0.25">
      <c r="A32835" s="3">
        <v>41677.592488425929</v>
      </c>
      <c r="B32835" s="6">
        <v>546636.14999999991</v>
      </c>
      <c r="C32835" s="7">
        <f t="shared" ref="C32835:C32898" si="513">B32835/1000</f>
        <v>546.63614999999993</v>
      </c>
      <c r="I32835" s="1"/>
    </row>
    <row r="32836" spans="1:9" x14ac:dyDescent="0.25">
      <c r="A32836" s="3">
        <v>41677.593263888892</v>
      </c>
      <c r="B32836" s="6">
        <v>546652.79999999993</v>
      </c>
      <c r="C32836" s="7">
        <f t="shared" si="513"/>
        <v>546.65279999999996</v>
      </c>
      <c r="I32836" s="1"/>
    </row>
    <row r="32837" spans="1:9" x14ac:dyDescent="0.25">
      <c r="A32837" s="3">
        <v>41677.593344907407</v>
      </c>
      <c r="B32837" s="6">
        <v>546669.44999999995</v>
      </c>
      <c r="C32837" s="7">
        <f t="shared" si="513"/>
        <v>546.66944999999998</v>
      </c>
      <c r="I32837" s="1"/>
    </row>
    <row r="32838" spans="1:9" x14ac:dyDescent="0.25">
      <c r="A32838" s="3">
        <v>41677.594409722224</v>
      </c>
      <c r="B32838" s="6">
        <v>546686.1</v>
      </c>
      <c r="C32838" s="7">
        <f t="shared" si="513"/>
        <v>546.68610000000001</v>
      </c>
      <c r="I32838" s="1"/>
    </row>
    <row r="32839" spans="1:9" x14ac:dyDescent="0.25">
      <c r="A32839" s="3">
        <v>41677.594490740739</v>
      </c>
      <c r="B32839" s="6">
        <v>546702.75</v>
      </c>
      <c r="C32839" s="7">
        <f t="shared" si="513"/>
        <v>546.70275000000004</v>
      </c>
      <c r="I32839" s="1"/>
    </row>
    <row r="32840" spans="1:9" x14ac:dyDescent="0.25">
      <c r="A32840" s="3">
        <v>41677.594918981478</v>
      </c>
      <c r="B32840" s="6">
        <v>546719.39999999991</v>
      </c>
      <c r="C32840" s="7">
        <f t="shared" si="513"/>
        <v>546.71939999999995</v>
      </c>
      <c r="I32840" s="1"/>
    </row>
    <row r="32841" spans="1:9" x14ac:dyDescent="0.25">
      <c r="A32841" s="3">
        <v>41677.594976851855</v>
      </c>
      <c r="B32841" s="6">
        <v>546736.04999999993</v>
      </c>
      <c r="C32841" s="7">
        <f t="shared" si="513"/>
        <v>546.73604999999998</v>
      </c>
      <c r="I32841" s="1"/>
    </row>
    <row r="32842" spans="1:9" x14ac:dyDescent="0.25">
      <c r="A32842" s="3">
        <v>41677.595462962963</v>
      </c>
      <c r="B32842" s="6">
        <v>546752.69999999995</v>
      </c>
      <c r="C32842" s="7">
        <f t="shared" si="513"/>
        <v>546.7527</v>
      </c>
      <c r="I32842" s="1"/>
    </row>
    <row r="32843" spans="1:9" x14ac:dyDescent="0.25">
      <c r="A32843" s="3">
        <v>41677.595532407409</v>
      </c>
      <c r="B32843" s="6">
        <v>546769.35</v>
      </c>
      <c r="C32843" s="7">
        <f t="shared" si="513"/>
        <v>546.76935000000003</v>
      </c>
      <c r="I32843" s="1"/>
    </row>
    <row r="32844" spans="1:9" x14ac:dyDescent="0.25">
      <c r="A32844" s="3">
        <v>41677.596018518518</v>
      </c>
      <c r="B32844" s="6">
        <v>546786</v>
      </c>
      <c r="C32844" s="7">
        <f t="shared" si="513"/>
        <v>546.78599999999994</v>
      </c>
      <c r="I32844" s="1"/>
    </row>
    <row r="32845" spans="1:9" x14ac:dyDescent="0.25">
      <c r="A32845" s="3">
        <v>41677.596064814818</v>
      </c>
      <c r="B32845" s="6">
        <v>546802.64999999991</v>
      </c>
      <c r="C32845" s="7">
        <f t="shared" si="513"/>
        <v>546.80264999999986</v>
      </c>
      <c r="I32845" s="1"/>
    </row>
    <row r="32846" spans="1:9" x14ac:dyDescent="0.25">
      <c r="A32846" s="3">
        <v>41677.59642361111</v>
      </c>
      <c r="B32846" s="6">
        <v>546819.29999999993</v>
      </c>
      <c r="C32846" s="7">
        <f t="shared" si="513"/>
        <v>546.81929999999988</v>
      </c>
      <c r="I32846" s="1"/>
    </row>
    <row r="32847" spans="1:9" x14ac:dyDescent="0.25">
      <c r="A32847" s="3">
        <v>41677.59646990741</v>
      </c>
      <c r="B32847" s="6">
        <v>546835.94999999995</v>
      </c>
      <c r="C32847" s="7">
        <f t="shared" si="513"/>
        <v>546.83594999999991</v>
      </c>
      <c r="I32847" s="1"/>
    </row>
    <row r="32848" spans="1:9" x14ac:dyDescent="0.25">
      <c r="A32848" s="3">
        <v>41677.59679398148</v>
      </c>
      <c r="B32848" s="6">
        <v>546852.6</v>
      </c>
      <c r="C32848" s="7">
        <f t="shared" si="513"/>
        <v>546.85259999999994</v>
      </c>
      <c r="I32848" s="1"/>
    </row>
    <row r="32849" spans="1:9" x14ac:dyDescent="0.25">
      <c r="A32849" s="3">
        <v>41677.59684027778</v>
      </c>
      <c r="B32849" s="6">
        <v>546869.25</v>
      </c>
      <c r="C32849" s="7">
        <f t="shared" si="513"/>
        <v>546.86924999999997</v>
      </c>
      <c r="I32849" s="1"/>
    </row>
    <row r="32850" spans="1:9" x14ac:dyDescent="0.25">
      <c r="A32850" s="3">
        <v>41677.597233796296</v>
      </c>
      <c r="B32850" s="6">
        <v>546885.89999999991</v>
      </c>
      <c r="C32850" s="7">
        <f t="shared" si="513"/>
        <v>546.88589999999988</v>
      </c>
      <c r="I32850" s="1"/>
    </row>
    <row r="32851" spans="1:9" x14ac:dyDescent="0.25">
      <c r="A32851" s="3">
        <v>41677.597291666665</v>
      </c>
      <c r="B32851" s="6">
        <v>546902.54999999993</v>
      </c>
      <c r="C32851" s="7">
        <f t="shared" si="513"/>
        <v>546.90254999999991</v>
      </c>
      <c r="I32851" s="1"/>
    </row>
    <row r="32852" spans="1:9" x14ac:dyDescent="0.25">
      <c r="A32852" s="3">
        <v>41677.598483796297</v>
      </c>
      <c r="B32852" s="6">
        <v>546919.19999999995</v>
      </c>
      <c r="C32852" s="7">
        <f t="shared" si="513"/>
        <v>546.91919999999993</v>
      </c>
      <c r="I32852" s="1"/>
    </row>
    <row r="32853" spans="1:9" x14ac:dyDescent="0.25">
      <c r="A32853" s="3">
        <v>41677.598611111112</v>
      </c>
      <c r="B32853" s="6">
        <v>546935.85</v>
      </c>
      <c r="C32853" s="7">
        <f t="shared" si="513"/>
        <v>546.93584999999996</v>
      </c>
      <c r="I32853" s="1"/>
    </row>
    <row r="32854" spans="1:9" x14ac:dyDescent="0.25">
      <c r="A32854" s="3">
        <v>41677.600266203706</v>
      </c>
      <c r="B32854" s="6">
        <v>546952.5</v>
      </c>
      <c r="C32854" s="7">
        <f t="shared" si="513"/>
        <v>546.95249999999999</v>
      </c>
      <c r="I32854" s="1"/>
    </row>
    <row r="32855" spans="1:9" x14ac:dyDescent="0.25">
      <c r="A32855" s="3">
        <v>41677.600393518522</v>
      </c>
      <c r="B32855" s="6">
        <v>546969.14999999991</v>
      </c>
      <c r="C32855" s="7">
        <f t="shared" si="513"/>
        <v>546.9691499999999</v>
      </c>
      <c r="I32855" s="1"/>
    </row>
    <row r="32856" spans="1:9" x14ac:dyDescent="0.25">
      <c r="A32856" s="3">
        <v>41677.601944444446</v>
      </c>
      <c r="B32856" s="6">
        <v>546985.79999999993</v>
      </c>
      <c r="C32856" s="7">
        <f t="shared" si="513"/>
        <v>546.98579999999993</v>
      </c>
      <c r="I32856" s="1"/>
    </row>
    <row r="32857" spans="1:9" x14ac:dyDescent="0.25">
      <c r="A32857" s="3">
        <v>41677.602060185185</v>
      </c>
      <c r="B32857" s="6">
        <v>547002.44999999995</v>
      </c>
      <c r="C32857" s="7">
        <f t="shared" si="513"/>
        <v>547.00244999999995</v>
      </c>
      <c r="I32857" s="1"/>
    </row>
    <row r="32858" spans="1:9" x14ac:dyDescent="0.25">
      <c r="A32858" s="3">
        <v>41677.603032407409</v>
      </c>
      <c r="B32858" s="6">
        <v>547019.1</v>
      </c>
      <c r="C32858" s="7">
        <f t="shared" si="513"/>
        <v>547.01909999999998</v>
      </c>
      <c r="I32858" s="1"/>
    </row>
    <row r="32859" spans="1:9" x14ac:dyDescent="0.25">
      <c r="A32859" s="3">
        <v>41677.603078703702</v>
      </c>
      <c r="B32859" s="6">
        <v>547035.75</v>
      </c>
      <c r="C32859" s="7">
        <f t="shared" si="513"/>
        <v>547.03575000000001</v>
      </c>
      <c r="I32859" s="1"/>
    </row>
    <row r="32860" spans="1:9" x14ac:dyDescent="0.25">
      <c r="A32860" s="3">
        <v>41677.603668981479</v>
      </c>
      <c r="B32860" s="6">
        <v>547052.39999999991</v>
      </c>
      <c r="C32860" s="7">
        <f t="shared" si="513"/>
        <v>547.05239999999992</v>
      </c>
      <c r="I32860" s="1"/>
    </row>
    <row r="32861" spans="1:9" x14ac:dyDescent="0.25">
      <c r="A32861" s="3">
        <v>41677.603761574072</v>
      </c>
      <c r="B32861" s="6">
        <v>547069.04999999993</v>
      </c>
      <c r="C32861" s="7">
        <f t="shared" si="513"/>
        <v>547.06904999999995</v>
      </c>
      <c r="I32861" s="1"/>
    </row>
    <row r="32862" spans="1:9" x14ac:dyDescent="0.25">
      <c r="A32862" s="3">
        <v>41677.604826388888</v>
      </c>
      <c r="B32862" s="6">
        <v>547085.69999999995</v>
      </c>
      <c r="C32862" s="7">
        <f t="shared" si="513"/>
        <v>547.08569999999997</v>
      </c>
      <c r="I32862" s="1"/>
    </row>
    <row r="32863" spans="1:9" x14ac:dyDescent="0.25">
      <c r="A32863" s="3">
        <v>41677.604895833334</v>
      </c>
      <c r="B32863" s="6">
        <v>547102.35</v>
      </c>
      <c r="C32863" s="7">
        <f t="shared" si="513"/>
        <v>547.10235</v>
      </c>
      <c r="I32863" s="1"/>
    </row>
    <row r="32864" spans="1:9" x14ac:dyDescent="0.25">
      <c r="A32864" s="3">
        <v>41677.606122685182</v>
      </c>
      <c r="B32864" s="6">
        <v>547119</v>
      </c>
      <c r="C32864" s="7">
        <f t="shared" si="513"/>
        <v>547.11900000000003</v>
      </c>
      <c r="I32864" s="1"/>
    </row>
    <row r="32865" spans="1:9" x14ac:dyDescent="0.25">
      <c r="A32865" s="3">
        <v>41677.606469907405</v>
      </c>
      <c r="B32865" s="6">
        <v>547135.64999999991</v>
      </c>
      <c r="C32865" s="7">
        <f t="shared" si="513"/>
        <v>547.13564999999994</v>
      </c>
      <c r="I32865" s="1"/>
    </row>
    <row r="32866" spans="1:9" x14ac:dyDescent="0.25">
      <c r="A32866" s="3">
        <v>41677.607187499998</v>
      </c>
      <c r="B32866" s="6">
        <v>547152.29999999993</v>
      </c>
      <c r="C32866" s="7">
        <f t="shared" si="513"/>
        <v>547.15229999999997</v>
      </c>
      <c r="I32866" s="1"/>
    </row>
    <row r="32867" spans="1:9" x14ac:dyDescent="0.25">
      <c r="A32867" s="3">
        <v>41677.607268518521</v>
      </c>
      <c r="B32867" s="6">
        <v>547168.94999999995</v>
      </c>
      <c r="C32867" s="7">
        <f t="shared" si="513"/>
        <v>547.16895</v>
      </c>
      <c r="I32867" s="1"/>
    </row>
    <row r="32868" spans="1:9" x14ac:dyDescent="0.25">
      <c r="A32868" s="3">
        <v>41677.607835648145</v>
      </c>
      <c r="B32868" s="6">
        <v>547185.6</v>
      </c>
      <c r="C32868" s="7">
        <f t="shared" si="513"/>
        <v>547.18560000000002</v>
      </c>
      <c r="I32868" s="1"/>
    </row>
    <row r="32869" spans="1:9" x14ac:dyDescent="0.25">
      <c r="A32869" s="3">
        <v>41677.607916666668</v>
      </c>
      <c r="B32869" s="6">
        <v>547202.25</v>
      </c>
      <c r="C32869" s="7">
        <f t="shared" si="513"/>
        <v>547.20225000000005</v>
      </c>
      <c r="I32869" s="1"/>
    </row>
    <row r="32870" spans="1:9" x14ac:dyDescent="0.25">
      <c r="A32870" s="3">
        <v>41677.610127314816</v>
      </c>
      <c r="B32870" s="6">
        <v>547218.89999999991</v>
      </c>
      <c r="C32870" s="7">
        <f t="shared" si="513"/>
        <v>547.21889999999996</v>
      </c>
      <c r="I32870" s="1"/>
    </row>
    <row r="32871" spans="1:9" x14ac:dyDescent="0.25">
      <c r="A32871" s="3">
        <v>41677.610243055555</v>
      </c>
      <c r="B32871" s="6">
        <v>547235.54999999993</v>
      </c>
      <c r="C32871" s="7">
        <f t="shared" si="513"/>
        <v>547.23554999999988</v>
      </c>
      <c r="I32871" s="1"/>
    </row>
    <row r="32872" spans="1:9" x14ac:dyDescent="0.25">
      <c r="A32872" s="3">
        <v>41677.611435185187</v>
      </c>
      <c r="B32872" s="6">
        <v>547252.19999999995</v>
      </c>
      <c r="C32872" s="7">
        <f t="shared" si="513"/>
        <v>547.2521999999999</v>
      </c>
      <c r="I32872" s="1"/>
    </row>
    <row r="32873" spans="1:9" x14ac:dyDescent="0.25">
      <c r="A32873" s="3">
        <v>41677.611516203702</v>
      </c>
      <c r="B32873" s="6">
        <v>547268.85</v>
      </c>
      <c r="C32873" s="7">
        <f t="shared" si="513"/>
        <v>547.26884999999993</v>
      </c>
      <c r="I32873" s="1"/>
    </row>
    <row r="32874" spans="1:9" x14ac:dyDescent="0.25">
      <c r="A32874" s="3">
        <v>41677.612488425926</v>
      </c>
      <c r="B32874" s="6">
        <v>547285.5</v>
      </c>
      <c r="C32874" s="7">
        <f t="shared" si="513"/>
        <v>547.28549999999996</v>
      </c>
      <c r="I32874" s="1"/>
    </row>
    <row r="32875" spans="1:9" x14ac:dyDescent="0.25">
      <c r="A32875" s="3">
        <v>41677.612569444442</v>
      </c>
      <c r="B32875" s="6">
        <v>547302.14999999991</v>
      </c>
      <c r="C32875" s="7">
        <f t="shared" si="513"/>
        <v>547.30214999999987</v>
      </c>
      <c r="I32875" s="1"/>
    </row>
    <row r="32876" spans="1:9" x14ac:dyDescent="0.25">
      <c r="A32876" s="3">
        <v>41677.613252314812</v>
      </c>
      <c r="B32876" s="6">
        <v>547318.79999999993</v>
      </c>
      <c r="C32876" s="7">
        <f t="shared" si="513"/>
        <v>547.3187999999999</v>
      </c>
      <c r="I32876" s="1"/>
    </row>
    <row r="32877" spans="1:9" x14ac:dyDescent="0.25">
      <c r="A32877" s="3">
        <v>41677.613344907404</v>
      </c>
      <c r="B32877" s="6">
        <v>547335.44999999995</v>
      </c>
      <c r="C32877" s="7">
        <f t="shared" si="513"/>
        <v>547.33544999999992</v>
      </c>
      <c r="I32877" s="1"/>
    </row>
    <row r="32878" spans="1:9" x14ac:dyDescent="0.25">
      <c r="A32878" s="3">
        <v>41677.614074074074</v>
      </c>
      <c r="B32878" s="6">
        <v>547352.1</v>
      </c>
      <c r="C32878" s="7">
        <f t="shared" si="513"/>
        <v>547.35209999999995</v>
      </c>
      <c r="I32878" s="1"/>
    </row>
    <row r="32879" spans="1:9" x14ac:dyDescent="0.25">
      <c r="A32879" s="3">
        <v>41677.61414351852</v>
      </c>
      <c r="B32879" s="6">
        <v>547368.75</v>
      </c>
      <c r="C32879" s="7">
        <f t="shared" si="513"/>
        <v>547.36874999999998</v>
      </c>
      <c r="I32879" s="1"/>
    </row>
    <row r="32880" spans="1:9" x14ac:dyDescent="0.25">
      <c r="A32880" s="3">
        <v>41677.615810185183</v>
      </c>
      <c r="B32880" s="6">
        <v>547385.39999999991</v>
      </c>
      <c r="C32880" s="7">
        <f t="shared" si="513"/>
        <v>547.38539999999989</v>
      </c>
      <c r="I32880" s="1"/>
    </row>
    <row r="32881" spans="1:9" x14ac:dyDescent="0.25">
      <c r="A32881" s="3">
        <v>41677.617743055554</v>
      </c>
      <c r="B32881" s="6">
        <v>547402.04999999993</v>
      </c>
      <c r="C32881" s="7">
        <f t="shared" si="513"/>
        <v>547.40204999999992</v>
      </c>
      <c r="I32881" s="1"/>
    </row>
    <row r="32882" spans="1:9" x14ac:dyDescent="0.25">
      <c r="A32882" s="3">
        <v>41677.620671296296</v>
      </c>
      <c r="B32882" s="6">
        <v>547418.69999999995</v>
      </c>
      <c r="C32882" s="7">
        <f t="shared" si="513"/>
        <v>547.41869999999994</v>
      </c>
      <c r="I32882" s="1"/>
    </row>
    <row r="32883" spans="1:9" x14ac:dyDescent="0.25">
      <c r="A32883" s="3">
        <v>41677.620740740742</v>
      </c>
      <c r="B32883" s="6">
        <v>547435.35</v>
      </c>
      <c r="C32883" s="7">
        <f t="shared" si="513"/>
        <v>547.43534999999997</v>
      </c>
      <c r="I32883" s="1"/>
    </row>
    <row r="32884" spans="1:9" x14ac:dyDescent="0.25">
      <c r="A32884" s="3">
        <v>41677.621400462966</v>
      </c>
      <c r="B32884" s="6">
        <v>547452</v>
      </c>
      <c r="C32884" s="7">
        <f t="shared" si="513"/>
        <v>547.452</v>
      </c>
      <c r="I32884" s="1"/>
    </row>
    <row r="32885" spans="1:9" x14ac:dyDescent="0.25">
      <c r="A32885" s="3">
        <v>41677.621481481481</v>
      </c>
      <c r="B32885" s="6">
        <v>547468.64999999991</v>
      </c>
      <c r="C32885" s="7">
        <f t="shared" si="513"/>
        <v>547.46864999999991</v>
      </c>
      <c r="I32885" s="1"/>
    </row>
    <row r="32886" spans="1:9" x14ac:dyDescent="0.25">
      <c r="A32886" s="3">
        <v>41677.622928240744</v>
      </c>
      <c r="B32886" s="6">
        <v>547485.29999999993</v>
      </c>
      <c r="C32886" s="7">
        <f t="shared" si="513"/>
        <v>547.48529999999994</v>
      </c>
      <c r="I32886" s="1"/>
    </row>
    <row r="32887" spans="1:9" x14ac:dyDescent="0.25">
      <c r="A32887" s="3">
        <v>41677.623136574075</v>
      </c>
      <c r="B32887" s="6">
        <v>547501.94999999995</v>
      </c>
      <c r="C32887" s="7">
        <f t="shared" si="513"/>
        <v>547.50194999999997</v>
      </c>
      <c r="I32887" s="1"/>
    </row>
    <row r="32888" spans="1:9" x14ac:dyDescent="0.25">
      <c r="A32888" s="3">
        <v>41677.628483796296</v>
      </c>
      <c r="B32888" s="6">
        <v>547518.6</v>
      </c>
      <c r="C32888" s="7">
        <f t="shared" si="513"/>
        <v>547.51859999999999</v>
      </c>
      <c r="I32888" s="1"/>
    </row>
    <row r="32889" spans="1:9" x14ac:dyDescent="0.25">
      <c r="A32889" s="3">
        <v>41677.628587962965</v>
      </c>
      <c r="B32889" s="6">
        <v>547535.25</v>
      </c>
      <c r="C32889" s="7">
        <f t="shared" si="513"/>
        <v>547.53525000000002</v>
      </c>
      <c r="I32889" s="1"/>
    </row>
    <row r="32890" spans="1:9" x14ac:dyDescent="0.25">
      <c r="A32890" s="3">
        <v>41677.629907407405</v>
      </c>
      <c r="B32890" s="6">
        <v>547551.89999999991</v>
      </c>
      <c r="C32890" s="7">
        <f t="shared" si="513"/>
        <v>547.55189999999993</v>
      </c>
      <c r="I32890" s="1"/>
    </row>
    <row r="32891" spans="1:9" x14ac:dyDescent="0.25">
      <c r="A32891" s="3">
        <v>41677.630023148151</v>
      </c>
      <c r="B32891" s="6">
        <v>547568.54999999993</v>
      </c>
      <c r="C32891" s="7">
        <f t="shared" si="513"/>
        <v>547.56854999999996</v>
      </c>
      <c r="I32891" s="1"/>
    </row>
    <row r="32892" spans="1:9" x14ac:dyDescent="0.25">
      <c r="A32892" s="3">
        <v>41677.630972222221</v>
      </c>
      <c r="B32892" s="6">
        <v>547585.19999999995</v>
      </c>
      <c r="C32892" s="7">
        <f t="shared" si="513"/>
        <v>547.58519999999999</v>
      </c>
      <c r="I32892" s="1"/>
    </row>
    <row r="32893" spans="1:9" x14ac:dyDescent="0.25">
      <c r="A32893" s="3">
        <v>41677.631331018521</v>
      </c>
      <c r="B32893" s="6">
        <v>547601.85</v>
      </c>
      <c r="C32893" s="7">
        <f t="shared" si="513"/>
        <v>547.60185000000001</v>
      </c>
      <c r="I32893" s="1"/>
    </row>
    <row r="32894" spans="1:9" x14ac:dyDescent="0.25">
      <c r="A32894" s="3">
        <v>41677.632314814815</v>
      </c>
      <c r="B32894" s="6">
        <v>547618.5</v>
      </c>
      <c r="C32894" s="7">
        <f t="shared" si="513"/>
        <v>547.61850000000004</v>
      </c>
      <c r="I32894" s="1"/>
    </row>
    <row r="32895" spans="1:9" x14ac:dyDescent="0.25">
      <c r="A32895" s="3">
        <v>41677.632418981484</v>
      </c>
      <c r="B32895" s="6">
        <v>547635.14999999991</v>
      </c>
      <c r="C32895" s="7">
        <f t="shared" si="513"/>
        <v>547.63514999999995</v>
      </c>
      <c r="I32895" s="1"/>
    </row>
    <row r="32896" spans="1:9" x14ac:dyDescent="0.25">
      <c r="A32896" s="3">
        <v>41677.633657407408</v>
      </c>
      <c r="B32896" s="6">
        <v>547651.79999999993</v>
      </c>
      <c r="C32896" s="7">
        <f t="shared" si="513"/>
        <v>547.65179999999998</v>
      </c>
      <c r="I32896" s="1"/>
    </row>
    <row r="32897" spans="1:9" x14ac:dyDescent="0.25">
      <c r="A32897" s="3">
        <v>41677.633784722224</v>
      </c>
      <c r="B32897" s="6">
        <v>547668.44999999995</v>
      </c>
      <c r="C32897" s="7">
        <f t="shared" si="513"/>
        <v>547.66845000000001</v>
      </c>
      <c r="I32897" s="1"/>
    </row>
    <row r="32898" spans="1:9" x14ac:dyDescent="0.25">
      <c r="A32898" s="3">
        <v>41677.635196759256</v>
      </c>
      <c r="B32898" s="6">
        <v>547685.1</v>
      </c>
      <c r="C32898" s="7">
        <f t="shared" si="513"/>
        <v>547.68509999999992</v>
      </c>
      <c r="I32898" s="1"/>
    </row>
    <row r="32899" spans="1:9" x14ac:dyDescent="0.25">
      <c r="A32899" s="3">
        <v>41677.636087962965</v>
      </c>
      <c r="B32899" s="6">
        <v>547701.75</v>
      </c>
      <c r="C32899" s="7">
        <f t="shared" ref="C32899:C32962" si="514">B32899/1000</f>
        <v>547.70174999999995</v>
      </c>
      <c r="I32899" s="1"/>
    </row>
    <row r="32900" spans="1:9" x14ac:dyDescent="0.25">
      <c r="A32900" s="3">
        <v>41677.641979166663</v>
      </c>
      <c r="B32900" s="6">
        <v>547718.39999999991</v>
      </c>
      <c r="C32900" s="7">
        <f t="shared" si="514"/>
        <v>547.71839999999986</v>
      </c>
      <c r="I32900" s="1"/>
    </row>
    <row r="32901" spans="1:9" x14ac:dyDescent="0.25">
      <c r="A32901" s="3">
        <v>41677.642060185186</v>
      </c>
      <c r="B32901" s="6">
        <v>547735.04999999993</v>
      </c>
      <c r="C32901" s="7">
        <f t="shared" si="514"/>
        <v>547.73504999999989</v>
      </c>
      <c r="I32901" s="1"/>
    </row>
    <row r="32902" spans="1:9" x14ac:dyDescent="0.25">
      <c r="A32902" s="3">
        <v>41677.649108796293</v>
      </c>
      <c r="B32902" s="6">
        <v>547751.69999999995</v>
      </c>
      <c r="C32902" s="7">
        <f t="shared" si="514"/>
        <v>547.75169999999991</v>
      </c>
      <c r="I32902" s="1"/>
    </row>
    <row r="32903" spans="1:9" x14ac:dyDescent="0.25">
      <c r="A32903" s="3">
        <v>41677.651817129627</v>
      </c>
      <c r="B32903" s="6">
        <v>547768.35</v>
      </c>
      <c r="C32903" s="7">
        <f t="shared" si="514"/>
        <v>547.76834999999994</v>
      </c>
      <c r="I32903" s="1"/>
    </row>
    <row r="32904" spans="1:9" x14ac:dyDescent="0.25">
      <c r="A32904" s="3">
        <v>41677.65353009259</v>
      </c>
      <c r="B32904" s="6">
        <v>547785</v>
      </c>
      <c r="C32904" s="7">
        <f t="shared" si="514"/>
        <v>547.78499999999997</v>
      </c>
      <c r="I32904" s="1"/>
    </row>
    <row r="32905" spans="1:9" x14ac:dyDescent="0.25">
      <c r="A32905" s="3">
        <v>41677.653645833336</v>
      </c>
      <c r="B32905" s="6">
        <v>547801.64999999991</v>
      </c>
      <c r="C32905" s="7">
        <f t="shared" si="514"/>
        <v>547.80164999999988</v>
      </c>
      <c r="I32905" s="1"/>
    </row>
    <row r="32906" spans="1:9" x14ac:dyDescent="0.25">
      <c r="A32906" s="3">
        <v>41677.660196759258</v>
      </c>
      <c r="B32906" s="6">
        <v>547818.29999999993</v>
      </c>
      <c r="C32906" s="7">
        <f t="shared" si="514"/>
        <v>547.81829999999991</v>
      </c>
      <c r="I32906" s="1"/>
    </row>
    <row r="32907" spans="1:9" x14ac:dyDescent="0.25">
      <c r="A32907" s="3">
        <v>41677.660416666666</v>
      </c>
      <c r="B32907" s="6">
        <v>547834.94999999995</v>
      </c>
      <c r="C32907" s="7">
        <f t="shared" si="514"/>
        <v>547.83494999999994</v>
      </c>
      <c r="I32907" s="1"/>
    </row>
    <row r="32908" spans="1:9" x14ac:dyDescent="0.25">
      <c r="A32908" s="3">
        <v>41677.668298611112</v>
      </c>
      <c r="B32908" s="6">
        <v>547851.6</v>
      </c>
      <c r="C32908" s="7">
        <f t="shared" si="514"/>
        <v>547.85159999999996</v>
      </c>
      <c r="I32908" s="1"/>
    </row>
    <row r="32909" spans="1:9" x14ac:dyDescent="0.25">
      <c r="A32909" s="3">
        <v>41677.668391203704</v>
      </c>
      <c r="B32909" s="6">
        <v>547868.25</v>
      </c>
      <c r="C32909" s="7">
        <f t="shared" si="514"/>
        <v>547.86824999999999</v>
      </c>
      <c r="I32909" s="1"/>
    </row>
    <row r="32910" spans="1:9" x14ac:dyDescent="0.25">
      <c r="A32910" s="3">
        <v>41677.671724537038</v>
      </c>
      <c r="B32910" s="6">
        <v>547884.89999999991</v>
      </c>
      <c r="C32910" s="7">
        <f t="shared" si="514"/>
        <v>547.8848999999999</v>
      </c>
      <c r="I32910" s="1"/>
    </row>
    <row r="32911" spans="1:9" x14ac:dyDescent="0.25">
      <c r="A32911" s="3">
        <v>41677.6718287037</v>
      </c>
      <c r="B32911" s="6">
        <v>547901.54999999993</v>
      </c>
      <c r="C32911" s="7">
        <f t="shared" si="514"/>
        <v>547.90154999999993</v>
      </c>
      <c r="I32911" s="1"/>
    </row>
    <row r="32912" spans="1:9" x14ac:dyDescent="0.25">
      <c r="A32912" s="3">
        <v>41677.674537037034</v>
      </c>
      <c r="B32912" s="6">
        <v>547918.19999999995</v>
      </c>
      <c r="C32912" s="7">
        <f t="shared" si="514"/>
        <v>547.91819999999996</v>
      </c>
      <c r="I32912" s="1"/>
    </row>
    <row r="32913" spans="1:9" x14ac:dyDescent="0.25">
      <c r="A32913" s="3">
        <v>41677.674629629626</v>
      </c>
      <c r="B32913" s="6">
        <v>547934.85</v>
      </c>
      <c r="C32913" s="7">
        <f t="shared" si="514"/>
        <v>547.93484999999998</v>
      </c>
      <c r="I32913" s="1"/>
    </row>
    <row r="32914" spans="1:9" x14ac:dyDescent="0.25">
      <c r="A32914" s="3">
        <v>41677.677615740744</v>
      </c>
      <c r="B32914" s="6">
        <v>547951.5</v>
      </c>
      <c r="C32914" s="7">
        <f t="shared" si="514"/>
        <v>547.95150000000001</v>
      </c>
      <c r="I32914" s="1"/>
    </row>
    <row r="32915" spans="1:9" x14ac:dyDescent="0.25">
      <c r="A32915" s="3">
        <v>41677.677847222221</v>
      </c>
      <c r="B32915" s="6">
        <v>547968.14999999991</v>
      </c>
      <c r="C32915" s="7">
        <f t="shared" si="514"/>
        <v>547.96814999999992</v>
      </c>
      <c r="I32915" s="1"/>
    </row>
    <row r="32916" spans="1:9" x14ac:dyDescent="0.25">
      <c r="A32916" s="3">
        <v>41677.682696759257</v>
      </c>
      <c r="B32916" s="6">
        <v>547984.79999999993</v>
      </c>
      <c r="C32916" s="7">
        <f t="shared" si="514"/>
        <v>547.98479999999995</v>
      </c>
      <c r="I32916" s="1"/>
    </row>
    <row r="32917" spans="1:9" x14ac:dyDescent="0.25">
      <c r="A32917" s="3">
        <v>41677.682800925926</v>
      </c>
      <c r="B32917" s="6">
        <v>548001.44999999995</v>
      </c>
      <c r="C32917" s="7">
        <f t="shared" si="514"/>
        <v>548.00144999999998</v>
      </c>
      <c r="I32917" s="1"/>
    </row>
    <row r="32918" spans="1:9" x14ac:dyDescent="0.25">
      <c r="A32918" s="3">
        <v>41677.684027777781</v>
      </c>
      <c r="B32918" s="6">
        <v>548018.1</v>
      </c>
      <c r="C32918" s="7">
        <f t="shared" si="514"/>
        <v>548.0181</v>
      </c>
      <c r="I32918" s="1"/>
    </row>
    <row r="32919" spans="1:9" x14ac:dyDescent="0.25">
      <c r="A32919" s="3">
        <v>41677.68409722222</v>
      </c>
      <c r="B32919" s="6">
        <v>548034.75</v>
      </c>
      <c r="C32919" s="7">
        <f t="shared" si="514"/>
        <v>548.03475000000003</v>
      </c>
      <c r="I32919" s="1"/>
    </row>
    <row r="32920" spans="1:9" x14ac:dyDescent="0.25">
      <c r="A32920" s="3">
        <v>41677.684999999998</v>
      </c>
      <c r="B32920" s="6">
        <v>548051.39999999991</v>
      </c>
      <c r="C32920" s="7">
        <f t="shared" si="514"/>
        <v>548.05139999999994</v>
      </c>
      <c r="I32920" s="1"/>
    </row>
    <row r="32921" spans="1:9" x14ac:dyDescent="0.25">
      <c r="A32921" s="3">
        <v>41677.685196759259</v>
      </c>
      <c r="B32921" s="6">
        <v>548068.04999999993</v>
      </c>
      <c r="C32921" s="7">
        <f t="shared" si="514"/>
        <v>548.06804999999997</v>
      </c>
      <c r="I32921" s="1"/>
    </row>
    <row r="32922" spans="1:9" x14ac:dyDescent="0.25">
      <c r="A32922" s="3">
        <v>41677.686724537038</v>
      </c>
      <c r="B32922" s="6">
        <v>548084.69999999995</v>
      </c>
      <c r="C32922" s="7">
        <f t="shared" si="514"/>
        <v>548.0847</v>
      </c>
      <c r="I32922" s="1"/>
    </row>
    <row r="32923" spans="1:9" x14ac:dyDescent="0.25">
      <c r="A32923" s="3">
        <v>41677.686793981484</v>
      </c>
      <c r="B32923" s="6">
        <v>548101.35</v>
      </c>
      <c r="C32923" s="7">
        <f t="shared" si="514"/>
        <v>548.10135000000002</v>
      </c>
      <c r="I32923" s="1"/>
    </row>
    <row r="32924" spans="1:9" x14ac:dyDescent="0.25">
      <c r="A32924" s="3">
        <v>41677.689918981479</v>
      </c>
      <c r="B32924" s="6">
        <v>548118</v>
      </c>
      <c r="C32924" s="7">
        <f t="shared" si="514"/>
        <v>548.11800000000005</v>
      </c>
      <c r="I32924" s="1"/>
    </row>
    <row r="32925" spans="1:9" x14ac:dyDescent="0.25">
      <c r="A32925" s="3">
        <v>41677.690115740741</v>
      </c>
      <c r="B32925" s="6">
        <v>548134.64999999991</v>
      </c>
      <c r="C32925" s="7">
        <f t="shared" si="514"/>
        <v>548.13464999999985</v>
      </c>
      <c r="I32925" s="1"/>
    </row>
    <row r="32926" spans="1:9" x14ac:dyDescent="0.25">
      <c r="A32926" s="3">
        <v>41677.691284722219</v>
      </c>
      <c r="B32926" s="6">
        <v>548151.29999999993</v>
      </c>
      <c r="C32926" s="7">
        <f t="shared" si="514"/>
        <v>548.15129999999988</v>
      </c>
      <c r="I32926" s="1"/>
    </row>
    <row r="32927" spans="1:9" x14ac:dyDescent="0.25">
      <c r="A32927" s="3">
        <v>41677.691412037035</v>
      </c>
      <c r="B32927" s="6">
        <v>548167.94999999995</v>
      </c>
      <c r="C32927" s="7">
        <f t="shared" si="514"/>
        <v>548.16794999999991</v>
      </c>
      <c r="I32927" s="1"/>
    </row>
    <row r="32928" spans="1:9" x14ac:dyDescent="0.25">
      <c r="A32928" s="3">
        <v>41677.69431712963</v>
      </c>
      <c r="B32928" s="6">
        <v>548184.6</v>
      </c>
      <c r="C32928" s="7">
        <f t="shared" si="514"/>
        <v>548.18459999999993</v>
      </c>
      <c r="I32928" s="1"/>
    </row>
    <row r="32929" spans="1:9" x14ac:dyDescent="0.25">
      <c r="A32929" s="3">
        <v>41677.694386574076</v>
      </c>
      <c r="B32929" s="6">
        <v>548201.25</v>
      </c>
      <c r="C32929" s="7">
        <f t="shared" si="514"/>
        <v>548.20124999999996</v>
      </c>
      <c r="I32929" s="1"/>
    </row>
    <row r="32930" spans="1:9" x14ac:dyDescent="0.25">
      <c r="A32930" s="3">
        <v>41677.695254629631</v>
      </c>
      <c r="B32930" s="6">
        <v>548217.89999999991</v>
      </c>
      <c r="C32930" s="7">
        <f t="shared" si="514"/>
        <v>548.21789999999987</v>
      </c>
      <c r="I32930" s="1"/>
    </row>
    <row r="32931" spans="1:9" x14ac:dyDescent="0.25">
      <c r="A32931" s="3">
        <v>41677.696562500001</v>
      </c>
      <c r="B32931" s="6">
        <v>548234.54999999993</v>
      </c>
      <c r="C32931" s="7">
        <f t="shared" si="514"/>
        <v>548.2345499999999</v>
      </c>
      <c r="I32931" s="1"/>
    </row>
    <row r="32932" spans="1:9" x14ac:dyDescent="0.25">
      <c r="A32932" s="3">
        <v>41677.698900462965</v>
      </c>
      <c r="B32932" s="6">
        <v>548251.19999999995</v>
      </c>
      <c r="C32932" s="7">
        <f t="shared" si="514"/>
        <v>548.25119999999993</v>
      </c>
      <c r="I32932" s="1"/>
    </row>
    <row r="32933" spans="1:9" x14ac:dyDescent="0.25">
      <c r="A32933" s="3">
        <v>41677.698993055557</v>
      </c>
      <c r="B32933" s="6">
        <v>548267.85</v>
      </c>
      <c r="C32933" s="7">
        <f t="shared" si="514"/>
        <v>548.26784999999995</v>
      </c>
      <c r="I32933" s="1"/>
    </row>
    <row r="32934" spans="1:9" x14ac:dyDescent="0.25">
      <c r="A32934" s="3">
        <v>41677.701388888891</v>
      </c>
      <c r="B32934" s="6">
        <v>548284.5</v>
      </c>
      <c r="C32934" s="7">
        <f t="shared" si="514"/>
        <v>548.28449999999998</v>
      </c>
      <c r="I32934" s="1"/>
    </row>
    <row r="32935" spans="1:9" x14ac:dyDescent="0.25">
      <c r="A32935" s="3">
        <v>41677.701944444445</v>
      </c>
      <c r="B32935" s="6">
        <v>548301.14999999991</v>
      </c>
      <c r="C32935" s="7">
        <f t="shared" si="514"/>
        <v>548.30114999999989</v>
      </c>
      <c r="I32935" s="1"/>
    </row>
    <row r="32936" spans="1:9" x14ac:dyDescent="0.25">
      <c r="A32936" s="3">
        <v>41677.703090277777</v>
      </c>
      <c r="B32936" s="6">
        <v>548317.79999999993</v>
      </c>
      <c r="C32936" s="7">
        <f t="shared" si="514"/>
        <v>548.31779999999992</v>
      </c>
      <c r="I32936" s="1"/>
    </row>
    <row r="32937" spans="1:9" x14ac:dyDescent="0.25">
      <c r="A32937" s="3">
        <v>41677.7031712963</v>
      </c>
      <c r="B32937" s="6">
        <v>548334.44999999995</v>
      </c>
      <c r="C32937" s="7">
        <f t="shared" si="514"/>
        <v>548.33444999999995</v>
      </c>
      <c r="I32937" s="1"/>
    </row>
    <row r="32938" spans="1:9" x14ac:dyDescent="0.25">
      <c r="A32938" s="3">
        <v>41677.703738425924</v>
      </c>
      <c r="B32938" s="6">
        <v>548351.1</v>
      </c>
      <c r="C32938" s="7">
        <f t="shared" si="514"/>
        <v>548.35109999999997</v>
      </c>
      <c r="I32938" s="1"/>
    </row>
    <row r="32939" spans="1:9" x14ac:dyDescent="0.25">
      <c r="A32939" s="3">
        <v>41677.70380787037</v>
      </c>
      <c r="B32939" s="6">
        <v>548367.75</v>
      </c>
      <c r="C32939" s="7">
        <f t="shared" si="514"/>
        <v>548.36775</v>
      </c>
      <c r="I32939" s="1"/>
    </row>
    <row r="32940" spans="1:9" x14ac:dyDescent="0.25">
      <c r="A32940" s="3">
        <v>41677.708425925928</v>
      </c>
      <c r="B32940" s="6">
        <v>548384.39999999991</v>
      </c>
      <c r="C32940" s="7">
        <f t="shared" si="514"/>
        <v>548.38439999999991</v>
      </c>
      <c r="I32940" s="1"/>
    </row>
    <row r="32941" spans="1:9" x14ac:dyDescent="0.25">
      <c r="A32941" s="3">
        <v>41677.70857638889</v>
      </c>
      <c r="B32941" s="6">
        <v>548401.04999999993</v>
      </c>
      <c r="C32941" s="7">
        <f t="shared" si="514"/>
        <v>548.40104999999994</v>
      </c>
      <c r="I32941" s="1"/>
    </row>
    <row r="32942" spans="1:9" x14ac:dyDescent="0.25">
      <c r="A32942" s="3">
        <v>41677.729247685187</v>
      </c>
      <c r="B32942" s="6">
        <v>548417.69999999995</v>
      </c>
      <c r="C32942" s="7">
        <f t="shared" si="514"/>
        <v>548.41769999999997</v>
      </c>
      <c r="I32942" s="1"/>
    </row>
    <row r="32943" spans="1:9" x14ac:dyDescent="0.25">
      <c r="A32943" s="3">
        <v>41677.729363425926</v>
      </c>
      <c r="B32943" s="6">
        <v>548434.35</v>
      </c>
      <c r="C32943" s="7">
        <f t="shared" si="514"/>
        <v>548.43434999999999</v>
      </c>
      <c r="I32943" s="1"/>
    </row>
    <row r="32944" spans="1:9" x14ac:dyDescent="0.25">
      <c r="A32944" s="3">
        <v>41677.732060185182</v>
      </c>
      <c r="B32944" s="6">
        <v>548451</v>
      </c>
      <c r="C32944" s="7">
        <f t="shared" si="514"/>
        <v>548.45100000000002</v>
      </c>
      <c r="I32944" s="1"/>
    </row>
    <row r="32945" spans="1:9" x14ac:dyDescent="0.25">
      <c r="A32945" s="3">
        <v>41677.73238425926</v>
      </c>
      <c r="B32945" s="6">
        <v>548467.64999999991</v>
      </c>
      <c r="C32945" s="7">
        <f t="shared" si="514"/>
        <v>548.46764999999994</v>
      </c>
      <c r="I32945" s="1"/>
    </row>
    <row r="32946" spans="1:9" x14ac:dyDescent="0.25">
      <c r="A32946" s="3">
        <v>41677.737407407411</v>
      </c>
      <c r="B32946" s="6">
        <v>548484.29999999993</v>
      </c>
      <c r="C32946" s="7">
        <f t="shared" si="514"/>
        <v>548.48429999999996</v>
      </c>
      <c r="I32946" s="1"/>
    </row>
    <row r="32947" spans="1:9" x14ac:dyDescent="0.25">
      <c r="A32947" s="3">
        <v>41677.737581018519</v>
      </c>
      <c r="B32947" s="6">
        <v>548500.94999999995</v>
      </c>
      <c r="C32947" s="7">
        <f t="shared" si="514"/>
        <v>548.50094999999999</v>
      </c>
      <c r="I32947" s="1"/>
    </row>
    <row r="32948" spans="1:9" x14ac:dyDescent="0.25">
      <c r="A32948" s="3">
        <v>41677.75577546296</v>
      </c>
      <c r="B32948" s="6">
        <v>548517.6</v>
      </c>
      <c r="C32948" s="7">
        <f t="shared" si="514"/>
        <v>548.51760000000002</v>
      </c>
      <c r="I32948" s="1"/>
    </row>
    <row r="32949" spans="1:9" x14ac:dyDescent="0.25">
      <c r="A32949" s="3">
        <v>41677.756412037037</v>
      </c>
      <c r="B32949" s="6">
        <v>548534.25</v>
      </c>
      <c r="C32949" s="7">
        <f t="shared" si="514"/>
        <v>548.53425000000004</v>
      </c>
      <c r="I32949" s="1"/>
    </row>
    <row r="32950" spans="1:9" x14ac:dyDescent="0.25">
      <c r="A32950" s="3">
        <v>41677.76059027778</v>
      </c>
      <c r="B32950" s="6">
        <v>548550.89999999991</v>
      </c>
      <c r="C32950" s="7">
        <f t="shared" si="514"/>
        <v>548.55089999999996</v>
      </c>
      <c r="I32950" s="1"/>
    </row>
    <row r="32951" spans="1:9" x14ac:dyDescent="0.25">
      <c r="A32951" s="3">
        <v>41677.760706018518</v>
      </c>
      <c r="B32951" s="6">
        <v>548567.54999999993</v>
      </c>
      <c r="C32951" s="7">
        <f t="shared" si="514"/>
        <v>548.56754999999998</v>
      </c>
      <c r="I32951" s="1"/>
    </row>
    <row r="32952" spans="1:9" x14ac:dyDescent="0.25">
      <c r="A32952" s="3">
        <v>41677.761805555558</v>
      </c>
      <c r="B32952" s="6">
        <v>548584.19999999995</v>
      </c>
      <c r="C32952" s="7">
        <f t="shared" si="514"/>
        <v>548.58420000000001</v>
      </c>
      <c r="I32952" s="1"/>
    </row>
    <row r="32953" spans="1:9" x14ac:dyDescent="0.25">
      <c r="A32953" s="3">
        <v>41677.761944444443</v>
      </c>
      <c r="B32953" s="6">
        <v>548600.85</v>
      </c>
      <c r="C32953" s="7">
        <f t="shared" si="514"/>
        <v>548.60084999999992</v>
      </c>
      <c r="I32953" s="1"/>
    </row>
    <row r="32954" spans="1:9" x14ac:dyDescent="0.25">
      <c r="A32954" s="3">
        <v>41677.765208333331</v>
      </c>
      <c r="B32954" s="6">
        <v>548617.5</v>
      </c>
      <c r="C32954" s="7">
        <f t="shared" si="514"/>
        <v>548.61749999999995</v>
      </c>
      <c r="I32954" s="1"/>
    </row>
    <row r="32955" spans="1:9" x14ac:dyDescent="0.25">
      <c r="A32955" s="3">
        <v>41677.766898148147</v>
      </c>
      <c r="B32955" s="6">
        <v>548634.14999999991</v>
      </c>
      <c r="C32955" s="7">
        <f t="shared" si="514"/>
        <v>548.63414999999986</v>
      </c>
      <c r="I32955" s="1"/>
    </row>
    <row r="32956" spans="1:9" x14ac:dyDescent="0.25">
      <c r="A32956" s="3">
        <v>41677.77447916667</v>
      </c>
      <c r="B32956" s="6">
        <v>548650.79999999993</v>
      </c>
      <c r="C32956" s="7">
        <f t="shared" si="514"/>
        <v>548.65079999999989</v>
      </c>
      <c r="I32956" s="1"/>
    </row>
    <row r="32957" spans="1:9" x14ac:dyDescent="0.25">
      <c r="A32957" s="3">
        <v>41677.774918981479</v>
      </c>
      <c r="B32957" s="6">
        <v>548667.44999999995</v>
      </c>
      <c r="C32957" s="7">
        <f t="shared" si="514"/>
        <v>548.66744999999992</v>
      </c>
      <c r="I32957" s="1"/>
    </row>
    <row r="32958" spans="1:9" x14ac:dyDescent="0.25">
      <c r="A32958" s="3">
        <v>41677.787743055553</v>
      </c>
      <c r="B32958" s="6">
        <v>548684.1</v>
      </c>
      <c r="C32958" s="7">
        <f t="shared" si="514"/>
        <v>548.68409999999994</v>
      </c>
      <c r="I32958" s="1"/>
    </row>
    <row r="32959" spans="1:9" x14ac:dyDescent="0.25">
      <c r="A32959" s="3">
        <v>41677.787928240738</v>
      </c>
      <c r="B32959" s="6">
        <v>548700.75</v>
      </c>
      <c r="C32959" s="7">
        <f t="shared" si="514"/>
        <v>548.70074999999997</v>
      </c>
      <c r="I32959" s="1"/>
    </row>
    <row r="32960" spans="1:9" x14ac:dyDescent="0.25">
      <c r="A32960" s="3">
        <v>41677.819004629629</v>
      </c>
      <c r="B32960" s="6">
        <v>548717.39999999991</v>
      </c>
      <c r="C32960" s="7">
        <f t="shared" si="514"/>
        <v>548.71739999999988</v>
      </c>
      <c r="I32960" s="1"/>
    </row>
    <row r="32961" spans="1:9" x14ac:dyDescent="0.25">
      <c r="A32961" s="3">
        <v>41677.819467592592</v>
      </c>
      <c r="B32961" s="6">
        <v>548734.04999999993</v>
      </c>
      <c r="C32961" s="7">
        <f t="shared" si="514"/>
        <v>548.73404999999991</v>
      </c>
      <c r="I32961" s="1"/>
    </row>
    <row r="32962" spans="1:9" x14ac:dyDescent="0.25">
      <c r="A32962" s="3">
        <v>41677.821585648147</v>
      </c>
      <c r="B32962" s="6">
        <v>548750.69999999995</v>
      </c>
      <c r="C32962" s="7">
        <f t="shared" si="514"/>
        <v>548.75069999999994</v>
      </c>
      <c r="I32962" s="1"/>
    </row>
    <row r="32963" spans="1:9" x14ac:dyDescent="0.25">
      <c r="A32963" s="3">
        <v>41677.825960648152</v>
      </c>
      <c r="B32963" s="6">
        <v>548767.35</v>
      </c>
      <c r="C32963" s="7">
        <f t="shared" ref="C32963:C33026" si="515">B32963/1000</f>
        <v>548.76734999999996</v>
      </c>
      <c r="I32963" s="1"/>
    </row>
    <row r="32964" spans="1:9" x14ac:dyDescent="0.25">
      <c r="A32964" s="3">
        <v>41677.831643518519</v>
      </c>
      <c r="B32964" s="6">
        <v>548784</v>
      </c>
      <c r="C32964" s="7">
        <f t="shared" si="515"/>
        <v>548.78399999999999</v>
      </c>
      <c r="I32964" s="1"/>
    </row>
    <row r="32965" spans="1:9" x14ac:dyDescent="0.25">
      <c r="A32965" s="3">
        <v>41677.831817129627</v>
      </c>
      <c r="B32965" s="6">
        <v>548800.64999999991</v>
      </c>
      <c r="C32965" s="7">
        <f t="shared" si="515"/>
        <v>548.80064999999991</v>
      </c>
      <c r="I32965" s="1"/>
    </row>
    <row r="32966" spans="1:9" x14ac:dyDescent="0.25">
      <c r="A32966" s="3">
        <v>41677.844224537039</v>
      </c>
      <c r="B32966" s="6">
        <v>548817.29999999993</v>
      </c>
      <c r="C32966" s="7">
        <f t="shared" si="515"/>
        <v>548.81729999999993</v>
      </c>
      <c r="I32966" s="1"/>
    </row>
    <row r="32967" spans="1:9" x14ac:dyDescent="0.25">
      <c r="A32967" s="3">
        <v>41677.84443287037</v>
      </c>
      <c r="B32967" s="6">
        <v>548833.94999999995</v>
      </c>
      <c r="C32967" s="7">
        <f t="shared" si="515"/>
        <v>548.83394999999996</v>
      </c>
      <c r="I32967" s="1"/>
    </row>
    <row r="32968" spans="1:9" x14ac:dyDescent="0.25">
      <c r="A32968" s="3">
        <v>41677.855312500003</v>
      </c>
      <c r="B32968" s="6">
        <v>548850.6</v>
      </c>
      <c r="C32968" s="7">
        <f t="shared" si="515"/>
        <v>548.85059999999999</v>
      </c>
      <c r="I32968" s="1"/>
    </row>
    <row r="32969" spans="1:9" x14ac:dyDescent="0.25">
      <c r="A32969" s="3">
        <v>41677.855370370373</v>
      </c>
      <c r="B32969" s="6">
        <v>548867.25</v>
      </c>
      <c r="C32969" s="7">
        <f t="shared" si="515"/>
        <v>548.86725000000001</v>
      </c>
      <c r="I32969" s="1"/>
    </row>
    <row r="32970" spans="1:9" x14ac:dyDescent="0.25">
      <c r="A32970" s="3">
        <v>41677.860324074078</v>
      </c>
      <c r="B32970" s="6">
        <v>548883.89999999991</v>
      </c>
      <c r="C32970" s="7">
        <f t="shared" si="515"/>
        <v>548.88389999999993</v>
      </c>
      <c r="I32970" s="1"/>
    </row>
    <row r="32971" spans="1:9" x14ac:dyDescent="0.25">
      <c r="A32971" s="3">
        <v>41677.860671296294</v>
      </c>
      <c r="B32971" s="6">
        <v>548900.54999999993</v>
      </c>
      <c r="C32971" s="7">
        <f t="shared" si="515"/>
        <v>548.90054999999995</v>
      </c>
      <c r="I32971" s="1"/>
    </row>
    <row r="32972" spans="1:9" x14ac:dyDescent="0.25">
      <c r="A32972" s="3">
        <v>41677.871481481481</v>
      </c>
      <c r="B32972" s="6">
        <v>548917.19999999995</v>
      </c>
      <c r="C32972" s="7">
        <f t="shared" si="515"/>
        <v>548.91719999999998</v>
      </c>
      <c r="I32972" s="1"/>
    </row>
    <row r="32973" spans="1:9" x14ac:dyDescent="0.25">
      <c r="A32973" s="3">
        <v>41677.871851851851</v>
      </c>
      <c r="B32973" s="6">
        <v>548933.85</v>
      </c>
      <c r="C32973" s="7">
        <f t="shared" si="515"/>
        <v>548.93385000000001</v>
      </c>
      <c r="I32973" s="1"/>
    </row>
    <row r="32974" spans="1:9" x14ac:dyDescent="0.25">
      <c r="A32974" s="3">
        <v>41677.895266203705</v>
      </c>
      <c r="B32974" s="6">
        <v>548950.5</v>
      </c>
      <c r="C32974" s="7">
        <f t="shared" si="515"/>
        <v>548.95050000000003</v>
      </c>
      <c r="I32974" s="1"/>
    </row>
    <row r="32975" spans="1:9" x14ac:dyDescent="0.25">
      <c r="A32975" s="3">
        <v>41677.896041666667</v>
      </c>
      <c r="B32975" s="6">
        <v>548967.14999999991</v>
      </c>
      <c r="C32975" s="7">
        <f t="shared" si="515"/>
        <v>548.96714999999995</v>
      </c>
      <c r="I32975" s="1"/>
    </row>
    <row r="32976" spans="1:9" x14ac:dyDescent="0.25">
      <c r="A32976" s="3">
        <v>41677.998217592591</v>
      </c>
      <c r="B32976" s="6">
        <v>548983.79999999993</v>
      </c>
      <c r="C32976" s="7">
        <f t="shared" si="515"/>
        <v>548.98379999999997</v>
      </c>
      <c r="I32976" s="1"/>
    </row>
    <row r="32977" spans="1:9" x14ac:dyDescent="0.25">
      <c r="A32977" s="3">
        <v>41677.99827546296</v>
      </c>
      <c r="B32977" s="6">
        <v>549000.44999999995</v>
      </c>
      <c r="C32977" s="7">
        <f t="shared" si="515"/>
        <v>549.00045</v>
      </c>
      <c r="I32977" s="1"/>
    </row>
    <row r="32978" spans="1:9" x14ac:dyDescent="0.25">
      <c r="A32978" s="3">
        <v>41677.999236111114</v>
      </c>
      <c r="B32978" s="6">
        <v>549017.1</v>
      </c>
      <c r="C32978" s="7">
        <f t="shared" si="515"/>
        <v>549.01710000000003</v>
      </c>
      <c r="I32978" s="1"/>
    </row>
    <row r="32979" spans="1:9" x14ac:dyDescent="0.25">
      <c r="A32979" s="3">
        <v>41677.999560185184</v>
      </c>
      <c r="B32979" s="6">
        <v>549033.75</v>
      </c>
      <c r="C32979" s="7">
        <f t="shared" si="515"/>
        <v>549.03375000000005</v>
      </c>
      <c r="I32979" s="1"/>
    </row>
    <row r="32980" spans="1:9" x14ac:dyDescent="0.25">
      <c r="A32980" s="3">
        <v>41705.001712962963</v>
      </c>
      <c r="B32980" s="6">
        <v>549050.39999999991</v>
      </c>
      <c r="C32980" s="7">
        <f t="shared" si="515"/>
        <v>549.05039999999985</v>
      </c>
      <c r="I32980" s="1"/>
    </row>
    <row r="32981" spans="1:9" x14ac:dyDescent="0.25">
      <c r="A32981" s="3">
        <v>41705.001782407409</v>
      </c>
      <c r="B32981" s="6">
        <v>549067.04999999993</v>
      </c>
      <c r="C32981" s="7">
        <f t="shared" si="515"/>
        <v>549.06704999999988</v>
      </c>
      <c r="I32981" s="1"/>
    </row>
    <row r="32982" spans="1:9" x14ac:dyDescent="0.25">
      <c r="A32982" s="3">
        <v>41705.00304398148</v>
      </c>
      <c r="B32982" s="6">
        <v>549083.69999999995</v>
      </c>
      <c r="C32982" s="7">
        <f t="shared" si="515"/>
        <v>549.08369999999991</v>
      </c>
      <c r="I32982" s="1"/>
    </row>
    <row r="32983" spans="1:9" x14ac:dyDescent="0.25">
      <c r="A32983" s="3">
        <v>41705.003159722219</v>
      </c>
      <c r="B32983" s="6">
        <v>549100.35</v>
      </c>
      <c r="C32983" s="7">
        <f t="shared" si="515"/>
        <v>549.10034999999993</v>
      </c>
      <c r="I32983" s="1"/>
    </row>
    <row r="32984" spans="1:9" x14ac:dyDescent="0.25">
      <c r="A32984" s="3">
        <v>41705.004895833335</v>
      </c>
      <c r="B32984" s="6">
        <v>549117</v>
      </c>
      <c r="C32984" s="7">
        <f t="shared" si="515"/>
        <v>549.11699999999996</v>
      </c>
      <c r="I32984" s="1"/>
    </row>
    <row r="32985" spans="1:9" x14ac:dyDescent="0.25">
      <c r="A32985" s="3">
        <v>41705.004988425928</v>
      </c>
      <c r="B32985" s="6">
        <v>549133.64999999991</v>
      </c>
      <c r="C32985" s="7">
        <f t="shared" si="515"/>
        <v>549.13364999999988</v>
      </c>
      <c r="I32985" s="1"/>
    </row>
    <row r="32986" spans="1:9" x14ac:dyDescent="0.25">
      <c r="A32986" s="3">
        <v>41705.006122685183</v>
      </c>
      <c r="B32986" s="6">
        <v>549150.29999999993</v>
      </c>
      <c r="C32986" s="7">
        <f t="shared" si="515"/>
        <v>549.1502999999999</v>
      </c>
      <c r="I32986" s="1"/>
    </row>
    <row r="32987" spans="1:9" x14ac:dyDescent="0.25">
      <c r="A32987" s="3">
        <v>41705.006180555552</v>
      </c>
      <c r="B32987" s="6">
        <v>549166.94999999995</v>
      </c>
      <c r="C32987" s="7">
        <f t="shared" si="515"/>
        <v>549.16694999999993</v>
      </c>
      <c r="I32987" s="1"/>
    </row>
    <row r="32988" spans="1:9" x14ac:dyDescent="0.25">
      <c r="A32988" s="3">
        <v>41705.006886574076</v>
      </c>
      <c r="B32988" s="6">
        <v>549183.6</v>
      </c>
      <c r="C32988" s="7">
        <f t="shared" si="515"/>
        <v>549.18359999999996</v>
      </c>
      <c r="I32988" s="1"/>
    </row>
    <row r="32989" spans="1:9" x14ac:dyDescent="0.25">
      <c r="A32989" s="3">
        <v>41705.007071759261</v>
      </c>
      <c r="B32989" s="6">
        <v>549200.25</v>
      </c>
      <c r="C32989" s="7">
        <f t="shared" si="515"/>
        <v>549.20024999999998</v>
      </c>
      <c r="I32989" s="1"/>
    </row>
    <row r="32990" spans="1:9" x14ac:dyDescent="0.25">
      <c r="A32990" s="3">
        <v>41705.008009259262</v>
      </c>
      <c r="B32990" s="6">
        <v>549216.89999999991</v>
      </c>
      <c r="C32990" s="7">
        <f t="shared" si="515"/>
        <v>549.2168999999999</v>
      </c>
      <c r="I32990" s="1"/>
    </row>
    <row r="32991" spans="1:9" x14ac:dyDescent="0.25">
      <c r="A32991" s="3">
        <v>41705.008287037039</v>
      </c>
      <c r="B32991" s="6">
        <v>549233.54999999993</v>
      </c>
      <c r="C32991" s="7">
        <f t="shared" si="515"/>
        <v>549.23354999999992</v>
      </c>
      <c r="I32991" s="1"/>
    </row>
    <row r="32992" spans="1:9" x14ac:dyDescent="0.25">
      <c r="A32992" s="3">
        <v>41705.010960648149</v>
      </c>
      <c r="B32992" s="6">
        <v>549250.19999999995</v>
      </c>
      <c r="C32992" s="7">
        <f t="shared" si="515"/>
        <v>549.25019999999995</v>
      </c>
      <c r="I32992" s="1"/>
    </row>
    <row r="32993" spans="1:9" x14ac:dyDescent="0.25">
      <c r="A32993" s="3">
        <v>41705.011030092595</v>
      </c>
      <c r="B32993" s="6">
        <v>549266.85</v>
      </c>
      <c r="C32993" s="7">
        <f t="shared" si="515"/>
        <v>549.26684999999998</v>
      </c>
      <c r="I32993" s="1"/>
    </row>
    <row r="32994" spans="1:9" x14ac:dyDescent="0.25">
      <c r="A32994" s="3">
        <v>41705.011377314811</v>
      </c>
      <c r="B32994" s="6">
        <v>549283.5</v>
      </c>
      <c r="C32994" s="7">
        <f t="shared" si="515"/>
        <v>549.2835</v>
      </c>
      <c r="I32994" s="1"/>
    </row>
    <row r="32995" spans="1:9" x14ac:dyDescent="0.25">
      <c r="A32995" s="3">
        <v>41705.011423611111</v>
      </c>
      <c r="B32995" s="6">
        <v>549300.14999999991</v>
      </c>
      <c r="C32995" s="7">
        <f t="shared" si="515"/>
        <v>549.30014999999992</v>
      </c>
      <c r="I32995" s="1"/>
    </row>
    <row r="32996" spans="1:9" x14ac:dyDescent="0.25">
      <c r="A32996" s="3">
        <v>41705.012986111113</v>
      </c>
      <c r="B32996" s="6">
        <v>549316.79999999993</v>
      </c>
      <c r="C32996" s="7">
        <f t="shared" si="515"/>
        <v>549.31679999999994</v>
      </c>
      <c r="I32996" s="1"/>
    </row>
    <row r="32997" spans="1:9" x14ac:dyDescent="0.25">
      <c r="A32997" s="3">
        <v>41705.013055555559</v>
      </c>
      <c r="B32997" s="6">
        <v>549333.44999999995</v>
      </c>
      <c r="C32997" s="7">
        <f t="shared" si="515"/>
        <v>549.33344999999997</v>
      </c>
      <c r="I32997" s="1"/>
    </row>
    <row r="32998" spans="1:9" x14ac:dyDescent="0.25">
      <c r="A32998" s="3">
        <v>41705.014733796299</v>
      </c>
      <c r="B32998" s="6">
        <v>549350.1</v>
      </c>
      <c r="C32998" s="7">
        <f t="shared" si="515"/>
        <v>549.3501</v>
      </c>
      <c r="I32998" s="1"/>
    </row>
    <row r="32999" spans="1:9" x14ac:dyDescent="0.25">
      <c r="A32999" s="3">
        <v>41705.015046296299</v>
      </c>
      <c r="B32999" s="6">
        <v>549366.75</v>
      </c>
      <c r="C32999" s="7">
        <f t="shared" si="515"/>
        <v>549.36675000000002</v>
      </c>
      <c r="I32999" s="1"/>
    </row>
    <row r="33000" spans="1:9" x14ac:dyDescent="0.25">
      <c r="A33000" s="3">
        <v>41705.016284722224</v>
      </c>
      <c r="B33000" s="6">
        <v>549383.39999999991</v>
      </c>
      <c r="C33000" s="7">
        <f t="shared" si="515"/>
        <v>549.38339999999994</v>
      </c>
      <c r="I33000" s="1"/>
    </row>
    <row r="33001" spans="1:9" x14ac:dyDescent="0.25">
      <c r="A33001" s="3">
        <v>41705.016377314816</v>
      </c>
      <c r="B33001" s="6">
        <v>549400.04999999993</v>
      </c>
      <c r="C33001" s="7">
        <f t="shared" si="515"/>
        <v>549.40004999999996</v>
      </c>
      <c r="I33001" s="1"/>
    </row>
    <row r="33002" spans="1:9" x14ac:dyDescent="0.25">
      <c r="A33002" s="3">
        <v>41705.018379629626</v>
      </c>
      <c r="B33002" s="6">
        <v>549416.69999999995</v>
      </c>
      <c r="C33002" s="7">
        <f t="shared" si="515"/>
        <v>549.41669999999999</v>
      </c>
      <c r="I33002" s="1"/>
    </row>
    <row r="33003" spans="1:9" x14ac:dyDescent="0.25">
      <c r="A33003" s="3">
        <v>41705.018541666665</v>
      </c>
      <c r="B33003" s="6">
        <v>549433.35</v>
      </c>
      <c r="C33003" s="7">
        <f t="shared" si="515"/>
        <v>549.43335000000002</v>
      </c>
      <c r="I33003" s="1"/>
    </row>
    <row r="33004" spans="1:9" x14ac:dyDescent="0.25">
      <c r="A33004" s="3">
        <v>41705.020682870374</v>
      </c>
      <c r="B33004" s="6">
        <v>549450</v>
      </c>
      <c r="C33004" s="7">
        <f t="shared" si="515"/>
        <v>549.45000000000005</v>
      </c>
      <c r="I33004" s="1"/>
    </row>
    <row r="33005" spans="1:9" x14ac:dyDescent="0.25">
      <c r="A33005" s="3">
        <v>41705.02076388889</v>
      </c>
      <c r="B33005" s="6">
        <v>549466.64999999991</v>
      </c>
      <c r="C33005" s="7">
        <f t="shared" si="515"/>
        <v>549.46664999999996</v>
      </c>
      <c r="I33005" s="1"/>
    </row>
    <row r="33006" spans="1:9" x14ac:dyDescent="0.25">
      <c r="A33006" s="3">
        <v>41705.021215277775</v>
      </c>
      <c r="B33006" s="6">
        <v>549483.29999999993</v>
      </c>
      <c r="C33006" s="7">
        <f t="shared" si="515"/>
        <v>549.48329999999999</v>
      </c>
      <c r="I33006" s="1"/>
    </row>
    <row r="33007" spans="1:9" x14ac:dyDescent="0.25">
      <c r="A33007" s="3">
        <v>41705.021284722221</v>
      </c>
      <c r="B33007" s="6">
        <v>549499.94999999995</v>
      </c>
      <c r="C33007" s="7">
        <f t="shared" si="515"/>
        <v>549.4999499999999</v>
      </c>
      <c r="I33007" s="1"/>
    </row>
    <row r="33008" spans="1:9" x14ac:dyDescent="0.25">
      <c r="A33008" s="3">
        <v>41705.022280092591</v>
      </c>
      <c r="B33008" s="6">
        <v>549516.6</v>
      </c>
      <c r="C33008" s="7">
        <f t="shared" si="515"/>
        <v>549.51659999999993</v>
      </c>
      <c r="I33008" s="1"/>
    </row>
    <row r="33009" spans="1:9" x14ac:dyDescent="0.25">
      <c r="A33009" s="3">
        <v>41705.022349537037</v>
      </c>
      <c r="B33009" s="6">
        <v>549533.25</v>
      </c>
      <c r="C33009" s="7">
        <f t="shared" si="515"/>
        <v>549.53324999999995</v>
      </c>
      <c r="I33009" s="1"/>
    </row>
    <row r="33010" spans="1:9" x14ac:dyDescent="0.25">
      <c r="A33010" s="3">
        <v>41705.023252314815</v>
      </c>
      <c r="B33010" s="6">
        <v>549549.89999999991</v>
      </c>
      <c r="C33010" s="7">
        <f t="shared" si="515"/>
        <v>549.54989999999987</v>
      </c>
      <c r="I33010" s="1"/>
    </row>
    <row r="33011" spans="1:9" x14ac:dyDescent="0.25">
      <c r="A33011" s="3">
        <v>41705.023564814815</v>
      </c>
      <c r="B33011" s="6">
        <v>549566.54999999993</v>
      </c>
      <c r="C33011" s="7">
        <f t="shared" si="515"/>
        <v>549.56654999999989</v>
      </c>
      <c r="I33011" s="1"/>
    </row>
    <row r="33012" spans="1:9" x14ac:dyDescent="0.25">
      <c r="A33012" s="3">
        <v>41705.024131944447</v>
      </c>
      <c r="B33012" s="6">
        <v>549583.19999999995</v>
      </c>
      <c r="C33012" s="7">
        <f t="shared" si="515"/>
        <v>549.58319999999992</v>
      </c>
      <c r="I33012" s="1"/>
    </row>
    <row r="33013" spans="1:9" x14ac:dyDescent="0.25">
      <c r="A33013" s="3">
        <v>41705.024178240739</v>
      </c>
      <c r="B33013" s="6">
        <v>549599.85</v>
      </c>
      <c r="C33013" s="7">
        <f t="shared" si="515"/>
        <v>549.59984999999995</v>
      </c>
      <c r="I33013" s="1"/>
    </row>
    <row r="33014" spans="1:9" x14ac:dyDescent="0.25">
      <c r="A33014" s="3">
        <v>41705.024942129632</v>
      </c>
      <c r="B33014" s="6">
        <v>549616.5</v>
      </c>
      <c r="C33014" s="7">
        <f t="shared" si="515"/>
        <v>549.61649999999997</v>
      </c>
      <c r="I33014" s="1"/>
    </row>
    <row r="33015" spans="1:9" x14ac:dyDescent="0.25">
      <c r="A33015" s="3">
        <v>41705.025023148148</v>
      </c>
      <c r="B33015" s="6">
        <v>549633.14999999991</v>
      </c>
      <c r="C33015" s="7">
        <f t="shared" si="515"/>
        <v>549.63314999999989</v>
      </c>
      <c r="I33015" s="1"/>
    </row>
    <row r="33016" spans="1:9" x14ac:dyDescent="0.25">
      <c r="A33016" s="3">
        <v>41705.026342592595</v>
      </c>
      <c r="B33016" s="6">
        <v>549649.79999999993</v>
      </c>
      <c r="C33016" s="7">
        <f t="shared" si="515"/>
        <v>549.64979999999991</v>
      </c>
      <c r="I33016" s="1"/>
    </row>
    <row r="33017" spans="1:9" x14ac:dyDescent="0.25">
      <c r="A33017" s="3">
        <v>41705.026388888888</v>
      </c>
      <c r="B33017" s="6">
        <v>549666.44999999995</v>
      </c>
      <c r="C33017" s="7">
        <f t="shared" si="515"/>
        <v>549.66644999999994</v>
      </c>
      <c r="I33017" s="1"/>
    </row>
    <row r="33018" spans="1:9" x14ac:dyDescent="0.25">
      <c r="A33018" s="3">
        <v>41705.026990740742</v>
      </c>
      <c r="B33018" s="6">
        <v>549683.1</v>
      </c>
      <c r="C33018" s="7">
        <f t="shared" si="515"/>
        <v>549.68309999999997</v>
      </c>
      <c r="I33018" s="1"/>
    </row>
    <row r="33019" spans="1:9" x14ac:dyDescent="0.25">
      <c r="A33019" s="3">
        <v>41705.027037037034</v>
      </c>
      <c r="B33019" s="6">
        <v>549699.75</v>
      </c>
      <c r="C33019" s="7">
        <f t="shared" si="515"/>
        <v>549.69974999999999</v>
      </c>
      <c r="I33019" s="1"/>
    </row>
    <row r="33020" spans="1:9" x14ac:dyDescent="0.25">
      <c r="A33020" s="3">
        <v>41705.028553240743</v>
      </c>
      <c r="B33020" s="6">
        <v>549716.39999999991</v>
      </c>
      <c r="C33020" s="7">
        <f t="shared" si="515"/>
        <v>549.71639999999991</v>
      </c>
      <c r="I33020" s="1"/>
    </row>
    <row r="33021" spans="1:9" x14ac:dyDescent="0.25">
      <c r="A33021" s="3">
        <v>41705.028611111113</v>
      </c>
      <c r="B33021" s="6">
        <v>549733.04999999993</v>
      </c>
      <c r="C33021" s="7">
        <f t="shared" si="515"/>
        <v>549.73304999999993</v>
      </c>
      <c r="I33021" s="1"/>
    </row>
    <row r="33022" spans="1:9" x14ac:dyDescent="0.25">
      <c r="A33022" s="3">
        <v>41705.029444444444</v>
      </c>
      <c r="B33022" s="6">
        <v>549749.69999999995</v>
      </c>
      <c r="C33022" s="7">
        <f t="shared" si="515"/>
        <v>549.74969999999996</v>
      </c>
      <c r="I33022" s="1"/>
    </row>
    <row r="33023" spans="1:9" x14ac:dyDescent="0.25">
      <c r="A33023" s="3">
        <v>41705.029722222222</v>
      </c>
      <c r="B33023" s="6">
        <v>549766.35</v>
      </c>
      <c r="C33023" s="7">
        <f t="shared" si="515"/>
        <v>549.76634999999999</v>
      </c>
      <c r="I33023" s="1"/>
    </row>
    <row r="33024" spans="1:9" x14ac:dyDescent="0.25">
      <c r="A33024" s="3">
        <v>41705.031157407408</v>
      </c>
      <c r="B33024" s="6">
        <v>549783</v>
      </c>
      <c r="C33024" s="7">
        <f t="shared" si="515"/>
        <v>549.78300000000002</v>
      </c>
      <c r="I33024" s="1"/>
    </row>
    <row r="33025" spans="1:9" x14ac:dyDescent="0.25">
      <c r="A33025" s="3">
        <v>41705.031724537039</v>
      </c>
      <c r="B33025" s="6">
        <v>549799.64999999991</v>
      </c>
      <c r="C33025" s="7">
        <f t="shared" si="515"/>
        <v>549.79964999999993</v>
      </c>
      <c r="I33025" s="1"/>
    </row>
    <row r="33026" spans="1:9" x14ac:dyDescent="0.25">
      <c r="A33026" s="3">
        <v>41705.032395833332</v>
      </c>
      <c r="B33026" s="6">
        <v>549816.29999999993</v>
      </c>
      <c r="C33026" s="7">
        <f t="shared" si="515"/>
        <v>549.81629999999996</v>
      </c>
      <c r="I33026" s="1"/>
    </row>
    <row r="33027" spans="1:9" x14ac:dyDescent="0.25">
      <c r="A33027" s="3">
        <v>41705.032465277778</v>
      </c>
      <c r="B33027" s="6">
        <v>549832.94999999995</v>
      </c>
      <c r="C33027" s="7">
        <f t="shared" ref="C33027:C33090" si="516">B33027/1000</f>
        <v>549.83294999999998</v>
      </c>
      <c r="I33027" s="1"/>
    </row>
    <row r="33028" spans="1:9" x14ac:dyDescent="0.25">
      <c r="A33028" s="3">
        <v>41705.03334490741</v>
      </c>
      <c r="B33028" s="6">
        <v>549849.59999999998</v>
      </c>
      <c r="C33028" s="7">
        <f t="shared" si="516"/>
        <v>549.84960000000001</v>
      </c>
      <c r="I33028" s="1"/>
    </row>
    <row r="33029" spans="1:9" x14ac:dyDescent="0.25">
      <c r="A33029" s="3">
        <v>41705.033414351848</v>
      </c>
      <c r="B33029" s="6">
        <v>549866.25</v>
      </c>
      <c r="C33029" s="7">
        <f t="shared" si="516"/>
        <v>549.86625000000004</v>
      </c>
      <c r="I33029" s="1"/>
    </row>
    <row r="33030" spans="1:9" x14ac:dyDescent="0.25">
      <c r="A33030" s="3">
        <v>41705.034386574072</v>
      </c>
      <c r="B33030" s="6">
        <v>549882.89999999991</v>
      </c>
      <c r="C33030" s="7">
        <f t="shared" si="516"/>
        <v>549.88289999999995</v>
      </c>
      <c r="I33030" s="1"/>
    </row>
    <row r="33031" spans="1:9" x14ac:dyDescent="0.25">
      <c r="A33031" s="3">
        <v>41705.034456018519</v>
      </c>
      <c r="B33031" s="6">
        <v>549899.54999999993</v>
      </c>
      <c r="C33031" s="7">
        <f t="shared" si="516"/>
        <v>549.89954999999998</v>
      </c>
      <c r="I33031" s="1"/>
    </row>
    <row r="33032" spans="1:9" x14ac:dyDescent="0.25">
      <c r="A33032" s="3">
        <v>41705.035428240742</v>
      </c>
      <c r="B33032" s="6">
        <v>549916.19999999995</v>
      </c>
      <c r="C33032" s="7">
        <f t="shared" si="516"/>
        <v>549.9162</v>
      </c>
      <c r="I33032" s="1"/>
    </row>
    <row r="33033" spans="1:9" x14ac:dyDescent="0.25">
      <c r="A33033" s="3">
        <v>41705.035555555558</v>
      </c>
      <c r="B33033" s="6">
        <v>549932.85</v>
      </c>
      <c r="C33033" s="7">
        <f t="shared" si="516"/>
        <v>549.93285000000003</v>
      </c>
      <c r="I33033" s="1"/>
    </row>
    <row r="33034" spans="1:9" x14ac:dyDescent="0.25">
      <c r="A33034" s="3">
        <v>41705.036574074074</v>
      </c>
      <c r="B33034" s="6">
        <v>549949.5</v>
      </c>
      <c r="C33034" s="7">
        <f t="shared" si="516"/>
        <v>549.94949999999994</v>
      </c>
      <c r="I33034" s="1"/>
    </row>
    <row r="33035" spans="1:9" x14ac:dyDescent="0.25">
      <c r="A33035" s="3">
        <v>41705.036666666667</v>
      </c>
      <c r="B33035" s="6">
        <v>549966.14999999991</v>
      </c>
      <c r="C33035" s="7">
        <f t="shared" si="516"/>
        <v>549.96614999999986</v>
      </c>
      <c r="I33035" s="1"/>
    </row>
    <row r="33036" spans="1:9" x14ac:dyDescent="0.25">
      <c r="A33036" s="3">
        <v>41705.037430555552</v>
      </c>
      <c r="B33036" s="6">
        <v>549982.79999999993</v>
      </c>
      <c r="C33036" s="7">
        <f t="shared" si="516"/>
        <v>549.98279999999988</v>
      </c>
      <c r="I33036" s="1"/>
    </row>
    <row r="33037" spans="1:9" x14ac:dyDescent="0.25">
      <c r="A33037" s="3">
        <v>41705.037488425929</v>
      </c>
      <c r="B33037" s="6">
        <v>549999.44999999995</v>
      </c>
      <c r="C33037" s="7">
        <f t="shared" si="516"/>
        <v>549.99944999999991</v>
      </c>
      <c r="I33037" s="1"/>
    </row>
    <row r="33038" spans="1:9" x14ac:dyDescent="0.25">
      <c r="A33038" s="3">
        <v>41705.037916666668</v>
      </c>
      <c r="B33038" s="6">
        <v>550016.1</v>
      </c>
      <c r="C33038" s="7">
        <f t="shared" si="516"/>
        <v>550.01609999999994</v>
      </c>
      <c r="I33038" s="1"/>
    </row>
    <row r="33039" spans="1:9" x14ac:dyDescent="0.25">
      <c r="A33039" s="3">
        <v>41705.037986111114</v>
      </c>
      <c r="B33039" s="6">
        <v>550032.75</v>
      </c>
      <c r="C33039" s="7">
        <f t="shared" si="516"/>
        <v>550.03274999999996</v>
      </c>
      <c r="I33039" s="1"/>
    </row>
    <row r="33040" spans="1:9" x14ac:dyDescent="0.25">
      <c r="A33040" s="3">
        <v>41705.038599537038</v>
      </c>
      <c r="B33040" s="6">
        <v>550049.39999999991</v>
      </c>
      <c r="C33040" s="7">
        <f t="shared" si="516"/>
        <v>550.04939999999988</v>
      </c>
      <c r="I33040" s="1"/>
    </row>
    <row r="33041" spans="1:9" x14ac:dyDescent="0.25">
      <c r="A33041" s="3">
        <v>41705.038657407407</v>
      </c>
      <c r="B33041" s="6">
        <v>550066.04999999993</v>
      </c>
      <c r="C33041" s="7">
        <f t="shared" si="516"/>
        <v>550.0660499999999</v>
      </c>
      <c r="I33041" s="1"/>
    </row>
    <row r="33042" spans="1:9" x14ac:dyDescent="0.25">
      <c r="A33042" s="3">
        <v>41705.04011574074</v>
      </c>
      <c r="B33042" s="6">
        <v>550082.69999999995</v>
      </c>
      <c r="C33042" s="7">
        <f t="shared" si="516"/>
        <v>550.08269999999993</v>
      </c>
      <c r="I33042" s="1"/>
    </row>
    <row r="33043" spans="1:9" x14ac:dyDescent="0.25">
      <c r="A33043" s="3">
        <v>41705.040324074071</v>
      </c>
      <c r="B33043" s="6">
        <v>550099.35</v>
      </c>
      <c r="C33043" s="7">
        <f t="shared" si="516"/>
        <v>550.09934999999996</v>
      </c>
      <c r="I33043" s="1"/>
    </row>
    <row r="33044" spans="1:9" x14ac:dyDescent="0.25">
      <c r="A33044" s="3">
        <v>41705.041319444441</v>
      </c>
      <c r="B33044" s="6">
        <v>550116</v>
      </c>
      <c r="C33044" s="7">
        <f t="shared" si="516"/>
        <v>550.11599999999999</v>
      </c>
      <c r="I33044" s="1"/>
    </row>
    <row r="33045" spans="1:9" x14ac:dyDescent="0.25">
      <c r="A33045" s="3">
        <v>41705.041481481479</v>
      </c>
      <c r="B33045" s="6">
        <v>550132.64999999991</v>
      </c>
      <c r="C33045" s="7">
        <f t="shared" si="516"/>
        <v>550.1326499999999</v>
      </c>
      <c r="I33045" s="1"/>
    </row>
    <row r="33046" spans="1:9" x14ac:dyDescent="0.25">
      <c r="A33046" s="3">
        <v>41705.041817129626</v>
      </c>
      <c r="B33046" s="6">
        <v>550149.29999999993</v>
      </c>
      <c r="C33046" s="7">
        <f t="shared" si="516"/>
        <v>550.14929999999993</v>
      </c>
      <c r="I33046" s="1"/>
    </row>
    <row r="33047" spans="1:9" x14ac:dyDescent="0.25">
      <c r="A33047" s="3">
        <v>41705.041863425926</v>
      </c>
      <c r="B33047" s="6">
        <v>550165.94999999995</v>
      </c>
      <c r="C33047" s="7">
        <f t="shared" si="516"/>
        <v>550.16594999999995</v>
      </c>
      <c r="I33047" s="1"/>
    </row>
    <row r="33048" spans="1:9" x14ac:dyDescent="0.25">
      <c r="A33048" s="3">
        <v>41705.042488425926</v>
      </c>
      <c r="B33048" s="6">
        <v>550182.6</v>
      </c>
      <c r="C33048" s="7">
        <f t="shared" si="516"/>
        <v>550.18259999999998</v>
      </c>
      <c r="I33048" s="1"/>
    </row>
    <row r="33049" spans="1:9" x14ac:dyDescent="0.25">
      <c r="A33049" s="3">
        <v>41705.042546296296</v>
      </c>
      <c r="B33049" s="6">
        <v>550199.25</v>
      </c>
      <c r="C33049" s="7">
        <f t="shared" si="516"/>
        <v>550.19925000000001</v>
      </c>
      <c r="I33049" s="1"/>
    </row>
    <row r="33050" spans="1:9" x14ac:dyDescent="0.25">
      <c r="A33050" s="3">
        <v>41705.044317129628</v>
      </c>
      <c r="B33050" s="6">
        <v>550215.89999999991</v>
      </c>
      <c r="C33050" s="7">
        <f t="shared" si="516"/>
        <v>550.21589999999992</v>
      </c>
      <c r="I33050" s="1"/>
    </row>
    <row r="33051" spans="1:9" x14ac:dyDescent="0.25">
      <c r="A33051" s="3">
        <v>41705.044398148151</v>
      </c>
      <c r="B33051" s="6">
        <v>550232.54999999993</v>
      </c>
      <c r="C33051" s="7">
        <f t="shared" si="516"/>
        <v>550.23254999999995</v>
      </c>
      <c r="I33051" s="1"/>
    </row>
    <row r="33052" spans="1:9" x14ac:dyDescent="0.25">
      <c r="A33052" s="3">
        <v>41705.045636574076</v>
      </c>
      <c r="B33052" s="6">
        <v>550249.19999999995</v>
      </c>
      <c r="C33052" s="7">
        <f t="shared" si="516"/>
        <v>550.24919999999997</v>
      </c>
      <c r="I33052" s="1"/>
    </row>
    <row r="33053" spans="1:9" x14ac:dyDescent="0.25">
      <c r="A33053" s="3">
        <v>41705.045740740738</v>
      </c>
      <c r="B33053" s="6">
        <v>550265.85</v>
      </c>
      <c r="C33053" s="7">
        <f t="shared" si="516"/>
        <v>550.26585</v>
      </c>
      <c r="I33053" s="1"/>
    </row>
    <row r="33054" spans="1:9" x14ac:dyDescent="0.25">
      <c r="A33054" s="3">
        <v>41705.046157407407</v>
      </c>
      <c r="B33054" s="6">
        <v>550282.5</v>
      </c>
      <c r="C33054" s="7">
        <f t="shared" si="516"/>
        <v>550.28250000000003</v>
      </c>
      <c r="I33054" s="1"/>
    </row>
    <row r="33055" spans="1:9" x14ac:dyDescent="0.25">
      <c r="A33055" s="3">
        <v>41705.046215277776</v>
      </c>
      <c r="B33055" s="6">
        <v>550299.14999999991</v>
      </c>
      <c r="C33055" s="7">
        <f t="shared" si="516"/>
        <v>550.29914999999994</v>
      </c>
      <c r="I33055" s="1"/>
    </row>
    <row r="33056" spans="1:9" x14ac:dyDescent="0.25">
      <c r="A33056" s="3">
        <v>41705.047025462962</v>
      </c>
      <c r="B33056" s="6">
        <v>550315.79999999993</v>
      </c>
      <c r="C33056" s="7">
        <f t="shared" si="516"/>
        <v>550.31579999999997</v>
      </c>
      <c r="I33056" s="1"/>
    </row>
    <row r="33057" spans="1:9" x14ac:dyDescent="0.25">
      <c r="A33057" s="3">
        <v>41705.047372685185</v>
      </c>
      <c r="B33057" s="6">
        <v>550332.44999999995</v>
      </c>
      <c r="C33057" s="7">
        <f t="shared" si="516"/>
        <v>550.33244999999999</v>
      </c>
      <c r="I33057" s="1"/>
    </row>
    <row r="33058" spans="1:9" x14ac:dyDescent="0.25">
      <c r="A33058" s="3">
        <v>41705.047962962963</v>
      </c>
      <c r="B33058" s="6">
        <v>550349.1</v>
      </c>
      <c r="C33058" s="7">
        <f t="shared" si="516"/>
        <v>550.34910000000002</v>
      </c>
      <c r="I33058" s="1"/>
    </row>
    <row r="33059" spans="1:9" x14ac:dyDescent="0.25">
      <c r="A33059" s="3">
        <v>41705.048032407409</v>
      </c>
      <c r="B33059" s="6">
        <v>550365.75</v>
      </c>
      <c r="C33059" s="7">
        <f t="shared" si="516"/>
        <v>550.36575000000005</v>
      </c>
      <c r="I33059" s="1"/>
    </row>
    <row r="33060" spans="1:9" x14ac:dyDescent="0.25">
      <c r="A33060" s="3">
        <v>41705.048703703702</v>
      </c>
      <c r="B33060" s="6">
        <v>550382.39999999991</v>
      </c>
      <c r="C33060" s="7">
        <f t="shared" si="516"/>
        <v>550.38239999999996</v>
      </c>
      <c r="I33060" s="1"/>
    </row>
    <row r="33061" spans="1:9" x14ac:dyDescent="0.25">
      <c r="A33061" s="3">
        <v>41705.048750000002</v>
      </c>
      <c r="B33061" s="6">
        <v>550399.04999999993</v>
      </c>
      <c r="C33061" s="7">
        <f t="shared" si="516"/>
        <v>550.39904999999987</v>
      </c>
      <c r="I33061" s="1"/>
    </row>
    <row r="33062" spans="1:9" x14ac:dyDescent="0.25">
      <c r="A33062" s="3">
        <v>41705.049212962964</v>
      </c>
      <c r="B33062" s="6">
        <v>550415.69999999995</v>
      </c>
      <c r="C33062" s="7">
        <f t="shared" si="516"/>
        <v>550.4156999999999</v>
      </c>
      <c r="I33062" s="1"/>
    </row>
    <row r="33063" spans="1:9" x14ac:dyDescent="0.25">
      <c r="A33063" s="3">
        <v>41705.049270833333</v>
      </c>
      <c r="B33063" s="6">
        <v>550432.35</v>
      </c>
      <c r="C33063" s="7">
        <f t="shared" si="516"/>
        <v>550.43234999999993</v>
      </c>
      <c r="I33063" s="1"/>
    </row>
    <row r="33064" spans="1:9" x14ac:dyDescent="0.25">
      <c r="A33064" s="3">
        <v>41705.049710648149</v>
      </c>
      <c r="B33064" s="6">
        <v>550449</v>
      </c>
      <c r="C33064" s="7">
        <f t="shared" si="516"/>
        <v>550.44899999999996</v>
      </c>
      <c r="I33064" s="1"/>
    </row>
    <row r="33065" spans="1:9" x14ac:dyDescent="0.25">
      <c r="A33065" s="3">
        <v>41705.049745370372</v>
      </c>
      <c r="B33065" s="6">
        <v>550465.64999999991</v>
      </c>
      <c r="C33065" s="7">
        <f t="shared" si="516"/>
        <v>550.46564999999987</v>
      </c>
      <c r="I33065" s="1"/>
    </row>
    <row r="33066" spans="1:9" x14ac:dyDescent="0.25">
      <c r="A33066" s="3">
        <v>41705.050717592596</v>
      </c>
      <c r="B33066" s="6">
        <v>550482.29999999993</v>
      </c>
      <c r="C33066" s="7">
        <f t="shared" si="516"/>
        <v>550.4822999999999</v>
      </c>
      <c r="I33066" s="1"/>
    </row>
    <row r="33067" spans="1:9" x14ac:dyDescent="0.25">
      <c r="A33067" s="3">
        <v>41705.050763888888</v>
      </c>
      <c r="B33067" s="6">
        <v>550498.94999999995</v>
      </c>
      <c r="C33067" s="7">
        <f t="shared" si="516"/>
        <v>550.49894999999992</v>
      </c>
      <c r="I33067" s="1"/>
    </row>
    <row r="33068" spans="1:9" x14ac:dyDescent="0.25">
      <c r="A33068" s="3">
        <v>41705.051249999997</v>
      </c>
      <c r="B33068" s="6">
        <v>550515.6</v>
      </c>
      <c r="C33068" s="7">
        <f t="shared" si="516"/>
        <v>550.51559999999995</v>
      </c>
      <c r="I33068" s="1"/>
    </row>
    <row r="33069" spans="1:9" x14ac:dyDescent="0.25">
      <c r="A33069" s="3">
        <v>41705.051319444443</v>
      </c>
      <c r="B33069" s="6">
        <v>550532.25</v>
      </c>
      <c r="C33069" s="7">
        <f t="shared" si="516"/>
        <v>550.53224999999998</v>
      </c>
      <c r="I33069" s="1"/>
    </row>
    <row r="33070" spans="1:9" x14ac:dyDescent="0.25">
      <c r="A33070" s="3">
        <v>41705.05195601852</v>
      </c>
      <c r="B33070" s="6">
        <v>550548.89999999991</v>
      </c>
      <c r="C33070" s="7">
        <f t="shared" si="516"/>
        <v>550.54889999999989</v>
      </c>
      <c r="I33070" s="1"/>
    </row>
    <row r="33071" spans="1:9" x14ac:dyDescent="0.25">
      <c r="A33071" s="3">
        <v>41705.052060185182</v>
      </c>
      <c r="B33071" s="6">
        <v>550565.54999999993</v>
      </c>
      <c r="C33071" s="7">
        <f t="shared" si="516"/>
        <v>550.56554999999992</v>
      </c>
      <c r="I33071" s="1"/>
    </row>
    <row r="33072" spans="1:9" x14ac:dyDescent="0.25">
      <c r="A33072" s="3">
        <v>41705.052777777775</v>
      </c>
      <c r="B33072" s="6">
        <v>550582.19999999995</v>
      </c>
      <c r="C33072" s="7">
        <f t="shared" si="516"/>
        <v>550.58219999999994</v>
      </c>
      <c r="I33072" s="1"/>
    </row>
    <row r="33073" spans="1:9" x14ac:dyDescent="0.25">
      <c r="A33073" s="3">
        <v>41705.052847222221</v>
      </c>
      <c r="B33073" s="6">
        <v>550598.85</v>
      </c>
      <c r="C33073" s="7">
        <f t="shared" si="516"/>
        <v>550.59884999999997</v>
      </c>
      <c r="I33073" s="1"/>
    </row>
    <row r="33074" spans="1:9" x14ac:dyDescent="0.25">
      <c r="A33074" s="3">
        <v>41705.053796296299</v>
      </c>
      <c r="B33074" s="6">
        <v>550615.5</v>
      </c>
      <c r="C33074" s="7">
        <f t="shared" si="516"/>
        <v>550.6155</v>
      </c>
      <c r="I33074" s="1"/>
    </row>
    <row r="33075" spans="1:9" x14ac:dyDescent="0.25">
      <c r="A33075" s="3">
        <v>41705.053923611114</v>
      </c>
      <c r="B33075" s="6">
        <v>550632.14999999991</v>
      </c>
      <c r="C33075" s="7">
        <f t="shared" si="516"/>
        <v>550.63214999999991</v>
      </c>
      <c r="I33075" s="1"/>
    </row>
    <row r="33076" spans="1:9" x14ac:dyDescent="0.25">
      <c r="A33076" s="3">
        <v>41705.055613425924</v>
      </c>
      <c r="B33076" s="6">
        <v>550648.79999999993</v>
      </c>
      <c r="C33076" s="7">
        <f t="shared" si="516"/>
        <v>550.64879999999994</v>
      </c>
      <c r="I33076" s="1"/>
    </row>
    <row r="33077" spans="1:9" x14ac:dyDescent="0.25">
      <c r="A33077" s="3">
        <v>41705.055844907409</v>
      </c>
      <c r="B33077" s="6">
        <v>550665.44999999995</v>
      </c>
      <c r="C33077" s="7">
        <f t="shared" si="516"/>
        <v>550.66544999999996</v>
      </c>
      <c r="I33077" s="1"/>
    </row>
    <row r="33078" spans="1:9" x14ac:dyDescent="0.25">
      <c r="A33078" s="3">
        <v>41705.056898148148</v>
      </c>
      <c r="B33078" s="6">
        <v>550682.1</v>
      </c>
      <c r="C33078" s="7">
        <f t="shared" si="516"/>
        <v>550.68209999999999</v>
      </c>
      <c r="I33078" s="1"/>
    </row>
    <row r="33079" spans="1:9" x14ac:dyDescent="0.25">
      <c r="A33079" s="3">
        <v>41705.056932870371</v>
      </c>
      <c r="B33079" s="6">
        <v>550698.75</v>
      </c>
      <c r="C33079" s="7">
        <f t="shared" si="516"/>
        <v>550.69875000000002</v>
      </c>
      <c r="I33079" s="1"/>
    </row>
    <row r="33080" spans="1:9" x14ac:dyDescent="0.25">
      <c r="A33080" s="3">
        <v>41705.057326388887</v>
      </c>
      <c r="B33080" s="6">
        <v>550715.39999999991</v>
      </c>
      <c r="C33080" s="7">
        <f t="shared" si="516"/>
        <v>550.71539999999993</v>
      </c>
      <c r="I33080" s="1"/>
    </row>
    <row r="33081" spans="1:9" x14ac:dyDescent="0.25">
      <c r="A33081" s="3">
        <v>41705.057430555556</v>
      </c>
      <c r="B33081" s="6">
        <v>550732.04999999993</v>
      </c>
      <c r="C33081" s="7">
        <f t="shared" si="516"/>
        <v>550.73204999999996</v>
      </c>
      <c r="I33081" s="1"/>
    </row>
    <row r="33082" spans="1:9" x14ac:dyDescent="0.25">
      <c r="A33082" s="3">
        <v>41705.058946759258</v>
      </c>
      <c r="B33082" s="6">
        <v>550748.69999999995</v>
      </c>
      <c r="C33082" s="7">
        <f t="shared" si="516"/>
        <v>550.74869999999999</v>
      </c>
      <c r="I33082" s="1"/>
    </row>
    <row r="33083" spans="1:9" x14ac:dyDescent="0.25">
      <c r="A33083" s="3">
        <v>41705.058993055558</v>
      </c>
      <c r="B33083" s="6">
        <v>550765.35</v>
      </c>
      <c r="C33083" s="7">
        <f t="shared" si="516"/>
        <v>550.76535000000001</v>
      </c>
      <c r="I33083" s="1"/>
    </row>
    <row r="33084" spans="1:9" x14ac:dyDescent="0.25">
      <c r="A33084" s="3">
        <v>41705.059814814813</v>
      </c>
      <c r="B33084" s="6">
        <v>550782</v>
      </c>
      <c r="C33084" s="7">
        <f t="shared" si="516"/>
        <v>550.78200000000004</v>
      </c>
      <c r="I33084" s="1"/>
    </row>
    <row r="33085" spans="1:9" x14ac:dyDescent="0.25">
      <c r="A33085" s="3">
        <v>41705.059907407405</v>
      </c>
      <c r="B33085" s="6">
        <v>550798.64999999991</v>
      </c>
      <c r="C33085" s="7">
        <f t="shared" si="516"/>
        <v>550.79864999999995</v>
      </c>
      <c r="I33085" s="1"/>
    </row>
    <row r="33086" spans="1:9" x14ac:dyDescent="0.25">
      <c r="A33086" s="3">
        <v>41705.060428240744</v>
      </c>
      <c r="B33086" s="6">
        <v>550815.29999999993</v>
      </c>
      <c r="C33086" s="7">
        <f t="shared" si="516"/>
        <v>550.81529999999998</v>
      </c>
      <c r="I33086" s="1"/>
    </row>
    <row r="33087" spans="1:9" x14ac:dyDescent="0.25">
      <c r="A33087" s="3">
        <v>41705.060486111113</v>
      </c>
      <c r="B33087" s="6">
        <v>550831.94999999995</v>
      </c>
      <c r="C33087" s="7">
        <f t="shared" si="516"/>
        <v>550.83195000000001</v>
      </c>
      <c r="I33087" s="1"/>
    </row>
    <row r="33088" spans="1:9" x14ac:dyDescent="0.25">
      <c r="A33088" s="3">
        <v>41705.060925925929</v>
      </c>
      <c r="B33088" s="6">
        <v>550848.6</v>
      </c>
      <c r="C33088" s="7">
        <f t="shared" si="516"/>
        <v>550.84860000000003</v>
      </c>
      <c r="I33088" s="1"/>
    </row>
    <row r="33089" spans="1:9" x14ac:dyDescent="0.25">
      <c r="A33089" s="3">
        <v>41705.060995370368</v>
      </c>
      <c r="B33089" s="6">
        <v>550865.25</v>
      </c>
      <c r="C33089" s="7">
        <f t="shared" si="516"/>
        <v>550.86524999999995</v>
      </c>
      <c r="I33089" s="1"/>
    </row>
    <row r="33090" spans="1:9" x14ac:dyDescent="0.25">
      <c r="A33090" s="3">
        <v>41705.061793981484</v>
      </c>
      <c r="B33090" s="6">
        <v>550881.89999999991</v>
      </c>
      <c r="C33090" s="7">
        <f t="shared" si="516"/>
        <v>550.88189999999986</v>
      </c>
      <c r="I33090" s="1"/>
    </row>
    <row r="33091" spans="1:9" x14ac:dyDescent="0.25">
      <c r="A33091" s="3">
        <v>41705.061863425923</v>
      </c>
      <c r="B33091" s="6">
        <v>550898.54999999993</v>
      </c>
      <c r="C33091" s="7">
        <f t="shared" ref="C33091:C33154" si="517">B33091/1000</f>
        <v>550.89854999999989</v>
      </c>
      <c r="I33091" s="1"/>
    </row>
    <row r="33092" spans="1:9" x14ac:dyDescent="0.25">
      <c r="A33092" s="3">
        <v>41705.062314814815</v>
      </c>
      <c r="B33092" s="6">
        <v>550915.19999999995</v>
      </c>
      <c r="C33092" s="7">
        <f t="shared" si="517"/>
        <v>550.91519999999991</v>
      </c>
      <c r="I33092" s="1"/>
    </row>
    <row r="33093" spans="1:9" x14ac:dyDescent="0.25">
      <c r="A33093" s="3">
        <v>41705.062361111108</v>
      </c>
      <c r="B33093" s="6">
        <v>550931.85</v>
      </c>
      <c r="C33093" s="7">
        <f t="shared" si="517"/>
        <v>550.93184999999994</v>
      </c>
      <c r="I33093" s="1"/>
    </row>
    <row r="33094" spans="1:9" x14ac:dyDescent="0.25">
      <c r="A33094" s="3">
        <v>41705.063784722224</v>
      </c>
      <c r="B33094" s="6">
        <v>550948.5</v>
      </c>
      <c r="C33094" s="7">
        <f t="shared" si="517"/>
        <v>550.94849999999997</v>
      </c>
      <c r="I33094" s="1"/>
    </row>
    <row r="33095" spans="1:9" x14ac:dyDescent="0.25">
      <c r="A33095" s="3">
        <v>41705.063993055555</v>
      </c>
      <c r="B33095" s="6">
        <v>550965.14999999991</v>
      </c>
      <c r="C33095" s="7">
        <f t="shared" si="517"/>
        <v>550.96514999999988</v>
      </c>
      <c r="I33095" s="1"/>
    </row>
    <row r="33096" spans="1:9" x14ac:dyDescent="0.25">
      <c r="A33096" s="3">
        <v>41705.064826388887</v>
      </c>
      <c r="B33096" s="6">
        <v>550981.79999999993</v>
      </c>
      <c r="C33096" s="7">
        <f t="shared" si="517"/>
        <v>550.98179999999991</v>
      </c>
      <c r="I33096" s="1"/>
    </row>
    <row r="33097" spans="1:9" x14ac:dyDescent="0.25">
      <c r="A33097" s="3">
        <v>41705.06490740741</v>
      </c>
      <c r="B33097" s="6">
        <v>550998.44999999995</v>
      </c>
      <c r="C33097" s="7">
        <f t="shared" si="517"/>
        <v>550.99844999999993</v>
      </c>
      <c r="I33097" s="1"/>
    </row>
    <row r="33098" spans="1:9" x14ac:dyDescent="0.25">
      <c r="A33098" s="3">
        <v>41705.065486111111</v>
      </c>
      <c r="B33098" s="6">
        <v>551015.1</v>
      </c>
      <c r="C33098" s="7">
        <f t="shared" si="517"/>
        <v>551.01509999999996</v>
      </c>
      <c r="I33098" s="1"/>
    </row>
    <row r="33099" spans="1:9" x14ac:dyDescent="0.25">
      <c r="A33099" s="3">
        <v>41705.065532407411</v>
      </c>
      <c r="B33099" s="6">
        <v>551031.75</v>
      </c>
      <c r="C33099" s="7">
        <f t="shared" si="517"/>
        <v>551.03174999999999</v>
      </c>
      <c r="I33099" s="1"/>
    </row>
    <row r="33100" spans="1:9" x14ac:dyDescent="0.25">
      <c r="A33100" s="3">
        <v>41705.067777777775</v>
      </c>
      <c r="B33100" s="6">
        <v>551048.39999999991</v>
      </c>
      <c r="C33100" s="7">
        <f t="shared" si="517"/>
        <v>551.0483999999999</v>
      </c>
      <c r="I33100" s="1"/>
    </row>
    <row r="33101" spans="1:9" x14ac:dyDescent="0.25">
      <c r="A33101" s="3">
        <v>41705.067835648151</v>
      </c>
      <c r="B33101" s="6">
        <v>551065.04999999993</v>
      </c>
      <c r="C33101" s="7">
        <f t="shared" si="517"/>
        <v>551.06504999999993</v>
      </c>
      <c r="I33101" s="1"/>
    </row>
    <row r="33102" spans="1:9" x14ac:dyDescent="0.25">
      <c r="A33102" s="3">
        <v>41705.068495370368</v>
      </c>
      <c r="B33102" s="6">
        <v>551081.69999999995</v>
      </c>
      <c r="C33102" s="7">
        <f t="shared" si="517"/>
        <v>551.08169999999996</v>
      </c>
      <c r="I33102" s="1"/>
    </row>
    <row r="33103" spans="1:9" x14ac:dyDescent="0.25">
      <c r="A33103" s="3">
        <v>41705.069398148145</v>
      </c>
      <c r="B33103" s="6">
        <v>551098.35</v>
      </c>
      <c r="C33103" s="7">
        <f t="shared" si="517"/>
        <v>551.09834999999998</v>
      </c>
      <c r="I33103" s="1"/>
    </row>
    <row r="33104" spans="1:9" x14ac:dyDescent="0.25">
      <c r="A33104" s="3">
        <v>41705.070462962962</v>
      </c>
      <c r="B33104" s="6">
        <v>551115</v>
      </c>
      <c r="C33104" s="7">
        <f t="shared" si="517"/>
        <v>551.11500000000001</v>
      </c>
      <c r="I33104" s="1"/>
    </row>
    <row r="33105" spans="1:9" x14ac:dyDescent="0.25">
      <c r="A33105" s="3">
        <v>41705.070798611108</v>
      </c>
      <c r="B33105" s="6">
        <v>551131.64999999991</v>
      </c>
      <c r="C33105" s="7">
        <f t="shared" si="517"/>
        <v>551.13164999999992</v>
      </c>
      <c r="I33105" s="1"/>
    </row>
    <row r="33106" spans="1:9" x14ac:dyDescent="0.25">
      <c r="A33106" s="3">
        <v>41705.071574074071</v>
      </c>
      <c r="B33106" s="6">
        <v>551148.29999999993</v>
      </c>
      <c r="C33106" s="7">
        <f t="shared" si="517"/>
        <v>551.14829999999995</v>
      </c>
      <c r="I33106" s="1"/>
    </row>
    <row r="33107" spans="1:9" x14ac:dyDescent="0.25">
      <c r="A33107" s="3">
        <v>41705.071631944447</v>
      </c>
      <c r="B33107" s="6">
        <v>551164.94999999995</v>
      </c>
      <c r="C33107" s="7">
        <f t="shared" si="517"/>
        <v>551.16494999999998</v>
      </c>
      <c r="I33107" s="1"/>
    </row>
    <row r="33108" spans="1:9" x14ac:dyDescent="0.25">
      <c r="A33108" s="3">
        <v>41705.072905092595</v>
      </c>
      <c r="B33108" s="6">
        <v>551181.6</v>
      </c>
      <c r="C33108" s="7">
        <f t="shared" si="517"/>
        <v>551.1816</v>
      </c>
      <c r="I33108" s="1"/>
    </row>
    <row r="33109" spans="1:9" x14ac:dyDescent="0.25">
      <c r="A33109" s="3">
        <v>41705.072974537034</v>
      </c>
      <c r="B33109" s="6">
        <v>551198.25</v>
      </c>
      <c r="C33109" s="7">
        <f t="shared" si="517"/>
        <v>551.19825000000003</v>
      </c>
      <c r="I33109" s="1"/>
    </row>
    <row r="33110" spans="1:9" x14ac:dyDescent="0.25">
      <c r="A33110" s="3">
        <v>41705.073807870373</v>
      </c>
      <c r="B33110" s="6">
        <v>551214.89999999991</v>
      </c>
      <c r="C33110" s="7">
        <f t="shared" si="517"/>
        <v>551.21489999999994</v>
      </c>
      <c r="I33110" s="1"/>
    </row>
    <row r="33111" spans="1:9" x14ac:dyDescent="0.25">
      <c r="A33111" s="3">
        <v>41705.073831018519</v>
      </c>
      <c r="B33111" s="6">
        <v>551231.54999999993</v>
      </c>
      <c r="C33111" s="7">
        <f t="shared" si="517"/>
        <v>551.23154999999997</v>
      </c>
      <c r="I33111" s="1"/>
    </row>
    <row r="33112" spans="1:9" x14ac:dyDescent="0.25">
      <c r="A33112" s="3">
        <v>41705.074247685188</v>
      </c>
      <c r="B33112" s="6">
        <v>551248.19999999995</v>
      </c>
      <c r="C33112" s="7">
        <f t="shared" si="517"/>
        <v>551.2482</v>
      </c>
      <c r="I33112" s="1"/>
    </row>
    <row r="33113" spans="1:9" x14ac:dyDescent="0.25">
      <c r="A33113" s="3">
        <v>41705.074444444443</v>
      </c>
      <c r="B33113" s="6">
        <v>551264.85</v>
      </c>
      <c r="C33113" s="7">
        <f t="shared" si="517"/>
        <v>551.26485000000002</v>
      </c>
      <c r="I33113" s="1"/>
    </row>
    <row r="33114" spans="1:9" x14ac:dyDescent="0.25">
      <c r="A33114" s="3">
        <v>41705.074999999997</v>
      </c>
      <c r="B33114" s="6">
        <v>551281.5</v>
      </c>
      <c r="C33114" s="7">
        <f t="shared" si="517"/>
        <v>551.28150000000005</v>
      </c>
      <c r="I33114" s="1"/>
    </row>
    <row r="33115" spans="1:9" x14ac:dyDescent="0.25">
      <c r="A33115" s="3">
        <v>41705.075104166666</v>
      </c>
      <c r="B33115" s="6">
        <v>551298.14999999991</v>
      </c>
      <c r="C33115" s="7">
        <f t="shared" si="517"/>
        <v>551.29814999999985</v>
      </c>
      <c r="I33115" s="1"/>
    </row>
    <row r="33116" spans="1:9" x14ac:dyDescent="0.25">
      <c r="A33116" s="3">
        <v>41705.075671296298</v>
      </c>
      <c r="B33116" s="6">
        <v>551314.79999999993</v>
      </c>
      <c r="C33116" s="7">
        <f t="shared" si="517"/>
        <v>551.31479999999988</v>
      </c>
      <c r="I33116" s="1"/>
    </row>
    <row r="33117" spans="1:9" x14ac:dyDescent="0.25">
      <c r="A33117" s="3">
        <v>41705.07571759259</v>
      </c>
      <c r="B33117" s="6">
        <v>551331.44999999995</v>
      </c>
      <c r="C33117" s="7">
        <f t="shared" si="517"/>
        <v>551.3314499999999</v>
      </c>
      <c r="I33117" s="1"/>
    </row>
    <row r="33118" spans="1:9" x14ac:dyDescent="0.25">
      <c r="A33118" s="3">
        <v>41705.075960648152</v>
      </c>
      <c r="B33118" s="6">
        <v>551348.1</v>
      </c>
      <c r="C33118" s="7">
        <f t="shared" si="517"/>
        <v>551.34809999999993</v>
      </c>
      <c r="I33118" s="1"/>
    </row>
    <row r="33119" spans="1:9" x14ac:dyDescent="0.25">
      <c r="A33119" s="3">
        <v>41705.075995370367</v>
      </c>
      <c r="B33119" s="6">
        <v>551364.75</v>
      </c>
      <c r="C33119" s="7">
        <f t="shared" si="517"/>
        <v>551.36474999999996</v>
      </c>
      <c r="I33119" s="1"/>
    </row>
    <row r="33120" spans="1:9" x14ac:dyDescent="0.25">
      <c r="A33120" s="3">
        <v>41705.076631944445</v>
      </c>
      <c r="B33120" s="6">
        <v>551381.39999999991</v>
      </c>
      <c r="C33120" s="7">
        <f t="shared" si="517"/>
        <v>551.38139999999987</v>
      </c>
      <c r="I33120" s="1"/>
    </row>
    <row r="33121" spans="1:9" x14ac:dyDescent="0.25">
      <c r="A33121" s="3">
        <v>41705.076770833337</v>
      </c>
      <c r="B33121" s="6">
        <v>551398.04999999993</v>
      </c>
      <c r="C33121" s="7">
        <f t="shared" si="517"/>
        <v>551.3980499999999</v>
      </c>
      <c r="I33121" s="1"/>
    </row>
    <row r="33122" spans="1:9" x14ac:dyDescent="0.25">
      <c r="A33122" s="3">
        <v>41705.077986111108</v>
      </c>
      <c r="B33122" s="6">
        <v>551414.69999999995</v>
      </c>
      <c r="C33122" s="7">
        <f t="shared" si="517"/>
        <v>551.41469999999993</v>
      </c>
      <c r="I33122" s="1"/>
    </row>
    <row r="33123" spans="1:9" x14ac:dyDescent="0.25">
      <c r="A33123" s="3">
        <v>41705.078090277777</v>
      </c>
      <c r="B33123" s="6">
        <v>551431.35</v>
      </c>
      <c r="C33123" s="7">
        <f t="shared" si="517"/>
        <v>551.43134999999995</v>
      </c>
      <c r="I33123" s="1"/>
    </row>
    <row r="33124" spans="1:9" x14ac:dyDescent="0.25">
      <c r="A33124" s="3">
        <v>41705.078796296293</v>
      </c>
      <c r="B33124" s="6">
        <v>551448</v>
      </c>
      <c r="C33124" s="7">
        <f t="shared" si="517"/>
        <v>551.44799999999998</v>
      </c>
      <c r="I33124" s="1"/>
    </row>
    <row r="33125" spans="1:9" x14ac:dyDescent="0.25">
      <c r="A33125" s="3">
        <v>41705.078923611109</v>
      </c>
      <c r="B33125" s="6">
        <v>551464.64999999991</v>
      </c>
      <c r="C33125" s="7">
        <f t="shared" si="517"/>
        <v>551.46464999999989</v>
      </c>
      <c r="I33125" s="1"/>
    </row>
    <row r="33126" spans="1:9" x14ac:dyDescent="0.25">
      <c r="A33126" s="3">
        <v>41705.079351851855</v>
      </c>
      <c r="B33126" s="6">
        <v>551481.29999999993</v>
      </c>
      <c r="C33126" s="7">
        <f t="shared" si="517"/>
        <v>551.48129999999992</v>
      </c>
      <c r="I33126" s="1"/>
    </row>
    <row r="33127" spans="1:9" x14ac:dyDescent="0.25">
      <c r="A33127" s="3">
        <v>41705.079398148147</v>
      </c>
      <c r="B33127" s="6">
        <v>551497.94999999995</v>
      </c>
      <c r="C33127" s="7">
        <f t="shared" si="517"/>
        <v>551.49794999999995</v>
      </c>
      <c r="I33127" s="1"/>
    </row>
    <row r="33128" spans="1:9" x14ac:dyDescent="0.25">
      <c r="A33128" s="3">
        <v>41705.079942129632</v>
      </c>
      <c r="B33128" s="6">
        <v>551514.6</v>
      </c>
      <c r="C33128" s="7">
        <f t="shared" si="517"/>
        <v>551.51459999999997</v>
      </c>
      <c r="I33128" s="1"/>
    </row>
    <row r="33129" spans="1:9" x14ac:dyDescent="0.25">
      <c r="A33129" s="3">
        <v>41705.080092592594</v>
      </c>
      <c r="B33129" s="6">
        <v>551531.25</v>
      </c>
      <c r="C33129" s="7">
        <f t="shared" si="517"/>
        <v>551.53125</v>
      </c>
      <c r="I33129" s="1"/>
    </row>
    <row r="33130" spans="1:9" x14ac:dyDescent="0.25">
      <c r="A33130" s="3">
        <v>41705.081157407411</v>
      </c>
      <c r="B33130" s="6">
        <v>551547.89999999991</v>
      </c>
      <c r="C33130" s="7">
        <f t="shared" si="517"/>
        <v>551.54789999999991</v>
      </c>
      <c r="I33130" s="1"/>
    </row>
    <row r="33131" spans="1:9" x14ac:dyDescent="0.25">
      <c r="A33131" s="3">
        <v>41705.081261574072</v>
      </c>
      <c r="B33131" s="6">
        <v>551564.54999999993</v>
      </c>
      <c r="C33131" s="7">
        <f t="shared" si="517"/>
        <v>551.56454999999994</v>
      </c>
      <c r="I33131" s="1"/>
    </row>
    <row r="33132" spans="1:9" x14ac:dyDescent="0.25">
      <c r="A33132" s="3">
        <v>41705.082499999997</v>
      </c>
      <c r="B33132" s="6">
        <v>551581.19999999995</v>
      </c>
      <c r="C33132" s="7">
        <f t="shared" si="517"/>
        <v>551.58119999999997</v>
      </c>
      <c r="I33132" s="1"/>
    </row>
    <row r="33133" spans="1:9" x14ac:dyDescent="0.25">
      <c r="A33133" s="3">
        <v>41705.082719907405</v>
      </c>
      <c r="B33133" s="6">
        <v>551597.85</v>
      </c>
      <c r="C33133" s="7">
        <f t="shared" si="517"/>
        <v>551.59784999999999</v>
      </c>
      <c r="I33133" s="1"/>
    </row>
    <row r="33134" spans="1:9" x14ac:dyDescent="0.25">
      <c r="A33134" s="3">
        <v>41705.08326388889</v>
      </c>
      <c r="B33134" s="6">
        <v>551614.5</v>
      </c>
      <c r="C33134" s="7">
        <f t="shared" si="517"/>
        <v>551.61450000000002</v>
      </c>
      <c r="I33134" s="1"/>
    </row>
    <row r="33135" spans="1:9" x14ac:dyDescent="0.25">
      <c r="A33135" s="3">
        <v>41705.083333333336</v>
      </c>
      <c r="B33135" s="6">
        <v>551631.14999999991</v>
      </c>
      <c r="C33135" s="7">
        <f t="shared" si="517"/>
        <v>551.63114999999993</v>
      </c>
      <c r="I33135" s="1"/>
    </row>
    <row r="33136" spans="1:9" x14ac:dyDescent="0.25">
      <c r="A33136" s="3">
        <v>41705.084062499998</v>
      </c>
      <c r="B33136" s="6">
        <v>551647.79999999993</v>
      </c>
      <c r="C33136" s="7">
        <f t="shared" si="517"/>
        <v>551.64779999999996</v>
      </c>
      <c r="I33136" s="1"/>
    </row>
    <row r="33137" spans="1:9" x14ac:dyDescent="0.25">
      <c r="A33137" s="3">
        <v>41705.084131944444</v>
      </c>
      <c r="B33137" s="6">
        <v>551664.44999999995</v>
      </c>
      <c r="C33137" s="7">
        <f t="shared" si="517"/>
        <v>551.66444999999999</v>
      </c>
      <c r="I33137" s="1"/>
    </row>
    <row r="33138" spans="1:9" x14ac:dyDescent="0.25">
      <c r="A33138" s="3">
        <v>41705.088831018518</v>
      </c>
      <c r="B33138" s="6">
        <v>551681.1</v>
      </c>
      <c r="C33138" s="7">
        <f t="shared" si="517"/>
        <v>551.68110000000001</v>
      </c>
      <c r="I33138" s="1"/>
    </row>
    <row r="33139" spans="1:9" x14ac:dyDescent="0.25">
      <c r="A33139" s="3">
        <v>41705.088888888888</v>
      </c>
      <c r="B33139" s="6">
        <v>551697.75</v>
      </c>
      <c r="C33139" s="7">
        <f t="shared" si="517"/>
        <v>551.69775000000004</v>
      </c>
      <c r="I33139" s="1"/>
    </row>
    <row r="33140" spans="1:9" x14ac:dyDescent="0.25">
      <c r="A33140" s="3">
        <v>41705.089872685188</v>
      </c>
      <c r="B33140" s="6">
        <v>551714.39999999991</v>
      </c>
      <c r="C33140" s="7">
        <f t="shared" si="517"/>
        <v>551.71439999999996</v>
      </c>
      <c r="I33140" s="1"/>
    </row>
    <row r="33141" spans="1:9" x14ac:dyDescent="0.25">
      <c r="A33141" s="3">
        <v>41705.090243055558</v>
      </c>
      <c r="B33141" s="6">
        <v>551731.04999999993</v>
      </c>
      <c r="C33141" s="7">
        <f t="shared" si="517"/>
        <v>551.73104999999998</v>
      </c>
      <c r="I33141" s="1"/>
    </row>
    <row r="33142" spans="1:9" x14ac:dyDescent="0.25">
      <c r="A33142" s="3">
        <v>41705.102581018517</v>
      </c>
      <c r="B33142" s="6">
        <v>551747.69999999995</v>
      </c>
      <c r="C33142" s="7">
        <f t="shared" si="517"/>
        <v>551.74770000000001</v>
      </c>
      <c r="I33142" s="1"/>
    </row>
    <row r="33143" spans="1:9" x14ac:dyDescent="0.25">
      <c r="A33143" s="3">
        <v>41705.102754629632</v>
      </c>
      <c r="B33143" s="6">
        <v>551764.35</v>
      </c>
      <c r="C33143" s="7">
        <f t="shared" si="517"/>
        <v>551.76434999999992</v>
      </c>
      <c r="I33143" s="1"/>
    </row>
    <row r="33144" spans="1:9" x14ac:dyDescent="0.25">
      <c r="A33144" s="3">
        <v>41705.104803240742</v>
      </c>
      <c r="B33144" s="6">
        <v>551781</v>
      </c>
      <c r="C33144" s="7">
        <f t="shared" si="517"/>
        <v>551.78099999999995</v>
      </c>
      <c r="I33144" s="1"/>
    </row>
    <row r="33145" spans="1:9" x14ac:dyDescent="0.25">
      <c r="A33145" s="3">
        <v>41705.10496527778</v>
      </c>
      <c r="B33145" s="6">
        <v>551797.64999999991</v>
      </c>
      <c r="C33145" s="7">
        <f t="shared" si="517"/>
        <v>551.79764999999986</v>
      </c>
      <c r="I33145" s="1"/>
    </row>
    <row r="33146" spans="1:9" x14ac:dyDescent="0.25">
      <c r="A33146" s="3">
        <v>41705.10628472222</v>
      </c>
      <c r="B33146" s="6">
        <v>551814.29999999993</v>
      </c>
      <c r="C33146" s="7">
        <f t="shared" si="517"/>
        <v>551.81429999999989</v>
      </c>
      <c r="I33146" s="1"/>
    </row>
    <row r="33147" spans="1:9" x14ac:dyDescent="0.25">
      <c r="A33147" s="3">
        <v>41705.106458333335</v>
      </c>
      <c r="B33147" s="6">
        <v>551830.94999999995</v>
      </c>
      <c r="C33147" s="7">
        <f t="shared" si="517"/>
        <v>551.83094999999992</v>
      </c>
      <c r="I33147" s="1"/>
    </row>
    <row r="33148" spans="1:9" x14ac:dyDescent="0.25">
      <c r="A33148" s="3">
        <v>41705.160925925928</v>
      </c>
      <c r="B33148" s="6">
        <v>551847.6</v>
      </c>
      <c r="C33148" s="7">
        <f t="shared" si="517"/>
        <v>551.84759999999994</v>
      </c>
      <c r="I33148" s="1"/>
    </row>
    <row r="33149" spans="1:9" x14ac:dyDescent="0.25">
      <c r="A33149" s="3">
        <v>41705.161249999997</v>
      </c>
      <c r="B33149" s="6">
        <v>551864.25</v>
      </c>
      <c r="C33149" s="7">
        <f t="shared" si="517"/>
        <v>551.86424999999997</v>
      </c>
      <c r="I33149" s="1"/>
    </row>
    <row r="33150" spans="1:9" x14ac:dyDescent="0.25">
      <c r="A33150" s="3">
        <v>41705.29111111111</v>
      </c>
      <c r="B33150" s="6">
        <v>551880.89999999991</v>
      </c>
      <c r="C33150" s="7">
        <f t="shared" si="517"/>
        <v>551.88089999999988</v>
      </c>
      <c r="I33150" s="1"/>
    </row>
    <row r="33151" spans="1:9" x14ac:dyDescent="0.25">
      <c r="A33151" s="3">
        <v>41705.291261574072</v>
      </c>
      <c r="B33151" s="6">
        <v>551897.54999999993</v>
      </c>
      <c r="C33151" s="7">
        <f t="shared" si="517"/>
        <v>551.89754999999991</v>
      </c>
      <c r="I33151" s="1"/>
    </row>
    <row r="33152" spans="1:9" x14ac:dyDescent="0.25">
      <c r="A33152" s="3">
        <v>41705.296574074076</v>
      </c>
      <c r="B33152" s="6">
        <v>551914.19999999995</v>
      </c>
      <c r="C33152" s="7">
        <f t="shared" si="517"/>
        <v>551.91419999999994</v>
      </c>
      <c r="I33152" s="1"/>
    </row>
    <row r="33153" spans="1:9" x14ac:dyDescent="0.25">
      <c r="A33153" s="3">
        <v>41705.296805555554</v>
      </c>
      <c r="B33153" s="6">
        <v>551930.85</v>
      </c>
      <c r="C33153" s="7">
        <f t="shared" si="517"/>
        <v>551.93084999999996</v>
      </c>
      <c r="I33153" s="1"/>
    </row>
    <row r="33154" spans="1:9" x14ac:dyDescent="0.25">
      <c r="A33154" s="3">
        <v>41705.299537037034</v>
      </c>
      <c r="B33154" s="6">
        <v>551947.5</v>
      </c>
      <c r="C33154" s="7">
        <f t="shared" si="517"/>
        <v>551.94749999999999</v>
      </c>
      <c r="I33154" s="1"/>
    </row>
    <row r="33155" spans="1:9" x14ac:dyDescent="0.25">
      <c r="A33155" s="3">
        <v>41705.299675925926</v>
      </c>
      <c r="B33155" s="6">
        <v>551964.14999999991</v>
      </c>
      <c r="C33155" s="7">
        <f t="shared" ref="C33155:C33218" si="518">B33155/1000</f>
        <v>551.9641499999999</v>
      </c>
      <c r="I33155" s="1"/>
    </row>
    <row r="33156" spans="1:9" x14ac:dyDescent="0.25">
      <c r="A33156" s="3">
        <v>41705.310949074075</v>
      </c>
      <c r="B33156" s="6">
        <v>551980.79999999993</v>
      </c>
      <c r="C33156" s="7">
        <f t="shared" si="518"/>
        <v>551.98079999999993</v>
      </c>
      <c r="I33156" s="1"/>
    </row>
    <row r="33157" spans="1:9" x14ac:dyDescent="0.25">
      <c r="A33157" s="3">
        <v>41705.31108796296</v>
      </c>
      <c r="B33157" s="6">
        <v>551997.44999999995</v>
      </c>
      <c r="C33157" s="7">
        <f t="shared" si="518"/>
        <v>551.99744999999996</v>
      </c>
      <c r="I33157" s="1"/>
    </row>
    <row r="33158" spans="1:9" x14ac:dyDescent="0.25">
      <c r="A33158" s="3">
        <v>41705.331759259258</v>
      </c>
      <c r="B33158" s="6">
        <v>552014.1</v>
      </c>
      <c r="C33158" s="7">
        <f t="shared" si="518"/>
        <v>552.01409999999998</v>
      </c>
      <c r="I33158" s="1"/>
    </row>
    <row r="33159" spans="1:9" x14ac:dyDescent="0.25">
      <c r="A33159" s="3">
        <v>41705.332314814812</v>
      </c>
      <c r="B33159" s="6">
        <v>552030.75</v>
      </c>
      <c r="C33159" s="7">
        <f t="shared" si="518"/>
        <v>552.03075000000001</v>
      </c>
      <c r="I33159" s="1"/>
    </row>
    <row r="33160" spans="1:9" x14ac:dyDescent="0.25">
      <c r="A33160" s="3">
        <v>41705.333773148152</v>
      </c>
      <c r="B33160" s="6">
        <v>552047.39999999991</v>
      </c>
      <c r="C33160" s="7">
        <f t="shared" si="518"/>
        <v>552.04739999999993</v>
      </c>
      <c r="I33160" s="1"/>
    </row>
    <row r="33161" spans="1:9" x14ac:dyDescent="0.25">
      <c r="A33161" s="3">
        <v>41705.333877314813</v>
      </c>
      <c r="B33161" s="6">
        <v>552064.04999999993</v>
      </c>
      <c r="C33161" s="7">
        <f t="shared" si="518"/>
        <v>552.06404999999995</v>
      </c>
      <c r="I33161" s="1"/>
    </row>
    <row r="33162" spans="1:9" x14ac:dyDescent="0.25">
      <c r="A33162" s="3">
        <v>41705.337164351855</v>
      </c>
      <c r="B33162" s="6">
        <v>552080.69999999995</v>
      </c>
      <c r="C33162" s="7">
        <f t="shared" si="518"/>
        <v>552.08069999999998</v>
      </c>
      <c r="I33162" s="1"/>
    </row>
    <row r="33163" spans="1:9" x14ac:dyDescent="0.25">
      <c r="A33163" s="3">
        <v>41705.342222222222</v>
      </c>
      <c r="B33163" s="6">
        <v>552097.35</v>
      </c>
      <c r="C33163" s="7">
        <f t="shared" si="518"/>
        <v>552.09735000000001</v>
      </c>
      <c r="I33163" s="1"/>
    </row>
    <row r="33164" spans="1:9" x14ac:dyDescent="0.25">
      <c r="A33164" s="3">
        <v>41705.344525462962</v>
      </c>
      <c r="B33164" s="6">
        <v>552114</v>
      </c>
      <c r="C33164" s="7">
        <f t="shared" si="518"/>
        <v>552.11400000000003</v>
      </c>
      <c r="I33164" s="1"/>
    </row>
    <row r="33165" spans="1:9" x14ac:dyDescent="0.25">
      <c r="A33165" s="3">
        <v>41705.344618055555</v>
      </c>
      <c r="B33165" s="6">
        <v>552130.64999999991</v>
      </c>
      <c r="C33165" s="7">
        <f t="shared" si="518"/>
        <v>552.13064999999995</v>
      </c>
      <c r="I33165" s="1"/>
    </row>
    <row r="33166" spans="1:9" x14ac:dyDescent="0.25">
      <c r="A33166" s="3">
        <v>41705.346736111111</v>
      </c>
      <c r="B33166" s="6">
        <v>552147.29999999993</v>
      </c>
      <c r="C33166" s="7">
        <f t="shared" si="518"/>
        <v>552.14729999999997</v>
      </c>
      <c r="I33166" s="1"/>
    </row>
    <row r="33167" spans="1:9" x14ac:dyDescent="0.25">
      <c r="A33167" s="3">
        <v>41705.347060185188</v>
      </c>
      <c r="B33167" s="6">
        <v>552163.94999999995</v>
      </c>
      <c r="C33167" s="7">
        <f t="shared" si="518"/>
        <v>552.16395</v>
      </c>
      <c r="I33167" s="1"/>
    </row>
    <row r="33168" spans="1:9" x14ac:dyDescent="0.25">
      <c r="A33168" s="3">
        <v>41705.351967592593</v>
      </c>
      <c r="B33168" s="6">
        <v>552180.6</v>
      </c>
      <c r="C33168" s="7">
        <f t="shared" si="518"/>
        <v>552.18060000000003</v>
      </c>
      <c r="I33168" s="1"/>
    </row>
    <row r="33169" spans="1:9" x14ac:dyDescent="0.25">
      <c r="A33169" s="3">
        <v>41705.352152777778</v>
      </c>
      <c r="B33169" s="6">
        <v>552197.25</v>
      </c>
      <c r="C33169" s="7">
        <f t="shared" si="518"/>
        <v>552.19725000000005</v>
      </c>
      <c r="I33169" s="1"/>
    </row>
    <row r="33170" spans="1:9" x14ac:dyDescent="0.25">
      <c r="A33170" s="3">
        <v>41705.354791666665</v>
      </c>
      <c r="B33170" s="6">
        <v>552213.89999999991</v>
      </c>
      <c r="C33170" s="7">
        <f t="shared" si="518"/>
        <v>552.21389999999985</v>
      </c>
      <c r="I33170" s="1"/>
    </row>
    <row r="33171" spans="1:9" x14ac:dyDescent="0.25">
      <c r="A33171" s="3">
        <v>41705.354907407411</v>
      </c>
      <c r="B33171" s="6">
        <v>552230.54999999993</v>
      </c>
      <c r="C33171" s="7">
        <f t="shared" si="518"/>
        <v>552.23054999999988</v>
      </c>
      <c r="I33171" s="1"/>
    </row>
    <row r="33172" spans="1:9" x14ac:dyDescent="0.25">
      <c r="A33172" s="3">
        <v>41705.359490740739</v>
      </c>
      <c r="B33172" s="6">
        <v>552247.19999999995</v>
      </c>
      <c r="C33172" s="7">
        <f t="shared" si="518"/>
        <v>552.24719999999991</v>
      </c>
      <c r="I33172" s="1"/>
    </row>
    <row r="33173" spans="1:9" x14ac:dyDescent="0.25">
      <c r="A33173" s="3">
        <v>41705.359629629631</v>
      </c>
      <c r="B33173" s="6">
        <v>552263.85</v>
      </c>
      <c r="C33173" s="7">
        <f t="shared" si="518"/>
        <v>552.26384999999993</v>
      </c>
      <c r="I33173" s="1"/>
    </row>
    <row r="33174" spans="1:9" x14ac:dyDescent="0.25">
      <c r="A33174" s="3">
        <v>41705.361064814817</v>
      </c>
      <c r="B33174" s="6">
        <v>552280.5</v>
      </c>
      <c r="C33174" s="7">
        <f t="shared" si="518"/>
        <v>552.28049999999996</v>
      </c>
      <c r="I33174" s="1"/>
    </row>
    <row r="33175" spans="1:9" x14ac:dyDescent="0.25">
      <c r="A33175" s="3">
        <v>41705.361273148148</v>
      </c>
      <c r="B33175" s="6">
        <v>552297.14999999991</v>
      </c>
      <c r="C33175" s="7">
        <f t="shared" si="518"/>
        <v>552.29714999999987</v>
      </c>
      <c r="I33175" s="1"/>
    </row>
    <row r="33176" spans="1:9" x14ac:dyDescent="0.25">
      <c r="A33176" s="3">
        <v>41705.371550925927</v>
      </c>
      <c r="B33176" s="6">
        <v>552313.79999999993</v>
      </c>
      <c r="C33176" s="7">
        <f t="shared" si="518"/>
        <v>552.3137999999999</v>
      </c>
      <c r="I33176" s="1"/>
    </row>
    <row r="33177" spans="1:9" x14ac:dyDescent="0.25">
      <c r="A33177" s="3">
        <v>41705.372303240743</v>
      </c>
      <c r="B33177" s="6">
        <v>552330.44999999995</v>
      </c>
      <c r="C33177" s="7">
        <f t="shared" si="518"/>
        <v>552.33044999999993</v>
      </c>
      <c r="I33177" s="1"/>
    </row>
    <row r="33178" spans="1:9" x14ac:dyDescent="0.25">
      <c r="A33178" s="3">
        <v>41705.376550925925</v>
      </c>
      <c r="B33178" s="6">
        <v>552347.1</v>
      </c>
      <c r="C33178" s="7">
        <f t="shared" si="518"/>
        <v>552.34709999999995</v>
      </c>
      <c r="I33178" s="1"/>
    </row>
    <row r="33179" spans="1:9" x14ac:dyDescent="0.25">
      <c r="A33179" s="3">
        <v>41705.377523148149</v>
      </c>
      <c r="B33179" s="6">
        <v>552363.75</v>
      </c>
      <c r="C33179" s="7">
        <f t="shared" si="518"/>
        <v>552.36374999999998</v>
      </c>
      <c r="I33179" s="1"/>
    </row>
    <row r="33180" spans="1:9" x14ac:dyDescent="0.25">
      <c r="A33180" s="3">
        <v>41705.381597222222</v>
      </c>
      <c r="B33180" s="6">
        <v>552380.39999999991</v>
      </c>
      <c r="C33180" s="7">
        <f t="shared" si="518"/>
        <v>552.3803999999999</v>
      </c>
      <c r="I33180" s="1"/>
    </row>
    <row r="33181" spans="1:9" x14ac:dyDescent="0.25">
      <c r="A33181" s="3">
        <v>41705.381979166668</v>
      </c>
      <c r="B33181" s="6">
        <v>552397.04999999993</v>
      </c>
      <c r="C33181" s="7">
        <f t="shared" si="518"/>
        <v>552.39704999999992</v>
      </c>
      <c r="I33181" s="1"/>
    </row>
    <row r="33182" spans="1:9" x14ac:dyDescent="0.25">
      <c r="A33182" s="3">
        <v>41705.386122685188</v>
      </c>
      <c r="B33182" s="6">
        <v>552413.69999999995</v>
      </c>
      <c r="C33182" s="7">
        <f t="shared" si="518"/>
        <v>552.41369999999995</v>
      </c>
      <c r="I33182" s="1"/>
    </row>
    <row r="33183" spans="1:9" x14ac:dyDescent="0.25">
      <c r="A33183" s="3">
        <v>41705.387476851851</v>
      </c>
      <c r="B33183" s="6">
        <v>552430.35</v>
      </c>
      <c r="C33183" s="7">
        <f t="shared" si="518"/>
        <v>552.43034999999998</v>
      </c>
      <c r="I33183" s="1"/>
    </row>
    <row r="33184" spans="1:9" x14ac:dyDescent="0.25">
      <c r="A33184" s="3">
        <v>41705.3908912037</v>
      </c>
      <c r="B33184" s="6">
        <v>552447</v>
      </c>
      <c r="C33184" s="7">
        <f t="shared" si="518"/>
        <v>552.447</v>
      </c>
      <c r="I33184" s="1"/>
    </row>
    <row r="33185" spans="1:9" x14ac:dyDescent="0.25">
      <c r="A33185" s="3">
        <v>41705.391006944446</v>
      </c>
      <c r="B33185" s="6">
        <v>552463.64999999991</v>
      </c>
      <c r="C33185" s="7">
        <f t="shared" si="518"/>
        <v>552.46364999999992</v>
      </c>
      <c r="I33185" s="1"/>
    </row>
    <row r="33186" spans="1:9" x14ac:dyDescent="0.25">
      <c r="A33186" s="3">
        <v>41705.397002314814</v>
      </c>
      <c r="B33186" s="6">
        <v>552480.29999999993</v>
      </c>
      <c r="C33186" s="7">
        <f t="shared" si="518"/>
        <v>552.48029999999994</v>
      </c>
      <c r="I33186" s="1"/>
    </row>
    <row r="33187" spans="1:9" x14ac:dyDescent="0.25">
      <c r="A33187" s="3">
        <v>41705.397303240738</v>
      </c>
      <c r="B33187" s="6">
        <v>552496.94999999995</v>
      </c>
      <c r="C33187" s="7">
        <f t="shared" si="518"/>
        <v>552.49694999999997</v>
      </c>
      <c r="I33187" s="1"/>
    </row>
    <row r="33188" spans="1:9" x14ac:dyDescent="0.25">
      <c r="A33188" s="3">
        <v>41705.402569444443</v>
      </c>
      <c r="B33188" s="6">
        <v>552513.6</v>
      </c>
      <c r="C33188" s="7">
        <f t="shared" si="518"/>
        <v>552.5136</v>
      </c>
      <c r="I33188" s="1"/>
    </row>
    <row r="33189" spans="1:9" x14ac:dyDescent="0.25">
      <c r="A33189" s="3">
        <v>41705.403310185182</v>
      </c>
      <c r="B33189" s="6">
        <v>552530.25</v>
      </c>
      <c r="C33189" s="7">
        <f t="shared" si="518"/>
        <v>552.53025000000002</v>
      </c>
      <c r="I33189" s="1"/>
    </row>
    <row r="33190" spans="1:9" x14ac:dyDescent="0.25">
      <c r="A33190" s="3">
        <v>41705.408900462964</v>
      </c>
      <c r="B33190" s="6">
        <v>552546.89999999991</v>
      </c>
      <c r="C33190" s="7">
        <f t="shared" si="518"/>
        <v>552.54689999999994</v>
      </c>
      <c r="I33190" s="1"/>
    </row>
    <row r="33191" spans="1:9" x14ac:dyDescent="0.25">
      <c r="A33191" s="3">
        <v>41705.409108796295</v>
      </c>
      <c r="B33191" s="6">
        <v>552563.54999999993</v>
      </c>
      <c r="C33191" s="7">
        <f t="shared" si="518"/>
        <v>552.56354999999996</v>
      </c>
      <c r="I33191" s="1"/>
    </row>
    <row r="33192" spans="1:9" x14ac:dyDescent="0.25">
      <c r="A33192" s="3">
        <v>41705.413171296299</v>
      </c>
      <c r="B33192" s="6">
        <v>552580.19999999995</v>
      </c>
      <c r="C33192" s="7">
        <f t="shared" si="518"/>
        <v>552.58019999999999</v>
      </c>
      <c r="I33192" s="1"/>
    </row>
    <row r="33193" spans="1:9" x14ac:dyDescent="0.25">
      <c r="A33193" s="3">
        <v>41705.413599537038</v>
      </c>
      <c r="B33193" s="6">
        <v>552596.85</v>
      </c>
      <c r="C33193" s="7">
        <f t="shared" si="518"/>
        <v>552.59685000000002</v>
      </c>
      <c r="I33193" s="1"/>
    </row>
    <row r="33194" spans="1:9" x14ac:dyDescent="0.25">
      <c r="A33194" s="3">
        <v>41705.418391203704</v>
      </c>
      <c r="B33194" s="6">
        <v>552613.5</v>
      </c>
      <c r="C33194" s="7">
        <f t="shared" si="518"/>
        <v>552.61350000000004</v>
      </c>
      <c r="I33194" s="1"/>
    </row>
    <row r="33195" spans="1:9" x14ac:dyDescent="0.25">
      <c r="A33195" s="3">
        <v>41705.420266203706</v>
      </c>
      <c r="B33195" s="6">
        <v>552630.14999999991</v>
      </c>
      <c r="C33195" s="7">
        <f t="shared" si="518"/>
        <v>552.63014999999996</v>
      </c>
      <c r="I33195" s="1"/>
    </row>
    <row r="33196" spans="1:9" x14ac:dyDescent="0.25">
      <c r="A33196" s="3">
        <v>41705.427233796298</v>
      </c>
      <c r="B33196" s="6">
        <v>552646.79999999993</v>
      </c>
      <c r="C33196" s="7">
        <f t="shared" si="518"/>
        <v>552.64679999999998</v>
      </c>
      <c r="I33196" s="1"/>
    </row>
    <row r="33197" spans="1:9" x14ac:dyDescent="0.25">
      <c r="A33197" s="3">
        <v>41705.427453703705</v>
      </c>
      <c r="B33197" s="6">
        <v>552663.44999999995</v>
      </c>
      <c r="C33197" s="7">
        <f t="shared" si="518"/>
        <v>552.6634499999999</v>
      </c>
      <c r="I33197" s="1"/>
    </row>
    <row r="33198" spans="1:9" x14ac:dyDescent="0.25">
      <c r="A33198" s="3">
        <v>41705.430300925924</v>
      </c>
      <c r="B33198" s="6">
        <v>552680.1</v>
      </c>
      <c r="C33198" s="7">
        <f t="shared" si="518"/>
        <v>552.68009999999992</v>
      </c>
      <c r="I33198" s="1"/>
    </row>
    <row r="33199" spans="1:9" x14ac:dyDescent="0.25">
      <c r="A33199" s="3">
        <v>41705.430474537039</v>
      </c>
      <c r="B33199" s="6">
        <v>552696.75</v>
      </c>
      <c r="C33199" s="7">
        <f t="shared" si="518"/>
        <v>552.69674999999995</v>
      </c>
      <c r="I33199" s="1"/>
    </row>
    <row r="33200" spans="1:9" x14ac:dyDescent="0.25">
      <c r="A33200" s="3">
        <v>41705.432291666664</v>
      </c>
      <c r="B33200" s="6">
        <v>552713.39999999991</v>
      </c>
      <c r="C33200" s="7">
        <f t="shared" si="518"/>
        <v>552.71339999999987</v>
      </c>
      <c r="I33200" s="1"/>
    </row>
    <row r="33201" spans="1:9" x14ac:dyDescent="0.25">
      <c r="A33201" s="3">
        <v>41705.432372685187</v>
      </c>
      <c r="B33201" s="6">
        <v>552730.04999999993</v>
      </c>
      <c r="C33201" s="7">
        <f t="shared" si="518"/>
        <v>552.73004999999989</v>
      </c>
      <c r="I33201" s="1"/>
    </row>
    <row r="33202" spans="1:9" x14ac:dyDescent="0.25">
      <c r="A33202" s="3">
        <v>41705.43340277778</v>
      </c>
      <c r="B33202" s="6">
        <v>552746.69999999995</v>
      </c>
      <c r="C33202" s="7">
        <f t="shared" si="518"/>
        <v>552.74669999999992</v>
      </c>
      <c r="I33202" s="1"/>
    </row>
    <row r="33203" spans="1:9" x14ac:dyDescent="0.25">
      <c r="A33203" s="3">
        <v>41705.433506944442</v>
      </c>
      <c r="B33203" s="6">
        <v>552763.35</v>
      </c>
      <c r="C33203" s="7">
        <f t="shared" si="518"/>
        <v>552.76334999999995</v>
      </c>
      <c r="I33203" s="1"/>
    </row>
    <row r="33204" spans="1:9" x14ac:dyDescent="0.25">
      <c r="A33204" s="3">
        <v>41705.434583333335</v>
      </c>
      <c r="B33204" s="6">
        <v>552780</v>
      </c>
      <c r="C33204" s="7">
        <f t="shared" si="518"/>
        <v>552.78</v>
      </c>
      <c r="I33204" s="1"/>
    </row>
    <row r="33205" spans="1:9" x14ac:dyDescent="0.25">
      <c r="A33205" s="3">
        <v>41705.434664351851</v>
      </c>
      <c r="B33205" s="6">
        <v>552796.64999999991</v>
      </c>
      <c r="C33205" s="7">
        <f t="shared" si="518"/>
        <v>552.79664999999989</v>
      </c>
      <c r="I33205" s="1"/>
    </row>
    <row r="33206" spans="1:9" x14ac:dyDescent="0.25">
      <c r="A33206" s="3">
        <v>41705.436516203707</v>
      </c>
      <c r="B33206" s="6">
        <v>552813.29999999993</v>
      </c>
      <c r="C33206" s="7">
        <f t="shared" si="518"/>
        <v>552.81329999999991</v>
      </c>
      <c r="I33206" s="1"/>
    </row>
    <row r="33207" spans="1:9" x14ac:dyDescent="0.25">
      <c r="A33207" s="3">
        <v>41705.436643518522</v>
      </c>
      <c r="B33207" s="6">
        <v>552829.94999999995</v>
      </c>
      <c r="C33207" s="7">
        <f t="shared" si="518"/>
        <v>552.82994999999994</v>
      </c>
      <c r="I33207" s="1"/>
    </row>
    <row r="33208" spans="1:9" x14ac:dyDescent="0.25">
      <c r="A33208" s="3">
        <v>41705.439675925925</v>
      </c>
      <c r="B33208" s="6">
        <v>552846.6</v>
      </c>
      <c r="C33208" s="7">
        <f t="shared" si="518"/>
        <v>552.84659999999997</v>
      </c>
      <c r="I33208" s="1"/>
    </row>
    <row r="33209" spans="1:9" x14ac:dyDescent="0.25">
      <c r="A33209" s="3">
        <v>41705.439837962964</v>
      </c>
      <c r="B33209" s="6">
        <v>552863.25</v>
      </c>
      <c r="C33209" s="7">
        <f t="shared" si="518"/>
        <v>552.86324999999999</v>
      </c>
      <c r="I33209" s="1"/>
    </row>
    <row r="33210" spans="1:9" x14ac:dyDescent="0.25">
      <c r="A33210" s="3">
        <v>41705.442789351851</v>
      </c>
      <c r="B33210" s="6">
        <v>552879.89999999991</v>
      </c>
      <c r="C33210" s="7">
        <f t="shared" si="518"/>
        <v>552.87989999999991</v>
      </c>
      <c r="I33210" s="1"/>
    </row>
    <row r="33211" spans="1:9" x14ac:dyDescent="0.25">
      <c r="A33211" s="3">
        <v>41705.442939814813</v>
      </c>
      <c r="B33211" s="6">
        <v>552896.54999999993</v>
      </c>
      <c r="C33211" s="7">
        <f t="shared" si="518"/>
        <v>552.89654999999993</v>
      </c>
      <c r="I33211" s="1"/>
    </row>
    <row r="33212" spans="1:9" x14ac:dyDescent="0.25">
      <c r="A33212" s="3">
        <v>41705.44835648148</v>
      </c>
      <c r="B33212" s="6">
        <v>552913.19999999995</v>
      </c>
      <c r="C33212" s="7">
        <f t="shared" si="518"/>
        <v>552.91319999999996</v>
      </c>
      <c r="I33212" s="1"/>
    </row>
    <row r="33213" spans="1:9" x14ac:dyDescent="0.25">
      <c r="A33213" s="3">
        <v>41705.449108796296</v>
      </c>
      <c r="B33213" s="6">
        <v>552929.85</v>
      </c>
      <c r="C33213" s="7">
        <f t="shared" si="518"/>
        <v>552.92984999999999</v>
      </c>
      <c r="I33213" s="1"/>
    </row>
    <row r="33214" spans="1:9" x14ac:dyDescent="0.25">
      <c r="A33214" s="3">
        <v>41705.451342592591</v>
      </c>
      <c r="B33214" s="6">
        <v>552946.5</v>
      </c>
      <c r="C33214" s="7">
        <f t="shared" si="518"/>
        <v>552.94650000000001</v>
      </c>
      <c r="I33214" s="1"/>
    </row>
    <row r="33215" spans="1:9" x14ac:dyDescent="0.25">
      <c r="A33215" s="3">
        <v>41705.451817129629</v>
      </c>
      <c r="B33215" s="6">
        <v>552963.14999999991</v>
      </c>
      <c r="C33215" s="7">
        <f t="shared" si="518"/>
        <v>552.96314999999993</v>
      </c>
      <c r="I33215" s="1"/>
    </row>
    <row r="33216" spans="1:9" x14ac:dyDescent="0.25">
      <c r="A33216" s="3">
        <v>41705.45484953704</v>
      </c>
      <c r="B33216" s="6">
        <v>552979.79999999993</v>
      </c>
      <c r="C33216" s="7">
        <f t="shared" si="518"/>
        <v>552.97979999999995</v>
      </c>
      <c r="I33216" s="1"/>
    </row>
    <row r="33217" spans="1:9" x14ac:dyDescent="0.25">
      <c r="A33217" s="3">
        <v>41705.454988425925</v>
      </c>
      <c r="B33217" s="6">
        <v>552996.44999999995</v>
      </c>
      <c r="C33217" s="7">
        <f t="shared" si="518"/>
        <v>552.99644999999998</v>
      </c>
      <c r="I33217" s="1"/>
    </row>
    <row r="33218" spans="1:9" x14ac:dyDescent="0.25">
      <c r="A33218" s="3">
        <v>41705.456655092596</v>
      </c>
      <c r="B33218" s="6">
        <v>553013.1</v>
      </c>
      <c r="C33218" s="7">
        <f t="shared" si="518"/>
        <v>553.01310000000001</v>
      </c>
      <c r="I33218" s="1"/>
    </row>
    <row r="33219" spans="1:9" x14ac:dyDescent="0.25">
      <c r="A33219" s="3">
        <v>41705.456921296296</v>
      </c>
      <c r="B33219" s="6">
        <v>553029.75</v>
      </c>
      <c r="C33219" s="7">
        <f t="shared" ref="C33219:C33282" si="519">B33219/1000</f>
        <v>553.02975000000004</v>
      </c>
      <c r="I33219" s="1"/>
    </row>
    <row r="33220" spans="1:9" x14ac:dyDescent="0.25">
      <c r="A33220" s="3">
        <v>41705.45989583333</v>
      </c>
      <c r="B33220" s="6">
        <v>553046.39999999991</v>
      </c>
      <c r="C33220" s="7">
        <f t="shared" si="519"/>
        <v>553.04639999999995</v>
      </c>
      <c r="I33220" s="1"/>
    </row>
    <row r="33221" spans="1:9" x14ac:dyDescent="0.25">
      <c r="A33221" s="3">
        <v>41705.460057870368</v>
      </c>
      <c r="B33221" s="6">
        <v>553063.04999999993</v>
      </c>
      <c r="C33221" s="7">
        <f t="shared" si="519"/>
        <v>553.06304999999998</v>
      </c>
      <c r="I33221" s="1"/>
    </row>
    <row r="33222" spans="1:9" x14ac:dyDescent="0.25">
      <c r="A33222" s="3">
        <v>41705.463148148148</v>
      </c>
      <c r="B33222" s="6">
        <v>553079.69999999995</v>
      </c>
      <c r="C33222" s="7">
        <f t="shared" si="519"/>
        <v>553.0797</v>
      </c>
      <c r="I33222" s="1"/>
    </row>
    <row r="33223" spans="1:9" x14ac:dyDescent="0.25">
      <c r="A33223" s="3">
        <v>41705.463368055556</v>
      </c>
      <c r="B33223" s="6">
        <v>553096.35</v>
      </c>
      <c r="C33223" s="7">
        <f t="shared" si="519"/>
        <v>553.09635000000003</v>
      </c>
      <c r="I33223" s="1"/>
    </row>
    <row r="33224" spans="1:9" x14ac:dyDescent="0.25">
      <c r="A33224" s="3">
        <v>41705.467152777775</v>
      </c>
      <c r="B33224" s="6">
        <v>553113</v>
      </c>
      <c r="C33224" s="7">
        <f t="shared" si="519"/>
        <v>553.11300000000006</v>
      </c>
      <c r="I33224" s="1"/>
    </row>
    <row r="33225" spans="1:9" x14ac:dyDescent="0.25">
      <c r="A33225" s="3">
        <v>41705.467430555553</v>
      </c>
      <c r="B33225" s="6">
        <v>553129.64999999991</v>
      </c>
      <c r="C33225" s="7">
        <f t="shared" si="519"/>
        <v>553.12964999999986</v>
      </c>
      <c r="I33225" s="1"/>
    </row>
    <row r="33226" spans="1:9" x14ac:dyDescent="0.25">
      <c r="A33226" s="3">
        <v>41705.473807870374</v>
      </c>
      <c r="B33226" s="6">
        <v>553146.29999999993</v>
      </c>
      <c r="C33226" s="7">
        <f t="shared" si="519"/>
        <v>553.14629999999988</v>
      </c>
      <c r="I33226" s="1"/>
    </row>
    <row r="33227" spans="1:9" x14ac:dyDescent="0.25">
      <c r="A33227" s="3">
        <v>41705.474259259259</v>
      </c>
      <c r="B33227" s="6">
        <v>553162.94999999995</v>
      </c>
      <c r="C33227" s="7">
        <f t="shared" si="519"/>
        <v>553.16294999999991</v>
      </c>
      <c r="I33227" s="1"/>
    </row>
    <row r="33228" spans="1:9" x14ac:dyDescent="0.25">
      <c r="A33228" s="3">
        <v>41705.479178240741</v>
      </c>
      <c r="B33228" s="6">
        <v>553179.6</v>
      </c>
      <c r="C33228" s="7">
        <f t="shared" si="519"/>
        <v>553.17959999999994</v>
      </c>
      <c r="I33228" s="1"/>
    </row>
    <row r="33229" spans="1:9" x14ac:dyDescent="0.25">
      <c r="A33229" s="3">
        <v>41705.479467592595</v>
      </c>
      <c r="B33229" s="6">
        <v>553196.25</v>
      </c>
      <c r="C33229" s="7">
        <f t="shared" si="519"/>
        <v>553.19624999999996</v>
      </c>
      <c r="I33229" s="1"/>
    </row>
    <row r="33230" spans="1:9" x14ac:dyDescent="0.25">
      <c r="A33230" s="3">
        <v>41705.484293981484</v>
      </c>
      <c r="B33230" s="6">
        <v>553212.89999999991</v>
      </c>
      <c r="C33230" s="7">
        <f t="shared" si="519"/>
        <v>553.21289999999988</v>
      </c>
      <c r="I33230" s="1"/>
    </row>
    <row r="33231" spans="1:9" x14ac:dyDescent="0.25">
      <c r="A33231" s="3">
        <v>41705.484629629631</v>
      </c>
      <c r="B33231" s="6">
        <v>553229.54999999993</v>
      </c>
      <c r="C33231" s="7">
        <f t="shared" si="519"/>
        <v>553.2295499999999</v>
      </c>
      <c r="I33231" s="1"/>
    </row>
    <row r="33232" spans="1:9" x14ac:dyDescent="0.25">
      <c r="A33232" s="3">
        <v>41705.486944444441</v>
      </c>
      <c r="B33232" s="6">
        <v>553246.19999999995</v>
      </c>
      <c r="C33232" s="7">
        <f t="shared" si="519"/>
        <v>553.24619999999993</v>
      </c>
      <c r="I33232" s="1"/>
    </row>
    <row r="33233" spans="1:9" x14ac:dyDescent="0.25">
      <c r="A33233" s="3">
        <v>41705.487199074072</v>
      </c>
      <c r="B33233" s="6">
        <v>553262.85</v>
      </c>
      <c r="C33233" s="7">
        <f t="shared" si="519"/>
        <v>553.26284999999996</v>
      </c>
      <c r="I33233" s="1"/>
    </row>
    <row r="33234" spans="1:9" x14ac:dyDescent="0.25">
      <c r="A33234" s="3">
        <v>41705.488321759258</v>
      </c>
      <c r="B33234" s="6">
        <v>553279.5</v>
      </c>
      <c r="C33234" s="7">
        <f t="shared" si="519"/>
        <v>553.27949999999998</v>
      </c>
      <c r="I33234" s="1"/>
    </row>
    <row r="33235" spans="1:9" x14ac:dyDescent="0.25">
      <c r="A33235" s="3">
        <v>41705.48846064815</v>
      </c>
      <c r="B33235" s="6">
        <v>553296.14999999991</v>
      </c>
      <c r="C33235" s="7">
        <f t="shared" si="519"/>
        <v>553.2961499999999</v>
      </c>
      <c r="I33235" s="1"/>
    </row>
    <row r="33236" spans="1:9" x14ac:dyDescent="0.25">
      <c r="A33236" s="3">
        <v>41705.489583333336</v>
      </c>
      <c r="B33236" s="6">
        <v>553312.79999999993</v>
      </c>
      <c r="C33236" s="7">
        <f t="shared" si="519"/>
        <v>553.31279999999992</v>
      </c>
      <c r="I33236" s="1"/>
    </row>
    <row r="33237" spans="1:9" x14ac:dyDescent="0.25">
      <c r="A33237" s="3">
        <v>41705.489664351851</v>
      </c>
      <c r="B33237" s="6">
        <v>553329.44999999995</v>
      </c>
      <c r="C33237" s="7">
        <f t="shared" si="519"/>
        <v>553.32944999999995</v>
      </c>
      <c r="I33237" s="1"/>
    </row>
    <row r="33238" spans="1:9" x14ac:dyDescent="0.25">
      <c r="A33238" s="3">
        <v>41705.491342592592</v>
      </c>
      <c r="B33238" s="6">
        <v>553346.1</v>
      </c>
      <c r="C33238" s="7">
        <f t="shared" si="519"/>
        <v>553.34609999999998</v>
      </c>
      <c r="I33238" s="1"/>
    </row>
    <row r="33239" spans="1:9" x14ac:dyDescent="0.25">
      <c r="A33239" s="3">
        <v>41705.4919212963</v>
      </c>
      <c r="B33239" s="6">
        <v>553362.75</v>
      </c>
      <c r="C33239" s="7">
        <f t="shared" si="519"/>
        <v>553.36275000000001</v>
      </c>
      <c r="I33239" s="1"/>
    </row>
    <row r="33240" spans="1:9" x14ac:dyDescent="0.25">
      <c r="A33240" s="3">
        <v>41705.494699074072</v>
      </c>
      <c r="B33240" s="6">
        <v>553379.39999999991</v>
      </c>
      <c r="C33240" s="7">
        <f t="shared" si="519"/>
        <v>553.37939999999992</v>
      </c>
      <c r="I33240" s="1"/>
    </row>
    <row r="33241" spans="1:9" x14ac:dyDescent="0.25">
      <c r="A33241" s="3">
        <v>41705.495266203703</v>
      </c>
      <c r="B33241" s="6">
        <v>553396.04999999993</v>
      </c>
      <c r="C33241" s="7">
        <f t="shared" si="519"/>
        <v>553.39604999999995</v>
      </c>
      <c r="I33241" s="1"/>
    </row>
    <row r="33242" spans="1:9" x14ac:dyDescent="0.25">
      <c r="A33242" s="3">
        <v>41705.496701388889</v>
      </c>
      <c r="B33242" s="6">
        <v>553412.69999999995</v>
      </c>
      <c r="C33242" s="7">
        <f t="shared" si="519"/>
        <v>553.41269999999997</v>
      </c>
      <c r="I33242" s="1"/>
    </row>
    <row r="33243" spans="1:9" x14ac:dyDescent="0.25">
      <c r="A33243" s="3">
        <v>41705.496828703705</v>
      </c>
      <c r="B33243" s="6">
        <v>553429.35</v>
      </c>
      <c r="C33243" s="7">
        <f t="shared" si="519"/>
        <v>553.42935</v>
      </c>
      <c r="I33243" s="1"/>
    </row>
    <row r="33244" spans="1:9" x14ac:dyDescent="0.25">
      <c r="A33244" s="3">
        <v>41705.49858796296</v>
      </c>
      <c r="B33244" s="6">
        <v>553446</v>
      </c>
      <c r="C33244" s="7">
        <f t="shared" si="519"/>
        <v>553.44600000000003</v>
      </c>
      <c r="I33244" s="1"/>
    </row>
    <row r="33245" spans="1:9" x14ac:dyDescent="0.25">
      <c r="A33245" s="3">
        <v>41705.498715277776</v>
      </c>
      <c r="B33245" s="6">
        <v>553462.64999999991</v>
      </c>
      <c r="C33245" s="7">
        <f t="shared" si="519"/>
        <v>553.46264999999994</v>
      </c>
      <c r="I33245" s="1"/>
    </row>
    <row r="33246" spans="1:9" x14ac:dyDescent="0.25">
      <c r="A33246" s="3">
        <v>41705.503055555557</v>
      </c>
      <c r="B33246" s="6">
        <v>553479.29999999993</v>
      </c>
      <c r="C33246" s="7">
        <f t="shared" si="519"/>
        <v>553.47929999999997</v>
      </c>
      <c r="I33246" s="1"/>
    </row>
    <row r="33247" spans="1:9" x14ac:dyDescent="0.25">
      <c r="A33247" s="3">
        <v>41705.503935185188</v>
      </c>
      <c r="B33247" s="6">
        <v>553495.94999999995</v>
      </c>
      <c r="C33247" s="7">
        <f t="shared" si="519"/>
        <v>553.49594999999999</v>
      </c>
      <c r="I33247" s="1"/>
    </row>
    <row r="33248" spans="1:9" x14ac:dyDescent="0.25">
      <c r="A33248" s="3">
        <v>41705.505196759259</v>
      </c>
      <c r="B33248" s="6">
        <v>553512.6</v>
      </c>
      <c r="C33248" s="7">
        <f t="shared" si="519"/>
        <v>553.51260000000002</v>
      </c>
      <c r="I33248" s="1"/>
    </row>
    <row r="33249" spans="1:9" x14ac:dyDescent="0.25">
      <c r="A33249" s="3">
        <v>41705.505277777775</v>
      </c>
      <c r="B33249" s="6">
        <v>553529.25</v>
      </c>
      <c r="C33249" s="7">
        <f t="shared" si="519"/>
        <v>553.52925000000005</v>
      </c>
      <c r="I33249" s="1"/>
    </row>
    <row r="33250" spans="1:9" x14ac:dyDescent="0.25">
      <c r="A33250" s="3">
        <v>41705.506041666667</v>
      </c>
      <c r="B33250" s="6">
        <v>553545.89999999991</v>
      </c>
      <c r="C33250" s="7">
        <f t="shared" si="519"/>
        <v>553.54589999999996</v>
      </c>
      <c r="I33250" s="1"/>
    </row>
    <row r="33251" spans="1:9" x14ac:dyDescent="0.25">
      <c r="A33251" s="3">
        <v>41705.506122685183</v>
      </c>
      <c r="B33251" s="6">
        <v>553562.54999999993</v>
      </c>
      <c r="C33251" s="7">
        <f t="shared" si="519"/>
        <v>553.56254999999987</v>
      </c>
      <c r="I33251" s="1"/>
    </row>
    <row r="33252" spans="1:9" x14ac:dyDescent="0.25">
      <c r="A33252" s="3">
        <v>41705.508067129631</v>
      </c>
      <c r="B33252" s="6">
        <v>553579.19999999995</v>
      </c>
      <c r="C33252" s="7">
        <f t="shared" si="519"/>
        <v>553.5791999999999</v>
      </c>
      <c r="I33252" s="1"/>
    </row>
    <row r="33253" spans="1:9" x14ac:dyDescent="0.25">
      <c r="A33253" s="3">
        <v>41705.508252314816</v>
      </c>
      <c r="B33253" s="6">
        <v>553595.85</v>
      </c>
      <c r="C33253" s="7">
        <f t="shared" si="519"/>
        <v>553.59584999999993</v>
      </c>
      <c r="I33253" s="1"/>
    </row>
    <row r="33254" spans="1:9" x14ac:dyDescent="0.25">
      <c r="A33254" s="3">
        <v>41705.508877314816</v>
      </c>
      <c r="B33254" s="6">
        <v>553612.5</v>
      </c>
      <c r="C33254" s="7">
        <f t="shared" si="519"/>
        <v>553.61249999999995</v>
      </c>
      <c r="I33254" s="1"/>
    </row>
    <row r="33255" spans="1:9" x14ac:dyDescent="0.25">
      <c r="A33255" s="3">
        <v>41705.508993055555</v>
      </c>
      <c r="B33255" s="6">
        <v>553629.14999999991</v>
      </c>
      <c r="C33255" s="7">
        <f t="shared" si="519"/>
        <v>553.62914999999987</v>
      </c>
      <c r="I33255" s="1"/>
    </row>
    <row r="33256" spans="1:9" x14ac:dyDescent="0.25">
      <c r="A33256" s="3">
        <v>41705.510115740741</v>
      </c>
      <c r="B33256" s="6">
        <v>553645.79999999993</v>
      </c>
      <c r="C33256" s="7">
        <f t="shared" si="519"/>
        <v>553.64579999999989</v>
      </c>
      <c r="I33256" s="1"/>
    </row>
    <row r="33257" spans="1:9" x14ac:dyDescent="0.25">
      <c r="A33257" s="3">
        <v>41705.510185185187</v>
      </c>
      <c r="B33257" s="6">
        <v>553662.44999999995</v>
      </c>
      <c r="C33257" s="7">
        <f t="shared" si="519"/>
        <v>553.66244999999992</v>
      </c>
      <c r="I33257" s="1"/>
    </row>
    <row r="33258" spans="1:9" x14ac:dyDescent="0.25">
      <c r="A33258" s="3">
        <v>41705.511770833335</v>
      </c>
      <c r="B33258" s="6">
        <v>553679.1</v>
      </c>
      <c r="C33258" s="7">
        <f t="shared" si="519"/>
        <v>553.67909999999995</v>
      </c>
      <c r="I33258" s="1"/>
    </row>
    <row r="33259" spans="1:9" x14ac:dyDescent="0.25">
      <c r="A33259" s="3">
        <v>41705.51189814815</v>
      </c>
      <c r="B33259" s="6">
        <v>553695.75</v>
      </c>
      <c r="C33259" s="7">
        <f t="shared" si="519"/>
        <v>553.69574999999998</v>
      </c>
      <c r="I33259" s="1"/>
    </row>
    <row r="33260" spans="1:9" x14ac:dyDescent="0.25">
      <c r="A33260" s="3">
        <v>41705.513749999998</v>
      </c>
      <c r="B33260" s="6">
        <v>553712.39999999991</v>
      </c>
      <c r="C33260" s="7">
        <f t="shared" si="519"/>
        <v>553.71239999999989</v>
      </c>
      <c r="I33260" s="1"/>
    </row>
    <row r="33261" spans="1:9" x14ac:dyDescent="0.25">
      <c r="A33261" s="3">
        <v>41705.514479166668</v>
      </c>
      <c r="B33261" s="6">
        <v>553729.04999999993</v>
      </c>
      <c r="C33261" s="7">
        <f t="shared" si="519"/>
        <v>553.72904999999992</v>
      </c>
      <c r="I33261" s="1"/>
    </row>
    <row r="33262" spans="1:9" x14ac:dyDescent="0.25">
      <c r="A33262" s="3">
        <v>41705.516631944447</v>
      </c>
      <c r="B33262" s="6">
        <v>553745.69999999995</v>
      </c>
      <c r="C33262" s="7">
        <f t="shared" si="519"/>
        <v>553.74569999999994</v>
      </c>
      <c r="I33262" s="1"/>
    </row>
    <row r="33263" spans="1:9" x14ac:dyDescent="0.25">
      <c r="A33263" s="3">
        <v>41705.516770833332</v>
      </c>
      <c r="B33263" s="6">
        <v>553762.35</v>
      </c>
      <c r="C33263" s="7">
        <f t="shared" si="519"/>
        <v>553.76234999999997</v>
      </c>
      <c r="I33263" s="1"/>
    </row>
    <row r="33264" spans="1:9" x14ac:dyDescent="0.25">
      <c r="A33264" s="3">
        <v>41705.518379629626</v>
      </c>
      <c r="B33264" s="6">
        <v>553779</v>
      </c>
      <c r="C33264" s="7">
        <f t="shared" si="519"/>
        <v>553.779</v>
      </c>
      <c r="I33264" s="1"/>
    </row>
    <row r="33265" spans="1:9" x14ac:dyDescent="0.25">
      <c r="A33265" s="3">
        <v>41705.518495370372</v>
      </c>
      <c r="B33265" s="6">
        <v>553795.64999999991</v>
      </c>
      <c r="C33265" s="7">
        <f t="shared" si="519"/>
        <v>553.79564999999991</v>
      </c>
      <c r="I33265" s="1"/>
    </row>
    <row r="33266" spans="1:9" x14ac:dyDescent="0.25">
      <c r="A33266" s="3">
        <v>41705.521238425928</v>
      </c>
      <c r="B33266" s="6">
        <v>553812.29999999993</v>
      </c>
      <c r="C33266" s="7">
        <f t="shared" si="519"/>
        <v>553.81229999999994</v>
      </c>
      <c r="I33266" s="1"/>
    </row>
    <row r="33267" spans="1:9" x14ac:dyDescent="0.25">
      <c r="A33267" s="3">
        <v>41705.52140046296</v>
      </c>
      <c r="B33267" s="6">
        <v>553828.94999999995</v>
      </c>
      <c r="C33267" s="7">
        <f t="shared" si="519"/>
        <v>553.82894999999996</v>
      </c>
      <c r="I33267" s="1"/>
    </row>
    <row r="33268" spans="1:9" x14ac:dyDescent="0.25">
      <c r="A33268" s="3">
        <v>41705.523506944446</v>
      </c>
      <c r="B33268" s="6">
        <v>553845.6</v>
      </c>
      <c r="C33268" s="7">
        <f t="shared" si="519"/>
        <v>553.84559999999999</v>
      </c>
      <c r="I33268" s="1"/>
    </row>
    <row r="33269" spans="1:9" x14ac:dyDescent="0.25">
      <c r="A33269" s="3">
        <v>41705.523622685185</v>
      </c>
      <c r="B33269" s="6">
        <v>553862.25</v>
      </c>
      <c r="C33269" s="7">
        <f t="shared" si="519"/>
        <v>553.86225000000002</v>
      </c>
      <c r="I33269" s="1"/>
    </row>
    <row r="33270" spans="1:9" x14ac:dyDescent="0.25">
      <c r="A33270" s="3">
        <v>41705.524641203701</v>
      </c>
      <c r="B33270" s="6">
        <v>553878.89999999991</v>
      </c>
      <c r="C33270" s="7">
        <f t="shared" si="519"/>
        <v>553.87889999999993</v>
      </c>
      <c r="I33270" s="1"/>
    </row>
    <row r="33271" spans="1:9" x14ac:dyDescent="0.25">
      <c r="A33271" s="3">
        <v>41705.524780092594</v>
      </c>
      <c r="B33271" s="6">
        <v>553895.54999999993</v>
      </c>
      <c r="C33271" s="7">
        <f t="shared" si="519"/>
        <v>553.89554999999996</v>
      </c>
      <c r="I33271" s="1"/>
    </row>
    <row r="33272" spans="1:9" x14ac:dyDescent="0.25">
      <c r="A33272" s="3">
        <v>41705.525833333333</v>
      </c>
      <c r="B33272" s="6">
        <v>553912.19999999995</v>
      </c>
      <c r="C33272" s="7">
        <f t="shared" si="519"/>
        <v>553.91219999999998</v>
      </c>
      <c r="I33272" s="1"/>
    </row>
    <row r="33273" spans="1:9" x14ac:dyDescent="0.25">
      <c r="A33273" s="3">
        <v>41705.525995370372</v>
      </c>
      <c r="B33273" s="6">
        <v>553928.85</v>
      </c>
      <c r="C33273" s="7">
        <f t="shared" si="519"/>
        <v>553.92885000000001</v>
      </c>
      <c r="I33273" s="1"/>
    </row>
    <row r="33274" spans="1:9" x14ac:dyDescent="0.25">
      <c r="A33274" s="3">
        <v>41705.527662037035</v>
      </c>
      <c r="B33274" s="6">
        <v>553945.5</v>
      </c>
      <c r="C33274" s="7">
        <f t="shared" si="519"/>
        <v>553.94550000000004</v>
      </c>
      <c r="I33274" s="1"/>
    </row>
    <row r="33275" spans="1:9" x14ac:dyDescent="0.25">
      <c r="A33275" s="3">
        <v>41705.527731481481</v>
      </c>
      <c r="B33275" s="6">
        <v>553962.14999999991</v>
      </c>
      <c r="C33275" s="7">
        <f t="shared" si="519"/>
        <v>553.96214999999995</v>
      </c>
      <c r="I33275" s="1"/>
    </row>
    <row r="33276" spans="1:9" x14ac:dyDescent="0.25">
      <c r="A33276" s="3">
        <v>41705.52851851852</v>
      </c>
      <c r="B33276" s="6">
        <v>553978.79999999993</v>
      </c>
      <c r="C33276" s="7">
        <f t="shared" si="519"/>
        <v>553.97879999999998</v>
      </c>
      <c r="I33276" s="1"/>
    </row>
    <row r="33277" spans="1:9" x14ac:dyDescent="0.25">
      <c r="A33277" s="3">
        <v>41705.528599537036</v>
      </c>
      <c r="B33277" s="6">
        <v>553995.44999999995</v>
      </c>
      <c r="C33277" s="7">
        <f t="shared" si="519"/>
        <v>553.99545000000001</v>
      </c>
      <c r="I33277" s="1"/>
    </row>
    <row r="33278" spans="1:9" x14ac:dyDescent="0.25">
      <c r="A33278" s="3">
        <v>41705.52925925926</v>
      </c>
      <c r="B33278" s="6">
        <v>554012.1</v>
      </c>
      <c r="C33278" s="7">
        <f t="shared" si="519"/>
        <v>554.01210000000003</v>
      </c>
      <c r="I33278" s="1"/>
    </row>
    <row r="33279" spans="1:9" x14ac:dyDescent="0.25">
      <c r="A33279" s="3">
        <v>41705.529351851852</v>
      </c>
      <c r="B33279" s="6">
        <v>554028.75</v>
      </c>
      <c r="C33279" s="7">
        <f t="shared" si="519"/>
        <v>554.02874999999995</v>
      </c>
      <c r="I33279" s="1"/>
    </row>
    <row r="33280" spans="1:9" x14ac:dyDescent="0.25">
      <c r="A33280" s="3">
        <v>41705.53</v>
      </c>
      <c r="B33280" s="6">
        <v>554045.39999999991</v>
      </c>
      <c r="C33280" s="7">
        <f t="shared" si="519"/>
        <v>554.04539999999986</v>
      </c>
      <c r="I33280" s="1"/>
    </row>
    <row r="33281" spans="1:9" x14ac:dyDescent="0.25">
      <c r="A33281" s="3">
        <v>41705.530081018522</v>
      </c>
      <c r="B33281" s="6">
        <v>554062.04999999993</v>
      </c>
      <c r="C33281" s="7">
        <f t="shared" si="519"/>
        <v>554.06204999999989</v>
      </c>
      <c r="I33281" s="1"/>
    </row>
    <row r="33282" spans="1:9" x14ac:dyDescent="0.25">
      <c r="A33282" s="3">
        <v>41705.531423611108</v>
      </c>
      <c r="B33282" s="6">
        <v>554078.69999999995</v>
      </c>
      <c r="C33282" s="7">
        <f t="shared" si="519"/>
        <v>554.07869999999991</v>
      </c>
      <c r="I33282" s="1"/>
    </row>
    <row r="33283" spans="1:9" x14ac:dyDescent="0.25">
      <c r="A33283" s="3">
        <v>41705.532106481478</v>
      </c>
      <c r="B33283" s="6">
        <v>554095.35</v>
      </c>
      <c r="C33283" s="7">
        <f t="shared" ref="C33283:C33346" si="520">B33283/1000</f>
        <v>554.09534999999994</v>
      </c>
      <c r="I33283" s="1"/>
    </row>
    <row r="33284" spans="1:9" x14ac:dyDescent="0.25">
      <c r="A33284" s="3">
        <v>41705.534201388888</v>
      </c>
      <c r="B33284" s="6">
        <v>554112</v>
      </c>
      <c r="C33284" s="7">
        <f t="shared" si="520"/>
        <v>554.11199999999997</v>
      </c>
      <c r="I33284" s="1"/>
    </row>
    <row r="33285" spans="1:9" x14ac:dyDescent="0.25">
      <c r="A33285" s="3">
        <v>41705.534317129626</v>
      </c>
      <c r="B33285" s="6">
        <v>554128.64999999991</v>
      </c>
      <c r="C33285" s="7">
        <f t="shared" si="520"/>
        <v>554.12864999999988</v>
      </c>
      <c r="I33285" s="1"/>
    </row>
    <row r="33286" spans="1:9" x14ac:dyDescent="0.25">
      <c r="A33286" s="3">
        <v>41705.536215277774</v>
      </c>
      <c r="B33286" s="6">
        <v>554145.29999999993</v>
      </c>
      <c r="C33286" s="7">
        <f t="shared" si="520"/>
        <v>554.14529999999991</v>
      </c>
      <c r="I33286" s="1"/>
    </row>
    <row r="33287" spans="1:9" x14ac:dyDescent="0.25">
      <c r="A33287" s="3">
        <v>41705.536643518521</v>
      </c>
      <c r="B33287" s="6">
        <v>554161.94999999995</v>
      </c>
      <c r="C33287" s="7">
        <f t="shared" si="520"/>
        <v>554.16194999999993</v>
      </c>
      <c r="I33287" s="1"/>
    </row>
    <row r="33288" spans="1:9" x14ac:dyDescent="0.25">
      <c r="A33288" s="3">
        <v>41705.539074074077</v>
      </c>
      <c r="B33288" s="6">
        <v>554178.6</v>
      </c>
      <c r="C33288" s="7">
        <f t="shared" si="520"/>
        <v>554.17859999999996</v>
      </c>
      <c r="I33288" s="1"/>
    </row>
    <row r="33289" spans="1:9" x14ac:dyDescent="0.25">
      <c r="A33289" s="3">
        <v>41705.5393287037</v>
      </c>
      <c r="B33289" s="6">
        <v>554195.25</v>
      </c>
      <c r="C33289" s="7">
        <f t="shared" si="520"/>
        <v>554.19524999999999</v>
      </c>
      <c r="I33289" s="1"/>
    </row>
    <row r="33290" spans="1:9" x14ac:dyDescent="0.25">
      <c r="A33290" s="3">
        <v>41705.541261574072</v>
      </c>
      <c r="B33290" s="6">
        <v>554211.89999999991</v>
      </c>
      <c r="C33290" s="7">
        <f t="shared" si="520"/>
        <v>554.2118999999999</v>
      </c>
      <c r="I33290" s="1"/>
    </row>
    <row r="33291" spans="1:9" x14ac:dyDescent="0.25">
      <c r="A33291" s="3">
        <v>41705.541342592594</v>
      </c>
      <c r="B33291" s="6">
        <v>554228.54999999993</v>
      </c>
      <c r="C33291" s="7">
        <f t="shared" si="520"/>
        <v>554.22854999999993</v>
      </c>
      <c r="I33291" s="1"/>
    </row>
    <row r="33292" spans="1:9" x14ac:dyDescent="0.25">
      <c r="A33292" s="3">
        <v>41705.542673611111</v>
      </c>
      <c r="B33292" s="6">
        <v>554245.19999999995</v>
      </c>
      <c r="C33292" s="7">
        <f t="shared" si="520"/>
        <v>554.24519999999995</v>
      </c>
      <c r="I33292" s="1"/>
    </row>
    <row r="33293" spans="1:9" x14ac:dyDescent="0.25">
      <c r="A33293" s="3">
        <v>41705.54315972222</v>
      </c>
      <c r="B33293" s="6">
        <v>554261.85</v>
      </c>
      <c r="C33293" s="7">
        <f t="shared" si="520"/>
        <v>554.26184999999998</v>
      </c>
      <c r="I33293" s="1"/>
    </row>
    <row r="33294" spans="1:9" x14ac:dyDescent="0.25">
      <c r="A33294" s="3">
        <v>41705.545312499999</v>
      </c>
      <c r="B33294" s="6">
        <v>554278.5</v>
      </c>
      <c r="C33294" s="7">
        <f t="shared" si="520"/>
        <v>554.27850000000001</v>
      </c>
      <c r="I33294" s="1"/>
    </row>
    <row r="33295" spans="1:9" x14ac:dyDescent="0.25">
      <c r="A33295" s="3">
        <v>41705.545474537037</v>
      </c>
      <c r="B33295" s="6">
        <v>554295.14999999991</v>
      </c>
      <c r="C33295" s="7">
        <f t="shared" si="520"/>
        <v>554.29514999999992</v>
      </c>
      <c r="I33295" s="1"/>
    </row>
    <row r="33296" spans="1:9" x14ac:dyDescent="0.25">
      <c r="A33296" s="3">
        <v>41705.54760416667</v>
      </c>
      <c r="B33296" s="6">
        <v>554311.79999999993</v>
      </c>
      <c r="C33296" s="7">
        <f t="shared" si="520"/>
        <v>554.31179999999995</v>
      </c>
      <c r="I33296" s="1"/>
    </row>
    <row r="33297" spans="1:9" x14ac:dyDescent="0.25">
      <c r="A33297" s="3">
        <v>41705.547754629632</v>
      </c>
      <c r="B33297" s="6">
        <v>554328.44999999995</v>
      </c>
      <c r="C33297" s="7">
        <f t="shared" si="520"/>
        <v>554.32844999999998</v>
      </c>
      <c r="I33297" s="1"/>
    </row>
    <row r="33298" spans="1:9" x14ac:dyDescent="0.25">
      <c r="A33298" s="3">
        <v>41705.550810185188</v>
      </c>
      <c r="B33298" s="6">
        <v>554345.1</v>
      </c>
      <c r="C33298" s="7">
        <f t="shared" si="520"/>
        <v>554.3451</v>
      </c>
      <c r="I33298" s="1"/>
    </row>
    <row r="33299" spans="1:9" x14ac:dyDescent="0.25">
      <c r="A33299" s="3">
        <v>41705.551365740743</v>
      </c>
      <c r="B33299" s="6">
        <v>554361.75</v>
      </c>
      <c r="C33299" s="7">
        <f t="shared" si="520"/>
        <v>554.36175000000003</v>
      </c>
      <c r="I33299" s="1"/>
    </row>
    <row r="33300" spans="1:9" x14ac:dyDescent="0.25">
      <c r="A33300" s="3">
        <v>41705.556203703702</v>
      </c>
      <c r="B33300" s="6">
        <v>554378.39999999991</v>
      </c>
      <c r="C33300" s="7">
        <f t="shared" si="520"/>
        <v>554.37839999999994</v>
      </c>
      <c r="I33300" s="1"/>
    </row>
    <row r="33301" spans="1:9" x14ac:dyDescent="0.25">
      <c r="A33301" s="3">
        <v>41705.556400462963</v>
      </c>
      <c r="B33301" s="6">
        <v>554395.04999999993</v>
      </c>
      <c r="C33301" s="7">
        <f t="shared" si="520"/>
        <v>554.39504999999997</v>
      </c>
      <c r="I33301" s="1"/>
    </row>
    <row r="33302" spans="1:9" x14ac:dyDescent="0.25">
      <c r="A33302" s="3">
        <v>41705.558391203704</v>
      </c>
      <c r="B33302" s="6">
        <v>554411.69999999995</v>
      </c>
      <c r="C33302" s="7">
        <f t="shared" si="520"/>
        <v>554.4117</v>
      </c>
      <c r="I33302" s="1"/>
    </row>
    <row r="33303" spans="1:9" x14ac:dyDescent="0.25">
      <c r="A33303" s="3">
        <v>41705.559849537036</v>
      </c>
      <c r="B33303" s="6">
        <v>554428.35</v>
      </c>
      <c r="C33303" s="7">
        <f t="shared" si="520"/>
        <v>554.42835000000002</v>
      </c>
      <c r="I33303" s="1"/>
    </row>
    <row r="33304" spans="1:9" x14ac:dyDescent="0.25">
      <c r="A33304" s="3">
        <v>41705.561099537037</v>
      </c>
      <c r="B33304" s="6">
        <v>554445</v>
      </c>
      <c r="C33304" s="7">
        <f t="shared" si="520"/>
        <v>554.44500000000005</v>
      </c>
      <c r="I33304" s="1"/>
    </row>
    <row r="33305" spans="1:9" x14ac:dyDescent="0.25">
      <c r="A33305" s="3">
        <v>41705.561331018522</v>
      </c>
      <c r="B33305" s="6">
        <v>554461.64999999991</v>
      </c>
      <c r="C33305" s="7">
        <f t="shared" si="520"/>
        <v>554.46164999999996</v>
      </c>
      <c r="I33305" s="1"/>
    </row>
    <row r="33306" spans="1:9" x14ac:dyDescent="0.25">
      <c r="A33306" s="3">
        <v>41705.564201388886</v>
      </c>
      <c r="B33306" s="6">
        <v>554478.29999999993</v>
      </c>
      <c r="C33306" s="7">
        <f t="shared" si="520"/>
        <v>554.47829999999988</v>
      </c>
      <c r="I33306" s="1"/>
    </row>
    <row r="33307" spans="1:9" x14ac:dyDescent="0.25">
      <c r="A33307" s="3">
        <v>41705.564328703702</v>
      </c>
      <c r="B33307" s="6">
        <v>554494.94999999995</v>
      </c>
      <c r="C33307" s="7">
        <f t="shared" si="520"/>
        <v>554.4949499999999</v>
      </c>
      <c r="I33307" s="1"/>
    </row>
    <row r="33308" spans="1:9" x14ac:dyDescent="0.25">
      <c r="A33308" s="3">
        <v>41705.571388888886</v>
      </c>
      <c r="B33308" s="6">
        <v>554511.6</v>
      </c>
      <c r="C33308" s="7">
        <f t="shared" si="520"/>
        <v>554.51159999999993</v>
      </c>
      <c r="I33308" s="1"/>
    </row>
    <row r="33309" spans="1:9" x14ac:dyDescent="0.25">
      <c r="A33309" s="3">
        <v>41705.571504629632</v>
      </c>
      <c r="B33309" s="6">
        <v>554528.25</v>
      </c>
      <c r="C33309" s="7">
        <f t="shared" si="520"/>
        <v>554.52824999999996</v>
      </c>
      <c r="I33309" s="1"/>
    </row>
    <row r="33310" spans="1:9" x14ac:dyDescent="0.25">
      <c r="A33310" s="3">
        <v>41705.573009259257</v>
      </c>
      <c r="B33310" s="6">
        <v>554544.89999999991</v>
      </c>
      <c r="C33310" s="7">
        <f t="shared" si="520"/>
        <v>554.54489999999987</v>
      </c>
      <c r="I33310" s="1"/>
    </row>
    <row r="33311" spans="1:9" x14ac:dyDescent="0.25">
      <c r="A33311" s="3">
        <v>41705.573506944442</v>
      </c>
      <c r="B33311" s="6">
        <v>554561.54999999993</v>
      </c>
      <c r="C33311" s="7">
        <f t="shared" si="520"/>
        <v>554.5615499999999</v>
      </c>
      <c r="I33311" s="1"/>
    </row>
    <row r="33312" spans="1:9" x14ac:dyDescent="0.25">
      <c r="A33312" s="3">
        <v>41705.57671296296</v>
      </c>
      <c r="B33312" s="6">
        <v>554578.19999999995</v>
      </c>
      <c r="C33312" s="7">
        <f t="shared" si="520"/>
        <v>554.57819999999992</v>
      </c>
      <c r="I33312" s="1"/>
    </row>
    <row r="33313" spans="1:9" x14ac:dyDescent="0.25">
      <c r="A33313" s="3">
        <v>41705.576828703706</v>
      </c>
      <c r="B33313" s="6">
        <v>554594.85</v>
      </c>
      <c r="C33313" s="7">
        <f t="shared" si="520"/>
        <v>554.59484999999995</v>
      </c>
      <c r="I33313" s="1"/>
    </row>
    <row r="33314" spans="1:9" x14ac:dyDescent="0.25">
      <c r="A33314" s="3">
        <v>41705.581087962964</v>
      </c>
      <c r="B33314" s="6">
        <v>554611.5</v>
      </c>
      <c r="C33314" s="7">
        <f t="shared" si="520"/>
        <v>554.61149999999998</v>
      </c>
      <c r="I33314" s="1"/>
    </row>
    <row r="33315" spans="1:9" x14ac:dyDescent="0.25">
      <c r="A33315" s="3">
        <v>41705.581631944442</v>
      </c>
      <c r="B33315" s="6">
        <v>554628.14999999991</v>
      </c>
      <c r="C33315" s="7">
        <f t="shared" si="520"/>
        <v>554.62814999999989</v>
      </c>
      <c r="I33315" s="1"/>
    </row>
    <row r="33316" spans="1:9" x14ac:dyDescent="0.25">
      <c r="A33316" s="3">
        <v>41705.582256944443</v>
      </c>
      <c r="B33316" s="6">
        <v>554644.79999999993</v>
      </c>
      <c r="C33316" s="7">
        <f t="shared" si="520"/>
        <v>554.64479999999992</v>
      </c>
      <c r="I33316" s="1"/>
    </row>
    <row r="33317" spans="1:9" x14ac:dyDescent="0.25">
      <c r="A33317" s="3">
        <v>41705.582476851851</v>
      </c>
      <c r="B33317" s="6">
        <v>554661.44999999995</v>
      </c>
      <c r="C33317" s="7">
        <f t="shared" si="520"/>
        <v>554.66144999999995</v>
      </c>
      <c r="I33317" s="1"/>
    </row>
    <row r="33318" spans="1:9" x14ac:dyDescent="0.25">
      <c r="A33318" s="3">
        <v>41705.585243055553</v>
      </c>
      <c r="B33318" s="6">
        <v>554678.1</v>
      </c>
      <c r="C33318" s="7">
        <f t="shared" si="520"/>
        <v>554.67809999999997</v>
      </c>
      <c r="I33318" s="1"/>
    </row>
    <row r="33319" spans="1:9" x14ac:dyDescent="0.25">
      <c r="A33319" s="3">
        <v>41705.586192129631</v>
      </c>
      <c r="B33319" s="6">
        <v>554694.75</v>
      </c>
      <c r="C33319" s="7">
        <f t="shared" si="520"/>
        <v>554.69475</v>
      </c>
      <c r="I33319" s="1"/>
    </row>
    <row r="33320" spans="1:9" x14ac:dyDescent="0.25">
      <c r="A33320" s="3">
        <v>41705.589178240742</v>
      </c>
      <c r="B33320" s="6">
        <v>554711.39999999991</v>
      </c>
      <c r="C33320" s="7">
        <f t="shared" si="520"/>
        <v>554.71139999999991</v>
      </c>
      <c r="I33320" s="1"/>
    </row>
    <row r="33321" spans="1:9" x14ac:dyDescent="0.25">
      <c r="A33321" s="3">
        <v>41705.589629629627</v>
      </c>
      <c r="B33321" s="6">
        <v>554728.04999999993</v>
      </c>
      <c r="C33321" s="7">
        <f t="shared" si="520"/>
        <v>554.72804999999994</v>
      </c>
      <c r="I33321" s="1"/>
    </row>
    <row r="33322" spans="1:9" x14ac:dyDescent="0.25">
      <c r="A33322" s="3">
        <v>41705.590694444443</v>
      </c>
      <c r="B33322" s="6">
        <v>554744.69999999995</v>
      </c>
      <c r="C33322" s="7">
        <f t="shared" si="520"/>
        <v>554.74469999999997</v>
      </c>
      <c r="I33322" s="1"/>
    </row>
    <row r="33323" spans="1:9" x14ac:dyDescent="0.25">
      <c r="A33323" s="3">
        <v>41705.590821759259</v>
      </c>
      <c r="B33323" s="6">
        <v>554761.35</v>
      </c>
      <c r="C33323" s="7">
        <f t="shared" si="520"/>
        <v>554.76134999999999</v>
      </c>
      <c r="I33323" s="1"/>
    </row>
    <row r="33324" spans="1:9" x14ac:dyDescent="0.25">
      <c r="A33324" s="3">
        <v>41705.594097222223</v>
      </c>
      <c r="B33324" s="6">
        <v>554778</v>
      </c>
      <c r="C33324" s="7">
        <f t="shared" si="520"/>
        <v>554.77800000000002</v>
      </c>
      <c r="I33324" s="1"/>
    </row>
    <row r="33325" spans="1:9" x14ac:dyDescent="0.25">
      <c r="A33325" s="3">
        <v>41705.594247685185</v>
      </c>
      <c r="B33325" s="6">
        <v>554794.64999999991</v>
      </c>
      <c r="C33325" s="7">
        <f t="shared" si="520"/>
        <v>554.79464999999993</v>
      </c>
      <c r="I33325" s="1"/>
    </row>
    <row r="33326" spans="1:9" x14ac:dyDescent="0.25">
      <c r="A33326" s="3">
        <v>41705.595868055556</v>
      </c>
      <c r="B33326" s="6">
        <v>554811.29999999993</v>
      </c>
      <c r="C33326" s="7">
        <f t="shared" si="520"/>
        <v>554.81129999999996</v>
      </c>
      <c r="I33326" s="1"/>
    </row>
    <row r="33327" spans="1:9" x14ac:dyDescent="0.25">
      <c r="A33327" s="3">
        <v>41705.595995370371</v>
      </c>
      <c r="B33327" s="6">
        <v>554827.94999999995</v>
      </c>
      <c r="C33327" s="7">
        <f t="shared" si="520"/>
        <v>554.82794999999999</v>
      </c>
      <c r="I33327" s="1"/>
    </row>
    <row r="33328" spans="1:9" x14ac:dyDescent="0.25">
      <c r="A33328" s="3">
        <v>41705.596956018519</v>
      </c>
      <c r="B33328" s="6">
        <v>554844.6</v>
      </c>
      <c r="C33328" s="7">
        <f t="shared" si="520"/>
        <v>554.84460000000001</v>
      </c>
      <c r="I33328" s="1"/>
    </row>
    <row r="33329" spans="1:9" x14ac:dyDescent="0.25">
      <c r="A33329" s="3">
        <v>41705.597025462965</v>
      </c>
      <c r="B33329" s="6">
        <v>554861.25</v>
      </c>
      <c r="C33329" s="7">
        <f t="shared" si="520"/>
        <v>554.86125000000004</v>
      </c>
      <c r="I33329" s="1"/>
    </row>
    <row r="33330" spans="1:9" x14ac:dyDescent="0.25">
      <c r="A33330" s="3">
        <v>41705.597766203704</v>
      </c>
      <c r="B33330" s="6">
        <v>554877.89999999991</v>
      </c>
      <c r="C33330" s="7">
        <f t="shared" si="520"/>
        <v>554.87789999999995</v>
      </c>
      <c r="I33330" s="1"/>
    </row>
    <row r="33331" spans="1:9" x14ac:dyDescent="0.25">
      <c r="A33331" s="3">
        <v>41705.59784722222</v>
      </c>
      <c r="B33331" s="6">
        <v>554894.54999999993</v>
      </c>
      <c r="C33331" s="7">
        <f t="shared" si="520"/>
        <v>554.89454999999998</v>
      </c>
      <c r="I33331" s="1"/>
    </row>
    <row r="33332" spans="1:9" x14ac:dyDescent="0.25">
      <c r="A33332" s="3">
        <v>41705.599803240744</v>
      </c>
      <c r="B33332" s="6">
        <v>554911.19999999995</v>
      </c>
      <c r="C33332" s="7">
        <f t="shared" si="520"/>
        <v>554.91120000000001</v>
      </c>
      <c r="I33332" s="1"/>
    </row>
    <row r="33333" spans="1:9" x14ac:dyDescent="0.25">
      <c r="A33333" s="3">
        <v>41705.600960648146</v>
      </c>
      <c r="B33333" s="6">
        <v>554927.85</v>
      </c>
      <c r="C33333" s="7">
        <f t="shared" si="520"/>
        <v>554.92784999999992</v>
      </c>
      <c r="I33333" s="1"/>
    </row>
    <row r="33334" spans="1:9" x14ac:dyDescent="0.25">
      <c r="A33334" s="3">
        <v>41705.603541666664</v>
      </c>
      <c r="B33334" s="6">
        <v>554944.5</v>
      </c>
      <c r="C33334" s="7">
        <f t="shared" si="520"/>
        <v>554.94449999999995</v>
      </c>
      <c r="I33334" s="1"/>
    </row>
    <row r="33335" spans="1:9" x14ac:dyDescent="0.25">
      <c r="A33335" s="3">
        <v>41705.60365740741</v>
      </c>
      <c r="B33335" s="6">
        <v>554961.14999999991</v>
      </c>
      <c r="C33335" s="7">
        <f t="shared" si="520"/>
        <v>554.96114999999986</v>
      </c>
      <c r="I33335" s="1"/>
    </row>
    <row r="33336" spans="1:9" x14ac:dyDescent="0.25">
      <c r="A33336" s="3">
        <v>41705.605150462965</v>
      </c>
      <c r="B33336" s="6">
        <v>554977.79999999993</v>
      </c>
      <c r="C33336" s="7">
        <f t="shared" si="520"/>
        <v>554.97779999999989</v>
      </c>
      <c r="I33336" s="1"/>
    </row>
    <row r="33337" spans="1:9" x14ac:dyDescent="0.25">
      <c r="A33337" s="3">
        <v>41705.605393518519</v>
      </c>
      <c r="B33337" s="6">
        <v>554994.44999999995</v>
      </c>
      <c r="C33337" s="7">
        <f t="shared" si="520"/>
        <v>554.99444999999992</v>
      </c>
      <c r="I33337" s="1"/>
    </row>
    <row r="33338" spans="1:9" x14ac:dyDescent="0.25">
      <c r="A33338" s="3">
        <v>41705.606631944444</v>
      </c>
      <c r="B33338" s="6">
        <v>555011.1</v>
      </c>
      <c r="C33338" s="7">
        <f t="shared" si="520"/>
        <v>555.01109999999994</v>
      </c>
      <c r="I33338" s="1"/>
    </row>
    <row r="33339" spans="1:9" x14ac:dyDescent="0.25">
      <c r="A33339" s="3">
        <v>41705.606770833336</v>
      </c>
      <c r="B33339" s="6">
        <v>555027.75</v>
      </c>
      <c r="C33339" s="7">
        <f t="shared" si="520"/>
        <v>555.02774999999997</v>
      </c>
      <c r="I33339" s="1"/>
    </row>
    <row r="33340" spans="1:9" x14ac:dyDescent="0.25">
      <c r="A33340" s="3">
        <v>41705.609143518515</v>
      </c>
      <c r="B33340" s="6">
        <v>555044.39999999991</v>
      </c>
      <c r="C33340" s="7">
        <f t="shared" si="520"/>
        <v>555.04439999999988</v>
      </c>
      <c r="I33340" s="1"/>
    </row>
    <row r="33341" spans="1:9" x14ac:dyDescent="0.25">
      <c r="A33341" s="3">
        <v>41705.609270833331</v>
      </c>
      <c r="B33341" s="6">
        <v>555061.04999999993</v>
      </c>
      <c r="C33341" s="7">
        <f t="shared" si="520"/>
        <v>555.06104999999991</v>
      </c>
      <c r="I33341" s="1"/>
    </row>
    <row r="33342" spans="1:9" x14ac:dyDescent="0.25">
      <c r="A33342" s="3">
        <v>41705.613703703704</v>
      </c>
      <c r="B33342" s="6">
        <v>555077.69999999995</v>
      </c>
      <c r="C33342" s="7">
        <f t="shared" si="520"/>
        <v>555.07769999999994</v>
      </c>
      <c r="I33342" s="1"/>
    </row>
    <row r="33343" spans="1:9" x14ac:dyDescent="0.25">
      <c r="A33343" s="3">
        <v>41705.613761574074</v>
      </c>
      <c r="B33343" s="6">
        <v>555094.35</v>
      </c>
      <c r="C33343" s="7">
        <f t="shared" si="520"/>
        <v>555.09434999999996</v>
      </c>
      <c r="I33343" s="1"/>
    </row>
    <row r="33344" spans="1:9" x14ac:dyDescent="0.25">
      <c r="A33344" s="3">
        <v>41705.61446759259</v>
      </c>
      <c r="B33344" s="6">
        <v>555111</v>
      </c>
      <c r="C33344" s="7">
        <f t="shared" si="520"/>
        <v>555.11099999999999</v>
      </c>
      <c r="I33344" s="1"/>
    </row>
    <row r="33345" spans="1:9" x14ac:dyDescent="0.25">
      <c r="A33345" s="3">
        <v>41705.614571759259</v>
      </c>
      <c r="B33345" s="6">
        <v>555127.64999999991</v>
      </c>
      <c r="C33345" s="7">
        <f t="shared" si="520"/>
        <v>555.1276499999999</v>
      </c>
      <c r="I33345" s="1"/>
    </row>
    <row r="33346" spans="1:9" x14ac:dyDescent="0.25">
      <c r="A33346" s="3">
        <v>41705.616967592592</v>
      </c>
      <c r="B33346" s="6">
        <v>555144.29999999993</v>
      </c>
      <c r="C33346" s="7">
        <f t="shared" si="520"/>
        <v>555.14429999999993</v>
      </c>
      <c r="I33346" s="1"/>
    </row>
    <row r="33347" spans="1:9" x14ac:dyDescent="0.25">
      <c r="A33347" s="3">
        <v>41705.617465277777</v>
      </c>
      <c r="B33347" s="6">
        <v>555160.94999999995</v>
      </c>
      <c r="C33347" s="7">
        <f t="shared" ref="C33347:C33410" si="521">B33347/1000</f>
        <v>555.16094999999996</v>
      </c>
      <c r="I33347" s="1"/>
    </row>
    <row r="33348" spans="1:9" x14ac:dyDescent="0.25">
      <c r="A33348" s="3">
        <v>41705.622199074074</v>
      </c>
      <c r="B33348" s="6">
        <v>555177.6</v>
      </c>
      <c r="C33348" s="7">
        <f t="shared" si="521"/>
        <v>555.17759999999998</v>
      </c>
      <c r="I33348" s="1"/>
    </row>
    <row r="33349" spans="1:9" x14ac:dyDescent="0.25">
      <c r="A33349" s="3">
        <v>41705.622395833336</v>
      </c>
      <c r="B33349" s="6">
        <v>555194.25</v>
      </c>
      <c r="C33349" s="7">
        <f t="shared" si="521"/>
        <v>555.19425000000001</v>
      </c>
      <c r="I33349" s="1"/>
    </row>
    <row r="33350" spans="1:9" x14ac:dyDescent="0.25">
      <c r="A33350" s="3">
        <v>41705.624178240738</v>
      </c>
      <c r="B33350" s="6">
        <v>555210.89999999991</v>
      </c>
      <c r="C33350" s="7">
        <f t="shared" si="521"/>
        <v>555.21089999999992</v>
      </c>
      <c r="I33350" s="1"/>
    </row>
    <row r="33351" spans="1:9" x14ac:dyDescent="0.25">
      <c r="A33351" s="3">
        <v>41705.624259259261</v>
      </c>
      <c r="B33351" s="6">
        <v>555227.54999999993</v>
      </c>
      <c r="C33351" s="7">
        <f t="shared" si="521"/>
        <v>555.22754999999995</v>
      </c>
      <c r="I33351" s="1"/>
    </row>
    <row r="33352" spans="1:9" x14ac:dyDescent="0.25">
      <c r="A33352" s="3">
        <v>41705.625486111108</v>
      </c>
      <c r="B33352" s="6">
        <v>555244.19999999995</v>
      </c>
      <c r="C33352" s="7">
        <f t="shared" si="521"/>
        <v>555.24419999999998</v>
      </c>
      <c r="I33352" s="1"/>
    </row>
    <row r="33353" spans="1:9" x14ac:dyDescent="0.25">
      <c r="A33353" s="3">
        <v>41705.625648148147</v>
      </c>
      <c r="B33353" s="6">
        <v>555260.85</v>
      </c>
      <c r="C33353" s="7">
        <f t="shared" si="521"/>
        <v>555.26085</v>
      </c>
      <c r="I33353" s="1"/>
    </row>
    <row r="33354" spans="1:9" x14ac:dyDescent="0.25">
      <c r="A33354" s="3">
        <v>41705.626747685186</v>
      </c>
      <c r="B33354" s="6">
        <v>555277.5</v>
      </c>
      <c r="C33354" s="7">
        <f t="shared" si="521"/>
        <v>555.27750000000003</v>
      </c>
      <c r="I33354" s="1"/>
    </row>
    <row r="33355" spans="1:9" x14ac:dyDescent="0.25">
      <c r="A33355" s="3">
        <v>41705.626851851855</v>
      </c>
      <c r="B33355" s="6">
        <v>555294.14999999991</v>
      </c>
      <c r="C33355" s="7">
        <f t="shared" si="521"/>
        <v>555.29414999999995</v>
      </c>
      <c r="I33355" s="1"/>
    </row>
    <row r="33356" spans="1:9" x14ac:dyDescent="0.25">
      <c r="A33356" s="3">
        <v>41705.628252314818</v>
      </c>
      <c r="B33356" s="6">
        <v>555310.79999999993</v>
      </c>
      <c r="C33356" s="7">
        <f t="shared" si="521"/>
        <v>555.31079999999997</v>
      </c>
      <c r="I33356" s="1"/>
    </row>
    <row r="33357" spans="1:9" x14ac:dyDescent="0.25">
      <c r="A33357" s="3">
        <v>41705.628391203703</v>
      </c>
      <c r="B33357" s="6">
        <v>555327.44999999995</v>
      </c>
      <c r="C33357" s="7">
        <f t="shared" si="521"/>
        <v>555.32745</v>
      </c>
      <c r="I33357" s="1"/>
    </row>
    <row r="33358" spans="1:9" x14ac:dyDescent="0.25">
      <c r="A33358" s="3">
        <v>41705.630243055559</v>
      </c>
      <c r="B33358" s="6">
        <v>555344.1</v>
      </c>
      <c r="C33358" s="7">
        <f t="shared" si="521"/>
        <v>555.34410000000003</v>
      </c>
      <c r="I33358" s="1"/>
    </row>
    <row r="33359" spans="1:9" x14ac:dyDescent="0.25">
      <c r="A33359" s="3">
        <v>41705.630370370367</v>
      </c>
      <c r="B33359" s="6">
        <v>555360.75</v>
      </c>
      <c r="C33359" s="7">
        <f t="shared" si="521"/>
        <v>555.36075000000005</v>
      </c>
      <c r="I33359" s="1"/>
    </row>
    <row r="33360" spans="1:9" x14ac:dyDescent="0.25">
      <c r="A33360" s="3">
        <v>41705.631249999999</v>
      </c>
      <c r="B33360" s="6">
        <v>555377.39999999991</v>
      </c>
      <c r="C33360" s="7">
        <f t="shared" si="521"/>
        <v>555.37739999999985</v>
      </c>
      <c r="I33360" s="1"/>
    </row>
    <row r="33361" spans="1:9" x14ac:dyDescent="0.25">
      <c r="A33361" s="3">
        <v>41705.631307870368</v>
      </c>
      <c r="B33361" s="6">
        <v>555394.04999999993</v>
      </c>
      <c r="C33361" s="7">
        <f t="shared" si="521"/>
        <v>555.39404999999988</v>
      </c>
      <c r="I33361" s="1"/>
    </row>
    <row r="33362" spans="1:9" x14ac:dyDescent="0.25">
      <c r="A33362" s="3">
        <v>41705.632141203707</v>
      </c>
      <c r="B33362" s="6">
        <v>555410.69999999995</v>
      </c>
      <c r="C33362" s="7">
        <f t="shared" si="521"/>
        <v>555.41069999999991</v>
      </c>
      <c r="I33362" s="1"/>
    </row>
    <row r="33363" spans="1:9" x14ac:dyDescent="0.25">
      <c r="A33363" s="3">
        <v>41705.632210648146</v>
      </c>
      <c r="B33363" s="6">
        <v>555427.35</v>
      </c>
      <c r="C33363" s="7">
        <f t="shared" si="521"/>
        <v>555.42734999999993</v>
      </c>
      <c r="I33363" s="1"/>
    </row>
    <row r="33364" spans="1:9" x14ac:dyDescent="0.25">
      <c r="A33364" s="3">
        <v>41705.633645833332</v>
      </c>
      <c r="B33364" s="6">
        <v>555444</v>
      </c>
      <c r="C33364" s="7">
        <f t="shared" si="521"/>
        <v>555.44399999999996</v>
      </c>
      <c r="I33364" s="1"/>
    </row>
    <row r="33365" spans="1:9" x14ac:dyDescent="0.25">
      <c r="A33365" s="3">
        <v>41705.633773148147</v>
      </c>
      <c r="B33365" s="6">
        <v>555460.64999999991</v>
      </c>
      <c r="C33365" s="7">
        <f t="shared" si="521"/>
        <v>555.46064999999987</v>
      </c>
      <c r="I33365" s="1"/>
    </row>
    <row r="33366" spans="1:9" x14ac:dyDescent="0.25">
      <c r="A33366" s="3">
        <v>41705.636944444443</v>
      </c>
      <c r="B33366" s="6">
        <v>555477.29999999993</v>
      </c>
      <c r="C33366" s="7">
        <f t="shared" si="521"/>
        <v>555.4772999999999</v>
      </c>
      <c r="I33366" s="1"/>
    </row>
    <row r="33367" spans="1:9" x14ac:dyDescent="0.25">
      <c r="A33367" s="3">
        <v>41705.637106481481</v>
      </c>
      <c r="B33367" s="6">
        <v>555493.94999999995</v>
      </c>
      <c r="C33367" s="7">
        <f t="shared" si="521"/>
        <v>555.49394999999993</v>
      </c>
      <c r="I33367" s="1"/>
    </row>
    <row r="33368" spans="1:9" x14ac:dyDescent="0.25">
      <c r="A33368" s="3">
        <v>41705.638784722221</v>
      </c>
      <c r="B33368" s="6">
        <v>555510.6</v>
      </c>
      <c r="C33368" s="7">
        <f t="shared" si="521"/>
        <v>555.51059999999995</v>
      </c>
      <c r="I33368" s="1"/>
    </row>
    <row r="33369" spans="1:9" x14ac:dyDescent="0.25">
      <c r="A33369" s="3">
        <v>41705.639131944445</v>
      </c>
      <c r="B33369" s="6">
        <v>555527.25</v>
      </c>
      <c r="C33369" s="7">
        <f t="shared" si="521"/>
        <v>555.52724999999998</v>
      </c>
      <c r="I33369" s="1"/>
    </row>
    <row r="33370" spans="1:9" x14ac:dyDescent="0.25">
      <c r="A33370" s="3">
        <v>41705.640763888892</v>
      </c>
      <c r="B33370" s="6">
        <v>555543.89999999991</v>
      </c>
      <c r="C33370" s="7">
        <f t="shared" si="521"/>
        <v>555.54389999999989</v>
      </c>
      <c r="I33370" s="1"/>
    </row>
    <row r="33371" spans="1:9" x14ac:dyDescent="0.25">
      <c r="A33371" s="3">
        <v>41705.640960648147</v>
      </c>
      <c r="B33371" s="6">
        <v>555560.54999999993</v>
      </c>
      <c r="C33371" s="7">
        <f t="shared" si="521"/>
        <v>555.56054999999992</v>
      </c>
      <c r="I33371" s="1"/>
    </row>
    <row r="33372" spans="1:9" x14ac:dyDescent="0.25">
      <c r="A33372" s="3">
        <v>41705.645983796298</v>
      </c>
      <c r="B33372" s="6">
        <v>555577.19999999995</v>
      </c>
      <c r="C33372" s="7">
        <f t="shared" si="521"/>
        <v>555.57719999999995</v>
      </c>
      <c r="I33372" s="1"/>
    </row>
    <row r="33373" spans="1:9" x14ac:dyDescent="0.25">
      <c r="A33373" s="3">
        <v>41705.646354166667</v>
      </c>
      <c r="B33373" s="6">
        <v>555593.85</v>
      </c>
      <c r="C33373" s="7">
        <f t="shared" si="521"/>
        <v>555.59384999999997</v>
      </c>
      <c r="I33373" s="1"/>
    </row>
    <row r="33374" spans="1:9" x14ac:dyDescent="0.25">
      <c r="A33374" s="3">
        <v>41705.647824074076</v>
      </c>
      <c r="B33374" s="6">
        <v>555610.5</v>
      </c>
      <c r="C33374" s="7">
        <f t="shared" si="521"/>
        <v>555.6105</v>
      </c>
      <c r="I33374" s="1"/>
    </row>
    <row r="33375" spans="1:9" x14ac:dyDescent="0.25">
      <c r="A33375" s="3">
        <v>41705.647951388892</v>
      </c>
      <c r="B33375" s="6">
        <v>555627.14999999991</v>
      </c>
      <c r="C33375" s="7">
        <f t="shared" si="521"/>
        <v>555.62714999999992</v>
      </c>
      <c r="I33375" s="1"/>
    </row>
    <row r="33376" spans="1:9" x14ac:dyDescent="0.25">
      <c r="A33376" s="3">
        <v>41705.64943287037</v>
      </c>
      <c r="B33376" s="6">
        <v>555643.79999999993</v>
      </c>
      <c r="C33376" s="7">
        <f t="shared" si="521"/>
        <v>555.64379999999994</v>
      </c>
      <c r="I33376" s="1"/>
    </row>
    <row r="33377" spans="1:9" x14ac:dyDescent="0.25">
      <c r="A33377" s="3">
        <v>41705.650324074071</v>
      </c>
      <c r="B33377" s="6">
        <v>555660.44999999995</v>
      </c>
      <c r="C33377" s="7">
        <f t="shared" si="521"/>
        <v>555.66044999999997</v>
      </c>
      <c r="I33377" s="1"/>
    </row>
    <row r="33378" spans="1:9" x14ac:dyDescent="0.25">
      <c r="A33378" s="3">
        <v>41705.654502314814</v>
      </c>
      <c r="B33378" s="6">
        <v>555677.1</v>
      </c>
      <c r="C33378" s="7">
        <f t="shared" si="521"/>
        <v>555.6771</v>
      </c>
      <c r="I33378" s="1"/>
    </row>
    <row r="33379" spans="1:9" x14ac:dyDescent="0.25">
      <c r="A33379" s="3">
        <v>41705.654641203706</v>
      </c>
      <c r="B33379" s="6">
        <v>555693.75</v>
      </c>
      <c r="C33379" s="7">
        <f t="shared" si="521"/>
        <v>555.69375000000002</v>
      </c>
      <c r="I33379" s="1"/>
    </row>
    <row r="33380" spans="1:9" x14ac:dyDescent="0.25">
      <c r="A33380" s="3">
        <v>41705.656365740739</v>
      </c>
      <c r="B33380" s="6">
        <v>555710.39999999991</v>
      </c>
      <c r="C33380" s="7">
        <f t="shared" si="521"/>
        <v>555.71039999999994</v>
      </c>
      <c r="I33380" s="1"/>
    </row>
    <row r="33381" spans="1:9" x14ac:dyDescent="0.25">
      <c r="A33381" s="3">
        <v>41705.658067129632</v>
      </c>
      <c r="B33381" s="6">
        <v>555727.04999999993</v>
      </c>
      <c r="C33381" s="7">
        <f t="shared" si="521"/>
        <v>555.72704999999996</v>
      </c>
      <c r="I33381" s="1"/>
    </row>
    <row r="33382" spans="1:9" x14ac:dyDescent="0.25">
      <c r="A33382" s="3">
        <v>41705.659814814811</v>
      </c>
      <c r="B33382" s="6">
        <v>555743.69999999995</v>
      </c>
      <c r="C33382" s="7">
        <f t="shared" si="521"/>
        <v>555.74369999999999</v>
      </c>
      <c r="I33382" s="1"/>
    </row>
    <row r="33383" spans="1:9" x14ac:dyDescent="0.25">
      <c r="A33383" s="3">
        <v>41705.661041666666</v>
      </c>
      <c r="B33383" s="6">
        <v>555760.35</v>
      </c>
      <c r="C33383" s="7">
        <f t="shared" si="521"/>
        <v>555.76035000000002</v>
      </c>
      <c r="I33383" s="1"/>
    </row>
    <row r="33384" spans="1:9" x14ac:dyDescent="0.25">
      <c r="A33384" s="3">
        <v>41705.665347222224</v>
      </c>
      <c r="B33384" s="6">
        <v>555777</v>
      </c>
      <c r="C33384" s="7">
        <f t="shared" si="521"/>
        <v>555.77700000000004</v>
      </c>
      <c r="I33384" s="1"/>
    </row>
    <row r="33385" spans="1:9" x14ac:dyDescent="0.25">
      <c r="A33385" s="3">
        <v>41705.665613425925</v>
      </c>
      <c r="B33385" s="6">
        <v>555793.64999999991</v>
      </c>
      <c r="C33385" s="7">
        <f t="shared" si="521"/>
        <v>555.79364999999996</v>
      </c>
      <c r="I33385" s="1"/>
    </row>
    <row r="33386" spans="1:9" x14ac:dyDescent="0.25">
      <c r="A33386" s="3">
        <v>41705.667175925926</v>
      </c>
      <c r="B33386" s="6">
        <v>555810.29999999993</v>
      </c>
      <c r="C33386" s="7">
        <f t="shared" si="521"/>
        <v>555.81029999999998</v>
      </c>
      <c r="I33386" s="1"/>
    </row>
    <row r="33387" spans="1:9" x14ac:dyDescent="0.25">
      <c r="A33387" s="3">
        <v>41705.667314814818</v>
      </c>
      <c r="B33387" s="6">
        <v>555826.94999999995</v>
      </c>
      <c r="C33387" s="7">
        <f t="shared" si="521"/>
        <v>555.8269499999999</v>
      </c>
      <c r="I33387" s="1"/>
    </row>
    <row r="33388" spans="1:9" x14ac:dyDescent="0.25">
      <c r="A33388" s="3">
        <v>41705.671261574076</v>
      </c>
      <c r="B33388" s="6">
        <v>555843.6</v>
      </c>
      <c r="C33388" s="7">
        <f t="shared" si="521"/>
        <v>555.84359999999992</v>
      </c>
      <c r="I33388" s="1"/>
    </row>
    <row r="33389" spans="1:9" x14ac:dyDescent="0.25">
      <c r="A33389" s="3">
        <v>41705.671388888892</v>
      </c>
      <c r="B33389" s="6">
        <v>555860.25</v>
      </c>
      <c r="C33389" s="7">
        <f t="shared" si="521"/>
        <v>555.86024999999995</v>
      </c>
      <c r="I33389" s="1"/>
    </row>
    <row r="33390" spans="1:9" x14ac:dyDescent="0.25">
      <c r="A33390" s="3">
        <v>41705.676446759258</v>
      </c>
      <c r="B33390" s="6">
        <v>555876.89999999991</v>
      </c>
      <c r="C33390" s="7">
        <f t="shared" si="521"/>
        <v>555.87689999999986</v>
      </c>
      <c r="I33390" s="1"/>
    </row>
    <row r="33391" spans="1:9" x14ac:dyDescent="0.25">
      <c r="A33391" s="3">
        <v>41705.676562499997</v>
      </c>
      <c r="B33391" s="6">
        <v>555893.54999999993</v>
      </c>
      <c r="C33391" s="7">
        <f t="shared" si="521"/>
        <v>555.89354999999989</v>
      </c>
      <c r="I33391" s="1"/>
    </row>
    <row r="33392" spans="1:9" x14ac:dyDescent="0.25">
      <c r="A33392" s="3">
        <v>41705.677557870367</v>
      </c>
      <c r="B33392" s="6">
        <v>555910.19999999995</v>
      </c>
      <c r="C33392" s="7">
        <f t="shared" si="521"/>
        <v>555.91019999999992</v>
      </c>
      <c r="I33392" s="1"/>
    </row>
    <row r="33393" spans="1:9" x14ac:dyDescent="0.25">
      <c r="A33393" s="3">
        <v>41705.677673611113</v>
      </c>
      <c r="B33393" s="6">
        <v>555926.85</v>
      </c>
      <c r="C33393" s="7">
        <f t="shared" si="521"/>
        <v>555.92684999999994</v>
      </c>
      <c r="I33393" s="1"/>
    </row>
    <row r="33394" spans="1:9" x14ac:dyDescent="0.25">
      <c r="A33394" s="3">
        <v>41705.678553240738</v>
      </c>
      <c r="B33394" s="6">
        <v>555943.5</v>
      </c>
      <c r="C33394" s="7">
        <f t="shared" si="521"/>
        <v>555.94349999999997</v>
      </c>
      <c r="I33394" s="1"/>
    </row>
    <row r="33395" spans="1:9" x14ac:dyDescent="0.25">
      <c r="A33395" s="3">
        <v>41705.678599537037</v>
      </c>
      <c r="B33395" s="6">
        <v>555960.14999999991</v>
      </c>
      <c r="C33395" s="7">
        <f t="shared" si="521"/>
        <v>555.96014999999989</v>
      </c>
      <c r="I33395" s="1"/>
    </row>
    <row r="33396" spans="1:9" x14ac:dyDescent="0.25">
      <c r="A33396" s="3">
        <v>41705.679780092592</v>
      </c>
      <c r="B33396" s="6">
        <v>555976.79999999993</v>
      </c>
      <c r="C33396" s="7">
        <f t="shared" si="521"/>
        <v>555.97679999999991</v>
      </c>
      <c r="I33396" s="1"/>
    </row>
    <row r="33397" spans="1:9" x14ac:dyDescent="0.25">
      <c r="A33397" s="3">
        <v>41705.679872685185</v>
      </c>
      <c r="B33397" s="6">
        <v>555993.44999999995</v>
      </c>
      <c r="C33397" s="7">
        <f t="shared" si="521"/>
        <v>555.99344999999994</v>
      </c>
      <c r="I33397" s="1"/>
    </row>
    <row r="33398" spans="1:9" x14ac:dyDescent="0.25">
      <c r="A33398" s="3">
        <v>41705.681168981479</v>
      </c>
      <c r="B33398" s="6">
        <v>556010.1</v>
      </c>
      <c r="C33398" s="7">
        <f t="shared" si="521"/>
        <v>556.01009999999997</v>
      </c>
      <c r="I33398" s="1"/>
    </row>
    <row r="33399" spans="1:9" x14ac:dyDescent="0.25">
      <c r="A33399" s="3">
        <v>41705.681226851855</v>
      </c>
      <c r="B33399" s="6">
        <v>556026.75</v>
      </c>
      <c r="C33399" s="7">
        <f t="shared" si="521"/>
        <v>556.02674999999999</v>
      </c>
      <c r="I33399" s="1"/>
    </row>
    <row r="33400" spans="1:9" x14ac:dyDescent="0.25">
      <c r="A33400" s="3">
        <v>41705.683807870373</v>
      </c>
      <c r="B33400" s="6">
        <v>556043.39999999991</v>
      </c>
      <c r="C33400" s="7">
        <f t="shared" si="521"/>
        <v>556.04339999999991</v>
      </c>
      <c r="I33400" s="1"/>
    </row>
    <row r="33401" spans="1:9" x14ac:dyDescent="0.25">
      <c r="A33401" s="3">
        <v>41705.683888888889</v>
      </c>
      <c r="B33401" s="6">
        <v>556060.04999999993</v>
      </c>
      <c r="C33401" s="7">
        <f t="shared" si="521"/>
        <v>556.06004999999993</v>
      </c>
      <c r="I33401" s="1"/>
    </row>
    <row r="33402" spans="1:9" x14ac:dyDescent="0.25">
      <c r="A33402" s="3">
        <v>41705.685891203706</v>
      </c>
      <c r="B33402" s="6">
        <v>556076.69999999995</v>
      </c>
      <c r="C33402" s="7">
        <f t="shared" si="521"/>
        <v>556.07669999999996</v>
      </c>
      <c r="I33402" s="1"/>
    </row>
    <row r="33403" spans="1:9" x14ac:dyDescent="0.25">
      <c r="A33403" s="3">
        <v>41705.685972222222</v>
      </c>
      <c r="B33403" s="6">
        <v>556093.35</v>
      </c>
      <c r="C33403" s="7">
        <f t="shared" si="521"/>
        <v>556.09334999999999</v>
      </c>
      <c r="I33403" s="1"/>
    </row>
    <row r="33404" spans="1:9" x14ac:dyDescent="0.25">
      <c r="A33404" s="3">
        <v>41705.690578703703</v>
      </c>
      <c r="B33404" s="6">
        <v>556110</v>
      </c>
      <c r="C33404" s="7">
        <f t="shared" si="521"/>
        <v>556.11</v>
      </c>
      <c r="I33404" s="1"/>
    </row>
    <row r="33405" spans="1:9" x14ac:dyDescent="0.25">
      <c r="A33405" s="3">
        <v>41705.690729166665</v>
      </c>
      <c r="B33405" s="6">
        <v>556126.64999999991</v>
      </c>
      <c r="C33405" s="7">
        <f t="shared" si="521"/>
        <v>556.12664999999993</v>
      </c>
      <c r="I33405" s="1"/>
    </row>
    <row r="33406" spans="1:9" x14ac:dyDescent="0.25">
      <c r="A33406" s="3">
        <v>41705.696180555555</v>
      </c>
      <c r="B33406" s="6">
        <v>556143.29999999993</v>
      </c>
      <c r="C33406" s="7">
        <f t="shared" si="521"/>
        <v>556.14329999999995</v>
      </c>
      <c r="I33406" s="1"/>
    </row>
    <row r="33407" spans="1:9" x14ac:dyDescent="0.25">
      <c r="A33407" s="3">
        <v>41705.696250000001</v>
      </c>
      <c r="B33407" s="6">
        <v>556159.94999999995</v>
      </c>
      <c r="C33407" s="7">
        <f t="shared" si="521"/>
        <v>556.15994999999998</v>
      </c>
      <c r="I33407" s="1"/>
    </row>
    <row r="33408" spans="1:9" x14ac:dyDescent="0.25">
      <c r="A33408" s="3">
        <v>41705.697615740741</v>
      </c>
      <c r="B33408" s="6">
        <v>556176.6</v>
      </c>
      <c r="C33408" s="7">
        <f t="shared" si="521"/>
        <v>556.17660000000001</v>
      </c>
      <c r="I33408" s="1"/>
    </row>
    <row r="33409" spans="1:9" x14ac:dyDescent="0.25">
      <c r="A33409" s="3">
        <v>41705.697847222225</v>
      </c>
      <c r="B33409" s="6">
        <v>556193.25</v>
      </c>
      <c r="C33409" s="7">
        <f t="shared" si="521"/>
        <v>556.19325000000003</v>
      </c>
      <c r="I33409" s="1"/>
    </row>
    <row r="33410" spans="1:9" x14ac:dyDescent="0.25">
      <c r="A33410" s="3">
        <v>41705.698888888888</v>
      </c>
      <c r="B33410" s="6">
        <v>556209.89999999991</v>
      </c>
      <c r="C33410" s="7">
        <f t="shared" si="521"/>
        <v>556.20989999999995</v>
      </c>
      <c r="I33410" s="1"/>
    </row>
    <row r="33411" spans="1:9" x14ac:dyDescent="0.25">
      <c r="A33411" s="3">
        <v>41705.698946759258</v>
      </c>
      <c r="B33411" s="6">
        <v>556226.54999999993</v>
      </c>
      <c r="C33411" s="7">
        <f t="shared" ref="C33411:C33474" si="522">B33411/1000</f>
        <v>556.22654999999997</v>
      </c>
      <c r="I33411" s="1"/>
    </row>
    <row r="33412" spans="1:9" x14ac:dyDescent="0.25">
      <c r="A33412" s="3">
        <v>41705.699907407405</v>
      </c>
      <c r="B33412" s="6">
        <v>556243.19999999995</v>
      </c>
      <c r="C33412" s="7">
        <f t="shared" si="522"/>
        <v>556.2432</v>
      </c>
      <c r="I33412" s="1"/>
    </row>
    <row r="33413" spans="1:9" x14ac:dyDescent="0.25">
      <c r="A33413" s="3">
        <v>41705.700023148151</v>
      </c>
      <c r="B33413" s="6">
        <v>556259.85</v>
      </c>
      <c r="C33413" s="7">
        <f t="shared" si="522"/>
        <v>556.25985000000003</v>
      </c>
      <c r="I33413" s="1"/>
    </row>
    <row r="33414" spans="1:9" x14ac:dyDescent="0.25">
      <c r="A33414" s="3">
        <v>41705.70071759259</v>
      </c>
      <c r="B33414" s="6">
        <v>556276.5</v>
      </c>
      <c r="C33414" s="7">
        <f t="shared" si="522"/>
        <v>556.27650000000006</v>
      </c>
      <c r="I33414" s="1"/>
    </row>
    <row r="33415" spans="1:9" x14ac:dyDescent="0.25">
      <c r="A33415" s="3">
        <v>41705.700960648152</v>
      </c>
      <c r="B33415" s="6">
        <v>556293.14999999991</v>
      </c>
      <c r="C33415" s="7">
        <f t="shared" si="522"/>
        <v>556.29314999999986</v>
      </c>
      <c r="I33415" s="1"/>
    </row>
    <row r="33416" spans="1:9" x14ac:dyDescent="0.25">
      <c r="A33416" s="3">
        <v>41705.701828703706</v>
      </c>
      <c r="B33416" s="6">
        <v>556309.79999999993</v>
      </c>
      <c r="C33416" s="7">
        <f t="shared" si="522"/>
        <v>556.30979999999988</v>
      </c>
      <c r="I33416" s="1"/>
    </row>
    <row r="33417" spans="1:9" x14ac:dyDescent="0.25">
      <c r="A33417" s="3">
        <v>41705.702013888891</v>
      </c>
      <c r="B33417" s="6">
        <v>556326.44999999995</v>
      </c>
      <c r="C33417" s="7">
        <f t="shared" si="522"/>
        <v>556.32644999999991</v>
      </c>
      <c r="I33417" s="1"/>
    </row>
    <row r="33418" spans="1:9" x14ac:dyDescent="0.25">
      <c r="A33418" s="3">
        <v>41705.703425925924</v>
      </c>
      <c r="B33418" s="6">
        <v>556343.1</v>
      </c>
      <c r="C33418" s="7">
        <f t="shared" si="522"/>
        <v>556.34309999999994</v>
      </c>
      <c r="I33418" s="1"/>
    </row>
    <row r="33419" spans="1:9" x14ac:dyDescent="0.25">
      <c r="A33419" s="3">
        <v>41705.703518518516</v>
      </c>
      <c r="B33419" s="6">
        <v>556359.75</v>
      </c>
      <c r="C33419" s="7">
        <f t="shared" si="522"/>
        <v>556.35974999999996</v>
      </c>
      <c r="I33419" s="1"/>
    </row>
    <row r="33420" spans="1:9" x14ac:dyDescent="0.25">
      <c r="A33420" s="3">
        <v>41705.704710648148</v>
      </c>
      <c r="B33420" s="6">
        <v>556376.39999999991</v>
      </c>
      <c r="C33420" s="7">
        <f t="shared" si="522"/>
        <v>556.37639999999988</v>
      </c>
      <c r="I33420" s="1"/>
    </row>
    <row r="33421" spans="1:9" x14ac:dyDescent="0.25">
      <c r="A33421" s="3">
        <v>41705.704814814817</v>
      </c>
      <c r="B33421" s="6">
        <v>556393.04999999993</v>
      </c>
      <c r="C33421" s="7">
        <f t="shared" si="522"/>
        <v>556.3930499999999</v>
      </c>
      <c r="I33421" s="1"/>
    </row>
    <row r="33422" spans="1:9" x14ac:dyDescent="0.25">
      <c r="A33422" s="3">
        <v>41705.70584490741</v>
      </c>
      <c r="B33422" s="6">
        <v>556409.69999999995</v>
      </c>
      <c r="C33422" s="7">
        <f t="shared" si="522"/>
        <v>556.40969999999993</v>
      </c>
      <c r="I33422" s="1"/>
    </row>
    <row r="33423" spans="1:9" x14ac:dyDescent="0.25">
      <c r="A33423" s="3">
        <v>41705.705937500003</v>
      </c>
      <c r="B33423" s="6">
        <v>556426.35</v>
      </c>
      <c r="C33423" s="7">
        <f t="shared" si="522"/>
        <v>556.42634999999996</v>
      </c>
      <c r="I33423" s="1"/>
    </row>
    <row r="33424" spans="1:9" x14ac:dyDescent="0.25">
      <c r="A33424" s="3">
        <v>41705.707731481481</v>
      </c>
      <c r="B33424" s="6">
        <v>556443</v>
      </c>
      <c r="C33424" s="7">
        <f t="shared" si="522"/>
        <v>556.44299999999998</v>
      </c>
      <c r="I33424" s="1"/>
    </row>
    <row r="33425" spans="1:9" x14ac:dyDescent="0.25">
      <c r="A33425" s="3">
        <v>41705.707812499997</v>
      </c>
      <c r="B33425" s="6">
        <v>556459.64999999991</v>
      </c>
      <c r="C33425" s="7">
        <f t="shared" si="522"/>
        <v>556.4596499999999</v>
      </c>
      <c r="I33425" s="1"/>
    </row>
    <row r="33426" spans="1:9" x14ac:dyDescent="0.25">
      <c r="A33426" s="3">
        <v>41705.708506944444</v>
      </c>
      <c r="B33426" s="6">
        <v>556476.29999999993</v>
      </c>
      <c r="C33426" s="7">
        <f t="shared" si="522"/>
        <v>556.47629999999992</v>
      </c>
      <c r="I33426" s="1"/>
    </row>
    <row r="33427" spans="1:9" x14ac:dyDescent="0.25">
      <c r="A33427" s="3">
        <v>41705.708645833336</v>
      </c>
      <c r="B33427" s="6">
        <v>556492.94999999995</v>
      </c>
      <c r="C33427" s="7">
        <f t="shared" si="522"/>
        <v>556.49294999999995</v>
      </c>
      <c r="I33427" s="1"/>
    </row>
    <row r="33428" spans="1:9" x14ac:dyDescent="0.25">
      <c r="A33428" s="3">
        <v>41705.710694444446</v>
      </c>
      <c r="B33428" s="6">
        <v>556509.6</v>
      </c>
      <c r="C33428" s="7">
        <f t="shared" si="522"/>
        <v>556.50959999999998</v>
      </c>
      <c r="I33428" s="1"/>
    </row>
    <row r="33429" spans="1:9" x14ac:dyDescent="0.25">
      <c r="A33429" s="3">
        <v>41705.710787037038</v>
      </c>
      <c r="B33429" s="6">
        <v>556526.25</v>
      </c>
      <c r="C33429" s="7">
        <f t="shared" si="522"/>
        <v>556.52625</v>
      </c>
      <c r="I33429" s="1"/>
    </row>
    <row r="33430" spans="1:9" x14ac:dyDescent="0.25">
      <c r="A33430" s="3">
        <v>41705.712337962963</v>
      </c>
      <c r="B33430" s="6">
        <v>556542.89999999991</v>
      </c>
      <c r="C33430" s="7">
        <f t="shared" si="522"/>
        <v>556.54289999999992</v>
      </c>
      <c r="I33430" s="1"/>
    </row>
    <row r="33431" spans="1:9" x14ac:dyDescent="0.25">
      <c r="A33431" s="3">
        <v>41705.712523148148</v>
      </c>
      <c r="B33431" s="6">
        <v>556559.54999999993</v>
      </c>
      <c r="C33431" s="7">
        <f t="shared" si="522"/>
        <v>556.55954999999994</v>
      </c>
      <c r="I33431" s="1"/>
    </row>
    <row r="33432" spans="1:9" x14ac:dyDescent="0.25">
      <c r="A33432" s="3">
        <v>41705.713634259257</v>
      </c>
      <c r="B33432" s="6">
        <v>556576.19999999995</v>
      </c>
      <c r="C33432" s="7">
        <f t="shared" si="522"/>
        <v>556.57619999999997</v>
      </c>
      <c r="I33432" s="1"/>
    </row>
    <row r="33433" spans="1:9" x14ac:dyDescent="0.25">
      <c r="A33433" s="3">
        <v>41705.713796296295</v>
      </c>
      <c r="B33433" s="6">
        <v>556592.85</v>
      </c>
      <c r="C33433" s="7">
        <f t="shared" si="522"/>
        <v>556.59285</v>
      </c>
      <c r="I33433" s="1"/>
    </row>
    <row r="33434" spans="1:9" x14ac:dyDescent="0.25">
      <c r="A33434" s="3">
        <v>41705.714780092596</v>
      </c>
      <c r="B33434" s="6">
        <v>556609.5</v>
      </c>
      <c r="C33434" s="7">
        <f t="shared" si="522"/>
        <v>556.60950000000003</v>
      </c>
      <c r="I33434" s="1"/>
    </row>
    <row r="33435" spans="1:9" x14ac:dyDescent="0.25">
      <c r="A33435" s="3">
        <v>41705.714861111112</v>
      </c>
      <c r="B33435" s="6">
        <v>556626.14999999991</v>
      </c>
      <c r="C33435" s="7">
        <f t="shared" si="522"/>
        <v>556.62614999999994</v>
      </c>
      <c r="I33435" s="1"/>
    </row>
    <row r="33436" spans="1:9" x14ac:dyDescent="0.25">
      <c r="A33436" s="3">
        <v>41705.715624999997</v>
      </c>
      <c r="B33436" s="6">
        <v>556642.79999999993</v>
      </c>
      <c r="C33436" s="7">
        <f t="shared" si="522"/>
        <v>556.64279999999997</v>
      </c>
      <c r="I33436" s="1"/>
    </row>
    <row r="33437" spans="1:9" x14ac:dyDescent="0.25">
      <c r="A33437" s="3">
        <v>41705.715717592589</v>
      </c>
      <c r="B33437" s="6">
        <v>556659.44999999995</v>
      </c>
      <c r="C33437" s="7">
        <f t="shared" si="522"/>
        <v>556.65944999999999</v>
      </c>
      <c r="I33437" s="1"/>
    </row>
    <row r="33438" spans="1:9" x14ac:dyDescent="0.25">
      <c r="A33438" s="3">
        <v>41705.717141203706</v>
      </c>
      <c r="B33438" s="6">
        <v>556676.1</v>
      </c>
      <c r="C33438" s="7">
        <f t="shared" si="522"/>
        <v>556.67610000000002</v>
      </c>
      <c r="I33438" s="1"/>
    </row>
    <row r="33439" spans="1:9" x14ac:dyDescent="0.25">
      <c r="A33439" s="3">
        <v>41705.718645833331</v>
      </c>
      <c r="B33439" s="6">
        <v>556692.75</v>
      </c>
      <c r="C33439" s="7">
        <f t="shared" si="522"/>
        <v>556.69275000000005</v>
      </c>
      <c r="I33439" s="1"/>
    </row>
    <row r="33440" spans="1:9" x14ac:dyDescent="0.25">
      <c r="A33440" s="3">
        <v>41705.720358796294</v>
      </c>
      <c r="B33440" s="6">
        <v>556709.39999999991</v>
      </c>
      <c r="C33440" s="7">
        <f t="shared" si="522"/>
        <v>556.70939999999996</v>
      </c>
      <c r="I33440" s="1"/>
    </row>
    <row r="33441" spans="1:9" x14ac:dyDescent="0.25">
      <c r="A33441" s="3">
        <v>41705.720497685186</v>
      </c>
      <c r="B33441" s="6">
        <v>556726.04999999993</v>
      </c>
      <c r="C33441" s="7">
        <f t="shared" si="522"/>
        <v>556.72604999999999</v>
      </c>
      <c r="I33441" s="1"/>
    </row>
    <row r="33442" spans="1:9" x14ac:dyDescent="0.25">
      <c r="A33442" s="3">
        <v>41705.72320601852</v>
      </c>
      <c r="B33442" s="6">
        <v>556742.69999999995</v>
      </c>
      <c r="C33442" s="7">
        <f t="shared" si="522"/>
        <v>556.7426999999999</v>
      </c>
      <c r="I33442" s="1"/>
    </row>
    <row r="33443" spans="1:9" x14ac:dyDescent="0.25">
      <c r="A33443" s="3">
        <v>41705.723333333335</v>
      </c>
      <c r="B33443" s="6">
        <v>556759.35</v>
      </c>
      <c r="C33443" s="7">
        <f t="shared" si="522"/>
        <v>556.75934999999993</v>
      </c>
      <c r="I33443" s="1"/>
    </row>
    <row r="33444" spans="1:9" x14ac:dyDescent="0.25">
      <c r="A33444" s="3">
        <v>41705.724710648145</v>
      </c>
      <c r="B33444" s="6">
        <v>556776</v>
      </c>
      <c r="C33444" s="7">
        <f t="shared" si="522"/>
        <v>556.77599999999995</v>
      </c>
      <c r="I33444" s="1"/>
    </row>
    <row r="33445" spans="1:9" x14ac:dyDescent="0.25">
      <c r="A33445" s="3">
        <v>41705.724791666667</v>
      </c>
      <c r="B33445" s="6">
        <v>556792.64999999991</v>
      </c>
      <c r="C33445" s="7">
        <f t="shared" si="522"/>
        <v>556.79264999999987</v>
      </c>
      <c r="I33445" s="1"/>
    </row>
    <row r="33446" spans="1:9" x14ac:dyDescent="0.25">
      <c r="A33446" s="3">
        <v>41705.725416666668</v>
      </c>
      <c r="B33446" s="6">
        <v>556809.29999999993</v>
      </c>
      <c r="C33446" s="7">
        <f t="shared" si="522"/>
        <v>556.80929999999989</v>
      </c>
      <c r="I33446" s="1"/>
    </row>
    <row r="33447" spans="1:9" x14ac:dyDescent="0.25">
      <c r="A33447" s="3">
        <v>41705.72550925926</v>
      </c>
      <c r="B33447" s="6">
        <v>556825.94999999995</v>
      </c>
      <c r="C33447" s="7">
        <f t="shared" si="522"/>
        <v>556.82594999999992</v>
      </c>
      <c r="I33447" s="1"/>
    </row>
    <row r="33448" spans="1:9" x14ac:dyDescent="0.25">
      <c r="A33448" s="3">
        <v>41705.726539351854</v>
      </c>
      <c r="B33448" s="6">
        <v>556842.6</v>
      </c>
      <c r="C33448" s="7">
        <f t="shared" si="522"/>
        <v>556.84259999999995</v>
      </c>
      <c r="I33448" s="1"/>
    </row>
    <row r="33449" spans="1:9" x14ac:dyDescent="0.25">
      <c r="A33449" s="3">
        <v>41705.726643518516</v>
      </c>
      <c r="B33449" s="6">
        <v>556859.25</v>
      </c>
      <c r="C33449" s="7">
        <f t="shared" si="522"/>
        <v>556.85924999999997</v>
      </c>
      <c r="I33449" s="1"/>
    </row>
    <row r="33450" spans="1:9" x14ac:dyDescent="0.25">
      <c r="A33450" s="3">
        <v>41705.728125000001</v>
      </c>
      <c r="B33450" s="6">
        <v>556875.89999999991</v>
      </c>
      <c r="C33450" s="7">
        <f t="shared" si="522"/>
        <v>556.87589999999989</v>
      </c>
      <c r="I33450" s="1"/>
    </row>
    <row r="33451" spans="1:9" x14ac:dyDescent="0.25">
      <c r="A33451" s="3">
        <v>41705.728391203702</v>
      </c>
      <c r="B33451" s="6">
        <v>556892.54999999993</v>
      </c>
      <c r="C33451" s="7">
        <f t="shared" si="522"/>
        <v>556.89254999999991</v>
      </c>
      <c r="I33451" s="1"/>
    </row>
    <row r="33452" spans="1:9" x14ac:dyDescent="0.25">
      <c r="A33452" s="3">
        <v>41705.729629629626</v>
      </c>
      <c r="B33452" s="6">
        <v>556909.19999999995</v>
      </c>
      <c r="C33452" s="7">
        <f t="shared" si="522"/>
        <v>556.90919999999994</v>
      </c>
      <c r="I33452" s="1"/>
    </row>
    <row r="33453" spans="1:9" x14ac:dyDescent="0.25">
      <c r="A33453" s="3">
        <v>41705.729861111111</v>
      </c>
      <c r="B33453" s="6">
        <v>556925.85</v>
      </c>
      <c r="C33453" s="7">
        <f t="shared" si="522"/>
        <v>556.92584999999997</v>
      </c>
      <c r="I33453" s="1"/>
    </row>
    <row r="33454" spans="1:9" x14ac:dyDescent="0.25">
      <c r="A33454" s="3">
        <v>41705.731747685182</v>
      </c>
      <c r="B33454" s="6">
        <v>556942.5</v>
      </c>
      <c r="C33454" s="7">
        <f t="shared" si="522"/>
        <v>556.9425</v>
      </c>
      <c r="I33454" s="1"/>
    </row>
    <row r="33455" spans="1:9" x14ac:dyDescent="0.25">
      <c r="A33455" s="3">
        <v>41705.731863425928</v>
      </c>
      <c r="B33455" s="6">
        <v>556959.14999999991</v>
      </c>
      <c r="C33455" s="7">
        <f t="shared" si="522"/>
        <v>556.95914999999991</v>
      </c>
      <c r="I33455" s="1"/>
    </row>
    <row r="33456" spans="1:9" x14ac:dyDescent="0.25">
      <c r="A33456" s="3">
        <v>41705.733668981484</v>
      </c>
      <c r="B33456" s="6">
        <v>556975.79999999993</v>
      </c>
      <c r="C33456" s="7">
        <f t="shared" si="522"/>
        <v>556.97579999999994</v>
      </c>
      <c r="I33456" s="1"/>
    </row>
    <row r="33457" spans="1:9" x14ac:dyDescent="0.25">
      <c r="A33457" s="3">
        <v>41705.733773148146</v>
      </c>
      <c r="B33457" s="6">
        <v>556992.44999999995</v>
      </c>
      <c r="C33457" s="7">
        <f t="shared" si="522"/>
        <v>556.99244999999996</v>
      </c>
      <c r="I33457" s="1"/>
    </row>
    <row r="33458" spans="1:9" x14ac:dyDescent="0.25">
      <c r="A33458" s="3">
        <v>41705.734386574077</v>
      </c>
      <c r="B33458" s="6">
        <v>557009.1</v>
      </c>
      <c r="C33458" s="7">
        <f t="shared" si="522"/>
        <v>557.00909999999999</v>
      </c>
      <c r="I33458" s="1"/>
    </row>
    <row r="33459" spans="1:9" x14ac:dyDescent="0.25">
      <c r="A33459" s="3">
        <v>41705.734537037039</v>
      </c>
      <c r="B33459" s="6">
        <v>557025.75</v>
      </c>
      <c r="C33459" s="7">
        <f t="shared" si="522"/>
        <v>557.02575000000002</v>
      </c>
      <c r="I33459" s="1"/>
    </row>
    <row r="33460" spans="1:9" x14ac:dyDescent="0.25">
      <c r="A33460" s="3">
        <v>41705.73609953704</v>
      </c>
      <c r="B33460" s="6">
        <v>557042.39999999991</v>
      </c>
      <c r="C33460" s="7">
        <f t="shared" si="522"/>
        <v>557.04239999999993</v>
      </c>
      <c r="I33460" s="1"/>
    </row>
    <row r="33461" spans="1:9" x14ac:dyDescent="0.25">
      <c r="A33461" s="3">
        <v>41705.736180555556</v>
      </c>
      <c r="B33461" s="6">
        <v>557059.04999999993</v>
      </c>
      <c r="C33461" s="7">
        <f t="shared" si="522"/>
        <v>557.05904999999996</v>
      </c>
      <c r="I33461" s="1"/>
    </row>
    <row r="33462" spans="1:9" x14ac:dyDescent="0.25">
      <c r="A33462" s="3">
        <v>41705.737881944442</v>
      </c>
      <c r="B33462" s="6">
        <v>557075.69999999995</v>
      </c>
      <c r="C33462" s="7">
        <f t="shared" si="522"/>
        <v>557.07569999999998</v>
      </c>
      <c r="I33462" s="1"/>
    </row>
    <row r="33463" spans="1:9" x14ac:dyDescent="0.25">
      <c r="A33463" s="3">
        <v>41705.738194444442</v>
      </c>
      <c r="B33463" s="6">
        <v>557092.35</v>
      </c>
      <c r="C33463" s="7">
        <f t="shared" si="522"/>
        <v>557.09235000000001</v>
      </c>
      <c r="I33463" s="1"/>
    </row>
    <row r="33464" spans="1:9" x14ac:dyDescent="0.25">
      <c r="A33464" s="3">
        <v>41705.739907407406</v>
      </c>
      <c r="B33464" s="6">
        <v>557109</v>
      </c>
      <c r="C33464" s="7">
        <f t="shared" si="522"/>
        <v>557.10900000000004</v>
      </c>
      <c r="I33464" s="1"/>
    </row>
    <row r="33465" spans="1:9" x14ac:dyDescent="0.25">
      <c r="A33465" s="3">
        <v>41705.740057870367</v>
      </c>
      <c r="B33465" s="6">
        <v>557125.64999999991</v>
      </c>
      <c r="C33465" s="7">
        <f t="shared" si="522"/>
        <v>557.12564999999995</v>
      </c>
      <c r="I33465" s="1"/>
    </row>
    <row r="33466" spans="1:9" x14ac:dyDescent="0.25">
      <c r="A33466" s="3">
        <v>41705.741840277777</v>
      </c>
      <c r="B33466" s="6">
        <v>557142.29999999993</v>
      </c>
      <c r="C33466" s="7">
        <f t="shared" si="522"/>
        <v>557.14229999999998</v>
      </c>
      <c r="I33466" s="1"/>
    </row>
    <row r="33467" spans="1:9" x14ac:dyDescent="0.25">
      <c r="A33467" s="3">
        <v>41705.7419212963</v>
      </c>
      <c r="B33467" s="6">
        <v>557158.94999999995</v>
      </c>
      <c r="C33467" s="7">
        <f t="shared" si="522"/>
        <v>557.15895</v>
      </c>
      <c r="I33467" s="1"/>
    </row>
    <row r="33468" spans="1:9" x14ac:dyDescent="0.25">
      <c r="A33468" s="3">
        <v>41705.744398148148</v>
      </c>
      <c r="B33468" s="6">
        <v>557175.6</v>
      </c>
      <c r="C33468" s="7">
        <f t="shared" si="522"/>
        <v>557.17560000000003</v>
      </c>
      <c r="I33468" s="1"/>
    </row>
    <row r="33469" spans="1:9" x14ac:dyDescent="0.25">
      <c r="A33469" s="3">
        <v>41705.744687500002</v>
      </c>
      <c r="B33469" s="6">
        <v>557192.25</v>
      </c>
      <c r="C33469" s="7">
        <f t="shared" si="522"/>
        <v>557.19224999999994</v>
      </c>
      <c r="I33469" s="1"/>
    </row>
    <row r="33470" spans="1:9" x14ac:dyDescent="0.25">
      <c r="A33470" s="3">
        <v>41705.748912037037</v>
      </c>
      <c r="B33470" s="6">
        <v>557208.89999999991</v>
      </c>
      <c r="C33470" s="7">
        <f t="shared" si="522"/>
        <v>557.20889999999986</v>
      </c>
      <c r="I33470" s="1"/>
    </row>
    <row r="33471" spans="1:9" x14ac:dyDescent="0.25">
      <c r="A33471" s="3">
        <v>41705.749074074076</v>
      </c>
      <c r="B33471" s="6">
        <v>557225.54999999993</v>
      </c>
      <c r="C33471" s="7">
        <f t="shared" si="522"/>
        <v>557.22554999999988</v>
      </c>
      <c r="I33471" s="1"/>
    </row>
    <row r="33472" spans="1:9" x14ac:dyDescent="0.25">
      <c r="A33472" s="3">
        <v>41705.750416666669</v>
      </c>
      <c r="B33472" s="6">
        <v>557242.19999999995</v>
      </c>
      <c r="C33472" s="7">
        <f t="shared" si="522"/>
        <v>557.24219999999991</v>
      </c>
      <c r="I33472" s="1"/>
    </row>
    <row r="33473" spans="1:9" x14ac:dyDescent="0.25">
      <c r="A33473" s="3">
        <v>41705.75068287037</v>
      </c>
      <c r="B33473" s="6">
        <v>557258.85</v>
      </c>
      <c r="C33473" s="7">
        <f t="shared" si="522"/>
        <v>557.25884999999994</v>
      </c>
      <c r="I33473" s="1"/>
    </row>
    <row r="33474" spans="1:9" x14ac:dyDescent="0.25">
      <c r="A33474" s="3">
        <v>41705.753611111111</v>
      </c>
      <c r="B33474" s="6">
        <v>557275.5</v>
      </c>
      <c r="C33474" s="7">
        <f t="shared" si="522"/>
        <v>557.27549999999997</v>
      </c>
      <c r="I33474" s="1"/>
    </row>
    <row r="33475" spans="1:9" x14ac:dyDescent="0.25">
      <c r="A33475" s="3">
        <v>41705.753969907404</v>
      </c>
      <c r="B33475" s="6">
        <v>557292.14999999991</v>
      </c>
      <c r="C33475" s="7">
        <f t="shared" ref="C33475:C33538" si="523">B33475/1000</f>
        <v>557.29214999999988</v>
      </c>
      <c r="I33475" s="1"/>
    </row>
    <row r="33476" spans="1:9" x14ac:dyDescent="0.25">
      <c r="A33476" s="3">
        <v>41705.756261574075</v>
      </c>
      <c r="B33476" s="6">
        <v>557308.79999999993</v>
      </c>
      <c r="C33476" s="7">
        <f t="shared" si="523"/>
        <v>557.30879999999991</v>
      </c>
      <c r="I33476" s="1"/>
    </row>
    <row r="33477" spans="1:9" x14ac:dyDescent="0.25">
      <c r="A33477" s="3">
        <v>41705.756527777776</v>
      </c>
      <c r="B33477" s="6">
        <v>557325.44999999995</v>
      </c>
      <c r="C33477" s="7">
        <f t="shared" si="523"/>
        <v>557.32544999999993</v>
      </c>
      <c r="I33477" s="1"/>
    </row>
    <row r="33478" spans="1:9" x14ac:dyDescent="0.25">
      <c r="A33478" s="3">
        <v>41705.758032407408</v>
      </c>
      <c r="B33478" s="6">
        <v>557342.1</v>
      </c>
      <c r="C33478" s="7">
        <f t="shared" si="523"/>
        <v>557.34209999999996</v>
      </c>
      <c r="I33478" s="1"/>
    </row>
    <row r="33479" spans="1:9" x14ac:dyDescent="0.25">
      <c r="A33479" s="3">
        <v>41705.759375000001</v>
      </c>
      <c r="B33479" s="6">
        <v>557358.75</v>
      </c>
      <c r="C33479" s="7">
        <f t="shared" si="523"/>
        <v>557.35874999999999</v>
      </c>
      <c r="I33479" s="1"/>
    </row>
    <row r="33480" spans="1:9" x14ac:dyDescent="0.25">
      <c r="A33480" s="3">
        <v>41705.760925925926</v>
      </c>
      <c r="B33480" s="6">
        <v>557375.39999999991</v>
      </c>
      <c r="C33480" s="7">
        <f t="shared" si="523"/>
        <v>557.3753999999999</v>
      </c>
      <c r="I33480" s="1"/>
    </row>
    <row r="33481" spans="1:9" x14ac:dyDescent="0.25">
      <c r="A33481" s="3">
        <v>41705.761006944442</v>
      </c>
      <c r="B33481" s="6">
        <v>557392.04999999993</v>
      </c>
      <c r="C33481" s="7">
        <f t="shared" si="523"/>
        <v>557.39204999999993</v>
      </c>
      <c r="I33481" s="1"/>
    </row>
    <row r="33482" spans="1:9" x14ac:dyDescent="0.25">
      <c r="A33482" s="3">
        <v>41705.762395833335</v>
      </c>
      <c r="B33482" s="6">
        <v>557408.69999999995</v>
      </c>
      <c r="C33482" s="7">
        <f t="shared" si="523"/>
        <v>557.40869999999995</v>
      </c>
      <c r="I33482" s="1"/>
    </row>
    <row r="33483" spans="1:9" x14ac:dyDescent="0.25">
      <c r="A33483" s="3">
        <v>41705.762696759259</v>
      </c>
      <c r="B33483" s="6">
        <v>557425.35</v>
      </c>
      <c r="C33483" s="7">
        <f t="shared" si="523"/>
        <v>557.42534999999998</v>
      </c>
      <c r="I33483" s="1"/>
    </row>
    <row r="33484" spans="1:9" x14ac:dyDescent="0.25">
      <c r="A33484" s="3">
        <v>41705.764467592591</v>
      </c>
      <c r="B33484" s="6">
        <v>557442</v>
      </c>
      <c r="C33484" s="7">
        <f t="shared" si="523"/>
        <v>557.44200000000001</v>
      </c>
      <c r="I33484" s="1"/>
    </row>
    <row r="33485" spans="1:9" x14ac:dyDescent="0.25">
      <c r="A33485" s="3">
        <v>41705.764560185184</v>
      </c>
      <c r="B33485" s="6">
        <v>557458.64999999991</v>
      </c>
      <c r="C33485" s="7">
        <f t="shared" si="523"/>
        <v>557.45864999999992</v>
      </c>
      <c r="I33485" s="1"/>
    </row>
    <row r="33486" spans="1:9" x14ac:dyDescent="0.25">
      <c r="A33486" s="3">
        <v>41705.766168981485</v>
      </c>
      <c r="B33486" s="6">
        <v>557475.29999999993</v>
      </c>
      <c r="C33486" s="7">
        <f t="shared" si="523"/>
        <v>557.47529999999995</v>
      </c>
      <c r="I33486" s="1"/>
    </row>
    <row r="33487" spans="1:9" x14ac:dyDescent="0.25">
      <c r="A33487" s="3">
        <v>41705.766724537039</v>
      </c>
      <c r="B33487" s="6">
        <v>557491.94999999995</v>
      </c>
      <c r="C33487" s="7">
        <f t="shared" si="523"/>
        <v>557.49194999999997</v>
      </c>
      <c r="I33487" s="1"/>
    </row>
    <row r="33488" spans="1:9" x14ac:dyDescent="0.25">
      <c r="A33488" s="3">
        <v>41705.771354166667</v>
      </c>
      <c r="B33488" s="6">
        <v>557508.6</v>
      </c>
      <c r="C33488" s="7">
        <f t="shared" si="523"/>
        <v>557.5086</v>
      </c>
      <c r="I33488" s="1"/>
    </row>
    <row r="33489" spans="1:9" x14ac:dyDescent="0.25">
      <c r="A33489" s="3">
        <v>41705.773032407407</v>
      </c>
      <c r="B33489" s="6">
        <v>557525.25</v>
      </c>
      <c r="C33489" s="7">
        <f t="shared" si="523"/>
        <v>557.52525000000003</v>
      </c>
      <c r="I33489" s="1"/>
    </row>
    <row r="33490" spans="1:9" x14ac:dyDescent="0.25">
      <c r="A33490" s="3">
        <v>41705.77449074074</v>
      </c>
      <c r="B33490" s="6">
        <v>557541.89999999991</v>
      </c>
      <c r="C33490" s="7">
        <f t="shared" si="523"/>
        <v>557.54189999999994</v>
      </c>
      <c r="I33490" s="1"/>
    </row>
    <row r="33491" spans="1:9" x14ac:dyDescent="0.25">
      <c r="A33491" s="3">
        <v>41705.774548611109</v>
      </c>
      <c r="B33491" s="6">
        <v>557558.54999999993</v>
      </c>
      <c r="C33491" s="7">
        <f t="shared" si="523"/>
        <v>557.55854999999997</v>
      </c>
      <c r="I33491" s="1"/>
    </row>
    <row r="33492" spans="1:9" x14ac:dyDescent="0.25">
      <c r="A33492" s="3">
        <v>41705.778136574074</v>
      </c>
      <c r="B33492" s="6">
        <v>557575.19999999995</v>
      </c>
      <c r="C33492" s="7">
        <f t="shared" si="523"/>
        <v>557.5752</v>
      </c>
      <c r="I33492" s="1"/>
    </row>
    <row r="33493" spans="1:9" x14ac:dyDescent="0.25">
      <c r="A33493" s="3">
        <v>41705.77820601852</v>
      </c>
      <c r="B33493" s="6">
        <v>557591.85</v>
      </c>
      <c r="C33493" s="7">
        <f t="shared" si="523"/>
        <v>557.59185000000002</v>
      </c>
      <c r="I33493" s="1"/>
    </row>
    <row r="33494" spans="1:9" x14ac:dyDescent="0.25">
      <c r="A33494" s="3">
        <v>41705.780034722222</v>
      </c>
      <c r="B33494" s="6">
        <v>557608.5</v>
      </c>
      <c r="C33494" s="7">
        <f t="shared" si="523"/>
        <v>557.60850000000005</v>
      </c>
      <c r="I33494" s="1"/>
    </row>
    <row r="33495" spans="1:9" x14ac:dyDescent="0.25">
      <c r="A33495" s="3">
        <v>41705.780243055553</v>
      </c>
      <c r="B33495" s="6">
        <v>557625.14999999991</v>
      </c>
      <c r="C33495" s="7">
        <f t="shared" si="523"/>
        <v>557.62514999999996</v>
      </c>
      <c r="I33495" s="1"/>
    </row>
    <row r="33496" spans="1:9" x14ac:dyDescent="0.25">
      <c r="A33496" s="3">
        <v>41705.78392361111</v>
      </c>
      <c r="B33496" s="6">
        <v>557641.79999999993</v>
      </c>
      <c r="C33496" s="7">
        <f t="shared" si="523"/>
        <v>557.64179999999988</v>
      </c>
      <c r="I33496" s="1"/>
    </row>
    <row r="33497" spans="1:9" x14ac:dyDescent="0.25">
      <c r="A33497" s="3">
        <v>41705.78402777778</v>
      </c>
      <c r="B33497" s="6">
        <v>557658.44999999995</v>
      </c>
      <c r="C33497" s="7">
        <f t="shared" si="523"/>
        <v>557.6584499999999</v>
      </c>
      <c r="I33497" s="1"/>
    </row>
    <row r="33498" spans="1:9" x14ac:dyDescent="0.25">
      <c r="A33498" s="3">
        <v>41705.788715277777</v>
      </c>
      <c r="B33498" s="6">
        <v>557675.1</v>
      </c>
      <c r="C33498" s="7">
        <f t="shared" si="523"/>
        <v>557.67509999999993</v>
      </c>
      <c r="I33498" s="1"/>
    </row>
    <row r="33499" spans="1:9" x14ac:dyDescent="0.25">
      <c r="A33499" s="3">
        <v>41705.789733796293</v>
      </c>
      <c r="B33499" s="6">
        <v>557691.75</v>
      </c>
      <c r="C33499" s="7">
        <f t="shared" si="523"/>
        <v>557.69174999999996</v>
      </c>
      <c r="I33499" s="1"/>
    </row>
    <row r="33500" spans="1:9" x14ac:dyDescent="0.25">
      <c r="A33500" s="3">
        <v>41705.792511574073</v>
      </c>
      <c r="B33500" s="6">
        <v>557708.39999999991</v>
      </c>
      <c r="C33500" s="7">
        <f t="shared" si="523"/>
        <v>557.70839999999987</v>
      </c>
      <c r="I33500" s="1"/>
    </row>
    <row r="33501" spans="1:9" x14ac:dyDescent="0.25">
      <c r="A33501" s="3">
        <v>41705.792696759258</v>
      </c>
      <c r="B33501" s="6">
        <v>557725.04999999993</v>
      </c>
      <c r="C33501" s="7">
        <f t="shared" si="523"/>
        <v>557.7250499999999</v>
      </c>
      <c r="I33501" s="1"/>
    </row>
    <row r="33502" spans="1:9" x14ac:dyDescent="0.25">
      <c r="A33502" s="3">
        <v>41705.801435185182</v>
      </c>
      <c r="B33502" s="6">
        <v>557741.69999999995</v>
      </c>
      <c r="C33502" s="7">
        <f t="shared" si="523"/>
        <v>557.74169999999992</v>
      </c>
      <c r="I33502" s="1"/>
    </row>
    <row r="33503" spans="1:9" x14ac:dyDescent="0.25">
      <c r="A33503" s="3">
        <v>41705.802094907405</v>
      </c>
      <c r="B33503" s="6">
        <v>557758.35</v>
      </c>
      <c r="C33503" s="7">
        <f t="shared" si="523"/>
        <v>557.75834999999995</v>
      </c>
      <c r="I33503" s="1"/>
    </row>
    <row r="33504" spans="1:9" x14ac:dyDescent="0.25">
      <c r="A33504" s="3">
        <v>41705.807812500003</v>
      </c>
      <c r="B33504" s="6">
        <v>557775</v>
      </c>
      <c r="C33504" s="7">
        <f t="shared" si="523"/>
        <v>557.77499999999998</v>
      </c>
      <c r="I33504" s="1"/>
    </row>
    <row r="33505" spans="1:9" x14ac:dyDescent="0.25">
      <c r="A33505" s="3">
        <v>41705.80804398148</v>
      </c>
      <c r="B33505" s="6">
        <v>557791.64999999991</v>
      </c>
      <c r="C33505" s="7">
        <f t="shared" si="523"/>
        <v>557.79164999999989</v>
      </c>
      <c r="I33505" s="1"/>
    </row>
    <row r="33506" spans="1:9" x14ac:dyDescent="0.25">
      <c r="A33506" s="3">
        <v>41736.330949074072</v>
      </c>
      <c r="B33506" s="6">
        <v>557808.29999999993</v>
      </c>
      <c r="C33506" s="7">
        <f t="shared" si="523"/>
        <v>557.80829999999992</v>
      </c>
      <c r="I33506" s="1"/>
    </row>
    <row r="33507" spans="1:9" x14ac:dyDescent="0.25">
      <c r="A33507" s="3">
        <v>41736.331516203703</v>
      </c>
      <c r="B33507" s="6">
        <v>557824.94999999995</v>
      </c>
      <c r="C33507" s="7">
        <f t="shared" si="523"/>
        <v>557.82494999999994</v>
      </c>
      <c r="I33507" s="1"/>
    </row>
    <row r="33508" spans="1:9" x14ac:dyDescent="0.25">
      <c r="A33508" s="3">
        <v>41736.350300925929</v>
      </c>
      <c r="B33508" s="6">
        <v>557841.6</v>
      </c>
      <c r="C33508" s="7">
        <f t="shared" si="523"/>
        <v>557.84159999999997</v>
      </c>
      <c r="I33508" s="1"/>
    </row>
    <row r="33509" spans="1:9" x14ac:dyDescent="0.25">
      <c r="A33509" s="3">
        <v>41736.350543981483</v>
      </c>
      <c r="B33509" s="6">
        <v>557858.25</v>
      </c>
      <c r="C33509" s="7">
        <f t="shared" si="523"/>
        <v>557.85825</v>
      </c>
      <c r="I33509" s="1"/>
    </row>
    <row r="33510" spans="1:9" x14ac:dyDescent="0.25">
      <c r="A33510" s="3">
        <v>41736.357523148145</v>
      </c>
      <c r="B33510" s="6">
        <v>557874.89999999991</v>
      </c>
      <c r="C33510" s="7">
        <f t="shared" si="523"/>
        <v>557.87489999999991</v>
      </c>
      <c r="I33510" s="1"/>
    </row>
    <row r="33511" spans="1:9" x14ac:dyDescent="0.25">
      <c r="A33511" s="3">
        <v>41736.359224537038</v>
      </c>
      <c r="B33511" s="6">
        <v>557891.54999999993</v>
      </c>
      <c r="C33511" s="7">
        <f t="shared" si="523"/>
        <v>557.89154999999994</v>
      </c>
      <c r="I33511" s="1"/>
    </row>
    <row r="33512" spans="1:9" x14ac:dyDescent="0.25">
      <c r="A33512" s="3">
        <v>41736.376400462963</v>
      </c>
      <c r="B33512" s="6">
        <v>557908.19999999995</v>
      </c>
      <c r="C33512" s="7">
        <f t="shared" si="523"/>
        <v>557.90819999999997</v>
      </c>
      <c r="I33512" s="1"/>
    </row>
    <row r="33513" spans="1:9" x14ac:dyDescent="0.25">
      <c r="A33513" s="3">
        <v>41736.378344907411</v>
      </c>
      <c r="B33513" s="6">
        <v>557924.85</v>
      </c>
      <c r="C33513" s="7">
        <f t="shared" si="523"/>
        <v>557.92484999999999</v>
      </c>
      <c r="I33513" s="1"/>
    </row>
    <row r="33514" spans="1:9" x14ac:dyDescent="0.25">
      <c r="A33514" s="3">
        <v>41736.385509259257</v>
      </c>
      <c r="B33514" s="6">
        <v>557941.5</v>
      </c>
      <c r="C33514" s="7">
        <f t="shared" si="523"/>
        <v>557.94150000000002</v>
      </c>
      <c r="I33514" s="1"/>
    </row>
    <row r="33515" spans="1:9" x14ac:dyDescent="0.25">
      <c r="A33515" s="3">
        <v>41736.38621527778</v>
      </c>
      <c r="B33515" s="6">
        <v>557958.14999999991</v>
      </c>
      <c r="C33515" s="7">
        <f t="shared" si="523"/>
        <v>557.95814999999993</v>
      </c>
      <c r="I33515" s="1"/>
    </row>
    <row r="33516" spans="1:9" x14ac:dyDescent="0.25">
      <c r="A33516" s="3">
        <v>41736.389062499999</v>
      </c>
      <c r="B33516" s="6">
        <v>557974.79999999993</v>
      </c>
      <c r="C33516" s="7">
        <f t="shared" si="523"/>
        <v>557.97479999999996</v>
      </c>
      <c r="I33516" s="1"/>
    </row>
    <row r="33517" spans="1:9" x14ac:dyDescent="0.25">
      <c r="A33517" s="3">
        <v>41736.389270833337</v>
      </c>
      <c r="B33517" s="6">
        <v>557991.44999999995</v>
      </c>
      <c r="C33517" s="7">
        <f t="shared" si="523"/>
        <v>557.99144999999999</v>
      </c>
      <c r="I33517" s="1"/>
    </row>
    <row r="33518" spans="1:9" x14ac:dyDescent="0.25">
      <c r="A33518" s="3">
        <v>41736.393935185188</v>
      </c>
      <c r="B33518" s="6">
        <v>558008.1</v>
      </c>
      <c r="C33518" s="7">
        <f t="shared" si="523"/>
        <v>558.00810000000001</v>
      </c>
      <c r="I33518" s="1"/>
    </row>
    <row r="33519" spans="1:9" x14ac:dyDescent="0.25">
      <c r="A33519" s="3">
        <v>41736.394375000003</v>
      </c>
      <c r="B33519" s="6">
        <v>558024.75</v>
      </c>
      <c r="C33519" s="7">
        <f t="shared" si="523"/>
        <v>558.02475000000004</v>
      </c>
      <c r="I33519" s="1"/>
    </row>
    <row r="33520" spans="1:9" x14ac:dyDescent="0.25">
      <c r="A33520" s="3">
        <v>41736.398912037039</v>
      </c>
      <c r="B33520" s="6">
        <v>558041.39999999991</v>
      </c>
      <c r="C33520" s="7">
        <f t="shared" si="523"/>
        <v>558.04139999999995</v>
      </c>
      <c r="I33520" s="1"/>
    </row>
    <row r="33521" spans="1:9" x14ac:dyDescent="0.25">
      <c r="A33521" s="3">
        <v>41736.399039351854</v>
      </c>
      <c r="B33521" s="6">
        <v>558058.04999999993</v>
      </c>
      <c r="C33521" s="7">
        <f t="shared" si="523"/>
        <v>558.05804999999998</v>
      </c>
      <c r="I33521" s="1"/>
    </row>
    <row r="33522" spans="1:9" x14ac:dyDescent="0.25">
      <c r="A33522" s="3">
        <v>41736.40053240741</v>
      </c>
      <c r="B33522" s="6">
        <v>558074.69999999995</v>
      </c>
      <c r="C33522" s="7">
        <f t="shared" si="523"/>
        <v>558.07470000000001</v>
      </c>
      <c r="I33522" s="1"/>
    </row>
    <row r="33523" spans="1:9" x14ac:dyDescent="0.25">
      <c r="A33523" s="3">
        <v>41736.400752314818</v>
      </c>
      <c r="B33523" s="6">
        <v>558091.35</v>
      </c>
      <c r="C33523" s="7">
        <f t="shared" si="523"/>
        <v>558.09134999999992</v>
      </c>
      <c r="I33523" s="1"/>
    </row>
    <row r="33524" spans="1:9" x14ac:dyDescent="0.25">
      <c r="A33524" s="3">
        <v>41736.40253472222</v>
      </c>
      <c r="B33524" s="6">
        <v>558108</v>
      </c>
      <c r="C33524" s="7">
        <f t="shared" si="523"/>
        <v>558.10799999999995</v>
      </c>
      <c r="I33524" s="1"/>
    </row>
    <row r="33525" spans="1:9" x14ac:dyDescent="0.25">
      <c r="A33525" s="3">
        <v>41736.402708333335</v>
      </c>
      <c r="B33525" s="6">
        <v>558124.64999999991</v>
      </c>
      <c r="C33525" s="7">
        <f t="shared" si="523"/>
        <v>558.12464999999986</v>
      </c>
      <c r="I33525" s="1"/>
    </row>
    <row r="33526" spans="1:9" x14ac:dyDescent="0.25">
      <c r="A33526" s="3">
        <v>41736.405717592592</v>
      </c>
      <c r="B33526" s="6">
        <v>558141.29999999993</v>
      </c>
      <c r="C33526" s="7">
        <f t="shared" si="523"/>
        <v>558.14129999999989</v>
      </c>
      <c r="I33526" s="1"/>
    </row>
    <row r="33527" spans="1:9" x14ac:dyDescent="0.25">
      <c r="A33527" s="3">
        <v>41736.405821759261</v>
      </c>
      <c r="B33527" s="6">
        <v>558157.94999999995</v>
      </c>
      <c r="C33527" s="7">
        <f t="shared" si="523"/>
        <v>558.15794999999991</v>
      </c>
      <c r="I33527" s="1"/>
    </row>
    <row r="33528" spans="1:9" x14ac:dyDescent="0.25">
      <c r="A33528" s="3">
        <v>41736.408541666664</v>
      </c>
      <c r="B33528" s="6">
        <v>558174.6</v>
      </c>
      <c r="C33528" s="7">
        <f t="shared" si="523"/>
        <v>558.17459999999994</v>
      </c>
      <c r="I33528" s="1"/>
    </row>
    <row r="33529" spans="1:9" x14ac:dyDescent="0.25">
      <c r="A33529" s="3">
        <v>41736.408738425926</v>
      </c>
      <c r="B33529" s="6">
        <v>558191.25</v>
      </c>
      <c r="C33529" s="7">
        <f t="shared" si="523"/>
        <v>558.19124999999997</v>
      </c>
      <c r="I33529" s="1"/>
    </row>
    <row r="33530" spans="1:9" x14ac:dyDescent="0.25">
      <c r="A33530" s="3">
        <v>41736.412789351853</v>
      </c>
      <c r="B33530" s="6">
        <v>558207.89999999991</v>
      </c>
      <c r="C33530" s="7">
        <f t="shared" si="523"/>
        <v>558.20789999999988</v>
      </c>
      <c r="I33530" s="1"/>
    </row>
    <row r="33531" spans="1:9" x14ac:dyDescent="0.25">
      <c r="A33531" s="3">
        <v>41736.413182870368</v>
      </c>
      <c r="B33531" s="6">
        <v>558224.54999999993</v>
      </c>
      <c r="C33531" s="7">
        <f t="shared" si="523"/>
        <v>558.22454999999991</v>
      </c>
      <c r="I33531" s="1"/>
    </row>
    <row r="33532" spans="1:9" x14ac:dyDescent="0.25">
      <c r="A33532" s="3">
        <v>41736.416122685187</v>
      </c>
      <c r="B33532" s="6">
        <v>558241.19999999995</v>
      </c>
      <c r="C33532" s="7">
        <f t="shared" si="523"/>
        <v>558.24119999999994</v>
      </c>
      <c r="I33532" s="1"/>
    </row>
    <row r="33533" spans="1:9" x14ac:dyDescent="0.25">
      <c r="A33533" s="3">
        <v>41736.416342592594</v>
      </c>
      <c r="B33533" s="6">
        <v>558257.85</v>
      </c>
      <c r="C33533" s="7">
        <f t="shared" si="523"/>
        <v>558.25784999999996</v>
      </c>
      <c r="I33533" s="1"/>
    </row>
    <row r="33534" spans="1:9" x14ac:dyDescent="0.25">
      <c r="A33534" s="3">
        <v>41736.419895833336</v>
      </c>
      <c r="B33534" s="6">
        <v>558274.5</v>
      </c>
      <c r="C33534" s="7">
        <f t="shared" si="523"/>
        <v>558.27449999999999</v>
      </c>
      <c r="I33534" s="1"/>
    </row>
    <row r="33535" spans="1:9" x14ac:dyDescent="0.25">
      <c r="A33535" s="3">
        <v>41736.420370370368</v>
      </c>
      <c r="B33535" s="6">
        <v>558291.14999999991</v>
      </c>
      <c r="C33535" s="7">
        <f t="shared" si="523"/>
        <v>558.2911499999999</v>
      </c>
      <c r="I33535" s="1"/>
    </row>
    <row r="33536" spans="1:9" x14ac:dyDescent="0.25">
      <c r="A33536" s="3">
        <v>41736.422511574077</v>
      </c>
      <c r="B33536" s="6">
        <v>558307.79999999993</v>
      </c>
      <c r="C33536" s="7">
        <f t="shared" si="523"/>
        <v>558.30779999999993</v>
      </c>
      <c r="I33536" s="1"/>
    </row>
    <row r="33537" spans="1:9" x14ac:dyDescent="0.25">
      <c r="A33537" s="3">
        <v>41736.422696759262</v>
      </c>
      <c r="B33537" s="6">
        <v>558324.44999999995</v>
      </c>
      <c r="C33537" s="7">
        <f t="shared" si="523"/>
        <v>558.32444999999996</v>
      </c>
      <c r="I33537" s="1"/>
    </row>
    <row r="33538" spans="1:9" x14ac:dyDescent="0.25">
      <c r="A33538" s="3">
        <v>41736.424143518518</v>
      </c>
      <c r="B33538" s="6">
        <v>558341.1</v>
      </c>
      <c r="C33538" s="7">
        <f t="shared" si="523"/>
        <v>558.34109999999998</v>
      </c>
      <c r="I33538" s="1"/>
    </row>
    <row r="33539" spans="1:9" x14ac:dyDescent="0.25">
      <c r="A33539" s="3">
        <v>41736.42423611111</v>
      </c>
      <c r="B33539" s="6">
        <v>558357.75</v>
      </c>
      <c r="C33539" s="7">
        <f t="shared" ref="C33539:C33602" si="524">B33539/1000</f>
        <v>558.35775000000001</v>
      </c>
      <c r="I33539" s="1"/>
    </row>
    <row r="33540" spans="1:9" x14ac:dyDescent="0.25">
      <c r="A33540" s="3">
        <v>41736.425486111111</v>
      </c>
      <c r="B33540" s="6">
        <v>558374.39999999991</v>
      </c>
      <c r="C33540" s="7">
        <f t="shared" si="524"/>
        <v>558.37439999999992</v>
      </c>
      <c r="I33540" s="1"/>
    </row>
    <row r="33541" spans="1:9" x14ac:dyDescent="0.25">
      <c r="A33541" s="3">
        <v>41736.425671296296</v>
      </c>
      <c r="B33541" s="6">
        <v>558391.04999999993</v>
      </c>
      <c r="C33541" s="7">
        <f t="shared" si="524"/>
        <v>558.39104999999995</v>
      </c>
      <c r="I33541" s="1"/>
    </row>
    <row r="33542" spans="1:9" x14ac:dyDescent="0.25">
      <c r="A33542" s="3">
        <v>41736.429837962962</v>
      </c>
      <c r="B33542" s="6">
        <v>558407.69999999995</v>
      </c>
      <c r="C33542" s="7">
        <f t="shared" si="524"/>
        <v>558.40769999999998</v>
      </c>
      <c r="I33542" s="1"/>
    </row>
    <row r="33543" spans="1:9" x14ac:dyDescent="0.25">
      <c r="A33543" s="3">
        <v>41736.430393518516</v>
      </c>
      <c r="B33543" s="6">
        <v>558424.35</v>
      </c>
      <c r="C33543" s="7">
        <f t="shared" si="524"/>
        <v>558.42435</v>
      </c>
      <c r="I33543" s="1"/>
    </row>
    <row r="33544" spans="1:9" x14ac:dyDescent="0.25">
      <c r="A33544" s="3">
        <v>41736.437175925923</v>
      </c>
      <c r="B33544" s="6">
        <v>558441</v>
      </c>
      <c r="C33544" s="7">
        <f t="shared" si="524"/>
        <v>558.44100000000003</v>
      </c>
      <c r="I33544" s="1"/>
    </row>
    <row r="33545" spans="1:9" x14ac:dyDescent="0.25">
      <c r="A33545" s="3">
        <v>41736.437708333331</v>
      </c>
      <c r="B33545" s="6">
        <v>558457.64999999991</v>
      </c>
      <c r="C33545" s="7">
        <f t="shared" si="524"/>
        <v>558.45764999999994</v>
      </c>
      <c r="I33545" s="1"/>
    </row>
    <row r="33546" spans="1:9" x14ac:dyDescent="0.25">
      <c r="A33546" s="3">
        <v>41736.439328703702</v>
      </c>
      <c r="B33546" s="6">
        <v>558474.29999999993</v>
      </c>
      <c r="C33546" s="7">
        <f t="shared" si="524"/>
        <v>558.47429999999997</v>
      </c>
      <c r="I33546" s="1"/>
    </row>
    <row r="33547" spans="1:9" x14ac:dyDescent="0.25">
      <c r="A33547" s="3">
        <v>41736.439583333333</v>
      </c>
      <c r="B33547" s="6">
        <v>558490.94999999995</v>
      </c>
      <c r="C33547" s="7">
        <f t="shared" si="524"/>
        <v>558.49095</v>
      </c>
      <c r="I33547" s="1"/>
    </row>
    <row r="33548" spans="1:9" x14ac:dyDescent="0.25">
      <c r="A33548" s="3">
        <v>41736.44263888889</v>
      </c>
      <c r="B33548" s="6">
        <v>558507.6</v>
      </c>
      <c r="C33548" s="7">
        <f t="shared" si="524"/>
        <v>558.50760000000002</v>
      </c>
      <c r="I33548" s="1"/>
    </row>
    <row r="33549" spans="1:9" x14ac:dyDescent="0.25">
      <c r="A33549" s="3">
        <v>41736.442800925928</v>
      </c>
      <c r="B33549" s="6">
        <v>558524.25</v>
      </c>
      <c r="C33549" s="7">
        <f t="shared" si="524"/>
        <v>558.52425000000005</v>
      </c>
      <c r="I33549" s="1"/>
    </row>
    <row r="33550" spans="1:9" x14ac:dyDescent="0.25">
      <c r="A33550" s="3">
        <v>41736.448194444441</v>
      </c>
      <c r="B33550" s="6">
        <v>558540.89999999991</v>
      </c>
      <c r="C33550" s="7">
        <f t="shared" si="524"/>
        <v>558.54089999999985</v>
      </c>
      <c r="I33550" s="1"/>
    </row>
    <row r="33551" spans="1:9" x14ac:dyDescent="0.25">
      <c r="A33551" s="3">
        <v>41736.448310185187</v>
      </c>
      <c r="B33551" s="6">
        <v>558557.54999999993</v>
      </c>
      <c r="C33551" s="7">
        <f t="shared" si="524"/>
        <v>558.55754999999988</v>
      </c>
      <c r="I33551" s="1"/>
    </row>
    <row r="33552" spans="1:9" x14ac:dyDescent="0.25">
      <c r="A33552" s="3">
        <v>41736.452002314814</v>
      </c>
      <c r="B33552" s="6">
        <v>558574.19999999995</v>
      </c>
      <c r="C33552" s="7">
        <f t="shared" si="524"/>
        <v>558.57419999999991</v>
      </c>
      <c r="I33552" s="1"/>
    </row>
    <row r="33553" spans="1:9" x14ac:dyDescent="0.25">
      <c r="A33553" s="3">
        <v>41736.453703703701</v>
      </c>
      <c r="B33553" s="6">
        <v>558590.85</v>
      </c>
      <c r="C33553" s="7">
        <f t="shared" si="524"/>
        <v>558.59084999999993</v>
      </c>
      <c r="I33553" s="1"/>
    </row>
    <row r="33554" spans="1:9" x14ac:dyDescent="0.25">
      <c r="A33554" s="3">
        <v>41736.455185185187</v>
      </c>
      <c r="B33554" s="6">
        <v>558607.5</v>
      </c>
      <c r="C33554" s="7">
        <f t="shared" si="524"/>
        <v>558.60749999999996</v>
      </c>
      <c r="I33554" s="1"/>
    </row>
    <row r="33555" spans="1:9" x14ac:dyDescent="0.25">
      <c r="A33555" s="3">
        <v>41736.455277777779</v>
      </c>
      <c r="B33555" s="6">
        <v>558624.14999999991</v>
      </c>
      <c r="C33555" s="7">
        <f t="shared" si="524"/>
        <v>558.62414999999987</v>
      </c>
      <c r="I33555" s="1"/>
    </row>
    <row r="33556" spans="1:9" x14ac:dyDescent="0.25">
      <c r="A33556" s="3">
        <v>41736.456238425926</v>
      </c>
      <c r="B33556" s="6">
        <v>558640.79999999993</v>
      </c>
      <c r="C33556" s="7">
        <f t="shared" si="524"/>
        <v>558.6407999999999</v>
      </c>
      <c r="I33556" s="1"/>
    </row>
    <row r="33557" spans="1:9" x14ac:dyDescent="0.25">
      <c r="A33557" s="3">
        <v>41736.45857638889</v>
      </c>
      <c r="B33557" s="6">
        <v>558657.44999999995</v>
      </c>
      <c r="C33557" s="7">
        <f t="shared" si="524"/>
        <v>558.65744999999993</v>
      </c>
      <c r="I33557" s="1"/>
    </row>
    <row r="33558" spans="1:9" x14ac:dyDescent="0.25">
      <c r="A33558" s="3">
        <v>41736.464861111112</v>
      </c>
      <c r="B33558" s="6">
        <v>558674.1</v>
      </c>
      <c r="C33558" s="7">
        <f t="shared" si="524"/>
        <v>558.67409999999995</v>
      </c>
      <c r="I33558" s="1"/>
    </row>
    <row r="33559" spans="1:9" x14ac:dyDescent="0.25">
      <c r="A33559" s="3">
        <v>41736.465439814812</v>
      </c>
      <c r="B33559" s="6">
        <v>558690.75</v>
      </c>
      <c r="C33559" s="7">
        <f t="shared" si="524"/>
        <v>558.69074999999998</v>
      </c>
      <c r="I33559" s="1"/>
    </row>
    <row r="33560" spans="1:9" x14ac:dyDescent="0.25">
      <c r="A33560" s="3">
        <v>41736.470590277779</v>
      </c>
      <c r="B33560" s="6">
        <v>558707.39999999991</v>
      </c>
      <c r="C33560" s="7">
        <f t="shared" si="524"/>
        <v>558.70739999999989</v>
      </c>
      <c r="I33560" s="1"/>
    </row>
    <row r="33561" spans="1:9" x14ac:dyDescent="0.25">
      <c r="A33561" s="3">
        <v>41736.47084490741</v>
      </c>
      <c r="B33561" s="6">
        <v>558724.04999999993</v>
      </c>
      <c r="C33561" s="7">
        <f t="shared" si="524"/>
        <v>558.72404999999992</v>
      </c>
      <c r="I33561" s="1"/>
    </row>
    <row r="33562" spans="1:9" x14ac:dyDescent="0.25">
      <c r="A33562" s="3">
        <v>41736.475011574075</v>
      </c>
      <c r="B33562" s="6">
        <v>558740.69999999995</v>
      </c>
      <c r="C33562" s="7">
        <f t="shared" si="524"/>
        <v>558.74069999999995</v>
      </c>
      <c r="I33562" s="1"/>
    </row>
    <row r="33563" spans="1:9" x14ac:dyDescent="0.25">
      <c r="A33563" s="3">
        <v>41736.475127314814</v>
      </c>
      <c r="B33563" s="6">
        <v>558757.35</v>
      </c>
      <c r="C33563" s="7">
        <f t="shared" si="524"/>
        <v>558.75734999999997</v>
      </c>
      <c r="I33563" s="1"/>
    </row>
    <row r="33564" spans="1:9" x14ac:dyDescent="0.25">
      <c r="A33564" s="3">
        <v>41736.477997685186</v>
      </c>
      <c r="B33564" s="6">
        <v>558774</v>
      </c>
      <c r="C33564" s="7">
        <f t="shared" si="524"/>
        <v>558.774</v>
      </c>
      <c r="I33564" s="1"/>
    </row>
    <row r="33565" spans="1:9" x14ac:dyDescent="0.25">
      <c r="A33565" s="3">
        <v>41736.478981481479</v>
      </c>
      <c r="B33565" s="6">
        <v>558790.64999999991</v>
      </c>
      <c r="C33565" s="7">
        <f t="shared" si="524"/>
        <v>558.79064999999991</v>
      </c>
      <c r="I33565" s="1"/>
    </row>
    <row r="33566" spans="1:9" x14ac:dyDescent="0.25">
      <c r="A33566" s="3">
        <v>41736.481238425928</v>
      </c>
      <c r="B33566" s="6">
        <v>558807.29999999993</v>
      </c>
      <c r="C33566" s="7">
        <f t="shared" si="524"/>
        <v>558.80729999999994</v>
      </c>
      <c r="I33566" s="1"/>
    </row>
    <row r="33567" spans="1:9" x14ac:dyDescent="0.25">
      <c r="A33567" s="3">
        <v>41736.481423611112</v>
      </c>
      <c r="B33567" s="6">
        <v>558823.94999999995</v>
      </c>
      <c r="C33567" s="7">
        <f t="shared" si="524"/>
        <v>558.82394999999997</v>
      </c>
      <c r="I33567" s="1"/>
    </row>
    <row r="33568" spans="1:9" x14ac:dyDescent="0.25">
      <c r="A33568" s="3">
        <v>41736.487071759257</v>
      </c>
      <c r="B33568" s="6">
        <v>558840.6</v>
      </c>
      <c r="C33568" s="7">
        <f t="shared" si="524"/>
        <v>558.84059999999999</v>
      </c>
      <c r="I33568" s="1"/>
    </row>
    <row r="33569" spans="1:9" x14ac:dyDescent="0.25">
      <c r="A33569" s="3">
        <v>41736.487476851849</v>
      </c>
      <c r="B33569" s="6">
        <v>558857.25</v>
      </c>
      <c r="C33569" s="7">
        <f t="shared" si="524"/>
        <v>558.85725000000002</v>
      </c>
      <c r="I33569" s="1"/>
    </row>
    <row r="33570" spans="1:9" x14ac:dyDescent="0.25">
      <c r="A33570" s="3">
        <v>41736.488425925927</v>
      </c>
      <c r="B33570" s="6">
        <v>558873.89999999991</v>
      </c>
      <c r="C33570" s="7">
        <f t="shared" si="524"/>
        <v>558.87389999999994</v>
      </c>
      <c r="I33570" s="1"/>
    </row>
    <row r="33571" spans="1:9" x14ac:dyDescent="0.25">
      <c r="A33571" s="3">
        <v>41736.488622685189</v>
      </c>
      <c r="B33571" s="6">
        <v>558890.54999999993</v>
      </c>
      <c r="C33571" s="7">
        <f t="shared" si="524"/>
        <v>558.89054999999996</v>
      </c>
      <c r="I33571" s="1"/>
    </row>
    <row r="33572" spans="1:9" x14ac:dyDescent="0.25">
      <c r="A33572" s="3">
        <v>41736.492881944447</v>
      </c>
      <c r="B33572" s="6">
        <v>558907.19999999995</v>
      </c>
      <c r="C33572" s="7">
        <f t="shared" si="524"/>
        <v>558.90719999999999</v>
      </c>
      <c r="I33572" s="1"/>
    </row>
    <row r="33573" spans="1:9" x14ac:dyDescent="0.25">
      <c r="A33573" s="3">
        <v>41736.493194444447</v>
      </c>
      <c r="B33573" s="6">
        <v>558923.85</v>
      </c>
      <c r="C33573" s="7">
        <f t="shared" si="524"/>
        <v>558.92385000000002</v>
      </c>
      <c r="I33573" s="1"/>
    </row>
    <row r="33574" spans="1:9" x14ac:dyDescent="0.25">
      <c r="A33574" s="3">
        <v>41736.497164351851</v>
      </c>
      <c r="B33574" s="6">
        <v>558940.5</v>
      </c>
      <c r="C33574" s="7">
        <f t="shared" si="524"/>
        <v>558.94050000000004</v>
      </c>
      <c r="I33574" s="1"/>
    </row>
    <row r="33575" spans="1:9" x14ac:dyDescent="0.25">
      <c r="A33575" s="3">
        <v>41736.497430555559</v>
      </c>
      <c r="B33575" s="6">
        <v>558957.14999999991</v>
      </c>
      <c r="C33575" s="7">
        <f t="shared" si="524"/>
        <v>558.95714999999996</v>
      </c>
      <c r="I33575" s="1"/>
    </row>
    <row r="33576" spans="1:9" x14ac:dyDescent="0.25">
      <c r="A33576" s="3">
        <v>41736.500185185185</v>
      </c>
      <c r="B33576" s="6">
        <v>558973.79999999993</v>
      </c>
      <c r="C33576" s="7">
        <f t="shared" si="524"/>
        <v>558.97379999999998</v>
      </c>
      <c r="I33576" s="1"/>
    </row>
    <row r="33577" spans="1:9" x14ac:dyDescent="0.25">
      <c r="A33577" s="3">
        <v>41736.500289351854</v>
      </c>
      <c r="B33577" s="6">
        <v>558990.44999999995</v>
      </c>
      <c r="C33577" s="7">
        <f t="shared" si="524"/>
        <v>558.99045000000001</v>
      </c>
      <c r="I33577" s="1"/>
    </row>
    <row r="33578" spans="1:9" x14ac:dyDescent="0.25">
      <c r="A33578" s="3">
        <v>41736.505185185182</v>
      </c>
      <c r="B33578" s="6">
        <v>559007.1</v>
      </c>
      <c r="C33578" s="7">
        <f t="shared" si="524"/>
        <v>559.00709999999992</v>
      </c>
      <c r="I33578" s="1"/>
    </row>
    <row r="33579" spans="1:9" x14ac:dyDescent="0.25">
      <c r="A33579" s="3">
        <v>41736.505300925928</v>
      </c>
      <c r="B33579" s="6">
        <v>559023.75</v>
      </c>
      <c r="C33579" s="7">
        <f t="shared" si="524"/>
        <v>559.02374999999995</v>
      </c>
      <c r="I33579" s="1"/>
    </row>
    <row r="33580" spans="1:9" x14ac:dyDescent="0.25">
      <c r="A33580" s="3">
        <v>41736.506898148145</v>
      </c>
      <c r="B33580" s="6">
        <v>559040.39999999991</v>
      </c>
      <c r="C33580" s="7">
        <f t="shared" si="524"/>
        <v>559.04039999999986</v>
      </c>
      <c r="I33580" s="1"/>
    </row>
    <row r="33581" spans="1:9" x14ac:dyDescent="0.25">
      <c r="A33581" s="3">
        <v>41736.507025462961</v>
      </c>
      <c r="B33581" s="6">
        <v>559057.04999999993</v>
      </c>
      <c r="C33581" s="7">
        <f t="shared" si="524"/>
        <v>559.05704999999989</v>
      </c>
      <c r="I33581" s="1"/>
    </row>
    <row r="33582" spans="1:9" x14ac:dyDescent="0.25">
      <c r="A33582" s="3">
        <v>41736.509212962963</v>
      </c>
      <c r="B33582" s="6">
        <v>559073.69999999995</v>
      </c>
      <c r="C33582" s="7">
        <f t="shared" si="524"/>
        <v>559.07369999999992</v>
      </c>
      <c r="I33582" s="1"/>
    </row>
    <row r="33583" spans="1:9" x14ac:dyDescent="0.25">
      <c r="A33583" s="3">
        <v>41736.509340277778</v>
      </c>
      <c r="B33583" s="6">
        <v>559090.35</v>
      </c>
      <c r="C33583" s="7">
        <f t="shared" si="524"/>
        <v>559.09034999999994</v>
      </c>
      <c r="I33583" s="1"/>
    </row>
    <row r="33584" spans="1:9" x14ac:dyDescent="0.25">
      <c r="A33584" s="3">
        <v>41736.513912037037</v>
      </c>
      <c r="B33584" s="6">
        <v>559107</v>
      </c>
      <c r="C33584" s="7">
        <f t="shared" si="524"/>
        <v>559.10699999999997</v>
      </c>
      <c r="I33584" s="1"/>
    </row>
    <row r="33585" spans="1:9" x14ac:dyDescent="0.25">
      <c r="A33585" s="3">
        <v>41736.514525462961</v>
      </c>
      <c r="B33585" s="6">
        <v>559123.64999999991</v>
      </c>
      <c r="C33585" s="7">
        <f t="shared" si="524"/>
        <v>559.12364999999988</v>
      </c>
      <c r="I33585" s="1"/>
    </row>
    <row r="33586" spans="1:9" x14ac:dyDescent="0.25">
      <c r="A33586" s="3">
        <v>41736.51635416667</v>
      </c>
      <c r="B33586" s="6">
        <v>559140.29999999993</v>
      </c>
      <c r="C33586" s="7">
        <f t="shared" si="524"/>
        <v>559.14029999999991</v>
      </c>
      <c r="I33586" s="1"/>
    </row>
    <row r="33587" spans="1:9" x14ac:dyDescent="0.25">
      <c r="A33587" s="3">
        <v>41736.516458333332</v>
      </c>
      <c r="B33587" s="6">
        <v>559156.94999999995</v>
      </c>
      <c r="C33587" s="7">
        <f t="shared" si="524"/>
        <v>559.15694999999994</v>
      </c>
      <c r="I33587" s="1"/>
    </row>
    <row r="33588" spans="1:9" x14ac:dyDescent="0.25">
      <c r="A33588" s="3">
        <v>41736.518645833334</v>
      </c>
      <c r="B33588" s="6">
        <v>559173.6</v>
      </c>
      <c r="C33588" s="7">
        <f t="shared" si="524"/>
        <v>559.17359999999996</v>
      </c>
      <c r="I33588" s="1"/>
    </row>
    <row r="33589" spans="1:9" x14ac:dyDescent="0.25">
      <c r="A33589" s="3">
        <v>41736.519467592596</v>
      </c>
      <c r="B33589" s="6">
        <v>559190.25</v>
      </c>
      <c r="C33589" s="7">
        <f t="shared" si="524"/>
        <v>559.19024999999999</v>
      </c>
      <c r="I33589" s="1"/>
    </row>
    <row r="33590" spans="1:9" x14ac:dyDescent="0.25">
      <c r="A33590" s="3">
        <v>41736.522905092592</v>
      </c>
      <c r="B33590" s="6">
        <v>559206.89999999991</v>
      </c>
      <c r="C33590" s="7">
        <f t="shared" si="524"/>
        <v>559.20689999999991</v>
      </c>
      <c r="I33590" s="1"/>
    </row>
    <row r="33591" spans="1:9" x14ac:dyDescent="0.25">
      <c r="A33591" s="3">
        <v>41736.523020833331</v>
      </c>
      <c r="B33591" s="6">
        <v>559223.54999999993</v>
      </c>
      <c r="C33591" s="7">
        <f t="shared" si="524"/>
        <v>559.22354999999993</v>
      </c>
      <c r="I33591" s="1"/>
    </row>
    <row r="33592" spans="1:9" x14ac:dyDescent="0.25">
      <c r="A33592" s="3">
        <v>41736.524629629632</v>
      </c>
      <c r="B33592" s="6">
        <v>559240.19999999995</v>
      </c>
      <c r="C33592" s="7">
        <f t="shared" si="524"/>
        <v>559.24019999999996</v>
      </c>
      <c r="I33592" s="1"/>
    </row>
    <row r="33593" spans="1:9" x14ac:dyDescent="0.25">
      <c r="A33593" s="3">
        <v>41736.524780092594</v>
      </c>
      <c r="B33593" s="6">
        <v>559256.85</v>
      </c>
      <c r="C33593" s="7">
        <f t="shared" si="524"/>
        <v>559.25684999999999</v>
      </c>
      <c r="I33593" s="1"/>
    </row>
    <row r="33594" spans="1:9" x14ac:dyDescent="0.25">
      <c r="A33594" s="3">
        <v>41736.527372685188</v>
      </c>
      <c r="B33594" s="6">
        <v>559273.5</v>
      </c>
      <c r="C33594" s="7">
        <f t="shared" si="524"/>
        <v>559.27350000000001</v>
      </c>
      <c r="I33594" s="1"/>
    </row>
    <row r="33595" spans="1:9" x14ac:dyDescent="0.25">
      <c r="A33595" s="3">
        <v>41736.528298611112</v>
      </c>
      <c r="B33595" s="6">
        <v>559290.14999999991</v>
      </c>
      <c r="C33595" s="7">
        <f t="shared" si="524"/>
        <v>559.29014999999993</v>
      </c>
      <c r="I33595" s="1"/>
    </row>
    <row r="33596" spans="1:9" x14ac:dyDescent="0.25">
      <c r="A33596" s="3">
        <v>41736.530543981484</v>
      </c>
      <c r="B33596" s="6">
        <v>559306.79999999993</v>
      </c>
      <c r="C33596" s="7">
        <f t="shared" si="524"/>
        <v>559.30679999999995</v>
      </c>
      <c r="I33596" s="1"/>
    </row>
    <row r="33597" spans="1:9" x14ac:dyDescent="0.25">
      <c r="A33597" s="3">
        <v>41736.530659722222</v>
      </c>
      <c r="B33597" s="6">
        <v>559323.44999999995</v>
      </c>
      <c r="C33597" s="7">
        <f t="shared" si="524"/>
        <v>559.32344999999998</v>
      </c>
      <c r="I33597" s="1"/>
    </row>
    <row r="33598" spans="1:9" x14ac:dyDescent="0.25">
      <c r="A33598" s="3">
        <v>41736.532939814817</v>
      </c>
      <c r="B33598" s="6">
        <v>559340.1</v>
      </c>
      <c r="C33598" s="7">
        <f t="shared" si="524"/>
        <v>559.34010000000001</v>
      </c>
      <c r="I33598" s="1"/>
    </row>
    <row r="33599" spans="1:9" x14ac:dyDescent="0.25">
      <c r="A33599" s="3">
        <v>41736.533067129632</v>
      </c>
      <c r="B33599" s="6">
        <v>559356.75</v>
      </c>
      <c r="C33599" s="7">
        <f t="shared" si="524"/>
        <v>559.35675000000003</v>
      </c>
      <c r="I33599" s="1"/>
    </row>
    <row r="33600" spans="1:9" x14ac:dyDescent="0.25">
      <c r="A33600" s="3">
        <v>41736.534328703703</v>
      </c>
      <c r="B33600" s="6">
        <v>559373.39999999991</v>
      </c>
      <c r="C33600" s="7">
        <f t="shared" si="524"/>
        <v>559.37339999999995</v>
      </c>
      <c r="I33600" s="1"/>
    </row>
    <row r="33601" spans="1:9" x14ac:dyDescent="0.25">
      <c r="A33601" s="3">
        <v>41736.534432870372</v>
      </c>
      <c r="B33601" s="6">
        <v>559390.04999999993</v>
      </c>
      <c r="C33601" s="7">
        <f t="shared" si="524"/>
        <v>559.39004999999997</v>
      </c>
      <c r="I33601" s="1"/>
    </row>
    <row r="33602" spans="1:9" x14ac:dyDescent="0.25">
      <c r="A33602" s="3">
        <v>41736.536979166667</v>
      </c>
      <c r="B33602" s="6">
        <v>559406.69999999995</v>
      </c>
      <c r="C33602" s="7">
        <f t="shared" si="524"/>
        <v>559.4067</v>
      </c>
      <c r="I33602" s="1"/>
    </row>
    <row r="33603" spans="1:9" x14ac:dyDescent="0.25">
      <c r="A33603" s="3">
        <v>41736.537175925929</v>
      </c>
      <c r="B33603" s="6">
        <v>559423.35</v>
      </c>
      <c r="C33603" s="7">
        <f t="shared" ref="C33603:C33666" si="525">B33603/1000</f>
        <v>559.42335000000003</v>
      </c>
      <c r="I33603" s="1"/>
    </row>
    <row r="33604" spans="1:9" x14ac:dyDescent="0.25">
      <c r="A33604" s="3">
        <v>41736.542060185187</v>
      </c>
      <c r="B33604" s="6">
        <v>559440</v>
      </c>
      <c r="C33604" s="7">
        <f t="shared" si="525"/>
        <v>559.44000000000005</v>
      </c>
      <c r="I33604" s="1"/>
    </row>
    <row r="33605" spans="1:9" x14ac:dyDescent="0.25">
      <c r="A33605" s="3">
        <v>41736.542291666665</v>
      </c>
      <c r="B33605" s="6">
        <v>559456.64999999991</v>
      </c>
      <c r="C33605" s="7">
        <f t="shared" si="525"/>
        <v>559.45664999999985</v>
      </c>
      <c r="I33605" s="1"/>
    </row>
    <row r="33606" spans="1:9" x14ac:dyDescent="0.25">
      <c r="A33606" s="3">
        <v>41736.544895833336</v>
      </c>
      <c r="B33606" s="6">
        <v>559473.29999999993</v>
      </c>
      <c r="C33606" s="7">
        <f t="shared" si="525"/>
        <v>559.47329999999988</v>
      </c>
      <c r="I33606" s="1"/>
    </row>
    <row r="33607" spans="1:9" x14ac:dyDescent="0.25">
      <c r="A33607" s="3">
        <v>41736.545011574075</v>
      </c>
      <c r="B33607" s="6">
        <v>559489.94999999995</v>
      </c>
      <c r="C33607" s="7">
        <f t="shared" si="525"/>
        <v>559.48994999999991</v>
      </c>
      <c r="I33607" s="1"/>
    </row>
    <row r="33608" spans="1:9" x14ac:dyDescent="0.25">
      <c r="A33608" s="3">
        <v>41736.546041666668</v>
      </c>
      <c r="B33608" s="6">
        <v>559506.6</v>
      </c>
      <c r="C33608" s="7">
        <f t="shared" si="525"/>
        <v>559.50659999999993</v>
      </c>
      <c r="I33608" s="1"/>
    </row>
    <row r="33609" spans="1:9" x14ac:dyDescent="0.25">
      <c r="A33609" s="3">
        <v>41736.546157407407</v>
      </c>
      <c r="B33609" s="6">
        <v>559523.25</v>
      </c>
      <c r="C33609" s="7">
        <f t="shared" si="525"/>
        <v>559.52324999999996</v>
      </c>
      <c r="I33609" s="1"/>
    </row>
    <row r="33610" spans="1:9" x14ac:dyDescent="0.25">
      <c r="A33610" s="3">
        <v>41736.548298611109</v>
      </c>
      <c r="B33610" s="6">
        <v>559539.89999999991</v>
      </c>
      <c r="C33610" s="7">
        <f t="shared" si="525"/>
        <v>559.53989999999988</v>
      </c>
      <c r="I33610" s="1"/>
    </row>
    <row r="33611" spans="1:9" x14ac:dyDescent="0.25">
      <c r="A33611" s="3">
        <v>41736.548437500001</v>
      </c>
      <c r="B33611" s="6">
        <v>559556.54999999993</v>
      </c>
      <c r="C33611" s="7">
        <f t="shared" si="525"/>
        <v>559.5565499999999</v>
      </c>
      <c r="I33611" s="1"/>
    </row>
    <row r="33612" spans="1:9" x14ac:dyDescent="0.25">
      <c r="A33612" s="3">
        <v>41736.554502314815</v>
      </c>
      <c r="B33612" s="6">
        <v>559573.19999999995</v>
      </c>
      <c r="C33612" s="7">
        <f t="shared" si="525"/>
        <v>559.57319999999993</v>
      </c>
      <c r="I33612" s="1"/>
    </row>
    <row r="33613" spans="1:9" x14ac:dyDescent="0.25">
      <c r="A33613" s="3">
        <v>41736.555266203701</v>
      </c>
      <c r="B33613" s="6">
        <v>559589.85</v>
      </c>
      <c r="C33613" s="7">
        <f t="shared" si="525"/>
        <v>559.58984999999996</v>
      </c>
      <c r="I33613" s="1"/>
    </row>
    <row r="33614" spans="1:9" x14ac:dyDescent="0.25">
      <c r="A33614" s="3">
        <v>41736.558611111112</v>
      </c>
      <c r="B33614" s="6">
        <v>559606.5</v>
      </c>
      <c r="C33614" s="7">
        <f t="shared" si="525"/>
        <v>559.60649999999998</v>
      </c>
      <c r="I33614" s="1"/>
    </row>
    <row r="33615" spans="1:9" x14ac:dyDescent="0.25">
      <c r="A33615" s="3">
        <v>41736.558715277781</v>
      </c>
      <c r="B33615" s="6">
        <v>559623.14999999991</v>
      </c>
      <c r="C33615" s="7">
        <f t="shared" si="525"/>
        <v>559.6231499999999</v>
      </c>
      <c r="I33615" s="1"/>
    </row>
    <row r="33616" spans="1:9" x14ac:dyDescent="0.25">
      <c r="A33616" s="3">
        <v>41736.561307870368</v>
      </c>
      <c r="B33616" s="6">
        <v>559639.79999999993</v>
      </c>
      <c r="C33616" s="7">
        <f t="shared" si="525"/>
        <v>559.63979999999992</v>
      </c>
      <c r="I33616" s="1"/>
    </row>
    <row r="33617" spans="1:9" x14ac:dyDescent="0.25">
      <c r="A33617" s="3">
        <v>41736.561423611114</v>
      </c>
      <c r="B33617" s="6">
        <v>559656.44999999995</v>
      </c>
      <c r="C33617" s="7">
        <f t="shared" si="525"/>
        <v>559.65644999999995</v>
      </c>
      <c r="I33617" s="1"/>
    </row>
    <row r="33618" spans="1:9" x14ac:dyDescent="0.25">
      <c r="A33618" s="3">
        <v>41736.564074074071</v>
      </c>
      <c r="B33618" s="6">
        <v>559673.1</v>
      </c>
      <c r="C33618" s="7">
        <f t="shared" si="525"/>
        <v>559.67309999999998</v>
      </c>
      <c r="I33618" s="1"/>
    </row>
    <row r="33619" spans="1:9" x14ac:dyDescent="0.25">
      <c r="A33619" s="3">
        <v>41736.564722222225</v>
      </c>
      <c r="B33619" s="6">
        <v>559689.75</v>
      </c>
      <c r="C33619" s="7">
        <f t="shared" si="525"/>
        <v>559.68975</v>
      </c>
      <c r="I33619" s="1"/>
    </row>
    <row r="33620" spans="1:9" x14ac:dyDescent="0.25">
      <c r="A33620" s="3">
        <v>41736.568391203706</v>
      </c>
      <c r="B33620" s="6">
        <v>559706.39999999991</v>
      </c>
      <c r="C33620" s="7">
        <f t="shared" si="525"/>
        <v>559.70639999999992</v>
      </c>
      <c r="I33620" s="1"/>
    </row>
    <row r="33621" spans="1:9" x14ac:dyDescent="0.25">
      <c r="A33621" s="3">
        <v>41736.568506944444</v>
      </c>
      <c r="B33621" s="6">
        <v>559723.04999999993</v>
      </c>
      <c r="C33621" s="7">
        <f t="shared" si="525"/>
        <v>559.72304999999994</v>
      </c>
      <c r="I33621" s="1"/>
    </row>
    <row r="33622" spans="1:9" x14ac:dyDescent="0.25">
      <c r="A33622" s="3">
        <v>41736.571099537039</v>
      </c>
      <c r="B33622" s="6">
        <v>559739.69999999995</v>
      </c>
      <c r="C33622" s="7">
        <f t="shared" si="525"/>
        <v>559.73969999999997</v>
      </c>
      <c r="I33622" s="1"/>
    </row>
    <row r="33623" spans="1:9" x14ac:dyDescent="0.25">
      <c r="A33623" s="3">
        <v>41736.571284722224</v>
      </c>
      <c r="B33623" s="6">
        <v>559756.35</v>
      </c>
      <c r="C33623" s="7">
        <f t="shared" si="525"/>
        <v>559.75635</v>
      </c>
      <c r="I33623" s="1"/>
    </row>
    <row r="33624" spans="1:9" x14ac:dyDescent="0.25">
      <c r="A33624" s="3">
        <v>41736.574803240743</v>
      </c>
      <c r="B33624" s="6">
        <v>559773</v>
      </c>
      <c r="C33624" s="7">
        <f t="shared" si="525"/>
        <v>559.77300000000002</v>
      </c>
      <c r="I33624" s="1"/>
    </row>
    <row r="33625" spans="1:9" x14ac:dyDescent="0.25">
      <c r="A33625" s="3">
        <v>41736.574953703705</v>
      </c>
      <c r="B33625" s="6">
        <v>559789.64999999991</v>
      </c>
      <c r="C33625" s="7">
        <f t="shared" si="525"/>
        <v>559.78964999999994</v>
      </c>
      <c r="I33625" s="1"/>
    </row>
    <row r="33626" spans="1:9" x14ac:dyDescent="0.25">
      <c r="A33626" s="3">
        <v>41736.579710648148</v>
      </c>
      <c r="B33626" s="6">
        <v>559806.29999999993</v>
      </c>
      <c r="C33626" s="7">
        <f t="shared" si="525"/>
        <v>559.80629999999996</v>
      </c>
      <c r="I33626" s="1"/>
    </row>
    <row r="33627" spans="1:9" x14ac:dyDescent="0.25">
      <c r="A33627" s="3">
        <v>41736.580543981479</v>
      </c>
      <c r="B33627" s="6">
        <v>559822.94999999995</v>
      </c>
      <c r="C33627" s="7">
        <f t="shared" si="525"/>
        <v>559.82294999999999</v>
      </c>
      <c r="I33627" s="1"/>
    </row>
    <row r="33628" spans="1:9" x14ac:dyDescent="0.25">
      <c r="A33628" s="3">
        <v>41736.585636574076</v>
      </c>
      <c r="B33628" s="6">
        <v>559839.6</v>
      </c>
      <c r="C33628" s="7">
        <f t="shared" si="525"/>
        <v>559.83960000000002</v>
      </c>
      <c r="I33628" s="1"/>
    </row>
    <row r="33629" spans="1:9" x14ac:dyDescent="0.25">
      <c r="A33629" s="3">
        <v>41736.585856481484</v>
      </c>
      <c r="B33629" s="6">
        <v>559856.25</v>
      </c>
      <c r="C33629" s="7">
        <f t="shared" si="525"/>
        <v>559.85625000000005</v>
      </c>
      <c r="I33629" s="1"/>
    </row>
    <row r="33630" spans="1:9" x14ac:dyDescent="0.25">
      <c r="A33630" s="3">
        <v>41736.590266203704</v>
      </c>
      <c r="B33630" s="6">
        <v>559872.89999999991</v>
      </c>
      <c r="C33630" s="7">
        <f t="shared" si="525"/>
        <v>559.87289999999996</v>
      </c>
      <c r="I33630" s="1"/>
    </row>
    <row r="33631" spans="1:9" x14ac:dyDescent="0.25">
      <c r="A33631" s="3">
        <v>41736.590358796297</v>
      </c>
      <c r="B33631" s="6">
        <v>559889.54999999993</v>
      </c>
      <c r="C33631" s="7">
        <f t="shared" si="525"/>
        <v>559.88954999999999</v>
      </c>
      <c r="I33631" s="1"/>
    </row>
    <row r="33632" spans="1:9" x14ac:dyDescent="0.25">
      <c r="A33632" s="3">
        <v>41736.593657407408</v>
      </c>
      <c r="B33632" s="6">
        <v>559906.19999999995</v>
      </c>
      <c r="C33632" s="7">
        <f t="shared" si="525"/>
        <v>559.9061999999999</v>
      </c>
      <c r="I33632" s="1"/>
    </row>
    <row r="33633" spans="1:9" x14ac:dyDescent="0.25">
      <c r="A33633" s="3">
        <v>41736.593958333331</v>
      </c>
      <c r="B33633" s="6">
        <v>559922.85</v>
      </c>
      <c r="C33633" s="7">
        <f t="shared" si="525"/>
        <v>559.92284999999993</v>
      </c>
      <c r="I33633" s="1"/>
    </row>
    <row r="33634" spans="1:9" x14ac:dyDescent="0.25">
      <c r="A33634" s="3">
        <v>41736.600324074076</v>
      </c>
      <c r="B33634" s="6">
        <v>559939.5</v>
      </c>
      <c r="C33634" s="7">
        <f t="shared" si="525"/>
        <v>559.93949999999995</v>
      </c>
      <c r="I33634" s="1"/>
    </row>
    <row r="33635" spans="1:9" x14ac:dyDescent="0.25">
      <c r="A33635" s="3">
        <v>41736.600532407407</v>
      </c>
      <c r="B33635" s="6">
        <v>559956.14999999991</v>
      </c>
      <c r="C33635" s="7">
        <f t="shared" si="525"/>
        <v>559.95614999999987</v>
      </c>
      <c r="I33635" s="1"/>
    </row>
    <row r="33636" spans="1:9" x14ac:dyDescent="0.25">
      <c r="A33636" s="3">
        <v>41736.602280092593</v>
      </c>
      <c r="B33636" s="6">
        <v>559972.79999999993</v>
      </c>
      <c r="C33636" s="7">
        <f t="shared" si="525"/>
        <v>559.97279999999989</v>
      </c>
      <c r="I33636" s="1"/>
    </row>
    <row r="33637" spans="1:9" x14ac:dyDescent="0.25">
      <c r="A33637" s="3">
        <v>41736.603726851848</v>
      </c>
      <c r="B33637" s="6">
        <v>559989.44999999995</v>
      </c>
      <c r="C33637" s="7">
        <f t="shared" si="525"/>
        <v>559.98944999999992</v>
      </c>
      <c r="I33637" s="1"/>
    </row>
    <row r="33638" spans="1:9" x14ac:dyDescent="0.25">
      <c r="A33638" s="3">
        <v>41736.607881944445</v>
      </c>
      <c r="B33638" s="6">
        <v>560006.1</v>
      </c>
      <c r="C33638" s="7">
        <f t="shared" si="525"/>
        <v>560.00609999999995</v>
      </c>
      <c r="I33638" s="1"/>
    </row>
    <row r="33639" spans="1:9" x14ac:dyDescent="0.25">
      <c r="A33639" s="3">
        <v>41736.609826388885</v>
      </c>
      <c r="B33639" s="6">
        <v>560022.75</v>
      </c>
      <c r="C33639" s="7">
        <f t="shared" si="525"/>
        <v>560.02274999999997</v>
      </c>
      <c r="I33639" s="1"/>
    </row>
    <row r="33640" spans="1:9" x14ac:dyDescent="0.25">
      <c r="A33640" s="3">
        <v>41736.611226851855</v>
      </c>
      <c r="B33640" s="6">
        <v>560039.39999999991</v>
      </c>
      <c r="C33640" s="7">
        <f t="shared" si="525"/>
        <v>560.03939999999989</v>
      </c>
      <c r="I33640" s="1"/>
    </row>
    <row r="33641" spans="1:9" x14ac:dyDescent="0.25">
      <c r="A33641" s="3">
        <v>41736.611342592594</v>
      </c>
      <c r="B33641" s="6">
        <v>560056.04999999993</v>
      </c>
      <c r="C33641" s="7">
        <f t="shared" si="525"/>
        <v>560.05604999999991</v>
      </c>
      <c r="I33641" s="1"/>
    </row>
    <row r="33642" spans="1:9" x14ac:dyDescent="0.25">
      <c r="A33642" s="3">
        <v>41736.613449074073</v>
      </c>
      <c r="B33642" s="6">
        <v>560072.69999999995</v>
      </c>
      <c r="C33642" s="7">
        <f t="shared" si="525"/>
        <v>560.07269999999994</v>
      </c>
      <c r="I33642" s="1"/>
    </row>
    <row r="33643" spans="1:9" x14ac:dyDescent="0.25">
      <c r="A33643" s="3">
        <v>41736.613576388889</v>
      </c>
      <c r="B33643" s="6">
        <v>560089.35</v>
      </c>
      <c r="C33643" s="7">
        <f t="shared" si="525"/>
        <v>560.08934999999997</v>
      </c>
      <c r="I33643" s="1"/>
    </row>
    <row r="33644" spans="1:9" x14ac:dyDescent="0.25">
      <c r="A33644" s="3">
        <v>41736.615081018521</v>
      </c>
      <c r="B33644" s="6">
        <v>560106</v>
      </c>
      <c r="C33644" s="7">
        <f t="shared" si="525"/>
        <v>560.10599999999999</v>
      </c>
      <c r="I33644" s="1"/>
    </row>
    <row r="33645" spans="1:9" x14ac:dyDescent="0.25">
      <c r="A33645" s="3">
        <v>41736.615312499998</v>
      </c>
      <c r="B33645" s="6">
        <v>560122.64999999991</v>
      </c>
      <c r="C33645" s="7">
        <f t="shared" si="525"/>
        <v>560.12264999999991</v>
      </c>
      <c r="I33645" s="1"/>
    </row>
    <row r="33646" spans="1:9" x14ac:dyDescent="0.25">
      <c r="A33646" s="3">
        <v>41736.617997685185</v>
      </c>
      <c r="B33646" s="6">
        <v>560139.29999999993</v>
      </c>
      <c r="C33646" s="7">
        <f t="shared" si="525"/>
        <v>560.13929999999993</v>
      </c>
      <c r="I33646" s="1"/>
    </row>
    <row r="33647" spans="1:9" x14ac:dyDescent="0.25">
      <c r="A33647" s="3">
        <v>41736.618136574078</v>
      </c>
      <c r="B33647" s="6">
        <v>560155.94999999995</v>
      </c>
      <c r="C33647" s="7">
        <f t="shared" si="525"/>
        <v>560.15594999999996</v>
      </c>
      <c r="I33647" s="1"/>
    </row>
    <row r="33648" spans="1:9" x14ac:dyDescent="0.25">
      <c r="A33648" s="3">
        <v>41736.62295138889</v>
      </c>
      <c r="B33648" s="6">
        <v>560172.6</v>
      </c>
      <c r="C33648" s="7">
        <f t="shared" si="525"/>
        <v>560.17259999999999</v>
      </c>
      <c r="I33648" s="1"/>
    </row>
    <row r="33649" spans="1:9" x14ac:dyDescent="0.25">
      <c r="A33649" s="3">
        <v>41736.623171296298</v>
      </c>
      <c r="B33649" s="6">
        <v>560189.25</v>
      </c>
      <c r="C33649" s="7">
        <f t="shared" si="525"/>
        <v>560.18925000000002</v>
      </c>
      <c r="I33649" s="1"/>
    </row>
    <row r="33650" spans="1:9" x14ac:dyDescent="0.25">
      <c r="A33650" s="3">
        <v>41736.627002314817</v>
      </c>
      <c r="B33650" s="6">
        <v>560205.89999999991</v>
      </c>
      <c r="C33650" s="7">
        <f t="shared" si="525"/>
        <v>560.20589999999993</v>
      </c>
      <c r="I33650" s="1"/>
    </row>
    <row r="33651" spans="1:9" x14ac:dyDescent="0.25">
      <c r="A33651" s="3">
        <v>41736.627256944441</v>
      </c>
      <c r="B33651" s="6">
        <v>560222.54999999993</v>
      </c>
      <c r="C33651" s="7">
        <f t="shared" si="525"/>
        <v>560.22254999999996</v>
      </c>
      <c r="I33651" s="1"/>
    </row>
    <row r="33652" spans="1:9" x14ac:dyDescent="0.25">
      <c r="A33652" s="3">
        <v>41736.631724537037</v>
      </c>
      <c r="B33652" s="6">
        <v>560239.19999999995</v>
      </c>
      <c r="C33652" s="7">
        <f t="shared" si="525"/>
        <v>560.23919999999998</v>
      </c>
      <c r="I33652" s="1"/>
    </row>
    <row r="33653" spans="1:9" x14ac:dyDescent="0.25">
      <c r="A33653" s="3">
        <v>41736.632557870369</v>
      </c>
      <c r="B33653" s="6">
        <v>560255.85</v>
      </c>
      <c r="C33653" s="7">
        <f t="shared" si="525"/>
        <v>560.25585000000001</v>
      </c>
      <c r="I33653" s="1"/>
    </row>
    <row r="33654" spans="1:9" x14ac:dyDescent="0.25">
      <c r="A33654" s="3">
        <v>41736.636111111111</v>
      </c>
      <c r="B33654" s="6">
        <v>560272.5</v>
      </c>
      <c r="C33654" s="7">
        <f t="shared" si="525"/>
        <v>560.27250000000004</v>
      </c>
      <c r="I33654" s="1"/>
    </row>
    <row r="33655" spans="1:9" x14ac:dyDescent="0.25">
      <c r="A33655" s="3">
        <v>41736.636342592596</v>
      </c>
      <c r="B33655" s="6">
        <v>560289.14999999991</v>
      </c>
      <c r="C33655" s="7">
        <f t="shared" si="525"/>
        <v>560.28914999999995</v>
      </c>
      <c r="I33655" s="1"/>
    </row>
    <row r="33656" spans="1:9" x14ac:dyDescent="0.25">
      <c r="A33656" s="3">
        <v>41736.638032407405</v>
      </c>
      <c r="B33656" s="6">
        <v>560305.79999999993</v>
      </c>
      <c r="C33656" s="7">
        <f t="shared" si="525"/>
        <v>560.30579999999998</v>
      </c>
      <c r="I33656" s="1"/>
    </row>
    <row r="33657" spans="1:9" x14ac:dyDescent="0.25">
      <c r="A33657" s="3">
        <v>41736.638148148151</v>
      </c>
      <c r="B33657" s="6">
        <v>560322.44999999995</v>
      </c>
      <c r="C33657" s="7">
        <f t="shared" si="525"/>
        <v>560.32245</v>
      </c>
      <c r="I33657" s="1"/>
    </row>
    <row r="33658" spans="1:9" x14ac:dyDescent="0.25">
      <c r="A33658" s="3">
        <v>41736.639745370368</v>
      </c>
      <c r="B33658" s="6">
        <v>560339.1</v>
      </c>
      <c r="C33658" s="7">
        <f t="shared" si="525"/>
        <v>560.33910000000003</v>
      </c>
      <c r="I33658" s="1"/>
    </row>
    <row r="33659" spans="1:9" x14ac:dyDescent="0.25">
      <c r="A33659" s="3">
        <v>41736.639861111114</v>
      </c>
      <c r="B33659" s="6">
        <v>560355.75</v>
      </c>
      <c r="C33659" s="7">
        <f t="shared" si="525"/>
        <v>560.35574999999994</v>
      </c>
      <c r="I33659" s="1"/>
    </row>
    <row r="33660" spans="1:9" x14ac:dyDescent="0.25">
      <c r="A33660" s="3">
        <v>41736.641423611109</v>
      </c>
      <c r="B33660" s="6">
        <v>560372.39999999991</v>
      </c>
      <c r="C33660" s="7">
        <f t="shared" si="525"/>
        <v>560.37239999999986</v>
      </c>
      <c r="I33660" s="1"/>
    </row>
    <row r="33661" spans="1:9" x14ac:dyDescent="0.25">
      <c r="A33661" s="3">
        <v>41736.641539351855</v>
      </c>
      <c r="B33661" s="6">
        <v>560389.04999999993</v>
      </c>
      <c r="C33661" s="7">
        <f t="shared" si="525"/>
        <v>560.38904999999988</v>
      </c>
      <c r="I33661" s="1"/>
    </row>
    <row r="33662" spans="1:9" x14ac:dyDescent="0.25">
      <c r="A33662" s="3">
        <v>41736.64439814815</v>
      </c>
      <c r="B33662" s="6">
        <v>560405.69999999995</v>
      </c>
      <c r="C33662" s="7">
        <f t="shared" si="525"/>
        <v>560.40569999999991</v>
      </c>
      <c r="I33662" s="1"/>
    </row>
    <row r="33663" spans="1:9" x14ac:dyDescent="0.25">
      <c r="A33663" s="3">
        <v>41736.64466435185</v>
      </c>
      <c r="B33663" s="6">
        <v>560422.35</v>
      </c>
      <c r="C33663" s="7">
        <f t="shared" si="525"/>
        <v>560.42234999999994</v>
      </c>
      <c r="I33663" s="1"/>
    </row>
    <row r="33664" spans="1:9" x14ac:dyDescent="0.25">
      <c r="A33664" s="3">
        <v>41736.647175925929</v>
      </c>
      <c r="B33664" s="6">
        <v>560439</v>
      </c>
      <c r="C33664" s="7">
        <f t="shared" si="525"/>
        <v>560.43899999999996</v>
      </c>
      <c r="I33664" s="1"/>
    </row>
    <row r="33665" spans="1:9" x14ac:dyDescent="0.25">
      <c r="A33665" s="3">
        <v>41736.64738425926</v>
      </c>
      <c r="B33665" s="6">
        <v>560455.64999999991</v>
      </c>
      <c r="C33665" s="7">
        <f t="shared" si="525"/>
        <v>560.45564999999988</v>
      </c>
      <c r="I33665" s="1"/>
    </row>
    <row r="33666" spans="1:9" x14ac:dyDescent="0.25">
      <c r="A33666" s="3">
        <v>41736.650787037041</v>
      </c>
      <c r="B33666" s="6">
        <v>560472.29999999993</v>
      </c>
      <c r="C33666" s="7">
        <f t="shared" si="525"/>
        <v>560.4722999999999</v>
      </c>
      <c r="I33666" s="1"/>
    </row>
    <row r="33667" spans="1:9" x14ac:dyDescent="0.25">
      <c r="A33667" s="3">
        <v>41736.651944444442</v>
      </c>
      <c r="B33667" s="6">
        <v>560488.94999999995</v>
      </c>
      <c r="C33667" s="7">
        <f t="shared" ref="C33667:C33730" si="526">B33667/1000</f>
        <v>560.48894999999993</v>
      </c>
      <c r="I33667" s="1"/>
    </row>
    <row r="33668" spans="1:9" x14ac:dyDescent="0.25">
      <c r="A33668" s="3">
        <v>41736.652997685182</v>
      </c>
      <c r="B33668" s="6">
        <v>560505.59999999998</v>
      </c>
      <c r="C33668" s="7">
        <f t="shared" si="526"/>
        <v>560.50559999999996</v>
      </c>
      <c r="I33668" s="1"/>
    </row>
    <row r="33669" spans="1:9" x14ac:dyDescent="0.25">
      <c r="A33669" s="3">
        <v>41736.653321759259</v>
      </c>
      <c r="B33669" s="6">
        <v>560522.25</v>
      </c>
      <c r="C33669" s="7">
        <f t="shared" si="526"/>
        <v>560.52224999999999</v>
      </c>
      <c r="I33669" s="1"/>
    </row>
    <row r="33670" spans="1:9" x14ac:dyDescent="0.25">
      <c r="A33670" s="3">
        <v>41736.658634259256</v>
      </c>
      <c r="B33670" s="6">
        <v>560538.89999999991</v>
      </c>
      <c r="C33670" s="7">
        <f t="shared" si="526"/>
        <v>560.5388999999999</v>
      </c>
      <c r="I33670" s="1"/>
    </row>
    <row r="33671" spans="1:9" x14ac:dyDescent="0.25">
      <c r="A33671" s="3">
        <v>41736.658750000002</v>
      </c>
      <c r="B33671" s="6">
        <v>560555.54999999993</v>
      </c>
      <c r="C33671" s="7">
        <f t="shared" si="526"/>
        <v>560.55554999999993</v>
      </c>
      <c r="I33671" s="1"/>
    </row>
    <row r="33672" spans="1:9" x14ac:dyDescent="0.25">
      <c r="A33672" s="3">
        <v>41736.663078703707</v>
      </c>
      <c r="B33672" s="6">
        <v>560572.19999999995</v>
      </c>
      <c r="C33672" s="7">
        <f t="shared" si="526"/>
        <v>560.57219999999995</v>
      </c>
      <c r="I33672" s="1"/>
    </row>
    <row r="33673" spans="1:9" x14ac:dyDescent="0.25">
      <c r="A33673" s="3">
        <v>41736.663842592592</v>
      </c>
      <c r="B33673" s="6">
        <v>560588.85</v>
      </c>
      <c r="C33673" s="7">
        <f t="shared" si="526"/>
        <v>560.58884999999998</v>
      </c>
      <c r="I33673" s="1"/>
    </row>
    <row r="33674" spans="1:9" x14ac:dyDescent="0.25">
      <c r="A33674" s="3">
        <v>41736.666412037041</v>
      </c>
      <c r="B33674" s="6">
        <v>560605.5</v>
      </c>
      <c r="C33674" s="7">
        <f t="shared" si="526"/>
        <v>560.60550000000001</v>
      </c>
      <c r="I33674" s="1"/>
    </row>
    <row r="33675" spans="1:9" x14ac:dyDescent="0.25">
      <c r="A33675" s="3">
        <v>41736.666724537034</v>
      </c>
      <c r="B33675" s="6">
        <v>560622.14999999991</v>
      </c>
      <c r="C33675" s="7">
        <f t="shared" si="526"/>
        <v>560.62214999999992</v>
      </c>
      <c r="I33675" s="1"/>
    </row>
    <row r="33676" spans="1:9" x14ac:dyDescent="0.25">
      <c r="A33676" s="3">
        <v>41736.668576388889</v>
      </c>
      <c r="B33676" s="6">
        <v>560638.79999999993</v>
      </c>
      <c r="C33676" s="7">
        <f t="shared" si="526"/>
        <v>560.63879999999995</v>
      </c>
      <c r="I33676" s="1"/>
    </row>
    <row r="33677" spans="1:9" x14ac:dyDescent="0.25">
      <c r="A33677" s="3">
        <v>41736.668749999997</v>
      </c>
      <c r="B33677" s="6">
        <v>560655.44999999995</v>
      </c>
      <c r="C33677" s="7">
        <f t="shared" si="526"/>
        <v>560.65544999999997</v>
      </c>
      <c r="I33677" s="1"/>
    </row>
    <row r="33678" spans="1:9" x14ac:dyDescent="0.25">
      <c r="A33678" s="3">
        <v>41736.671388888892</v>
      </c>
      <c r="B33678" s="6">
        <v>560672.1</v>
      </c>
      <c r="C33678" s="7">
        <f t="shared" si="526"/>
        <v>560.6721</v>
      </c>
      <c r="I33678" s="1"/>
    </row>
    <row r="33679" spans="1:9" x14ac:dyDescent="0.25">
      <c r="A33679" s="3">
        <v>41736.6716087963</v>
      </c>
      <c r="B33679" s="6">
        <v>560688.75</v>
      </c>
      <c r="C33679" s="7">
        <f t="shared" si="526"/>
        <v>560.68875000000003</v>
      </c>
      <c r="I33679" s="1"/>
    </row>
    <row r="33680" spans="1:9" x14ac:dyDescent="0.25">
      <c r="A33680" s="3">
        <v>41736.673750000002</v>
      </c>
      <c r="B33680" s="6">
        <v>560705.39999999991</v>
      </c>
      <c r="C33680" s="7">
        <f t="shared" si="526"/>
        <v>560.70539999999994</v>
      </c>
      <c r="I33680" s="1"/>
    </row>
    <row r="33681" spans="1:9" x14ac:dyDescent="0.25">
      <c r="A33681" s="3">
        <v>41736.674259259256</v>
      </c>
      <c r="B33681" s="6">
        <v>560722.04999999993</v>
      </c>
      <c r="C33681" s="7">
        <f t="shared" si="526"/>
        <v>560.72204999999997</v>
      </c>
      <c r="I33681" s="1"/>
    </row>
    <row r="33682" spans="1:9" x14ac:dyDescent="0.25">
      <c r="A33682" s="3">
        <v>41736.678159722222</v>
      </c>
      <c r="B33682" s="6">
        <v>560738.69999999995</v>
      </c>
      <c r="C33682" s="7">
        <f t="shared" si="526"/>
        <v>560.73869999999999</v>
      </c>
      <c r="I33682" s="1"/>
    </row>
    <row r="33683" spans="1:9" x14ac:dyDescent="0.25">
      <c r="A33683" s="3">
        <v>41736.678483796299</v>
      </c>
      <c r="B33683" s="6">
        <v>560755.35</v>
      </c>
      <c r="C33683" s="7">
        <f t="shared" si="526"/>
        <v>560.75535000000002</v>
      </c>
      <c r="I33683" s="1"/>
    </row>
    <row r="33684" spans="1:9" x14ac:dyDescent="0.25">
      <c r="A33684" s="3">
        <v>41736.68409722222</v>
      </c>
      <c r="B33684" s="6">
        <v>560772</v>
      </c>
      <c r="C33684" s="7">
        <f t="shared" si="526"/>
        <v>560.77200000000005</v>
      </c>
      <c r="I33684" s="1"/>
    </row>
    <row r="33685" spans="1:9" x14ac:dyDescent="0.25">
      <c r="A33685" s="3">
        <v>41736.684189814812</v>
      </c>
      <c r="B33685" s="6">
        <v>560788.64999999991</v>
      </c>
      <c r="C33685" s="7">
        <f t="shared" si="526"/>
        <v>560.78864999999996</v>
      </c>
      <c r="I33685" s="1"/>
    </row>
    <row r="33686" spans="1:9" x14ac:dyDescent="0.25">
      <c r="A33686" s="3">
        <v>41736.686273148145</v>
      </c>
      <c r="B33686" s="6">
        <v>560805.29999999993</v>
      </c>
      <c r="C33686" s="7">
        <f t="shared" si="526"/>
        <v>560.80529999999987</v>
      </c>
      <c r="I33686" s="1"/>
    </row>
    <row r="33687" spans="1:9" x14ac:dyDescent="0.25">
      <c r="A33687" s="3">
        <v>41736.686481481483</v>
      </c>
      <c r="B33687" s="6">
        <v>560821.94999999995</v>
      </c>
      <c r="C33687" s="7">
        <f t="shared" si="526"/>
        <v>560.8219499999999</v>
      </c>
      <c r="I33687" s="1"/>
    </row>
    <row r="33688" spans="1:9" x14ac:dyDescent="0.25">
      <c r="A33688" s="3">
        <v>41736.689236111109</v>
      </c>
      <c r="B33688" s="6">
        <v>560838.6</v>
      </c>
      <c r="C33688" s="7">
        <f t="shared" si="526"/>
        <v>560.83859999999993</v>
      </c>
      <c r="I33688" s="1"/>
    </row>
    <row r="33689" spans="1:9" x14ac:dyDescent="0.25">
      <c r="A33689" s="3">
        <v>41736.68953703704</v>
      </c>
      <c r="B33689" s="6">
        <v>560855.25</v>
      </c>
      <c r="C33689" s="7">
        <f t="shared" si="526"/>
        <v>560.85524999999996</v>
      </c>
      <c r="I33689" s="1"/>
    </row>
    <row r="33690" spans="1:9" x14ac:dyDescent="0.25">
      <c r="A33690" s="3">
        <v>41736.692210648151</v>
      </c>
      <c r="B33690" s="6">
        <v>560871.89999999991</v>
      </c>
      <c r="C33690" s="7">
        <f t="shared" si="526"/>
        <v>560.87189999999987</v>
      </c>
      <c r="I33690" s="1"/>
    </row>
    <row r="33691" spans="1:9" x14ac:dyDescent="0.25">
      <c r="A33691" s="3">
        <v>41736.692361111112</v>
      </c>
      <c r="B33691" s="6">
        <v>560888.54999999993</v>
      </c>
      <c r="C33691" s="7">
        <f t="shared" si="526"/>
        <v>560.8885499999999</v>
      </c>
      <c r="I33691" s="1"/>
    </row>
    <row r="33692" spans="1:9" x14ac:dyDescent="0.25">
      <c r="A33692" s="3">
        <v>41736.69604166667</v>
      </c>
      <c r="B33692" s="6">
        <v>560905.19999999995</v>
      </c>
      <c r="C33692" s="7">
        <f t="shared" si="526"/>
        <v>560.90519999999992</v>
      </c>
      <c r="I33692" s="1"/>
    </row>
    <row r="33693" spans="1:9" x14ac:dyDescent="0.25">
      <c r="A33693" s="3">
        <v>41736.697372685187</v>
      </c>
      <c r="B33693" s="6">
        <v>560921.85</v>
      </c>
      <c r="C33693" s="7">
        <f t="shared" si="526"/>
        <v>560.92184999999995</v>
      </c>
      <c r="I33693" s="1"/>
    </row>
    <row r="33694" spans="1:9" x14ac:dyDescent="0.25">
      <c r="A33694" s="3">
        <v>41736.703958333332</v>
      </c>
      <c r="B33694" s="6">
        <v>560938.5</v>
      </c>
      <c r="C33694" s="7">
        <f t="shared" si="526"/>
        <v>560.93849999999998</v>
      </c>
      <c r="I33694" s="1"/>
    </row>
    <row r="33695" spans="1:9" x14ac:dyDescent="0.25">
      <c r="A33695" s="3">
        <v>41736.704085648147</v>
      </c>
      <c r="B33695" s="6">
        <v>560955.14999999991</v>
      </c>
      <c r="C33695" s="7">
        <f t="shared" si="526"/>
        <v>560.95514999999989</v>
      </c>
      <c r="I33695" s="1"/>
    </row>
    <row r="33696" spans="1:9" x14ac:dyDescent="0.25">
      <c r="A33696" s="3">
        <v>41736.706342592595</v>
      </c>
      <c r="B33696" s="6">
        <v>560971.79999999993</v>
      </c>
      <c r="C33696" s="7">
        <f t="shared" si="526"/>
        <v>560.97179999999992</v>
      </c>
      <c r="I33696" s="1"/>
    </row>
    <row r="33697" spans="1:9" x14ac:dyDescent="0.25">
      <c r="A33697" s="3">
        <v>41736.706446759257</v>
      </c>
      <c r="B33697" s="6">
        <v>560988.44999999995</v>
      </c>
      <c r="C33697" s="7">
        <f t="shared" si="526"/>
        <v>560.98844999999994</v>
      </c>
      <c r="I33697" s="1"/>
    </row>
    <row r="33698" spans="1:9" x14ac:dyDescent="0.25">
      <c r="A33698" s="3">
        <v>41736.7109375</v>
      </c>
      <c r="B33698" s="6">
        <v>561005.1</v>
      </c>
      <c r="C33698" s="7">
        <f t="shared" si="526"/>
        <v>561.00509999999997</v>
      </c>
      <c r="I33698" s="1"/>
    </row>
    <row r="33699" spans="1:9" x14ac:dyDescent="0.25">
      <c r="A33699" s="3">
        <v>41736.711041666669</v>
      </c>
      <c r="B33699" s="6">
        <v>561021.75</v>
      </c>
      <c r="C33699" s="7">
        <f t="shared" si="526"/>
        <v>561.02175</v>
      </c>
      <c r="I33699" s="1"/>
    </row>
    <row r="33700" spans="1:9" x14ac:dyDescent="0.25">
      <c r="A33700" s="3">
        <v>41736.711898148147</v>
      </c>
      <c r="B33700" s="6">
        <v>561038.39999999991</v>
      </c>
      <c r="C33700" s="7">
        <f t="shared" si="526"/>
        <v>561.03839999999991</v>
      </c>
      <c r="I33700" s="1"/>
    </row>
    <row r="33701" spans="1:9" x14ac:dyDescent="0.25">
      <c r="A33701" s="3">
        <v>41736.712037037039</v>
      </c>
      <c r="B33701" s="6">
        <v>561055.04999999993</v>
      </c>
      <c r="C33701" s="7">
        <f t="shared" si="526"/>
        <v>561.05504999999994</v>
      </c>
      <c r="I33701" s="1"/>
    </row>
    <row r="33702" spans="1:9" x14ac:dyDescent="0.25">
      <c r="A33702" s="3">
        <v>41736.712754629632</v>
      </c>
      <c r="B33702" s="6">
        <v>561071.69999999995</v>
      </c>
      <c r="C33702" s="7">
        <f t="shared" si="526"/>
        <v>561.07169999999996</v>
      </c>
      <c r="I33702" s="1"/>
    </row>
    <row r="33703" spans="1:9" x14ac:dyDescent="0.25">
      <c r="A33703" s="3">
        <v>41736.712847222225</v>
      </c>
      <c r="B33703" s="6">
        <v>561088.35</v>
      </c>
      <c r="C33703" s="7">
        <f t="shared" si="526"/>
        <v>561.08834999999999</v>
      </c>
      <c r="I33703" s="1"/>
    </row>
    <row r="33704" spans="1:9" x14ac:dyDescent="0.25">
      <c r="A33704" s="3">
        <v>41736.713784722226</v>
      </c>
      <c r="B33704" s="6">
        <v>561105</v>
      </c>
      <c r="C33704" s="7">
        <f t="shared" si="526"/>
        <v>561.10500000000002</v>
      </c>
      <c r="I33704" s="1"/>
    </row>
    <row r="33705" spans="1:9" x14ac:dyDescent="0.25">
      <c r="A33705" s="3">
        <v>41736.713946759257</v>
      </c>
      <c r="B33705" s="6">
        <v>561121.64999999991</v>
      </c>
      <c r="C33705" s="7">
        <f t="shared" si="526"/>
        <v>561.12164999999993</v>
      </c>
      <c r="I33705" s="1"/>
    </row>
    <row r="33706" spans="1:9" x14ac:dyDescent="0.25">
      <c r="A33706" s="3">
        <v>41736.714837962965</v>
      </c>
      <c r="B33706" s="6">
        <v>561138.29999999993</v>
      </c>
      <c r="C33706" s="7">
        <f t="shared" si="526"/>
        <v>561.13829999999996</v>
      </c>
      <c r="I33706" s="1"/>
    </row>
    <row r="33707" spans="1:9" x14ac:dyDescent="0.25">
      <c r="A33707" s="3">
        <v>41736.714953703704</v>
      </c>
      <c r="B33707" s="6">
        <v>561154.94999999995</v>
      </c>
      <c r="C33707" s="7">
        <f t="shared" si="526"/>
        <v>561.15494999999999</v>
      </c>
      <c r="I33707" s="1"/>
    </row>
    <row r="33708" spans="1:9" x14ac:dyDescent="0.25">
      <c r="A33708" s="3">
        <v>41736.715937499997</v>
      </c>
      <c r="B33708" s="6">
        <v>561171.6</v>
      </c>
      <c r="C33708" s="7">
        <f t="shared" si="526"/>
        <v>561.17160000000001</v>
      </c>
      <c r="I33708" s="1"/>
    </row>
    <row r="33709" spans="1:9" x14ac:dyDescent="0.25">
      <c r="A33709" s="3">
        <v>41736.716064814813</v>
      </c>
      <c r="B33709" s="6">
        <v>561188.25</v>
      </c>
      <c r="C33709" s="7">
        <f t="shared" si="526"/>
        <v>561.18825000000004</v>
      </c>
      <c r="I33709" s="1"/>
    </row>
    <row r="33710" spans="1:9" x14ac:dyDescent="0.25">
      <c r="A33710" s="3">
        <v>41736.718912037039</v>
      </c>
      <c r="B33710" s="6">
        <v>561204.89999999991</v>
      </c>
      <c r="C33710" s="7">
        <f t="shared" si="526"/>
        <v>561.20489999999995</v>
      </c>
      <c r="I33710" s="1"/>
    </row>
    <row r="33711" spans="1:9" x14ac:dyDescent="0.25">
      <c r="A33711" s="3">
        <v>41736.71912037037</v>
      </c>
      <c r="B33711" s="6">
        <v>561221.54999999993</v>
      </c>
      <c r="C33711" s="7">
        <f t="shared" si="526"/>
        <v>561.22154999999998</v>
      </c>
      <c r="I33711" s="1"/>
    </row>
    <row r="33712" spans="1:9" x14ac:dyDescent="0.25">
      <c r="A33712" s="3">
        <v>41736.722384259258</v>
      </c>
      <c r="B33712" s="6">
        <v>561238.19999999995</v>
      </c>
      <c r="C33712" s="7">
        <f t="shared" si="526"/>
        <v>561.23820000000001</v>
      </c>
      <c r="I33712" s="1"/>
    </row>
    <row r="33713" spans="1:9" x14ac:dyDescent="0.25">
      <c r="A33713" s="3">
        <v>41736.72247685185</v>
      </c>
      <c r="B33713" s="6">
        <v>561254.85</v>
      </c>
      <c r="C33713" s="7">
        <f t="shared" si="526"/>
        <v>561.25485000000003</v>
      </c>
      <c r="I33713" s="1"/>
    </row>
    <row r="33714" spans="1:9" x14ac:dyDescent="0.25">
      <c r="A33714" s="3">
        <v>41736.729247685187</v>
      </c>
      <c r="B33714" s="6">
        <v>561271.5</v>
      </c>
      <c r="C33714" s="7">
        <f t="shared" si="526"/>
        <v>561.27149999999995</v>
      </c>
      <c r="I33714" s="1"/>
    </row>
    <row r="33715" spans="1:9" x14ac:dyDescent="0.25">
      <c r="A33715" s="3">
        <v>41736.729826388888</v>
      </c>
      <c r="B33715" s="6">
        <v>561288.14999999991</v>
      </c>
      <c r="C33715" s="7">
        <f t="shared" si="526"/>
        <v>561.28814999999986</v>
      </c>
      <c r="I33715" s="1"/>
    </row>
    <row r="33716" spans="1:9" x14ac:dyDescent="0.25">
      <c r="A33716" s="3">
        <v>41736.738506944443</v>
      </c>
      <c r="B33716" s="6">
        <v>561304.79999999993</v>
      </c>
      <c r="C33716" s="7">
        <f t="shared" si="526"/>
        <v>561.30479999999989</v>
      </c>
      <c r="I33716" s="1"/>
    </row>
    <row r="33717" spans="1:9" x14ac:dyDescent="0.25">
      <c r="A33717" s="3">
        <v>41736.739050925928</v>
      </c>
      <c r="B33717" s="6">
        <v>561321.44999999995</v>
      </c>
      <c r="C33717" s="7">
        <f t="shared" si="526"/>
        <v>561.32144999999991</v>
      </c>
      <c r="I33717" s="1"/>
    </row>
    <row r="33718" spans="1:9" x14ac:dyDescent="0.25">
      <c r="A33718" s="3">
        <v>41736.744039351855</v>
      </c>
      <c r="B33718" s="6">
        <v>561338.1</v>
      </c>
      <c r="C33718" s="7">
        <f t="shared" si="526"/>
        <v>561.33809999999994</v>
      </c>
      <c r="I33718" s="1"/>
    </row>
    <row r="33719" spans="1:9" x14ac:dyDescent="0.25">
      <c r="A33719" s="3">
        <v>41736.744201388887</v>
      </c>
      <c r="B33719" s="6">
        <v>561354.75</v>
      </c>
      <c r="C33719" s="7">
        <f t="shared" si="526"/>
        <v>561.35474999999997</v>
      </c>
      <c r="I33719" s="1"/>
    </row>
    <row r="33720" spans="1:9" x14ac:dyDescent="0.25">
      <c r="A33720" s="3">
        <v>41736.750474537039</v>
      </c>
      <c r="B33720" s="6">
        <v>561371.39999999991</v>
      </c>
      <c r="C33720" s="7">
        <f t="shared" si="526"/>
        <v>561.37139999999988</v>
      </c>
      <c r="I33720" s="1"/>
    </row>
    <row r="33721" spans="1:9" x14ac:dyDescent="0.25">
      <c r="A33721" s="3">
        <v>41736.750671296293</v>
      </c>
      <c r="B33721" s="6">
        <v>561388.04999999993</v>
      </c>
      <c r="C33721" s="7">
        <f t="shared" si="526"/>
        <v>561.38804999999991</v>
      </c>
      <c r="I33721" s="1"/>
    </row>
    <row r="33722" spans="1:9" x14ac:dyDescent="0.25">
      <c r="A33722" s="3">
        <v>41736.753425925926</v>
      </c>
      <c r="B33722" s="6">
        <v>561404.69999999995</v>
      </c>
      <c r="C33722" s="7">
        <f t="shared" si="526"/>
        <v>561.40469999999993</v>
      </c>
      <c r="I33722" s="1"/>
    </row>
    <row r="33723" spans="1:9" x14ac:dyDescent="0.25">
      <c r="A33723" s="3">
        <v>41736.753541666665</v>
      </c>
      <c r="B33723" s="6">
        <v>561421.35</v>
      </c>
      <c r="C33723" s="7">
        <f t="shared" si="526"/>
        <v>561.42134999999996</v>
      </c>
      <c r="I33723" s="1"/>
    </row>
    <row r="33724" spans="1:9" x14ac:dyDescent="0.25">
      <c r="A33724" s="3">
        <v>41736.755682870367</v>
      </c>
      <c r="B33724" s="6">
        <v>561438</v>
      </c>
      <c r="C33724" s="7">
        <f t="shared" si="526"/>
        <v>561.43799999999999</v>
      </c>
      <c r="I33724" s="1"/>
    </row>
    <row r="33725" spans="1:9" x14ac:dyDescent="0.25">
      <c r="A33725" s="3">
        <v>41736.75608796296</v>
      </c>
      <c r="B33725" s="6">
        <v>561454.64999999991</v>
      </c>
      <c r="C33725" s="7">
        <f t="shared" si="526"/>
        <v>561.4546499999999</v>
      </c>
      <c r="I33725" s="1"/>
    </row>
    <row r="33726" spans="1:9" x14ac:dyDescent="0.25">
      <c r="A33726" s="3">
        <v>41736.759930555556</v>
      </c>
      <c r="B33726" s="6">
        <v>561471.29999999993</v>
      </c>
      <c r="C33726" s="7">
        <f t="shared" si="526"/>
        <v>561.47129999999993</v>
      </c>
      <c r="I33726" s="1"/>
    </row>
    <row r="33727" spans="1:9" x14ac:dyDescent="0.25">
      <c r="A33727" s="3">
        <v>41736.760011574072</v>
      </c>
      <c r="B33727" s="6">
        <v>561487.94999999995</v>
      </c>
      <c r="C33727" s="7">
        <f t="shared" si="526"/>
        <v>561.48794999999996</v>
      </c>
      <c r="I33727" s="1"/>
    </row>
    <row r="33728" spans="1:9" x14ac:dyDescent="0.25">
      <c r="A33728" s="3">
        <v>41736.762071759258</v>
      </c>
      <c r="B33728" s="6">
        <v>561504.6</v>
      </c>
      <c r="C33728" s="7">
        <f t="shared" si="526"/>
        <v>561.50459999999998</v>
      </c>
      <c r="I33728" s="1"/>
    </row>
    <row r="33729" spans="1:9" x14ac:dyDescent="0.25">
      <c r="A33729" s="3">
        <v>41736.762824074074</v>
      </c>
      <c r="B33729" s="6">
        <v>561521.25</v>
      </c>
      <c r="C33729" s="7">
        <f t="shared" si="526"/>
        <v>561.52125000000001</v>
      </c>
      <c r="I33729" s="1"/>
    </row>
    <row r="33730" spans="1:9" x14ac:dyDescent="0.25">
      <c r="A33730" s="3">
        <v>41736.764722222222</v>
      </c>
      <c r="B33730" s="6">
        <v>561537.89999999991</v>
      </c>
      <c r="C33730" s="7">
        <f t="shared" si="526"/>
        <v>561.53789999999992</v>
      </c>
      <c r="I33730" s="1"/>
    </row>
    <row r="33731" spans="1:9" x14ac:dyDescent="0.25">
      <c r="A33731" s="3">
        <v>41736.765868055554</v>
      </c>
      <c r="B33731" s="6">
        <v>561554.54999999993</v>
      </c>
      <c r="C33731" s="7">
        <f t="shared" ref="C33731:C33794" si="527">B33731/1000</f>
        <v>561.55454999999995</v>
      </c>
      <c r="I33731" s="1"/>
    </row>
    <row r="33732" spans="1:9" x14ac:dyDescent="0.25">
      <c r="A33732" s="3">
        <v>41736.770949074074</v>
      </c>
      <c r="B33732" s="6">
        <v>561571.19999999995</v>
      </c>
      <c r="C33732" s="7">
        <f t="shared" si="527"/>
        <v>561.57119999999998</v>
      </c>
      <c r="I33732" s="1"/>
    </row>
    <row r="33733" spans="1:9" x14ac:dyDescent="0.25">
      <c r="A33733" s="3">
        <v>41736.77103009259</v>
      </c>
      <c r="B33733" s="6">
        <v>561587.85</v>
      </c>
      <c r="C33733" s="7">
        <f t="shared" si="527"/>
        <v>561.58785</v>
      </c>
      <c r="I33733" s="1"/>
    </row>
    <row r="33734" spans="1:9" x14ac:dyDescent="0.25">
      <c r="A33734" s="3">
        <v>41736.777002314811</v>
      </c>
      <c r="B33734" s="6">
        <v>561604.5</v>
      </c>
      <c r="C33734" s="7">
        <f t="shared" si="527"/>
        <v>561.60450000000003</v>
      </c>
      <c r="I33734" s="1"/>
    </row>
    <row r="33735" spans="1:9" x14ac:dyDescent="0.25">
      <c r="A33735" s="3">
        <v>41736.779050925928</v>
      </c>
      <c r="B33735" s="6">
        <v>561621.14999999991</v>
      </c>
      <c r="C33735" s="7">
        <f t="shared" si="527"/>
        <v>561.62114999999994</v>
      </c>
      <c r="I33735" s="1"/>
    </row>
    <row r="33736" spans="1:9" x14ac:dyDescent="0.25">
      <c r="A33736" s="3">
        <v>41736.783356481479</v>
      </c>
      <c r="B33736" s="6">
        <v>561637.79999999993</v>
      </c>
      <c r="C33736" s="7">
        <f t="shared" si="527"/>
        <v>561.63779999999997</v>
      </c>
      <c r="I33736" s="1"/>
    </row>
    <row r="33737" spans="1:9" x14ac:dyDescent="0.25">
      <c r="A33737" s="3">
        <v>41736.784918981481</v>
      </c>
      <c r="B33737" s="6">
        <v>561654.44999999995</v>
      </c>
      <c r="C33737" s="7">
        <f t="shared" si="527"/>
        <v>561.65445</v>
      </c>
      <c r="I33737" s="1"/>
    </row>
    <row r="33738" spans="1:9" x14ac:dyDescent="0.25">
      <c r="A33738" s="3">
        <v>41736.790914351855</v>
      </c>
      <c r="B33738" s="6">
        <v>561671.1</v>
      </c>
      <c r="C33738" s="7">
        <f t="shared" si="527"/>
        <v>561.67110000000002</v>
      </c>
      <c r="I33738" s="1"/>
    </row>
    <row r="33739" spans="1:9" x14ac:dyDescent="0.25">
      <c r="A33739" s="3">
        <v>41736.791643518518</v>
      </c>
      <c r="B33739" s="6">
        <v>561687.75</v>
      </c>
      <c r="C33739" s="7">
        <f t="shared" si="527"/>
        <v>561.68775000000005</v>
      </c>
      <c r="I33739" s="1"/>
    </row>
    <row r="33740" spans="1:9" x14ac:dyDescent="0.25">
      <c r="A33740" s="3">
        <v>41736.799363425926</v>
      </c>
      <c r="B33740" s="6">
        <v>561704.39999999991</v>
      </c>
      <c r="C33740" s="7">
        <f t="shared" si="527"/>
        <v>561.70439999999985</v>
      </c>
      <c r="I33740" s="1"/>
    </row>
    <row r="33741" spans="1:9" x14ac:dyDescent="0.25">
      <c r="A33741" s="3">
        <v>41736.799525462964</v>
      </c>
      <c r="B33741" s="6">
        <v>561721.04999999993</v>
      </c>
      <c r="C33741" s="7">
        <f t="shared" si="527"/>
        <v>561.72104999999988</v>
      </c>
      <c r="I33741" s="1"/>
    </row>
    <row r="33742" spans="1:9" x14ac:dyDescent="0.25">
      <c r="A33742" s="3">
        <v>41736.943969907406</v>
      </c>
      <c r="B33742" s="6">
        <v>561737.69999999995</v>
      </c>
      <c r="C33742" s="7">
        <f t="shared" si="527"/>
        <v>561.7376999999999</v>
      </c>
      <c r="I33742" s="1"/>
    </row>
    <row r="33743" spans="1:9" x14ac:dyDescent="0.25">
      <c r="A33743" s="3">
        <v>41736.94427083333</v>
      </c>
      <c r="B33743" s="6">
        <v>561754.35</v>
      </c>
      <c r="C33743" s="7">
        <f t="shared" si="527"/>
        <v>561.75434999999993</v>
      </c>
      <c r="I33743" s="1"/>
    </row>
    <row r="33744" spans="1:9" x14ac:dyDescent="0.25">
      <c r="A33744" s="3">
        <v>41766.363437499997</v>
      </c>
      <c r="B33744" s="6">
        <v>561771</v>
      </c>
      <c r="C33744" s="7">
        <f t="shared" si="527"/>
        <v>561.77099999999996</v>
      </c>
      <c r="I33744" s="1"/>
    </row>
    <row r="33745" spans="1:9" x14ac:dyDescent="0.25">
      <c r="A33745" s="3">
        <v>41766.366539351853</v>
      </c>
      <c r="B33745" s="6">
        <v>561787.64999999991</v>
      </c>
      <c r="C33745" s="7">
        <f t="shared" si="527"/>
        <v>561.78764999999987</v>
      </c>
      <c r="I33745" s="1"/>
    </row>
    <row r="33746" spans="1:9" x14ac:dyDescent="0.25">
      <c r="A33746" s="3">
        <v>41766.387326388889</v>
      </c>
      <c r="B33746" s="6">
        <v>561804.29999999993</v>
      </c>
      <c r="C33746" s="7">
        <f t="shared" si="527"/>
        <v>561.8042999999999</v>
      </c>
      <c r="I33746" s="1"/>
    </row>
    <row r="33747" spans="1:9" x14ac:dyDescent="0.25">
      <c r="A33747" s="3">
        <v>41766.387453703705</v>
      </c>
      <c r="B33747" s="6">
        <v>561820.94999999995</v>
      </c>
      <c r="C33747" s="7">
        <f t="shared" si="527"/>
        <v>561.82094999999993</v>
      </c>
      <c r="I33747" s="1"/>
    </row>
    <row r="33748" spans="1:9" x14ac:dyDescent="0.25">
      <c r="A33748" s="3">
        <v>41766.388368055559</v>
      </c>
      <c r="B33748" s="6">
        <v>561837.6</v>
      </c>
      <c r="C33748" s="7">
        <f t="shared" si="527"/>
        <v>561.83759999999995</v>
      </c>
      <c r="I33748" s="1"/>
    </row>
    <row r="33749" spans="1:9" x14ac:dyDescent="0.25">
      <c r="A33749" s="3">
        <v>41766.38853009259</v>
      </c>
      <c r="B33749" s="6">
        <v>561854.25</v>
      </c>
      <c r="C33749" s="7">
        <f t="shared" si="527"/>
        <v>561.85424999999998</v>
      </c>
      <c r="I33749" s="1"/>
    </row>
    <row r="33750" spans="1:9" x14ac:dyDescent="0.25">
      <c r="A33750" s="3">
        <v>41766.404351851852</v>
      </c>
      <c r="B33750" s="6">
        <v>561870.89999999991</v>
      </c>
      <c r="C33750" s="7">
        <f t="shared" si="527"/>
        <v>561.87089999999989</v>
      </c>
      <c r="I33750" s="1"/>
    </row>
    <row r="33751" spans="1:9" x14ac:dyDescent="0.25">
      <c r="A33751" s="3">
        <v>41766.411377314813</v>
      </c>
      <c r="B33751" s="6">
        <v>561887.54999999993</v>
      </c>
      <c r="C33751" s="7">
        <f t="shared" si="527"/>
        <v>561.88754999999992</v>
      </c>
      <c r="I33751" s="1"/>
    </row>
    <row r="33752" spans="1:9" x14ac:dyDescent="0.25">
      <c r="A33752" s="3">
        <v>41766.423657407409</v>
      </c>
      <c r="B33752" s="6">
        <v>561904.19999999995</v>
      </c>
      <c r="C33752" s="7">
        <f t="shared" si="527"/>
        <v>561.90419999999995</v>
      </c>
      <c r="I33752" s="1"/>
    </row>
    <row r="33753" spans="1:9" x14ac:dyDescent="0.25">
      <c r="A33753" s="3">
        <v>41766.424699074072</v>
      </c>
      <c r="B33753" s="6">
        <v>561920.85</v>
      </c>
      <c r="C33753" s="7">
        <f t="shared" si="527"/>
        <v>561.92084999999997</v>
      </c>
      <c r="I33753" s="1"/>
    </row>
    <row r="33754" spans="1:9" x14ac:dyDescent="0.25">
      <c r="A33754" s="3">
        <v>41766.428124999999</v>
      </c>
      <c r="B33754" s="6">
        <v>561937.5</v>
      </c>
      <c r="C33754" s="7">
        <f t="shared" si="527"/>
        <v>561.9375</v>
      </c>
      <c r="I33754" s="1"/>
    </row>
    <row r="33755" spans="1:9" x14ac:dyDescent="0.25">
      <c r="A33755" s="3">
        <v>41766.428912037038</v>
      </c>
      <c r="B33755" s="6">
        <v>561954.14999999991</v>
      </c>
      <c r="C33755" s="7">
        <f t="shared" si="527"/>
        <v>561.95414999999991</v>
      </c>
      <c r="I33755" s="1"/>
    </row>
    <row r="33756" spans="1:9" x14ac:dyDescent="0.25">
      <c r="A33756" s="3">
        <v>41766.431064814817</v>
      </c>
      <c r="B33756" s="6">
        <v>561970.79999999993</v>
      </c>
      <c r="C33756" s="7">
        <f t="shared" si="527"/>
        <v>561.97079999999994</v>
      </c>
      <c r="I33756" s="1"/>
    </row>
    <row r="33757" spans="1:9" x14ac:dyDescent="0.25">
      <c r="A33757" s="3">
        <v>41766.431273148148</v>
      </c>
      <c r="B33757" s="6">
        <v>561987.44999999995</v>
      </c>
      <c r="C33757" s="7">
        <f t="shared" si="527"/>
        <v>561.98744999999997</v>
      </c>
      <c r="I33757" s="1"/>
    </row>
    <row r="33758" spans="1:9" x14ac:dyDescent="0.25">
      <c r="A33758" s="3">
        <v>41766.431990740741</v>
      </c>
      <c r="B33758" s="6">
        <v>562004.1</v>
      </c>
      <c r="C33758" s="7">
        <f t="shared" si="527"/>
        <v>562.00409999999999</v>
      </c>
      <c r="I33758" s="1"/>
    </row>
    <row r="33759" spans="1:9" x14ac:dyDescent="0.25">
      <c r="A33759" s="3">
        <v>41766.432118055556</v>
      </c>
      <c r="B33759" s="6">
        <v>562020.75</v>
      </c>
      <c r="C33759" s="7">
        <f t="shared" si="527"/>
        <v>562.02075000000002</v>
      </c>
      <c r="I33759" s="1"/>
    </row>
    <row r="33760" spans="1:9" x14ac:dyDescent="0.25">
      <c r="A33760" s="3">
        <v>41766.433356481481</v>
      </c>
      <c r="B33760" s="6">
        <v>562037.39999999991</v>
      </c>
      <c r="C33760" s="7">
        <f t="shared" si="527"/>
        <v>562.03739999999993</v>
      </c>
      <c r="I33760" s="1"/>
    </row>
    <row r="33761" spans="1:9" x14ac:dyDescent="0.25">
      <c r="A33761" s="3">
        <v>41766.433854166666</v>
      </c>
      <c r="B33761" s="6">
        <v>562054.04999999993</v>
      </c>
      <c r="C33761" s="7">
        <f t="shared" si="527"/>
        <v>562.05404999999996</v>
      </c>
      <c r="I33761" s="1"/>
    </row>
    <row r="33762" spans="1:9" x14ac:dyDescent="0.25">
      <c r="A33762" s="3">
        <v>41766.437523148146</v>
      </c>
      <c r="B33762" s="6">
        <v>562070.69999999995</v>
      </c>
      <c r="C33762" s="7">
        <f t="shared" si="527"/>
        <v>562.07069999999999</v>
      </c>
      <c r="I33762" s="1"/>
    </row>
    <row r="33763" spans="1:9" x14ac:dyDescent="0.25">
      <c r="A33763" s="3">
        <v>41766.4377662037</v>
      </c>
      <c r="B33763" s="6">
        <v>562087.35</v>
      </c>
      <c r="C33763" s="7">
        <f t="shared" si="527"/>
        <v>562.08735000000001</v>
      </c>
      <c r="I33763" s="1"/>
    </row>
    <row r="33764" spans="1:9" x14ac:dyDescent="0.25">
      <c r="A33764" s="3">
        <v>41766.446423611109</v>
      </c>
      <c r="B33764" s="6">
        <v>562104</v>
      </c>
      <c r="C33764" s="7">
        <f t="shared" si="527"/>
        <v>562.10400000000004</v>
      </c>
      <c r="I33764" s="1"/>
    </row>
    <row r="33765" spans="1:9" x14ac:dyDescent="0.25">
      <c r="A33765" s="3">
        <v>41766.446504629632</v>
      </c>
      <c r="B33765" s="6">
        <v>562120.64999999991</v>
      </c>
      <c r="C33765" s="7">
        <f t="shared" si="527"/>
        <v>562.12064999999996</v>
      </c>
      <c r="I33765" s="1"/>
    </row>
    <row r="33766" spans="1:9" x14ac:dyDescent="0.25">
      <c r="A33766" s="3">
        <v>41766.450636574074</v>
      </c>
      <c r="B33766" s="6">
        <v>562137.29999999993</v>
      </c>
      <c r="C33766" s="7">
        <f t="shared" si="527"/>
        <v>562.13729999999998</v>
      </c>
      <c r="I33766" s="1"/>
    </row>
    <row r="33767" spans="1:9" x14ac:dyDescent="0.25">
      <c r="A33767" s="3">
        <v>41766.451863425929</v>
      </c>
      <c r="B33767" s="6">
        <v>562153.94999999995</v>
      </c>
      <c r="C33767" s="7">
        <f t="shared" si="527"/>
        <v>562.15395000000001</v>
      </c>
      <c r="I33767" s="1"/>
    </row>
    <row r="33768" spans="1:9" x14ac:dyDescent="0.25">
      <c r="A33768" s="3">
        <v>41766.453692129631</v>
      </c>
      <c r="B33768" s="6">
        <v>562170.6</v>
      </c>
      <c r="C33768" s="7">
        <f t="shared" si="527"/>
        <v>562.17059999999992</v>
      </c>
      <c r="I33768" s="1"/>
    </row>
    <row r="33769" spans="1:9" x14ac:dyDescent="0.25">
      <c r="A33769" s="3">
        <v>41766.453819444447</v>
      </c>
      <c r="B33769" s="6">
        <v>562187.25</v>
      </c>
      <c r="C33769" s="7">
        <f t="shared" si="527"/>
        <v>562.18724999999995</v>
      </c>
      <c r="I33769" s="1"/>
    </row>
    <row r="33770" spans="1:9" x14ac:dyDescent="0.25">
      <c r="A33770" s="3">
        <v>41766.455682870372</v>
      </c>
      <c r="B33770" s="6">
        <v>562203.89999999991</v>
      </c>
      <c r="C33770" s="7">
        <f t="shared" si="527"/>
        <v>562.20389999999986</v>
      </c>
      <c r="I33770" s="1"/>
    </row>
    <row r="33771" spans="1:9" x14ac:dyDescent="0.25">
      <c r="A33771" s="3">
        <v>41766.456041666665</v>
      </c>
      <c r="B33771" s="6">
        <v>562220.54999999993</v>
      </c>
      <c r="C33771" s="7">
        <f t="shared" si="527"/>
        <v>562.22054999999989</v>
      </c>
      <c r="I33771" s="1"/>
    </row>
    <row r="33772" spans="1:9" x14ac:dyDescent="0.25">
      <c r="A33772" s="3">
        <v>41766.457511574074</v>
      </c>
      <c r="B33772" s="6">
        <v>562237.19999999995</v>
      </c>
      <c r="C33772" s="7">
        <f t="shared" si="527"/>
        <v>562.23719999999992</v>
      </c>
      <c r="I33772" s="1"/>
    </row>
    <row r="33773" spans="1:9" x14ac:dyDescent="0.25">
      <c r="A33773" s="3">
        <v>41766.457638888889</v>
      </c>
      <c r="B33773" s="6">
        <v>562253.85</v>
      </c>
      <c r="C33773" s="7">
        <f t="shared" si="527"/>
        <v>562.25384999999994</v>
      </c>
      <c r="I33773" s="1"/>
    </row>
    <row r="33774" spans="1:9" x14ac:dyDescent="0.25">
      <c r="A33774" s="3">
        <v>41766.460509259261</v>
      </c>
      <c r="B33774" s="6">
        <v>562270.5</v>
      </c>
      <c r="C33774" s="7">
        <f t="shared" si="527"/>
        <v>562.27049999999997</v>
      </c>
      <c r="I33774" s="1"/>
    </row>
    <row r="33775" spans="1:9" x14ac:dyDescent="0.25">
      <c r="A33775" s="3">
        <v>41766.461689814816</v>
      </c>
      <c r="B33775" s="6">
        <v>562287.14999999991</v>
      </c>
      <c r="C33775" s="7">
        <f t="shared" si="527"/>
        <v>562.28714999999988</v>
      </c>
      <c r="I33775" s="1"/>
    </row>
    <row r="33776" spans="1:9" x14ac:dyDescent="0.25">
      <c r="A33776" s="3">
        <v>41766.468124999999</v>
      </c>
      <c r="B33776" s="6">
        <v>562303.79999999993</v>
      </c>
      <c r="C33776" s="7">
        <f t="shared" si="527"/>
        <v>562.30379999999991</v>
      </c>
      <c r="I33776" s="1"/>
    </row>
    <row r="33777" spans="1:9" x14ac:dyDescent="0.25">
      <c r="A33777" s="3">
        <v>41766.468194444446</v>
      </c>
      <c r="B33777" s="6">
        <v>562320.44999999995</v>
      </c>
      <c r="C33777" s="7">
        <f t="shared" si="527"/>
        <v>562.32044999999994</v>
      </c>
      <c r="I33777" s="1"/>
    </row>
    <row r="33778" spans="1:9" x14ac:dyDescent="0.25">
      <c r="A33778" s="3">
        <v>41766.469305555554</v>
      </c>
      <c r="B33778" s="6">
        <v>562337.1</v>
      </c>
      <c r="C33778" s="7">
        <f t="shared" si="527"/>
        <v>562.33709999999996</v>
      </c>
      <c r="I33778" s="1"/>
    </row>
    <row r="33779" spans="1:9" x14ac:dyDescent="0.25">
      <c r="A33779" s="3">
        <v>41766.469351851854</v>
      </c>
      <c r="B33779" s="6">
        <v>562353.75</v>
      </c>
      <c r="C33779" s="7">
        <f t="shared" si="527"/>
        <v>562.35374999999999</v>
      </c>
      <c r="I33779" s="1"/>
    </row>
    <row r="33780" spans="1:9" x14ac:dyDescent="0.25">
      <c r="A33780" s="3">
        <v>41766.470393518517</v>
      </c>
      <c r="B33780" s="6">
        <v>562370.39999999991</v>
      </c>
      <c r="C33780" s="7">
        <f t="shared" si="527"/>
        <v>562.3703999999999</v>
      </c>
      <c r="I33780" s="1"/>
    </row>
    <row r="33781" spans="1:9" x14ac:dyDescent="0.25">
      <c r="A33781" s="3">
        <v>41766.470462962963</v>
      </c>
      <c r="B33781" s="6">
        <v>562387.04999999993</v>
      </c>
      <c r="C33781" s="7">
        <f t="shared" si="527"/>
        <v>562.38704999999993</v>
      </c>
      <c r="I33781" s="1"/>
    </row>
    <row r="33782" spans="1:9" x14ac:dyDescent="0.25">
      <c r="A33782" s="3">
        <v>41766.472592592596</v>
      </c>
      <c r="B33782" s="6">
        <v>562403.69999999995</v>
      </c>
      <c r="C33782" s="7">
        <f t="shared" si="527"/>
        <v>562.40369999999996</v>
      </c>
      <c r="I33782" s="1"/>
    </row>
    <row r="33783" spans="1:9" x14ac:dyDescent="0.25">
      <c r="A33783" s="3">
        <v>41766.472916666666</v>
      </c>
      <c r="B33783" s="6">
        <v>562420.35</v>
      </c>
      <c r="C33783" s="7">
        <f t="shared" si="527"/>
        <v>562.42034999999998</v>
      </c>
      <c r="I33783" s="1"/>
    </row>
    <row r="33784" spans="1:9" x14ac:dyDescent="0.25">
      <c r="A33784" s="3">
        <v>41766.474606481483</v>
      </c>
      <c r="B33784" s="6">
        <v>562437</v>
      </c>
      <c r="C33784" s="7">
        <f t="shared" si="527"/>
        <v>562.43700000000001</v>
      </c>
      <c r="I33784" s="1"/>
    </row>
    <row r="33785" spans="1:9" x14ac:dyDescent="0.25">
      <c r="A33785" s="3">
        <v>41766.474942129629</v>
      </c>
      <c r="B33785" s="6">
        <v>562453.64999999991</v>
      </c>
      <c r="C33785" s="7">
        <f t="shared" si="527"/>
        <v>562.45364999999993</v>
      </c>
      <c r="I33785" s="1"/>
    </row>
    <row r="33786" spans="1:9" x14ac:dyDescent="0.25">
      <c r="A33786" s="3">
        <v>41766.476331018515</v>
      </c>
      <c r="B33786" s="6">
        <v>562470.29999999993</v>
      </c>
      <c r="C33786" s="7">
        <f t="shared" si="527"/>
        <v>562.47029999999995</v>
      </c>
      <c r="I33786" s="1"/>
    </row>
    <row r="33787" spans="1:9" x14ac:dyDescent="0.25">
      <c r="A33787" s="3">
        <v>41766.476412037038</v>
      </c>
      <c r="B33787" s="6">
        <v>562486.94999999995</v>
      </c>
      <c r="C33787" s="7">
        <f t="shared" si="527"/>
        <v>562.48694999999998</v>
      </c>
      <c r="I33787" s="1"/>
    </row>
    <row r="33788" spans="1:9" x14ac:dyDescent="0.25">
      <c r="A33788" s="3">
        <v>41766.477199074077</v>
      </c>
      <c r="B33788" s="6">
        <v>562503.6</v>
      </c>
      <c r="C33788" s="7">
        <f t="shared" si="527"/>
        <v>562.50360000000001</v>
      </c>
      <c r="I33788" s="1"/>
    </row>
    <row r="33789" spans="1:9" x14ac:dyDescent="0.25">
      <c r="A33789" s="3">
        <v>41766.477349537039</v>
      </c>
      <c r="B33789" s="6">
        <v>562520.25</v>
      </c>
      <c r="C33789" s="7">
        <f t="shared" si="527"/>
        <v>562.52025000000003</v>
      </c>
      <c r="I33789" s="1"/>
    </row>
    <row r="33790" spans="1:9" x14ac:dyDescent="0.25">
      <c r="A33790" s="3">
        <v>41766.480185185188</v>
      </c>
      <c r="B33790" s="6">
        <v>562536.89999999991</v>
      </c>
      <c r="C33790" s="7">
        <f t="shared" si="527"/>
        <v>562.53689999999995</v>
      </c>
      <c r="I33790" s="1"/>
    </row>
    <row r="33791" spans="1:9" x14ac:dyDescent="0.25">
      <c r="A33791" s="3">
        <v>41766.480243055557</v>
      </c>
      <c r="B33791" s="6">
        <v>562553.54999999993</v>
      </c>
      <c r="C33791" s="7">
        <f t="shared" si="527"/>
        <v>562.55354999999997</v>
      </c>
      <c r="I33791" s="1"/>
    </row>
    <row r="33792" spans="1:9" x14ac:dyDescent="0.25">
      <c r="A33792" s="3">
        <v>41766.482800925929</v>
      </c>
      <c r="B33792" s="6">
        <v>562570.19999999995</v>
      </c>
      <c r="C33792" s="7">
        <f t="shared" si="527"/>
        <v>562.5702</v>
      </c>
      <c r="I33792" s="1"/>
    </row>
    <row r="33793" spans="1:9" x14ac:dyDescent="0.25">
      <c r="A33793" s="3">
        <v>41766.483171296299</v>
      </c>
      <c r="B33793" s="6">
        <v>562586.85</v>
      </c>
      <c r="C33793" s="7">
        <f t="shared" si="527"/>
        <v>562.58685000000003</v>
      </c>
      <c r="I33793" s="1"/>
    </row>
    <row r="33794" spans="1:9" x14ac:dyDescent="0.25">
      <c r="A33794" s="3">
        <v>41766.485173611109</v>
      </c>
      <c r="B33794" s="6">
        <v>562603.5</v>
      </c>
      <c r="C33794" s="7">
        <f t="shared" si="527"/>
        <v>562.60350000000005</v>
      </c>
      <c r="I33794" s="1"/>
    </row>
    <row r="33795" spans="1:9" x14ac:dyDescent="0.25">
      <c r="A33795" s="3">
        <v>41766.485243055555</v>
      </c>
      <c r="B33795" s="6">
        <v>562620.14999999991</v>
      </c>
      <c r="C33795" s="7">
        <f t="shared" ref="C33795:C33858" si="528">B33795/1000</f>
        <v>562.62014999999985</v>
      </c>
      <c r="I33795" s="1"/>
    </row>
    <row r="33796" spans="1:9" x14ac:dyDescent="0.25">
      <c r="A33796" s="3">
        <v>41766.488217592596</v>
      </c>
      <c r="B33796" s="6">
        <v>562636.79999999993</v>
      </c>
      <c r="C33796" s="7">
        <f t="shared" si="528"/>
        <v>562.63679999999988</v>
      </c>
      <c r="I33796" s="1"/>
    </row>
    <row r="33797" spans="1:9" x14ac:dyDescent="0.25">
      <c r="A33797" s="3">
        <v>41766.488368055558</v>
      </c>
      <c r="B33797" s="6">
        <v>562653.44999999995</v>
      </c>
      <c r="C33797" s="7">
        <f t="shared" si="528"/>
        <v>562.65344999999991</v>
      </c>
      <c r="I33797" s="1"/>
    </row>
    <row r="33798" spans="1:9" x14ac:dyDescent="0.25">
      <c r="A33798" s="3">
        <v>41766.489236111112</v>
      </c>
      <c r="B33798" s="6">
        <v>562670.1</v>
      </c>
      <c r="C33798" s="7">
        <f t="shared" si="528"/>
        <v>562.67009999999993</v>
      </c>
      <c r="I33798" s="1"/>
    </row>
    <row r="33799" spans="1:9" x14ac:dyDescent="0.25">
      <c r="A33799" s="3">
        <v>41766.489421296297</v>
      </c>
      <c r="B33799" s="6">
        <v>562686.75</v>
      </c>
      <c r="C33799" s="7">
        <f t="shared" si="528"/>
        <v>562.68674999999996</v>
      </c>
      <c r="I33799" s="1"/>
    </row>
    <row r="33800" spans="1:9" x14ac:dyDescent="0.25">
      <c r="A33800" s="3">
        <v>41766.491157407407</v>
      </c>
      <c r="B33800" s="6">
        <v>562703.39999999991</v>
      </c>
      <c r="C33800" s="7">
        <f t="shared" si="528"/>
        <v>562.70339999999987</v>
      </c>
      <c r="I33800" s="1"/>
    </row>
    <row r="33801" spans="1:9" x14ac:dyDescent="0.25">
      <c r="A33801" s="3">
        <v>41766.491226851853</v>
      </c>
      <c r="B33801" s="6">
        <v>562720.04999999993</v>
      </c>
      <c r="C33801" s="7">
        <f t="shared" si="528"/>
        <v>562.7200499999999</v>
      </c>
      <c r="I33801" s="1"/>
    </row>
    <row r="33802" spans="1:9" x14ac:dyDescent="0.25">
      <c r="A33802" s="3">
        <v>41766.492766203701</v>
      </c>
      <c r="B33802" s="6">
        <v>562736.69999999995</v>
      </c>
      <c r="C33802" s="7">
        <f t="shared" si="528"/>
        <v>562.73669999999993</v>
      </c>
      <c r="I33802" s="1"/>
    </row>
    <row r="33803" spans="1:9" x14ac:dyDescent="0.25">
      <c r="A33803" s="3">
        <v>41766.492824074077</v>
      </c>
      <c r="B33803" s="6">
        <v>562753.35</v>
      </c>
      <c r="C33803" s="7">
        <f t="shared" si="528"/>
        <v>562.75334999999995</v>
      </c>
      <c r="I33803" s="1"/>
    </row>
    <row r="33804" spans="1:9" x14ac:dyDescent="0.25">
      <c r="A33804" s="3">
        <v>41766.493784722225</v>
      </c>
      <c r="B33804" s="6">
        <v>562770</v>
      </c>
      <c r="C33804" s="7">
        <f t="shared" si="528"/>
        <v>562.77</v>
      </c>
      <c r="I33804" s="1"/>
    </row>
    <row r="33805" spans="1:9" x14ac:dyDescent="0.25">
      <c r="A33805" s="3">
        <v>41766.493877314817</v>
      </c>
      <c r="B33805" s="6">
        <v>562786.64999999991</v>
      </c>
      <c r="C33805" s="7">
        <f t="shared" si="528"/>
        <v>562.7866499999999</v>
      </c>
      <c r="I33805" s="1"/>
    </row>
    <row r="33806" spans="1:9" x14ac:dyDescent="0.25">
      <c r="A33806" s="3">
        <v>41766.495081018518</v>
      </c>
      <c r="B33806" s="6">
        <v>562803.29999999993</v>
      </c>
      <c r="C33806" s="7">
        <f t="shared" si="528"/>
        <v>562.80329999999992</v>
      </c>
      <c r="I33806" s="1"/>
    </row>
    <row r="33807" spans="1:9" x14ac:dyDescent="0.25">
      <c r="A33807" s="3">
        <v>41766.495185185187</v>
      </c>
      <c r="B33807" s="6">
        <v>562819.94999999995</v>
      </c>
      <c r="C33807" s="7">
        <f t="shared" si="528"/>
        <v>562.81994999999995</v>
      </c>
      <c r="I33807" s="1"/>
    </row>
    <row r="33808" spans="1:9" x14ac:dyDescent="0.25">
      <c r="A33808" s="3">
        <v>41766.496736111112</v>
      </c>
      <c r="B33808" s="6">
        <v>562836.6</v>
      </c>
      <c r="C33808" s="7">
        <f t="shared" si="528"/>
        <v>562.83659999999998</v>
      </c>
      <c r="I33808" s="1"/>
    </row>
    <row r="33809" spans="1:9" x14ac:dyDescent="0.25">
      <c r="A33809" s="3">
        <v>41766.497164351851</v>
      </c>
      <c r="B33809" s="6">
        <v>562853.25</v>
      </c>
      <c r="C33809" s="7">
        <f t="shared" si="528"/>
        <v>562.85325</v>
      </c>
      <c r="I33809" s="1"/>
    </row>
    <row r="33810" spans="1:9" x14ac:dyDescent="0.25">
      <c r="A33810" s="3">
        <v>41766.499826388892</v>
      </c>
      <c r="B33810" s="6">
        <v>562869.89999999991</v>
      </c>
      <c r="C33810" s="7">
        <f t="shared" si="528"/>
        <v>562.86989999999992</v>
      </c>
      <c r="I33810" s="1"/>
    </row>
    <row r="33811" spans="1:9" x14ac:dyDescent="0.25">
      <c r="A33811" s="3">
        <v>41766.499965277777</v>
      </c>
      <c r="B33811" s="6">
        <v>562886.54999999993</v>
      </c>
      <c r="C33811" s="7">
        <f t="shared" si="528"/>
        <v>562.88654999999994</v>
      </c>
      <c r="I33811" s="1"/>
    </row>
    <row r="33812" spans="1:9" x14ac:dyDescent="0.25">
      <c r="A33812" s="3">
        <v>41766.50204861111</v>
      </c>
      <c r="B33812" s="6">
        <v>562903.19999999995</v>
      </c>
      <c r="C33812" s="7">
        <f t="shared" si="528"/>
        <v>562.90319999999997</v>
      </c>
      <c r="I33812" s="1"/>
    </row>
    <row r="33813" spans="1:9" x14ac:dyDescent="0.25">
      <c r="A33813" s="3">
        <v>41766.502175925925</v>
      </c>
      <c r="B33813" s="6">
        <v>562919.85</v>
      </c>
      <c r="C33813" s="7">
        <f t="shared" si="528"/>
        <v>562.91985</v>
      </c>
      <c r="I33813" s="1"/>
    </row>
    <row r="33814" spans="1:9" x14ac:dyDescent="0.25">
      <c r="A33814" s="3">
        <v>41766.503425925926</v>
      </c>
      <c r="B33814" s="6">
        <v>562936.5</v>
      </c>
      <c r="C33814" s="7">
        <f t="shared" si="528"/>
        <v>562.93650000000002</v>
      </c>
      <c r="I33814" s="1"/>
    </row>
    <row r="33815" spans="1:9" x14ac:dyDescent="0.25">
      <c r="A33815" s="3">
        <v>41766.503576388888</v>
      </c>
      <c r="B33815" s="6">
        <v>562953.14999999991</v>
      </c>
      <c r="C33815" s="7">
        <f t="shared" si="528"/>
        <v>562.95314999999994</v>
      </c>
      <c r="I33815" s="1"/>
    </row>
    <row r="33816" spans="1:9" x14ac:dyDescent="0.25">
      <c r="A33816" s="3">
        <v>41766.504791666666</v>
      </c>
      <c r="B33816" s="6">
        <v>562969.79999999993</v>
      </c>
      <c r="C33816" s="7">
        <f t="shared" si="528"/>
        <v>562.96979999999996</v>
      </c>
      <c r="I33816" s="1"/>
    </row>
    <row r="33817" spans="1:9" x14ac:dyDescent="0.25">
      <c r="A33817" s="3">
        <v>41766.504965277774</v>
      </c>
      <c r="B33817" s="6">
        <v>562986.44999999995</v>
      </c>
      <c r="C33817" s="7">
        <f t="shared" si="528"/>
        <v>562.98644999999999</v>
      </c>
      <c r="I33817" s="1"/>
    </row>
    <row r="33818" spans="1:9" x14ac:dyDescent="0.25">
      <c r="A33818" s="3">
        <v>41766.506574074076</v>
      </c>
      <c r="B33818" s="6">
        <v>563003.1</v>
      </c>
      <c r="C33818" s="7">
        <f t="shared" si="528"/>
        <v>563.00310000000002</v>
      </c>
      <c r="I33818" s="1"/>
    </row>
    <row r="33819" spans="1:9" x14ac:dyDescent="0.25">
      <c r="A33819" s="3">
        <v>41766.506793981483</v>
      </c>
      <c r="B33819" s="6">
        <v>563019.75</v>
      </c>
      <c r="C33819" s="7">
        <f t="shared" si="528"/>
        <v>563.01975000000004</v>
      </c>
      <c r="I33819" s="1"/>
    </row>
    <row r="33820" spans="1:9" x14ac:dyDescent="0.25">
      <c r="A33820" s="3">
        <v>41766.508923611109</v>
      </c>
      <c r="B33820" s="6">
        <v>563036.39999999991</v>
      </c>
      <c r="C33820" s="7">
        <f t="shared" si="528"/>
        <v>563.03639999999996</v>
      </c>
      <c r="I33820" s="1"/>
    </row>
    <row r="33821" spans="1:9" x14ac:dyDescent="0.25">
      <c r="A33821" s="3">
        <v>41766.508993055555</v>
      </c>
      <c r="B33821" s="6">
        <v>563053.04999999993</v>
      </c>
      <c r="C33821" s="7">
        <f t="shared" si="528"/>
        <v>563.05304999999998</v>
      </c>
      <c r="I33821" s="1"/>
    </row>
    <row r="33822" spans="1:9" x14ac:dyDescent="0.25">
      <c r="A33822" s="3">
        <v>41766.510196759256</v>
      </c>
      <c r="B33822" s="6">
        <v>563069.69999999995</v>
      </c>
      <c r="C33822" s="7">
        <f t="shared" si="528"/>
        <v>563.0696999999999</v>
      </c>
      <c r="I33822" s="1"/>
    </row>
    <row r="33823" spans="1:9" x14ac:dyDescent="0.25">
      <c r="A33823" s="3">
        <v>41766.510254629633</v>
      </c>
      <c r="B33823" s="6">
        <v>563086.35</v>
      </c>
      <c r="C33823" s="7">
        <f t="shared" si="528"/>
        <v>563.08634999999992</v>
      </c>
      <c r="I33823" s="1"/>
    </row>
    <row r="33824" spans="1:9" x14ac:dyDescent="0.25">
      <c r="A33824" s="3">
        <v>41766.511782407404</v>
      </c>
      <c r="B33824" s="6">
        <v>563103</v>
      </c>
      <c r="C33824" s="7">
        <f t="shared" si="528"/>
        <v>563.10299999999995</v>
      </c>
      <c r="I33824" s="1"/>
    </row>
    <row r="33825" spans="1:9" x14ac:dyDescent="0.25">
      <c r="A33825" s="3">
        <v>41766.511886574073</v>
      </c>
      <c r="B33825" s="6">
        <v>563119.64999999991</v>
      </c>
      <c r="C33825" s="7">
        <f t="shared" si="528"/>
        <v>563.11964999999987</v>
      </c>
      <c r="I33825" s="1"/>
    </row>
    <row r="33826" spans="1:9" x14ac:dyDescent="0.25">
      <c r="A33826" s="3">
        <v>41766.514594907407</v>
      </c>
      <c r="B33826" s="6">
        <v>563136.29999999993</v>
      </c>
      <c r="C33826" s="7">
        <f t="shared" si="528"/>
        <v>563.13629999999989</v>
      </c>
      <c r="I33826" s="1"/>
    </row>
    <row r="33827" spans="1:9" x14ac:dyDescent="0.25">
      <c r="A33827" s="3">
        <v>41766.514999999999</v>
      </c>
      <c r="B33827" s="6">
        <v>563152.94999999995</v>
      </c>
      <c r="C33827" s="7">
        <f t="shared" si="528"/>
        <v>563.15294999999992</v>
      </c>
      <c r="I33827" s="1"/>
    </row>
    <row r="33828" spans="1:9" x14ac:dyDescent="0.25">
      <c r="A33828" s="3">
        <v>41766.516863425924</v>
      </c>
      <c r="B33828" s="6">
        <v>563169.6</v>
      </c>
      <c r="C33828" s="7">
        <f t="shared" si="528"/>
        <v>563.16959999999995</v>
      </c>
      <c r="I33828" s="1"/>
    </row>
    <row r="33829" spans="1:9" x14ac:dyDescent="0.25">
      <c r="A33829" s="3">
        <v>41766.51699074074</v>
      </c>
      <c r="B33829" s="6">
        <v>563186.25</v>
      </c>
      <c r="C33829" s="7">
        <f t="shared" si="528"/>
        <v>563.18624999999997</v>
      </c>
      <c r="I33829" s="1"/>
    </row>
    <row r="33830" spans="1:9" x14ac:dyDescent="0.25">
      <c r="A33830" s="3">
        <v>41766.518541666665</v>
      </c>
      <c r="B33830" s="6">
        <v>563202.89999999991</v>
      </c>
      <c r="C33830" s="7">
        <f t="shared" si="528"/>
        <v>563.20289999999989</v>
      </c>
      <c r="I33830" s="1"/>
    </row>
    <row r="33831" spans="1:9" x14ac:dyDescent="0.25">
      <c r="A33831" s="3">
        <v>41766.518599537034</v>
      </c>
      <c r="B33831" s="6">
        <v>563219.54999999993</v>
      </c>
      <c r="C33831" s="7">
        <f t="shared" si="528"/>
        <v>563.21954999999991</v>
      </c>
      <c r="I33831" s="1"/>
    </row>
    <row r="33832" spans="1:9" x14ac:dyDescent="0.25">
      <c r="A33832" s="3">
        <v>41766.520243055558</v>
      </c>
      <c r="B33832" s="6">
        <v>563236.19999999995</v>
      </c>
      <c r="C33832" s="7">
        <f t="shared" si="528"/>
        <v>563.23619999999994</v>
      </c>
      <c r="I33832" s="1"/>
    </row>
    <row r="33833" spans="1:9" x14ac:dyDescent="0.25">
      <c r="A33833" s="3">
        <v>41766.520370370374</v>
      </c>
      <c r="B33833" s="6">
        <v>563252.85</v>
      </c>
      <c r="C33833" s="7">
        <f t="shared" si="528"/>
        <v>563.25284999999997</v>
      </c>
      <c r="I33833" s="1"/>
    </row>
    <row r="33834" spans="1:9" x14ac:dyDescent="0.25">
      <c r="A33834" s="3">
        <v>41766.521655092591</v>
      </c>
      <c r="B33834" s="6">
        <v>563269.5</v>
      </c>
      <c r="C33834" s="7">
        <f t="shared" si="528"/>
        <v>563.26949999999999</v>
      </c>
      <c r="I33834" s="1"/>
    </row>
    <row r="33835" spans="1:9" x14ac:dyDescent="0.25">
      <c r="A33835" s="3">
        <v>41766.521921296298</v>
      </c>
      <c r="B33835" s="6">
        <v>563286.14999999991</v>
      </c>
      <c r="C33835" s="7">
        <f t="shared" si="528"/>
        <v>563.28614999999991</v>
      </c>
      <c r="I33835" s="1"/>
    </row>
    <row r="33836" spans="1:9" x14ac:dyDescent="0.25">
      <c r="A33836" s="3">
        <v>41766.523032407407</v>
      </c>
      <c r="B33836" s="6">
        <v>563302.79999999993</v>
      </c>
      <c r="C33836" s="7">
        <f t="shared" si="528"/>
        <v>563.30279999999993</v>
      </c>
      <c r="I33836" s="1"/>
    </row>
    <row r="33837" spans="1:9" x14ac:dyDescent="0.25">
      <c r="A33837" s="3">
        <v>41766.523159722223</v>
      </c>
      <c r="B33837" s="6">
        <v>563319.44999999995</v>
      </c>
      <c r="C33837" s="7">
        <f t="shared" si="528"/>
        <v>563.31944999999996</v>
      </c>
      <c r="I33837" s="1"/>
    </row>
    <row r="33838" spans="1:9" x14ac:dyDescent="0.25">
      <c r="A33838" s="3">
        <v>41766.524317129632</v>
      </c>
      <c r="B33838" s="6">
        <v>563336.1</v>
      </c>
      <c r="C33838" s="7">
        <f t="shared" si="528"/>
        <v>563.33609999999999</v>
      </c>
      <c r="I33838" s="1"/>
    </row>
    <row r="33839" spans="1:9" x14ac:dyDescent="0.25">
      <c r="A33839" s="3">
        <v>41766.524444444447</v>
      </c>
      <c r="B33839" s="6">
        <v>563352.75</v>
      </c>
      <c r="C33839" s="7">
        <f t="shared" si="528"/>
        <v>563.35275000000001</v>
      </c>
      <c r="I33839" s="1"/>
    </row>
    <row r="33840" spans="1:9" x14ac:dyDescent="0.25">
      <c r="A33840" s="3">
        <v>41766.525879629633</v>
      </c>
      <c r="B33840" s="6">
        <v>563369.39999999991</v>
      </c>
      <c r="C33840" s="7">
        <f t="shared" si="528"/>
        <v>563.36939999999993</v>
      </c>
      <c r="I33840" s="1"/>
    </row>
    <row r="33841" spans="1:9" x14ac:dyDescent="0.25">
      <c r="A33841" s="3">
        <v>41766.525995370372</v>
      </c>
      <c r="B33841" s="6">
        <v>563386.04999999993</v>
      </c>
      <c r="C33841" s="7">
        <f t="shared" si="528"/>
        <v>563.38604999999995</v>
      </c>
      <c r="I33841" s="1"/>
    </row>
    <row r="33842" spans="1:9" x14ac:dyDescent="0.25">
      <c r="A33842" s="3">
        <v>41766.526666666665</v>
      </c>
      <c r="B33842" s="6">
        <v>563402.69999999995</v>
      </c>
      <c r="C33842" s="7">
        <f t="shared" si="528"/>
        <v>563.40269999999998</v>
      </c>
      <c r="I33842" s="1"/>
    </row>
    <row r="33843" spans="1:9" x14ac:dyDescent="0.25">
      <c r="A33843" s="3">
        <v>41766.526759259257</v>
      </c>
      <c r="B33843" s="6">
        <v>563419.35</v>
      </c>
      <c r="C33843" s="7">
        <f t="shared" si="528"/>
        <v>563.41935000000001</v>
      </c>
      <c r="I33843" s="1"/>
    </row>
    <row r="33844" spans="1:9" x14ac:dyDescent="0.25">
      <c r="A33844" s="3">
        <v>41766.527858796297</v>
      </c>
      <c r="B33844" s="6">
        <v>563436</v>
      </c>
      <c r="C33844" s="7">
        <f t="shared" si="528"/>
        <v>563.43600000000004</v>
      </c>
      <c r="I33844" s="1"/>
    </row>
    <row r="33845" spans="1:9" x14ac:dyDescent="0.25">
      <c r="A33845" s="3">
        <v>41766.528009259258</v>
      </c>
      <c r="B33845" s="6">
        <v>563452.64999999991</v>
      </c>
      <c r="C33845" s="7">
        <f t="shared" si="528"/>
        <v>563.45264999999995</v>
      </c>
      <c r="I33845" s="1"/>
    </row>
    <row r="33846" spans="1:9" x14ac:dyDescent="0.25">
      <c r="A33846" s="3">
        <v>41766.529652777775</v>
      </c>
      <c r="B33846" s="6">
        <v>563469.29999999993</v>
      </c>
      <c r="C33846" s="7">
        <f t="shared" si="528"/>
        <v>563.46929999999998</v>
      </c>
      <c r="I33846" s="1"/>
    </row>
    <row r="33847" spans="1:9" x14ac:dyDescent="0.25">
      <c r="A33847" s="3">
        <v>41766.52983796296</v>
      </c>
      <c r="B33847" s="6">
        <v>563485.94999999995</v>
      </c>
      <c r="C33847" s="7">
        <f t="shared" si="528"/>
        <v>563.48595</v>
      </c>
      <c r="I33847" s="1"/>
    </row>
    <row r="33848" spans="1:9" x14ac:dyDescent="0.25">
      <c r="A33848" s="3">
        <v>41766.531122685185</v>
      </c>
      <c r="B33848" s="6">
        <v>563502.6</v>
      </c>
      <c r="C33848" s="7">
        <f t="shared" si="528"/>
        <v>563.50260000000003</v>
      </c>
      <c r="I33848" s="1"/>
    </row>
    <row r="33849" spans="1:9" x14ac:dyDescent="0.25">
      <c r="A33849" s="3">
        <v>41766.53125</v>
      </c>
      <c r="B33849" s="6">
        <v>563519.25</v>
      </c>
      <c r="C33849" s="7">
        <f t="shared" si="528"/>
        <v>563.51925000000006</v>
      </c>
      <c r="I33849" s="1"/>
    </row>
    <row r="33850" spans="1:9" x14ac:dyDescent="0.25">
      <c r="A33850" s="3">
        <v>41766.532777777778</v>
      </c>
      <c r="B33850" s="6">
        <v>563535.89999999991</v>
      </c>
      <c r="C33850" s="7">
        <f t="shared" si="528"/>
        <v>563.53589999999986</v>
      </c>
      <c r="I33850" s="1"/>
    </row>
    <row r="33851" spans="1:9" x14ac:dyDescent="0.25">
      <c r="A33851" s="3">
        <v>41766.532893518517</v>
      </c>
      <c r="B33851" s="6">
        <v>563552.54999999993</v>
      </c>
      <c r="C33851" s="7">
        <f t="shared" si="528"/>
        <v>563.55254999999988</v>
      </c>
      <c r="I33851" s="1"/>
    </row>
    <row r="33852" spans="1:9" x14ac:dyDescent="0.25">
      <c r="A33852" s="3">
        <v>41766.533564814818</v>
      </c>
      <c r="B33852" s="6">
        <v>563569.19999999995</v>
      </c>
      <c r="C33852" s="7">
        <f t="shared" si="528"/>
        <v>563.56919999999991</v>
      </c>
      <c r="I33852" s="1"/>
    </row>
    <row r="33853" spans="1:9" x14ac:dyDescent="0.25">
      <c r="A33853" s="3">
        <v>41766.533715277779</v>
      </c>
      <c r="B33853" s="6">
        <v>563585.85</v>
      </c>
      <c r="C33853" s="7">
        <f t="shared" si="528"/>
        <v>563.58584999999994</v>
      </c>
      <c r="I33853" s="1"/>
    </row>
    <row r="33854" spans="1:9" x14ac:dyDescent="0.25">
      <c r="A33854" s="3">
        <v>41766.535428240742</v>
      </c>
      <c r="B33854" s="6">
        <v>563602.5</v>
      </c>
      <c r="C33854" s="7">
        <f t="shared" si="528"/>
        <v>563.60249999999996</v>
      </c>
      <c r="I33854" s="1"/>
    </row>
    <row r="33855" spans="1:9" x14ac:dyDescent="0.25">
      <c r="A33855" s="3">
        <v>41766.535532407404</v>
      </c>
      <c r="B33855" s="6">
        <v>563619.14999999991</v>
      </c>
      <c r="C33855" s="7">
        <f t="shared" si="528"/>
        <v>563.61914999999988</v>
      </c>
      <c r="I33855" s="1"/>
    </row>
    <row r="33856" spans="1:9" x14ac:dyDescent="0.25">
      <c r="A33856" s="3">
        <v>41766.53628472222</v>
      </c>
      <c r="B33856" s="6">
        <v>563635.79999999993</v>
      </c>
      <c r="C33856" s="7">
        <f t="shared" si="528"/>
        <v>563.6357999999999</v>
      </c>
      <c r="I33856" s="1"/>
    </row>
    <row r="33857" spans="1:9" x14ac:dyDescent="0.25">
      <c r="A33857" s="3">
        <v>41766.536354166667</v>
      </c>
      <c r="B33857" s="6">
        <v>563652.44999999995</v>
      </c>
      <c r="C33857" s="7">
        <f t="shared" si="528"/>
        <v>563.65244999999993</v>
      </c>
      <c r="I33857" s="1"/>
    </row>
    <row r="33858" spans="1:9" x14ac:dyDescent="0.25">
      <c r="A33858" s="3">
        <v>41766.537604166668</v>
      </c>
      <c r="B33858" s="6">
        <v>563669.1</v>
      </c>
      <c r="C33858" s="7">
        <f t="shared" si="528"/>
        <v>563.66909999999996</v>
      </c>
      <c r="I33858" s="1"/>
    </row>
    <row r="33859" spans="1:9" x14ac:dyDescent="0.25">
      <c r="A33859" s="3">
        <v>41766.537719907406</v>
      </c>
      <c r="B33859" s="6">
        <v>563685.75</v>
      </c>
      <c r="C33859" s="7">
        <f t="shared" ref="C33859:C33922" si="529">B33859/1000</f>
        <v>563.68574999999998</v>
      </c>
      <c r="I33859" s="1"/>
    </row>
    <row r="33860" spans="1:9" x14ac:dyDescent="0.25">
      <c r="A33860" s="3">
        <v>41766.538946759261</v>
      </c>
      <c r="B33860" s="6">
        <v>563702.39999999991</v>
      </c>
      <c r="C33860" s="7">
        <f t="shared" si="529"/>
        <v>563.7023999999999</v>
      </c>
      <c r="I33860" s="1"/>
    </row>
    <row r="33861" spans="1:9" x14ac:dyDescent="0.25">
      <c r="A33861" s="3">
        <v>41766.539039351854</v>
      </c>
      <c r="B33861" s="6">
        <v>563719.04999999993</v>
      </c>
      <c r="C33861" s="7">
        <f t="shared" si="529"/>
        <v>563.71904999999992</v>
      </c>
      <c r="I33861" s="1"/>
    </row>
    <row r="33862" spans="1:9" x14ac:dyDescent="0.25">
      <c r="A33862" s="3">
        <v>41766.539930555555</v>
      </c>
      <c r="B33862" s="6">
        <v>563735.69999999995</v>
      </c>
      <c r="C33862" s="7">
        <f t="shared" si="529"/>
        <v>563.73569999999995</v>
      </c>
      <c r="I33862" s="1"/>
    </row>
    <row r="33863" spans="1:9" x14ac:dyDescent="0.25">
      <c r="A33863" s="3">
        <v>41766.539988425924</v>
      </c>
      <c r="B33863" s="6">
        <v>563752.35</v>
      </c>
      <c r="C33863" s="7">
        <f t="shared" si="529"/>
        <v>563.75234999999998</v>
      </c>
      <c r="I33863" s="1"/>
    </row>
    <row r="33864" spans="1:9" x14ac:dyDescent="0.25">
      <c r="A33864" s="3">
        <v>41766.541504629633</v>
      </c>
      <c r="B33864" s="6">
        <v>563769</v>
      </c>
      <c r="C33864" s="7">
        <f t="shared" si="529"/>
        <v>563.76900000000001</v>
      </c>
      <c r="I33864" s="1"/>
    </row>
    <row r="33865" spans="1:9" x14ac:dyDescent="0.25">
      <c r="A33865" s="3">
        <v>41766.541678240741</v>
      </c>
      <c r="B33865" s="6">
        <v>563785.64999999991</v>
      </c>
      <c r="C33865" s="7">
        <f t="shared" si="529"/>
        <v>563.78564999999992</v>
      </c>
      <c r="I33865" s="1"/>
    </row>
    <row r="33866" spans="1:9" x14ac:dyDescent="0.25">
      <c r="A33866" s="3">
        <v>41766.542812500003</v>
      </c>
      <c r="B33866" s="6">
        <v>563802.29999999993</v>
      </c>
      <c r="C33866" s="7">
        <f t="shared" si="529"/>
        <v>563.80229999999995</v>
      </c>
      <c r="I33866" s="1"/>
    </row>
    <row r="33867" spans="1:9" x14ac:dyDescent="0.25">
      <c r="A33867" s="3">
        <v>41766.542974537035</v>
      </c>
      <c r="B33867" s="6">
        <v>563818.94999999995</v>
      </c>
      <c r="C33867" s="7">
        <f t="shared" si="529"/>
        <v>563.81894999999997</v>
      </c>
      <c r="I33867" s="1"/>
    </row>
    <row r="33868" spans="1:9" x14ac:dyDescent="0.25">
      <c r="A33868" s="3">
        <v>41766.544074074074</v>
      </c>
      <c r="B33868" s="6">
        <v>563835.6</v>
      </c>
      <c r="C33868" s="7">
        <f t="shared" si="529"/>
        <v>563.8356</v>
      </c>
      <c r="I33868" s="1"/>
    </row>
    <row r="33869" spans="1:9" x14ac:dyDescent="0.25">
      <c r="A33869" s="3">
        <v>41766.544120370374</v>
      </c>
      <c r="B33869" s="6">
        <v>563852.25</v>
      </c>
      <c r="C33869" s="7">
        <f t="shared" si="529"/>
        <v>563.85225000000003</v>
      </c>
      <c r="I33869" s="1"/>
    </row>
    <row r="33870" spans="1:9" x14ac:dyDescent="0.25">
      <c r="A33870" s="3">
        <v>41766.544965277775</v>
      </c>
      <c r="B33870" s="6">
        <v>563868.89999999991</v>
      </c>
      <c r="C33870" s="7">
        <f t="shared" si="529"/>
        <v>563.86889999999994</v>
      </c>
      <c r="I33870" s="1"/>
    </row>
    <row r="33871" spans="1:9" x14ac:dyDescent="0.25">
      <c r="A33871" s="3">
        <v>41766.545046296298</v>
      </c>
      <c r="B33871" s="6">
        <v>563885.54999999993</v>
      </c>
      <c r="C33871" s="7">
        <f t="shared" si="529"/>
        <v>563.88554999999997</v>
      </c>
      <c r="I33871" s="1"/>
    </row>
    <row r="33872" spans="1:9" x14ac:dyDescent="0.25">
      <c r="A33872" s="3">
        <v>41766.545972222222</v>
      </c>
      <c r="B33872" s="6">
        <v>563902.19999999995</v>
      </c>
      <c r="C33872" s="7">
        <f t="shared" si="529"/>
        <v>563.90219999999999</v>
      </c>
      <c r="I33872" s="1"/>
    </row>
    <row r="33873" spans="1:9" x14ac:dyDescent="0.25">
      <c r="A33873" s="3">
        <v>41766.546053240738</v>
      </c>
      <c r="B33873" s="6">
        <v>563918.85</v>
      </c>
      <c r="C33873" s="7">
        <f t="shared" si="529"/>
        <v>563.91885000000002</v>
      </c>
      <c r="I33873" s="1"/>
    </row>
    <row r="33874" spans="1:9" x14ac:dyDescent="0.25">
      <c r="A33874" s="3">
        <v>41766.546770833331</v>
      </c>
      <c r="B33874" s="6">
        <v>563935.5</v>
      </c>
      <c r="C33874" s="7">
        <f t="shared" si="529"/>
        <v>563.93550000000005</v>
      </c>
      <c r="I33874" s="1"/>
    </row>
    <row r="33875" spans="1:9" x14ac:dyDescent="0.25">
      <c r="A33875" s="3">
        <v>41766.5468287037</v>
      </c>
      <c r="B33875" s="6">
        <v>563952.14999999991</v>
      </c>
      <c r="C33875" s="7">
        <f t="shared" si="529"/>
        <v>563.95214999999996</v>
      </c>
      <c r="I33875" s="1"/>
    </row>
    <row r="33876" spans="1:9" x14ac:dyDescent="0.25">
      <c r="A33876" s="3">
        <v>41766.548761574071</v>
      </c>
      <c r="B33876" s="6">
        <v>563968.79999999993</v>
      </c>
      <c r="C33876" s="7">
        <f t="shared" si="529"/>
        <v>563.96879999999987</v>
      </c>
      <c r="I33876" s="1"/>
    </row>
    <row r="33877" spans="1:9" x14ac:dyDescent="0.25">
      <c r="A33877" s="3">
        <v>41766.549097222225</v>
      </c>
      <c r="B33877" s="6">
        <v>563985.44999999995</v>
      </c>
      <c r="C33877" s="7">
        <f t="shared" si="529"/>
        <v>563.9854499999999</v>
      </c>
      <c r="I33877" s="1"/>
    </row>
    <row r="33878" spans="1:9" x14ac:dyDescent="0.25">
      <c r="A33878" s="3">
        <v>41766.549722222226</v>
      </c>
      <c r="B33878" s="6">
        <v>564002.1</v>
      </c>
      <c r="C33878" s="7">
        <f t="shared" si="529"/>
        <v>564.00209999999993</v>
      </c>
      <c r="I33878" s="1"/>
    </row>
    <row r="33879" spans="1:9" x14ac:dyDescent="0.25">
      <c r="A33879" s="3">
        <v>41766.549930555557</v>
      </c>
      <c r="B33879" s="6">
        <v>564018.75</v>
      </c>
      <c r="C33879" s="7">
        <f t="shared" si="529"/>
        <v>564.01874999999995</v>
      </c>
      <c r="I33879" s="1"/>
    </row>
    <row r="33880" spans="1:9" x14ac:dyDescent="0.25">
      <c r="A33880" s="3">
        <v>41766.550787037035</v>
      </c>
      <c r="B33880" s="6">
        <v>564035.39999999991</v>
      </c>
      <c r="C33880" s="7">
        <f t="shared" si="529"/>
        <v>564.03539999999987</v>
      </c>
      <c r="I33880" s="1"/>
    </row>
    <row r="33881" spans="1:9" x14ac:dyDescent="0.25">
      <c r="A33881" s="3">
        <v>41766.55091435185</v>
      </c>
      <c r="B33881" s="6">
        <v>564052.04999999993</v>
      </c>
      <c r="C33881" s="7">
        <f t="shared" si="529"/>
        <v>564.05204999999989</v>
      </c>
      <c r="I33881" s="1"/>
    </row>
    <row r="33882" spans="1:9" x14ac:dyDescent="0.25">
      <c r="A33882" s="3">
        <v>41766.55265046296</v>
      </c>
      <c r="B33882" s="6">
        <v>564068.69999999995</v>
      </c>
      <c r="C33882" s="7">
        <f t="shared" si="529"/>
        <v>564.06869999999992</v>
      </c>
      <c r="I33882" s="1"/>
    </row>
    <row r="33883" spans="1:9" x14ac:dyDescent="0.25">
      <c r="A33883" s="3">
        <v>41766.552789351852</v>
      </c>
      <c r="B33883" s="6">
        <v>564085.35</v>
      </c>
      <c r="C33883" s="7">
        <f t="shared" si="529"/>
        <v>564.08534999999995</v>
      </c>
      <c r="I33883" s="1"/>
    </row>
    <row r="33884" spans="1:9" x14ac:dyDescent="0.25">
      <c r="A33884" s="3">
        <v>41766.553900462961</v>
      </c>
      <c r="B33884" s="6">
        <v>564102</v>
      </c>
      <c r="C33884" s="7">
        <f t="shared" si="529"/>
        <v>564.10199999999998</v>
      </c>
      <c r="I33884" s="1"/>
    </row>
    <row r="33885" spans="1:9" x14ac:dyDescent="0.25">
      <c r="A33885" s="3">
        <v>41766.554039351853</v>
      </c>
      <c r="B33885" s="6">
        <v>564118.64999999991</v>
      </c>
      <c r="C33885" s="7">
        <f t="shared" si="529"/>
        <v>564.11864999999989</v>
      </c>
      <c r="I33885" s="1"/>
    </row>
    <row r="33886" spans="1:9" x14ac:dyDescent="0.25">
      <c r="A33886" s="3">
        <v>41766.555138888885</v>
      </c>
      <c r="B33886" s="6">
        <v>564135.29999999993</v>
      </c>
      <c r="C33886" s="7">
        <f t="shared" si="529"/>
        <v>564.13529999999992</v>
      </c>
      <c r="I33886" s="1"/>
    </row>
    <row r="33887" spans="1:9" x14ac:dyDescent="0.25">
      <c r="A33887" s="3">
        <v>41766.555231481485</v>
      </c>
      <c r="B33887" s="6">
        <v>564151.94999999995</v>
      </c>
      <c r="C33887" s="7">
        <f t="shared" si="529"/>
        <v>564.15194999999994</v>
      </c>
      <c r="I33887" s="1"/>
    </row>
    <row r="33888" spans="1:9" x14ac:dyDescent="0.25">
      <c r="A33888" s="3">
        <v>41766.555844907409</v>
      </c>
      <c r="B33888" s="6">
        <v>564168.6</v>
      </c>
      <c r="C33888" s="7">
        <f t="shared" si="529"/>
        <v>564.16859999999997</v>
      </c>
      <c r="I33888" s="1"/>
    </row>
    <row r="33889" spans="1:9" x14ac:dyDescent="0.25">
      <c r="A33889" s="3">
        <v>41766.555925925924</v>
      </c>
      <c r="B33889" s="6">
        <v>564185.25</v>
      </c>
      <c r="C33889" s="7">
        <f t="shared" si="529"/>
        <v>564.18525</v>
      </c>
      <c r="I33889" s="1"/>
    </row>
    <row r="33890" spans="1:9" x14ac:dyDescent="0.25">
      <c r="A33890" s="3">
        <v>41766.557372685187</v>
      </c>
      <c r="B33890" s="6">
        <v>564201.89999999991</v>
      </c>
      <c r="C33890" s="7">
        <f t="shared" si="529"/>
        <v>564.20189999999991</v>
      </c>
      <c r="I33890" s="1"/>
    </row>
    <row r="33891" spans="1:9" x14ac:dyDescent="0.25">
      <c r="A33891" s="3">
        <v>41766.558391203704</v>
      </c>
      <c r="B33891" s="6">
        <v>564218.54999999993</v>
      </c>
      <c r="C33891" s="7">
        <f t="shared" si="529"/>
        <v>564.21854999999994</v>
      </c>
      <c r="I33891" s="1"/>
    </row>
    <row r="33892" spans="1:9" x14ac:dyDescent="0.25">
      <c r="A33892" s="3">
        <v>41766.560543981483</v>
      </c>
      <c r="B33892" s="6">
        <v>564235.19999999995</v>
      </c>
      <c r="C33892" s="7">
        <f t="shared" si="529"/>
        <v>564.23519999999996</v>
      </c>
      <c r="I33892" s="1"/>
    </row>
    <row r="33893" spans="1:9" x14ac:dyDescent="0.25">
      <c r="A33893" s="3">
        <v>41766.560671296298</v>
      </c>
      <c r="B33893" s="6">
        <v>564251.85</v>
      </c>
      <c r="C33893" s="7">
        <f t="shared" si="529"/>
        <v>564.25184999999999</v>
      </c>
      <c r="I33893" s="1"/>
    </row>
    <row r="33894" spans="1:9" x14ac:dyDescent="0.25">
      <c r="A33894" s="3">
        <v>41766.563125000001</v>
      </c>
      <c r="B33894" s="6">
        <v>564268.5</v>
      </c>
      <c r="C33894" s="7">
        <f t="shared" si="529"/>
        <v>564.26850000000002</v>
      </c>
      <c r="I33894" s="1"/>
    </row>
    <row r="33895" spans="1:9" x14ac:dyDescent="0.25">
      <c r="A33895" s="3">
        <v>41766.563217592593</v>
      </c>
      <c r="B33895" s="6">
        <v>564285.14999999991</v>
      </c>
      <c r="C33895" s="7">
        <f t="shared" si="529"/>
        <v>564.28514999999993</v>
      </c>
      <c r="I33895" s="1"/>
    </row>
    <row r="33896" spans="1:9" x14ac:dyDescent="0.25">
      <c r="A33896" s="3">
        <v>41766.566041666665</v>
      </c>
      <c r="B33896" s="6">
        <v>564301.79999999993</v>
      </c>
      <c r="C33896" s="7">
        <f t="shared" si="529"/>
        <v>564.30179999999996</v>
      </c>
      <c r="I33896" s="1"/>
    </row>
    <row r="33897" spans="1:9" x14ac:dyDescent="0.25">
      <c r="A33897" s="3">
        <v>41766.566192129627</v>
      </c>
      <c r="B33897" s="6">
        <v>564318.44999999995</v>
      </c>
      <c r="C33897" s="7">
        <f t="shared" si="529"/>
        <v>564.31844999999998</v>
      </c>
      <c r="I33897" s="1"/>
    </row>
    <row r="33898" spans="1:9" x14ac:dyDescent="0.25">
      <c r="A33898" s="3">
        <v>41766.568726851852</v>
      </c>
      <c r="B33898" s="6">
        <v>564335.1</v>
      </c>
      <c r="C33898" s="7">
        <f t="shared" si="529"/>
        <v>564.33510000000001</v>
      </c>
      <c r="I33898" s="1"/>
    </row>
    <row r="33899" spans="1:9" x14ac:dyDescent="0.25">
      <c r="A33899" s="3">
        <v>41766.568865740737</v>
      </c>
      <c r="B33899" s="6">
        <v>564351.75</v>
      </c>
      <c r="C33899" s="7">
        <f t="shared" si="529"/>
        <v>564.35175000000004</v>
      </c>
      <c r="I33899" s="1"/>
    </row>
    <row r="33900" spans="1:9" x14ac:dyDescent="0.25">
      <c r="A33900" s="3">
        <v>41766.572789351849</v>
      </c>
      <c r="B33900" s="6">
        <v>564368.39999999991</v>
      </c>
      <c r="C33900" s="7">
        <f t="shared" si="529"/>
        <v>564.36839999999995</v>
      </c>
      <c r="I33900" s="1"/>
    </row>
    <row r="33901" spans="1:9" x14ac:dyDescent="0.25">
      <c r="A33901" s="3">
        <v>41766.573842592596</v>
      </c>
      <c r="B33901" s="6">
        <v>564385.04999999993</v>
      </c>
      <c r="C33901" s="7">
        <f t="shared" si="529"/>
        <v>564.38504999999998</v>
      </c>
      <c r="I33901" s="1"/>
    </row>
    <row r="33902" spans="1:9" x14ac:dyDescent="0.25">
      <c r="A33902" s="3">
        <v>41766.577187499999</v>
      </c>
      <c r="B33902" s="6">
        <v>564401.69999999995</v>
      </c>
      <c r="C33902" s="7">
        <f t="shared" si="529"/>
        <v>564.40170000000001</v>
      </c>
      <c r="I33902" s="1"/>
    </row>
    <row r="33903" spans="1:9" x14ac:dyDescent="0.25">
      <c r="A33903" s="3">
        <v>41766.577314814815</v>
      </c>
      <c r="B33903" s="6">
        <v>564418.35</v>
      </c>
      <c r="C33903" s="7">
        <f t="shared" si="529"/>
        <v>564.41835000000003</v>
      </c>
      <c r="I33903" s="1"/>
    </row>
    <row r="33904" spans="1:9" x14ac:dyDescent="0.25">
      <c r="A33904" s="3">
        <v>41766.581134259257</v>
      </c>
      <c r="B33904" s="6">
        <v>564435</v>
      </c>
      <c r="C33904" s="7">
        <f t="shared" si="529"/>
        <v>564.43499999999995</v>
      </c>
      <c r="I33904" s="1"/>
    </row>
    <row r="33905" spans="1:9" x14ac:dyDescent="0.25">
      <c r="A33905" s="3">
        <v>41766.581655092596</v>
      </c>
      <c r="B33905" s="6">
        <v>564451.64999999991</v>
      </c>
      <c r="C33905" s="7">
        <f t="shared" si="529"/>
        <v>564.45164999999986</v>
      </c>
      <c r="I33905" s="1"/>
    </row>
    <row r="33906" spans="1:9" x14ac:dyDescent="0.25">
      <c r="A33906" s="3">
        <v>41766.582557870373</v>
      </c>
      <c r="B33906" s="6">
        <v>564468.29999999993</v>
      </c>
      <c r="C33906" s="7">
        <f t="shared" si="529"/>
        <v>564.46829999999989</v>
      </c>
      <c r="I33906" s="1"/>
    </row>
    <row r="33907" spans="1:9" x14ac:dyDescent="0.25">
      <c r="A33907" s="3">
        <v>41766.582673611112</v>
      </c>
      <c r="B33907" s="6">
        <v>564484.94999999995</v>
      </c>
      <c r="C33907" s="7">
        <f t="shared" si="529"/>
        <v>564.48494999999991</v>
      </c>
      <c r="I33907" s="1"/>
    </row>
    <row r="33908" spans="1:9" x14ac:dyDescent="0.25">
      <c r="A33908" s="3">
        <v>41766.585312499999</v>
      </c>
      <c r="B33908" s="6">
        <v>564501.6</v>
      </c>
      <c r="C33908" s="7">
        <f t="shared" si="529"/>
        <v>564.50159999999994</v>
      </c>
      <c r="I33908" s="1"/>
    </row>
    <row r="33909" spans="1:9" x14ac:dyDescent="0.25">
      <c r="A33909" s="3">
        <v>41766.58556712963</v>
      </c>
      <c r="B33909" s="6">
        <v>564518.25</v>
      </c>
      <c r="C33909" s="7">
        <f t="shared" si="529"/>
        <v>564.51824999999997</v>
      </c>
      <c r="I33909" s="1"/>
    </row>
    <row r="33910" spans="1:9" x14ac:dyDescent="0.25">
      <c r="A33910" s="3">
        <v>41766.587962962964</v>
      </c>
      <c r="B33910" s="6">
        <v>564534.89999999991</v>
      </c>
      <c r="C33910" s="7">
        <f t="shared" si="529"/>
        <v>564.53489999999988</v>
      </c>
      <c r="I33910" s="1"/>
    </row>
    <row r="33911" spans="1:9" x14ac:dyDescent="0.25">
      <c r="A33911" s="3">
        <v>41766.588217592594</v>
      </c>
      <c r="B33911" s="6">
        <v>564551.54999999993</v>
      </c>
      <c r="C33911" s="7">
        <f t="shared" si="529"/>
        <v>564.55154999999991</v>
      </c>
      <c r="I33911" s="1"/>
    </row>
    <row r="33912" spans="1:9" x14ac:dyDescent="0.25">
      <c r="A33912" s="3">
        <v>41766.589270833334</v>
      </c>
      <c r="B33912" s="6">
        <v>564568.19999999995</v>
      </c>
      <c r="C33912" s="7">
        <f t="shared" si="529"/>
        <v>564.56819999999993</v>
      </c>
      <c r="I33912" s="1"/>
    </row>
    <row r="33913" spans="1:9" x14ac:dyDescent="0.25">
      <c r="A33913" s="3">
        <v>41766.589571759258</v>
      </c>
      <c r="B33913" s="6">
        <v>564584.85</v>
      </c>
      <c r="C33913" s="7">
        <f t="shared" si="529"/>
        <v>564.58484999999996</v>
      </c>
      <c r="I33913" s="1"/>
    </row>
    <row r="33914" spans="1:9" x14ac:dyDescent="0.25">
      <c r="A33914" s="3">
        <v>41766.592060185183</v>
      </c>
      <c r="B33914" s="6">
        <v>564601.5</v>
      </c>
      <c r="C33914" s="7">
        <f t="shared" si="529"/>
        <v>564.60149999999999</v>
      </c>
      <c r="I33914" s="1"/>
    </row>
    <row r="33915" spans="1:9" x14ac:dyDescent="0.25">
      <c r="A33915" s="3">
        <v>41766.592222222222</v>
      </c>
      <c r="B33915" s="6">
        <v>564618.14999999991</v>
      </c>
      <c r="C33915" s="7">
        <f t="shared" si="529"/>
        <v>564.6181499999999</v>
      </c>
      <c r="I33915" s="1"/>
    </row>
    <row r="33916" spans="1:9" x14ac:dyDescent="0.25">
      <c r="A33916" s="3">
        <v>41766.593819444446</v>
      </c>
      <c r="B33916" s="6">
        <v>564634.79999999993</v>
      </c>
      <c r="C33916" s="7">
        <f t="shared" si="529"/>
        <v>564.63479999999993</v>
      </c>
      <c r="I33916" s="1"/>
    </row>
    <row r="33917" spans="1:9" x14ac:dyDescent="0.25">
      <c r="A33917" s="3">
        <v>41766.594108796293</v>
      </c>
      <c r="B33917" s="6">
        <v>564651.44999999995</v>
      </c>
      <c r="C33917" s="7">
        <f t="shared" si="529"/>
        <v>564.65144999999995</v>
      </c>
      <c r="I33917" s="1"/>
    </row>
    <row r="33918" spans="1:9" x14ac:dyDescent="0.25">
      <c r="A33918" s="3">
        <v>41766.596979166665</v>
      </c>
      <c r="B33918" s="6">
        <v>564668.1</v>
      </c>
      <c r="C33918" s="7">
        <f t="shared" si="529"/>
        <v>564.66809999999998</v>
      </c>
      <c r="I33918" s="1"/>
    </row>
    <row r="33919" spans="1:9" x14ac:dyDescent="0.25">
      <c r="A33919" s="3">
        <v>41766.597071759257</v>
      </c>
      <c r="B33919" s="6">
        <v>564684.75</v>
      </c>
      <c r="C33919" s="7">
        <f t="shared" si="529"/>
        <v>564.68475000000001</v>
      </c>
      <c r="I33919" s="1"/>
    </row>
    <row r="33920" spans="1:9" x14ac:dyDescent="0.25">
      <c r="A33920" s="3">
        <v>41766.598402777781</v>
      </c>
      <c r="B33920" s="6">
        <v>564701.39999999991</v>
      </c>
      <c r="C33920" s="7">
        <f t="shared" si="529"/>
        <v>564.70139999999992</v>
      </c>
      <c r="I33920" s="1"/>
    </row>
    <row r="33921" spans="1:9" x14ac:dyDescent="0.25">
      <c r="A33921" s="3">
        <v>41766.598495370374</v>
      </c>
      <c r="B33921" s="6">
        <v>564718.04999999993</v>
      </c>
      <c r="C33921" s="7">
        <f t="shared" si="529"/>
        <v>564.71804999999995</v>
      </c>
      <c r="I33921" s="1"/>
    </row>
    <row r="33922" spans="1:9" x14ac:dyDescent="0.25">
      <c r="A33922" s="3">
        <v>41766.602476851855</v>
      </c>
      <c r="B33922" s="6">
        <v>564734.69999999995</v>
      </c>
      <c r="C33922" s="7">
        <f t="shared" si="529"/>
        <v>564.73469999999998</v>
      </c>
      <c r="I33922" s="1"/>
    </row>
    <row r="33923" spans="1:9" x14ac:dyDescent="0.25">
      <c r="A33923" s="3">
        <v>41766.602592592593</v>
      </c>
      <c r="B33923" s="6">
        <v>564751.35</v>
      </c>
      <c r="C33923" s="7">
        <f t="shared" ref="C33923:C33986" si="530">B33923/1000</f>
        <v>564.75135</v>
      </c>
      <c r="I33923" s="1"/>
    </row>
    <row r="33924" spans="1:9" x14ac:dyDescent="0.25">
      <c r="A33924" s="3">
        <v>41766.604166666664</v>
      </c>
      <c r="B33924" s="6">
        <v>564768</v>
      </c>
      <c r="C33924" s="7">
        <f t="shared" si="530"/>
        <v>564.76800000000003</v>
      </c>
      <c r="I33924" s="1"/>
    </row>
    <row r="33925" spans="1:9" x14ac:dyDescent="0.25">
      <c r="A33925" s="3">
        <v>41766.604259259257</v>
      </c>
      <c r="B33925" s="6">
        <v>564784.64999999991</v>
      </c>
      <c r="C33925" s="7">
        <f t="shared" si="530"/>
        <v>564.78464999999994</v>
      </c>
      <c r="I33925" s="1"/>
    </row>
    <row r="33926" spans="1:9" x14ac:dyDescent="0.25">
      <c r="A33926" s="3">
        <v>41766.605266203704</v>
      </c>
      <c r="B33926" s="6">
        <v>564801.29999999993</v>
      </c>
      <c r="C33926" s="7">
        <f t="shared" si="530"/>
        <v>564.80129999999997</v>
      </c>
      <c r="I33926" s="1"/>
    </row>
    <row r="33927" spans="1:9" x14ac:dyDescent="0.25">
      <c r="A33927" s="3">
        <v>41766.605474537035</v>
      </c>
      <c r="B33927" s="6">
        <v>564817.94999999995</v>
      </c>
      <c r="C33927" s="7">
        <f t="shared" si="530"/>
        <v>564.81795</v>
      </c>
      <c r="I33927" s="1"/>
    </row>
    <row r="33928" spans="1:9" x14ac:dyDescent="0.25">
      <c r="A33928" s="3">
        <v>41766.606909722221</v>
      </c>
      <c r="B33928" s="6">
        <v>564834.6</v>
      </c>
      <c r="C33928" s="7">
        <f t="shared" si="530"/>
        <v>564.83460000000002</v>
      </c>
      <c r="I33928" s="1"/>
    </row>
    <row r="33929" spans="1:9" x14ac:dyDescent="0.25">
      <c r="A33929" s="3">
        <v>41766.60696759259</v>
      </c>
      <c r="B33929" s="6">
        <v>564851.25</v>
      </c>
      <c r="C33929" s="7">
        <f t="shared" si="530"/>
        <v>564.85125000000005</v>
      </c>
      <c r="I33929" s="1"/>
    </row>
    <row r="33930" spans="1:9" x14ac:dyDescent="0.25">
      <c r="A33930" s="3">
        <v>41766.608229166668</v>
      </c>
      <c r="B33930" s="6">
        <v>564867.89999999991</v>
      </c>
      <c r="C33930" s="7">
        <f t="shared" si="530"/>
        <v>564.86789999999996</v>
      </c>
      <c r="I33930" s="1"/>
    </row>
    <row r="33931" spans="1:9" x14ac:dyDescent="0.25">
      <c r="A33931" s="3">
        <v>41766.608356481483</v>
      </c>
      <c r="B33931" s="6">
        <v>564884.54999999993</v>
      </c>
      <c r="C33931" s="7">
        <f t="shared" si="530"/>
        <v>564.88454999999988</v>
      </c>
      <c r="I33931" s="1"/>
    </row>
    <row r="33932" spans="1:9" x14ac:dyDescent="0.25">
      <c r="A33932" s="3">
        <v>41766.610312500001</v>
      </c>
      <c r="B33932" s="6">
        <v>564901.19999999995</v>
      </c>
      <c r="C33932" s="7">
        <f t="shared" si="530"/>
        <v>564.9011999999999</v>
      </c>
      <c r="I33932" s="1"/>
    </row>
    <row r="33933" spans="1:9" x14ac:dyDescent="0.25">
      <c r="A33933" s="3">
        <v>41766.610393518517</v>
      </c>
      <c r="B33933" s="6">
        <v>564917.85</v>
      </c>
      <c r="C33933" s="7">
        <f t="shared" si="530"/>
        <v>564.91784999999993</v>
      </c>
      <c r="I33933" s="1"/>
    </row>
    <row r="33934" spans="1:9" x14ac:dyDescent="0.25">
      <c r="A33934" s="3">
        <v>41766.612800925926</v>
      </c>
      <c r="B33934" s="6">
        <v>564934.5</v>
      </c>
      <c r="C33934" s="7">
        <f t="shared" si="530"/>
        <v>564.93449999999996</v>
      </c>
      <c r="I33934" s="1"/>
    </row>
    <row r="33935" spans="1:9" x14ac:dyDescent="0.25">
      <c r="A33935" s="3">
        <v>41766.614398148151</v>
      </c>
      <c r="B33935" s="6">
        <v>564951.14999999991</v>
      </c>
      <c r="C33935" s="7">
        <f t="shared" si="530"/>
        <v>564.95114999999987</v>
      </c>
      <c r="I33935" s="1"/>
    </row>
    <row r="33936" spans="1:9" x14ac:dyDescent="0.25">
      <c r="A33936" s="3">
        <v>41766.616701388892</v>
      </c>
      <c r="B33936" s="6">
        <v>564967.79999999993</v>
      </c>
      <c r="C33936" s="7">
        <f t="shared" si="530"/>
        <v>564.9677999999999</v>
      </c>
      <c r="I33936" s="1"/>
    </row>
    <row r="33937" spans="1:9" x14ac:dyDescent="0.25">
      <c r="A33937" s="3">
        <v>41766.616782407407</v>
      </c>
      <c r="B33937" s="6">
        <v>564984.44999999995</v>
      </c>
      <c r="C33937" s="7">
        <f t="shared" si="530"/>
        <v>564.98444999999992</v>
      </c>
      <c r="I33937" s="1"/>
    </row>
    <row r="33938" spans="1:9" x14ac:dyDescent="0.25">
      <c r="A33938" s="3">
        <v>41766.621458333335</v>
      </c>
      <c r="B33938" s="6">
        <v>565001.1</v>
      </c>
      <c r="C33938" s="7">
        <f t="shared" si="530"/>
        <v>565.00109999999995</v>
      </c>
      <c r="I33938" s="1"/>
    </row>
    <row r="33939" spans="1:9" x14ac:dyDescent="0.25">
      <c r="A33939" s="3">
        <v>41766.621608796297</v>
      </c>
      <c r="B33939" s="6">
        <v>565017.75</v>
      </c>
      <c r="C33939" s="7">
        <f t="shared" si="530"/>
        <v>565.01774999999998</v>
      </c>
      <c r="I33939" s="1"/>
    </row>
    <row r="33940" spans="1:9" x14ac:dyDescent="0.25">
      <c r="A33940" s="3">
        <v>41766.624479166669</v>
      </c>
      <c r="B33940" s="6">
        <v>565034.39999999991</v>
      </c>
      <c r="C33940" s="7">
        <f t="shared" si="530"/>
        <v>565.03439999999989</v>
      </c>
      <c r="I33940" s="1"/>
    </row>
    <row r="33941" spans="1:9" x14ac:dyDescent="0.25">
      <c r="A33941" s="3">
        <v>41766.624606481484</v>
      </c>
      <c r="B33941" s="6">
        <v>565051.04999999993</v>
      </c>
      <c r="C33941" s="7">
        <f t="shared" si="530"/>
        <v>565.05104999999992</v>
      </c>
      <c r="I33941" s="1"/>
    </row>
    <row r="33942" spans="1:9" x14ac:dyDescent="0.25">
      <c r="A33942" s="3">
        <v>41766.625300925924</v>
      </c>
      <c r="B33942" s="6">
        <v>565067.69999999995</v>
      </c>
      <c r="C33942" s="7">
        <f t="shared" si="530"/>
        <v>565.06769999999995</v>
      </c>
      <c r="I33942" s="1"/>
    </row>
    <row r="33943" spans="1:9" x14ac:dyDescent="0.25">
      <c r="A33943" s="3">
        <v>41766.625578703701</v>
      </c>
      <c r="B33943" s="6">
        <v>565084.35</v>
      </c>
      <c r="C33943" s="7">
        <f t="shared" si="530"/>
        <v>565.08434999999997</v>
      </c>
      <c r="I33943" s="1"/>
    </row>
    <row r="33944" spans="1:9" x14ac:dyDescent="0.25">
      <c r="A33944" s="3">
        <v>41766.626458333332</v>
      </c>
      <c r="B33944" s="6">
        <v>565101</v>
      </c>
      <c r="C33944" s="7">
        <f t="shared" si="530"/>
        <v>565.101</v>
      </c>
      <c r="I33944" s="1"/>
    </row>
    <row r="33945" spans="1:9" x14ac:dyDescent="0.25">
      <c r="A33945" s="3">
        <v>41766.626493055555</v>
      </c>
      <c r="B33945" s="6">
        <v>565117.64999999991</v>
      </c>
      <c r="C33945" s="7">
        <f t="shared" si="530"/>
        <v>565.11764999999991</v>
      </c>
      <c r="I33945" s="1"/>
    </row>
    <row r="33946" spans="1:9" x14ac:dyDescent="0.25">
      <c r="A33946" s="3">
        <v>41766.62740740741</v>
      </c>
      <c r="B33946" s="6">
        <v>565134.29999999993</v>
      </c>
      <c r="C33946" s="7">
        <f t="shared" si="530"/>
        <v>565.13429999999994</v>
      </c>
      <c r="I33946" s="1"/>
    </row>
    <row r="33947" spans="1:9" x14ac:dyDescent="0.25">
      <c r="A33947" s="3">
        <v>41766.627476851849</v>
      </c>
      <c r="B33947" s="6">
        <v>565150.94999999995</v>
      </c>
      <c r="C33947" s="7">
        <f t="shared" si="530"/>
        <v>565.15094999999997</v>
      </c>
      <c r="I33947" s="1"/>
    </row>
    <row r="33948" spans="1:9" x14ac:dyDescent="0.25">
      <c r="A33948" s="3">
        <v>41766.628831018519</v>
      </c>
      <c r="B33948" s="6">
        <v>565167.6</v>
      </c>
      <c r="C33948" s="7">
        <f t="shared" si="530"/>
        <v>565.16759999999999</v>
      </c>
      <c r="I33948" s="1"/>
    </row>
    <row r="33949" spans="1:9" x14ac:dyDescent="0.25">
      <c r="A33949" s="3">
        <v>41766.628923611112</v>
      </c>
      <c r="B33949" s="6">
        <v>565184.25</v>
      </c>
      <c r="C33949" s="7">
        <f t="shared" si="530"/>
        <v>565.18425000000002</v>
      </c>
      <c r="I33949" s="1"/>
    </row>
    <row r="33950" spans="1:9" x14ac:dyDescent="0.25">
      <c r="A33950" s="3">
        <v>41766.631168981483</v>
      </c>
      <c r="B33950" s="6">
        <v>565200.89999999991</v>
      </c>
      <c r="C33950" s="7">
        <f t="shared" si="530"/>
        <v>565.20089999999993</v>
      </c>
      <c r="I33950" s="1"/>
    </row>
    <row r="33951" spans="1:9" x14ac:dyDescent="0.25">
      <c r="A33951" s="3">
        <v>41766.631331018521</v>
      </c>
      <c r="B33951" s="6">
        <v>565217.54999999993</v>
      </c>
      <c r="C33951" s="7">
        <f t="shared" si="530"/>
        <v>565.21754999999996</v>
      </c>
      <c r="I33951" s="1"/>
    </row>
    <row r="33952" spans="1:9" x14ac:dyDescent="0.25">
      <c r="A33952" s="3">
        <v>41766.634062500001</v>
      </c>
      <c r="B33952" s="6">
        <v>565234.19999999995</v>
      </c>
      <c r="C33952" s="7">
        <f t="shared" si="530"/>
        <v>565.23419999999999</v>
      </c>
      <c r="I33952" s="1"/>
    </row>
    <row r="33953" spans="1:9" x14ac:dyDescent="0.25">
      <c r="A33953" s="3">
        <v>41766.634363425925</v>
      </c>
      <c r="B33953" s="6">
        <v>565250.85</v>
      </c>
      <c r="C33953" s="7">
        <f t="shared" si="530"/>
        <v>565.25085000000001</v>
      </c>
      <c r="I33953" s="1"/>
    </row>
    <row r="33954" spans="1:9" x14ac:dyDescent="0.25">
      <c r="A33954" s="3">
        <v>41766.637488425928</v>
      </c>
      <c r="B33954" s="6">
        <v>565267.5</v>
      </c>
      <c r="C33954" s="7">
        <f t="shared" si="530"/>
        <v>565.26750000000004</v>
      </c>
      <c r="I33954" s="1"/>
    </row>
    <row r="33955" spans="1:9" x14ac:dyDescent="0.25">
      <c r="A33955" s="3">
        <v>41766.63758101852</v>
      </c>
      <c r="B33955" s="6">
        <v>565284.14999999991</v>
      </c>
      <c r="C33955" s="7">
        <f t="shared" si="530"/>
        <v>565.28414999999995</v>
      </c>
      <c r="I33955" s="1"/>
    </row>
    <row r="33956" spans="1:9" x14ac:dyDescent="0.25">
      <c r="A33956" s="3">
        <v>41766.639120370368</v>
      </c>
      <c r="B33956" s="6">
        <v>565300.79999999993</v>
      </c>
      <c r="C33956" s="7">
        <f t="shared" si="530"/>
        <v>565.30079999999998</v>
      </c>
      <c r="I33956" s="1"/>
    </row>
    <row r="33957" spans="1:9" x14ac:dyDescent="0.25">
      <c r="A33957" s="3">
        <v>41766.639224537037</v>
      </c>
      <c r="B33957" s="6">
        <v>565317.44999999995</v>
      </c>
      <c r="C33957" s="7">
        <f t="shared" si="530"/>
        <v>565.31745000000001</v>
      </c>
      <c r="I33957" s="1"/>
    </row>
    <row r="33958" spans="1:9" x14ac:dyDescent="0.25">
      <c r="A33958" s="3">
        <v>41766.640625</v>
      </c>
      <c r="B33958" s="6">
        <v>565334.1</v>
      </c>
      <c r="C33958" s="7">
        <f t="shared" si="530"/>
        <v>565.33409999999992</v>
      </c>
      <c r="I33958" s="1"/>
    </row>
    <row r="33959" spans="1:9" x14ac:dyDescent="0.25">
      <c r="A33959" s="3">
        <v>41766.640763888892</v>
      </c>
      <c r="B33959" s="6">
        <v>565350.75</v>
      </c>
      <c r="C33959" s="7">
        <f t="shared" si="530"/>
        <v>565.35074999999995</v>
      </c>
      <c r="I33959" s="1"/>
    </row>
    <row r="33960" spans="1:9" x14ac:dyDescent="0.25">
      <c r="A33960" s="3">
        <v>41766.642418981479</v>
      </c>
      <c r="B33960" s="6">
        <v>565367.39999999991</v>
      </c>
      <c r="C33960" s="7">
        <f t="shared" si="530"/>
        <v>565.36739999999986</v>
      </c>
      <c r="I33960" s="1"/>
    </row>
    <row r="33961" spans="1:9" x14ac:dyDescent="0.25">
      <c r="A33961" s="3">
        <v>41766.642534722225</v>
      </c>
      <c r="B33961" s="6">
        <v>565384.04999999993</v>
      </c>
      <c r="C33961" s="7">
        <f t="shared" si="530"/>
        <v>565.38404999999989</v>
      </c>
      <c r="I33961" s="1"/>
    </row>
    <row r="33962" spans="1:9" x14ac:dyDescent="0.25">
      <c r="A33962" s="3">
        <v>41766.643645833334</v>
      </c>
      <c r="B33962" s="6">
        <v>565400.69999999995</v>
      </c>
      <c r="C33962" s="7">
        <f t="shared" si="530"/>
        <v>565.40069999999992</v>
      </c>
      <c r="I33962" s="1"/>
    </row>
    <row r="33963" spans="1:9" x14ac:dyDescent="0.25">
      <c r="A33963" s="3">
        <v>41766.643726851849</v>
      </c>
      <c r="B33963" s="6">
        <v>565417.35</v>
      </c>
      <c r="C33963" s="7">
        <f t="shared" si="530"/>
        <v>565.41734999999994</v>
      </c>
      <c r="I33963" s="1"/>
    </row>
    <row r="33964" spans="1:9" x14ac:dyDescent="0.25">
      <c r="A33964" s="3">
        <v>41766.644687499997</v>
      </c>
      <c r="B33964" s="6">
        <v>565434</v>
      </c>
      <c r="C33964" s="7">
        <f t="shared" si="530"/>
        <v>565.43399999999997</v>
      </c>
      <c r="I33964" s="1"/>
    </row>
    <row r="33965" spans="1:9" x14ac:dyDescent="0.25">
      <c r="A33965" s="3">
        <v>41766.644756944443</v>
      </c>
      <c r="B33965" s="6">
        <v>565450.64999999991</v>
      </c>
      <c r="C33965" s="7">
        <f t="shared" si="530"/>
        <v>565.45064999999988</v>
      </c>
      <c r="I33965" s="1"/>
    </row>
    <row r="33966" spans="1:9" x14ac:dyDescent="0.25">
      <c r="A33966" s="3">
        <v>41766.64534722222</v>
      </c>
      <c r="B33966" s="6">
        <v>565467.29999999993</v>
      </c>
      <c r="C33966" s="7">
        <f t="shared" si="530"/>
        <v>565.46729999999991</v>
      </c>
      <c r="I33966" s="1"/>
    </row>
    <row r="33967" spans="1:9" x14ac:dyDescent="0.25">
      <c r="A33967" s="3">
        <v>41766.645428240743</v>
      </c>
      <c r="B33967" s="6">
        <v>565483.94999999995</v>
      </c>
      <c r="C33967" s="7">
        <f t="shared" si="530"/>
        <v>565.48394999999994</v>
      </c>
      <c r="I33967" s="1"/>
    </row>
    <row r="33968" spans="1:9" x14ac:dyDescent="0.25">
      <c r="A33968" s="3">
        <v>41766.647430555553</v>
      </c>
      <c r="B33968" s="6">
        <v>565500.6</v>
      </c>
      <c r="C33968" s="7">
        <f t="shared" si="530"/>
        <v>565.50059999999996</v>
      </c>
      <c r="I33968" s="1"/>
    </row>
    <row r="33969" spans="1:9" x14ac:dyDescent="0.25">
      <c r="A33969" s="3">
        <v>41766.647523148145</v>
      </c>
      <c r="B33969" s="6">
        <v>565517.25</v>
      </c>
      <c r="C33969" s="7">
        <f t="shared" si="530"/>
        <v>565.51724999999999</v>
      </c>
      <c r="I33969" s="1"/>
    </row>
    <row r="33970" spans="1:9" x14ac:dyDescent="0.25">
      <c r="A33970" s="3">
        <v>41766.648402777777</v>
      </c>
      <c r="B33970" s="6">
        <v>565533.89999999991</v>
      </c>
      <c r="C33970" s="7">
        <f t="shared" si="530"/>
        <v>565.5338999999999</v>
      </c>
      <c r="I33970" s="1"/>
    </row>
    <row r="33971" spans="1:9" x14ac:dyDescent="0.25">
      <c r="A33971" s="3">
        <v>41766.648472222223</v>
      </c>
      <c r="B33971" s="6">
        <v>565550.54999999993</v>
      </c>
      <c r="C33971" s="7">
        <f t="shared" si="530"/>
        <v>565.55054999999993</v>
      </c>
      <c r="I33971" s="1"/>
    </row>
    <row r="33972" spans="1:9" x14ac:dyDescent="0.25">
      <c r="A33972" s="3">
        <v>41766.649236111109</v>
      </c>
      <c r="B33972" s="6">
        <v>565567.19999999995</v>
      </c>
      <c r="C33972" s="7">
        <f t="shared" si="530"/>
        <v>565.56719999999996</v>
      </c>
      <c r="I33972" s="1"/>
    </row>
    <row r="33973" spans="1:9" x14ac:dyDescent="0.25">
      <c r="A33973" s="3">
        <v>41766.649328703701</v>
      </c>
      <c r="B33973" s="6">
        <v>565583.85</v>
      </c>
      <c r="C33973" s="7">
        <f t="shared" si="530"/>
        <v>565.58384999999998</v>
      </c>
      <c r="I33973" s="1"/>
    </row>
    <row r="33974" spans="1:9" x14ac:dyDescent="0.25">
      <c r="A33974" s="3">
        <v>41766.650775462964</v>
      </c>
      <c r="B33974" s="6">
        <v>565600.5</v>
      </c>
      <c r="C33974" s="7">
        <f t="shared" si="530"/>
        <v>565.60050000000001</v>
      </c>
      <c r="I33974" s="1"/>
    </row>
    <row r="33975" spans="1:9" x14ac:dyDescent="0.25">
      <c r="A33975" s="3">
        <v>41766.65084490741</v>
      </c>
      <c r="B33975" s="6">
        <v>565617.14999999991</v>
      </c>
      <c r="C33975" s="7">
        <f t="shared" si="530"/>
        <v>565.61714999999992</v>
      </c>
      <c r="I33975" s="1"/>
    </row>
    <row r="33976" spans="1:9" x14ac:dyDescent="0.25">
      <c r="A33976" s="3">
        <v>41766.651608796295</v>
      </c>
      <c r="B33976" s="6">
        <v>565633.79999999993</v>
      </c>
      <c r="C33976" s="7">
        <f t="shared" si="530"/>
        <v>565.63379999999995</v>
      </c>
      <c r="I33976" s="1"/>
    </row>
    <row r="33977" spans="1:9" x14ac:dyDescent="0.25">
      <c r="A33977" s="3">
        <v>41766.651678240742</v>
      </c>
      <c r="B33977" s="6">
        <v>565650.44999999995</v>
      </c>
      <c r="C33977" s="7">
        <f t="shared" si="530"/>
        <v>565.65044999999998</v>
      </c>
      <c r="I33977" s="1"/>
    </row>
    <row r="33978" spans="1:9" x14ac:dyDescent="0.25">
      <c r="A33978" s="3">
        <v>41766.652546296296</v>
      </c>
      <c r="B33978" s="6">
        <v>565667.1</v>
      </c>
      <c r="C33978" s="7">
        <f t="shared" si="530"/>
        <v>565.6671</v>
      </c>
      <c r="I33978" s="1"/>
    </row>
    <row r="33979" spans="1:9" x14ac:dyDescent="0.25">
      <c r="A33979" s="3">
        <v>41766.652627314812</v>
      </c>
      <c r="B33979" s="6">
        <v>565683.75</v>
      </c>
      <c r="C33979" s="7">
        <f t="shared" si="530"/>
        <v>565.68375000000003</v>
      </c>
      <c r="I33979" s="1"/>
    </row>
    <row r="33980" spans="1:9" x14ac:dyDescent="0.25">
      <c r="A33980" s="3">
        <v>41766.654513888891</v>
      </c>
      <c r="B33980" s="6">
        <v>565700.39999999991</v>
      </c>
      <c r="C33980" s="7">
        <f t="shared" si="530"/>
        <v>565.70039999999995</v>
      </c>
      <c r="I33980" s="1"/>
    </row>
    <row r="33981" spans="1:9" x14ac:dyDescent="0.25">
      <c r="A33981" s="3">
        <v>41766.654641203706</v>
      </c>
      <c r="B33981" s="6">
        <v>565717.04999999993</v>
      </c>
      <c r="C33981" s="7">
        <f t="shared" si="530"/>
        <v>565.71704999999997</v>
      </c>
      <c r="I33981" s="1"/>
    </row>
    <row r="33982" spans="1:9" x14ac:dyDescent="0.25">
      <c r="A33982" s="3">
        <v>41766.655902777777</v>
      </c>
      <c r="B33982" s="6">
        <v>565733.69999999995</v>
      </c>
      <c r="C33982" s="7">
        <f t="shared" si="530"/>
        <v>565.7337</v>
      </c>
      <c r="I33982" s="1"/>
    </row>
    <row r="33983" spans="1:9" x14ac:dyDescent="0.25">
      <c r="A33983" s="3">
        <v>41766.656018518515</v>
      </c>
      <c r="B33983" s="6">
        <v>565750.35</v>
      </c>
      <c r="C33983" s="7">
        <f t="shared" si="530"/>
        <v>565.75035000000003</v>
      </c>
      <c r="I33983" s="1"/>
    </row>
    <row r="33984" spans="1:9" x14ac:dyDescent="0.25">
      <c r="A33984" s="3">
        <v>41766.656863425924</v>
      </c>
      <c r="B33984" s="6">
        <v>565767</v>
      </c>
      <c r="C33984" s="7">
        <f t="shared" si="530"/>
        <v>565.76700000000005</v>
      </c>
      <c r="I33984" s="1"/>
    </row>
    <row r="33985" spans="1:9" x14ac:dyDescent="0.25">
      <c r="A33985" s="3">
        <v>41766.657071759262</v>
      </c>
      <c r="B33985" s="6">
        <v>565783.64999999991</v>
      </c>
      <c r="C33985" s="7">
        <f t="shared" si="530"/>
        <v>565.78364999999985</v>
      </c>
      <c r="I33985" s="1"/>
    </row>
    <row r="33986" spans="1:9" x14ac:dyDescent="0.25">
      <c r="A33986" s="3">
        <v>41766.658668981479</v>
      </c>
      <c r="B33986" s="6">
        <v>565800.29999999993</v>
      </c>
      <c r="C33986" s="7">
        <f t="shared" si="530"/>
        <v>565.80029999999988</v>
      </c>
      <c r="I33986" s="1"/>
    </row>
    <row r="33987" spans="1:9" x14ac:dyDescent="0.25">
      <c r="A33987" s="3">
        <v>41766.658750000002</v>
      </c>
      <c r="B33987" s="6">
        <v>565816.94999999995</v>
      </c>
      <c r="C33987" s="7">
        <f t="shared" ref="C33987:C34050" si="531">B33987/1000</f>
        <v>565.81694999999991</v>
      </c>
      <c r="I33987" s="1"/>
    </row>
    <row r="33988" spans="1:9" x14ac:dyDescent="0.25">
      <c r="A33988" s="3">
        <v>41766.659432870372</v>
      </c>
      <c r="B33988" s="6">
        <v>565833.6</v>
      </c>
      <c r="C33988" s="7">
        <f t="shared" si="531"/>
        <v>565.83359999999993</v>
      </c>
      <c r="I33988" s="1"/>
    </row>
    <row r="33989" spans="1:9" x14ac:dyDescent="0.25">
      <c r="A33989" s="3">
        <v>41766.659513888888</v>
      </c>
      <c r="B33989" s="6">
        <v>565850.25</v>
      </c>
      <c r="C33989" s="7">
        <f t="shared" si="531"/>
        <v>565.85024999999996</v>
      </c>
      <c r="I33989" s="1"/>
    </row>
    <row r="33990" spans="1:9" x14ac:dyDescent="0.25">
      <c r="A33990" s="3">
        <v>41766.660208333335</v>
      </c>
      <c r="B33990" s="6">
        <v>565866.89999999991</v>
      </c>
      <c r="C33990" s="7">
        <f t="shared" si="531"/>
        <v>565.86689999999987</v>
      </c>
      <c r="I33990" s="1"/>
    </row>
    <row r="33991" spans="1:9" x14ac:dyDescent="0.25">
      <c r="A33991" s="3">
        <v>41766.660300925927</v>
      </c>
      <c r="B33991" s="6">
        <v>565883.54999999993</v>
      </c>
      <c r="C33991" s="7">
        <f t="shared" si="531"/>
        <v>565.8835499999999</v>
      </c>
      <c r="I33991" s="1"/>
    </row>
    <row r="33992" spans="1:9" x14ac:dyDescent="0.25">
      <c r="A33992" s="3">
        <v>41766.660925925928</v>
      </c>
      <c r="B33992" s="6">
        <v>565900.19999999995</v>
      </c>
      <c r="C33992" s="7">
        <f t="shared" si="531"/>
        <v>565.90019999999993</v>
      </c>
      <c r="I33992" s="1"/>
    </row>
    <row r="33993" spans="1:9" x14ac:dyDescent="0.25">
      <c r="A33993" s="3">
        <v>41766.660995370374</v>
      </c>
      <c r="B33993" s="6">
        <v>565916.85</v>
      </c>
      <c r="C33993" s="7">
        <f t="shared" si="531"/>
        <v>565.91684999999995</v>
      </c>
      <c r="I33993" s="1"/>
    </row>
    <row r="33994" spans="1:9" x14ac:dyDescent="0.25">
      <c r="A33994" s="3">
        <v>41766.662106481483</v>
      </c>
      <c r="B33994" s="6">
        <v>565933.5</v>
      </c>
      <c r="C33994" s="7">
        <f t="shared" si="531"/>
        <v>565.93349999999998</v>
      </c>
      <c r="I33994" s="1"/>
    </row>
    <row r="33995" spans="1:9" x14ac:dyDescent="0.25">
      <c r="A33995" s="3">
        <v>41766.662210648145</v>
      </c>
      <c r="B33995" s="6">
        <v>565950.14999999991</v>
      </c>
      <c r="C33995" s="7">
        <f t="shared" si="531"/>
        <v>565.95014999999989</v>
      </c>
      <c r="I33995" s="1"/>
    </row>
    <row r="33996" spans="1:9" x14ac:dyDescent="0.25">
      <c r="A33996" s="3">
        <v>41766.663437499999</v>
      </c>
      <c r="B33996" s="6">
        <v>565966.79999999993</v>
      </c>
      <c r="C33996" s="7">
        <f t="shared" si="531"/>
        <v>565.96679999999992</v>
      </c>
      <c r="I33996" s="1"/>
    </row>
    <row r="33997" spans="1:9" x14ac:dyDescent="0.25">
      <c r="A33997" s="3">
        <v>41766.663495370369</v>
      </c>
      <c r="B33997" s="6">
        <v>565983.44999999995</v>
      </c>
      <c r="C33997" s="7">
        <f t="shared" si="531"/>
        <v>565.98344999999995</v>
      </c>
      <c r="I33997" s="1"/>
    </row>
    <row r="33998" spans="1:9" x14ac:dyDescent="0.25">
      <c r="A33998" s="3">
        <v>41766.664351851854</v>
      </c>
      <c r="B33998" s="6">
        <v>566000.1</v>
      </c>
      <c r="C33998" s="7">
        <f t="shared" si="531"/>
        <v>566.00009999999997</v>
      </c>
      <c r="I33998" s="1"/>
    </row>
    <row r="33999" spans="1:9" x14ac:dyDescent="0.25">
      <c r="A33999" s="3">
        <v>41766.664618055554</v>
      </c>
      <c r="B33999" s="6">
        <v>566016.75</v>
      </c>
      <c r="C33999" s="7">
        <f t="shared" si="531"/>
        <v>566.01675</v>
      </c>
      <c r="I33999" s="1"/>
    </row>
    <row r="34000" spans="1:9" x14ac:dyDescent="0.25">
      <c r="A34000" s="3">
        <v>41766.665613425925</v>
      </c>
      <c r="B34000" s="6">
        <v>566033.39999999991</v>
      </c>
      <c r="C34000" s="7">
        <f t="shared" si="531"/>
        <v>566.03339999999992</v>
      </c>
      <c r="I34000" s="1"/>
    </row>
    <row r="34001" spans="1:9" x14ac:dyDescent="0.25">
      <c r="A34001" s="3">
        <v>41766.665729166663</v>
      </c>
      <c r="B34001" s="6">
        <v>566050.04999999993</v>
      </c>
      <c r="C34001" s="7">
        <f t="shared" si="531"/>
        <v>566.05004999999994</v>
      </c>
      <c r="I34001" s="1"/>
    </row>
    <row r="34002" spans="1:9" x14ac:dyDescent="0.25">
      <c r="A34002" s="3">
        <v>41766.666828703703</v>
      </c>
      <c r="B34002" s="6">
        <v>566066.69999999995</v>
      </c>
      <c r="C34002" s="7">
        <f t="shared" si="531"/>
        <v>566.06669999999997</v>
      </c>
      <c r="I34002" s="1"/>
    </row>
    <row r="34003" spans="1:9" x14ac:dyDescent="0.25">
      <c r="A34003" s="3">
        <v>41766.666886574072</v>
      </c>
      <c r="B34003" s="6">
        <v>566083.35</v>
      </c>
      <c r="C34003" s="7">
        <f t="shared" si="531"/>
        <v>566.08335</v>
      </c>
      <c r="I34003" s="1"/>
    </row>
    <row r="34004" spans="1:9" x14ac:dyDescent="0.25">
      <c r="A34004" s="3">
        <v>41766.667824074073</v>
      </c>
      <c r="B34004" s="6">
        <v>566100</v>
      </c>
      <c r="C34004" s="7">
        <f t="shared" si="531"/>
        <v>566.1</v>
      </c>
      <c r="I34004" s="1"/>
    </row>
    <row r="34005" spans="1:9" x14ac:dyDescent="0.25">
      <c r="A34005" s="3">
        <v>41766.667858796296</v>
      </c>
      <c r="B34005" s="6">
        <v>566116.64999999991</v>
      </c>
      <c r="C34005" s="7">
        <f t="shared" si="531"/>
        <v>566.11664999999994</v>
      </c>
      <c r="I34005" s="1"/>
    </row>
    <row r="34006" spans="1:9" x14ac:dyDescent="0.25">
      <c r="A34006" s="3">
        <v>41766.669259259259</v>
      </c>
      <c r="B34006" s="6">
        <v>566133.29999999993</v>
      </c>
      <c r="C34006" s="7">
        <f t="shared" si="531"/>
        <v>566.13329999999996</v>
      </c>
      <c r="I34006" s="1"/>
    </row>
    <row r="34007" spans="1:9" x14ac:dyDescent="0.25">
      <c r="A34007" s="3">
        <v>41766.669421296298</v>
      </c>
      <c r="B34007" s="6">
        <v>566149.94999999995</v>
      </c>
      <c r="C34007" s="7">
        <f t="shared" si="531"/>
        <v>566.14994999999999</v>
      </c>
      <c r="I34007" s="1"/>
    </row>
    <row r="34008" spans="1:9" x14ac:dyDescent="0.25">
      <c r="A34008" s="3">
        <v>41766.67050925926</v>
      </c>
      <c r="B34008" s="6">
        <v>566166.6</v>
      </c>
      <c r="C34008" s="7">
        <f t="shared" si="531"/>
        <v>566.16660000000002</v>
      </c>
      <c r="I34008" s="1"/>
    </row>
    <row r="34009" spans="1:9" x14ac:dyDescent="0.25">
      <c r="A34009" s="3">
        <v>41766.670694444445</v>
      </c>
      <c r="B34009" s="6">
        <v>566183.25</v>
      </c>
      <c r="C34009" s="7">
        <f t="shared" si="531"/>
        <v>566.18325000000004</v>
      </c>
      <c r="I34009" s="1"/>
    </row>
    <row r="34010" spans="1:9" x14ac:dyDescent="0.25">
      <c r="A34010" s="3">
        <v>41766.671168981484</v>
      </c>
      <c r="B34010" s="6">
        <v>566199.89999999991</v>
      </c>
      <c r="C34010" s="7">
        <f t="shared" si="531"/>
        <v>566.19989999999996</v>
      </c>
      <c r="I34010" s="1"/>
    </row>
    <row r="34011" spans="1:9" x14ac:dyDescent="0.25">
      <c r="A34011" s="3">
        <v>41766.671249999999</v>
      </c>
      <c r="B34011" s="6">
        <v>566216.54999999993</v>
      </c>
      <c r="C34011" s="7">
        <f t="shared" si="531"/>
        <v>566.21654999999998</v>
      </c>
      <c r="I34011" s="1"/>
    </row>
    <row r="34012" spans="1:9" x14ac:dyDescent="0.25">
      <c r="A34012" s="3">
        <v>41766.672962962963</v>
      </c>
      <c r="B34012" s="6">
        <v>566233.19999999995</v>
      </c>
      <c r="C34012" s="7">
        <f t="shared" si="531"/>
        <v>566.2331999999999</v>
      </c>
      <c r="I34012" s="1"/>
    </row>
    <row r="34013" spans="1:9" x14ac:dyDescent="0.25">
      <c r="A34013" s="3">
        <v>41766.673171296294</v>
      </c>
      <c r="B34013" s="6">
        <v>566249.85</v>
      </c>
      <c r="C34013" s="7">
        <f t="shared" si="531"/>
        <v>566.24984999999992</v>
      </c>
      <c r="I34013" s="1"/>
    </row>
    <row r="34014" spans="1:9" x14ac:dyDescent="0.25">
      <c r="A34014" s="3">
        <v>41766.67564814815</v>
      </c>
      <c r="B34014" s="6">
        <v>566266.5</v>
      </c>
      <c r="C34014" s="7">
        <f t="shared" si="531"/>
        <v>566.26649999999995</v>
      </c>
      <c r="I34014" s="1"/>
    </row>
    <row r="34015" spans="1:9" x14ac:dyDescent="0.25">
      <c r="A34015" s="3">
        <v>41766.675798611112</v>
      </c>
      <c r="B34015" s="6">
        <v>566283.14999999991</v>
      </c>
      <c r="C34015" s="7">
        <f t="shared" si="531"/>
        <v>566.28314999999986</v>
      </c>
      <c r="I34015" s="1"/>
    </row>
    <row r="34016" spans="1:9" x14ac:dyDescent="0.25">
      <c r="A34016" s="3">
        <v>41766.676874999997</v>
      </c>
      <c r="B34016" s="6">
        <v>566299.79999999993</v>
      </c>
      <c r="C34016" s="7">
        <f t="shared" si="531"/>
        <v>566.29979999999989</v>
      </c>
      <c r="I34016" s="1"/>
    </row>
    <row r="34017" spans="1:9" x14ac:dyDescent="0.25">
      <c r="A34017" s="3">
        <v>41766.67696759259</v>
      </c>
      <c r="B34017" s="6">
        <v>566316.44999999995</v>
      </c>
      <c r="C34017" s="7">
        <f t="shared" si="531"/>
        <v>566.31644999999992</v>
      </c>
      <c r="I34017" s="1"/>
    </row>
    <row r="34018" spans="1:9" x14ac:dyDescent="0.25">
      <c r="A34018" s="3">
        <v>41766.679062499999</v>
      </c>
      <c r="B34018" s="6">
        <v>566333.1</v>
      </c>
      <c r="C34018" s="7">
        <f t="shared" si="531"/>
        <v>566.33309999999994</v>
      </c>
      <c r="I34018" s="1"/>
    </row>
    <row r="34019" spans="1:9" x14ac:dyDescent="0.25">
      <c r="A34019" s="3">
        <v>41766.679120370369</v>
      </c>
      <c r="B34019" s="6">
        <v>566349.75</v>
      </c>
      <c r="C34019" s="7">
        <f t="shared" si="531"/>
        <v>566.34974999999997</v>
      </c>
      <c r="I34019" s="1"/>
    </row>
    <row r="34020" spans="1:9" x14ac:dyDescent="0.25">
      <c r="A34020" s="3">
        <v>41766.679895833331</v>
      </c>
      <c r="B34020" s="6">
        <v>566366.39999999991</v>
      </c>
      <c r="C34020" s="7">
        <f t="shared" si="531"/>
        <v>566.36639999999989</v>
      </c>
      <c r="I34020" s="1"/>
    </row>
    <row r="34021" spans="1:9" x14ac:dyDescent="0.25">
      <c r="A34021" s="3">
        <v>41766.680011574077</v>
      </c>
      <c r="B34021" s="6">
        <v>566383.04999999993</v>
      </c>
      <c r="C34021" s="7">
        <f t="shared" si="531"/>
        <v>566.38304999999991</v>
      </c>
      <c r="I34021" s="1"/>
    </row>
    <row r="34022" spans="1:9" x14ac:dyDescent="0.25">
      <c r="A34022" s="3">
        <v>41766.680543981478</v>
      </c>
      <c r="B34022" s="6">
        <v>566399.69999999995</v>
      </c>
      <c r="C34022" s="7">
        <f t="shared" si="531"/>
        <v>566.39969999999994</v>
      </c>
      <c r="I34022" s="1"/>
    </row>
    <row r="34023" spans="1:9" x14ac:dyDescent="0.25">
      <c r="A34023" s="3">
        <v>41766.680648148147</v>
      </c>
      <c r="B34023" s="6">
        <v>566416.35</v>
      </c>
      <c r="C34023" s="7">
        <f t="shared" si="531"/>
        <v>566.41634999999997</v>
      </c>
      <c r="I34023" s="1"/>
    </row>
    <row r="34024" spans="1:9" x14ac:dyDescent="0.25">
      <c r="A34024" s="3">
        <v>41766.68172453704</v>
      </c>
      <c r="B34024" s="6">
        <v>566433</v>
      </c>
      <c r="C34024" s="7">
        <f t="shared" si="531"/>
        <v>566.43299999999999</v>
      </c>
      <c r="I34024" s="1"/>
    </row>
    <row r="34025" spans="1:9" x14ac:dyDescent="0.25">
      <c r="A34025" s="3">
        <v>41766.681979166664</v>
      </c>
      <c r="B34025" s="6">
        <v>566449.64999999991</v>
      </c>
      <c r="C34025" s="7">
        <f t="shared" si="531"/>
        <v>566.44964999999991</v>
      </c>
      <c r="I34025" s="1"/>
    </row>
    <row r="34026" spans="1:9" x14ac:dyDescent="0.25">
      <c r="A34026" s="3">
        <v>41766.682754629626</v>
      </c>
      <c r="B34026" s="6">
        <v>566466.29999999993</v>
      </c>
      <c r="C34026" s="7">
        <f t="shared" si="531"/>
        <v>566.46629999999993</v>
      </c>
      <c r="I34026" s="1"/>
    </row>
    <row r="34027" spans="1:9" x14ac:dyDescent="0.25">
      <c r="A34027" s="3">
        <v>41766.682847222219</v>
      </c>
      <c r="B34027" s="6">
        <v>566482.94999999995</v>
      </c>
      <c r="C34027" s="7">
        <f t="shared" si="531"/>
        <v>566.48294999999996</v>
      </c>
      <c r="I34027" s="1"/>
    </row>
    <row r="34028" spans="1:9" x14ac:dyDescent="0.25">
      <c r="A34028" s="3">
        <v>41766.683935185189</v>
      </c>
      <c r="B34028" s="6">
        <v>566499.6</v>
      </c>
      <c r="C34028" s="7">
        <f t="shared" si="531"/>
        <v>566.49959999999999</v>
      </c>
      <c r="I34028" s="1"/>
    </row>
    <row r="34029" spans="1:9" x14ac:dyDescent="0.25">
      <c r="A34029" s="3">
        <v>41766.684074074074</v>
      </c>
      <c r="B34029" s="6">
        <v>566516.25</v>
      </c>
      <c r="C34029" s="7">
        <f t="shared" si="531"/>
        <v>566.51625000000001</v>
      </c>
      <c r="I34029" s="1"/>
    </row>
    <row r="34030" spans="1:9" x14ac:dyDescent="0.25">
      <c r="A34030" s="3">
        <v>41766.685358796298</v>
      </c>
      <c r="B34030" s="6">
        <v>566532.89999999991</v>
      </c>
      <c r="C34030" s="7">
        <f t="shared" si="531"/>
        <v>566.53289999999993</v>
      </c>
      <c r="I34030" s="1"/>
    </row>
    <row r="34031" spans="1:9" x14ac:dyDescent="0.25">
      <c r="A34031" s="3">
        <v>41766.68540509259</v>
      </c>
      <c r="B34031" s="6">
        <v>566549.54999999993</v>
      </c>
      <c r="C34031" s="7">
        <f t="shared" si="531"/>
        <v>566.54954999999995</v>
      </c>
      <c r="I34031" s="1"/>
    </row>
    <row r="34032" spans="1:9" x14ac:dyDescent="0.25">
      <c r="A34032" s="3">
        <v>41766.686423611114</v>
      </c>
      <c r="B34032" s="6">
        <v>566566.19999999995</v>
      </c>
      <c r="C34032" s="7">
        <f t="shared" si="531"/>
        <v>566.56619999999998</v>
      </c>
      <c r="I34032" s="1"/>
    </row>
    <row r="34033" spans="1:9" x14ac:dyDescent="0.25">
      <c r="A34033" s="3">
        <v>41766.686597222222</v>
      </c>
      <c r="B34033" s="6">
        <v>566582.85</v>
      </c>
      <c r="C34033" s="7">
        <f t="shared" si="531"/>
        <v>566.58285000000001</v>
      </c>
      <c r="I34033" s="1"/>
    </row>
    <row r="34034" spans="1:9" x14ac:dyDescent="0.25">
      <c r="A34034" s="3">
        <v>41766.687835648147</v>
      </c>
      <c r="B34034" s="6">
        <v>566599.5</v>
      </c>
      <c r="C34034" s="7">
        <f t="shared" si="531"/>
        <v>566.59950000000003</v>
      </c>
      <c r="I34034" s="1"/>
    </row>
    <row r="34035" spans="1:9" x14ac:dyDescent="0.25">
      <c r="A34035" s="3">
        <v>41766.687881944446</v>
      </c>
      <c r="B34035" s="6">
        <v>566616.14999999991</v>
      </c>
      <c r="C34035" s="7">
        <f t="shared" si="531"/>
        <v>566.61614999999995</v>
      </c>
      <c r="I34035" s="1"/>
    </row>
    <row r="34036" spans="1:9" x14ac:dyDescent="0.25">
      <c r="A34036" s="3">
        <v>41766.688831018517</v>
      </c>
      <c r="B34036" s="6">
        <v>566632.79999999993</v>
      </c>
      <c r="C34036" s="7">
        <f t="shared" si="531"/>
        <v>566.63279999999997</v>
      </c>
      <c r="I34036" s="1"/>
    </row>
    <row r="34037" spans="1:9" x14ac:dyDescent="0.25">
      <c r="A34037" s="3">
        <v>41766.688935185186</v>
      </c>
      <c r="B34037" s="6">
        <v>566649.44999999995</v>
      </c>
      <c r="C34037" s="7">
        <f t="shared" si="531"/>
        <v>566.64945</v>
      </c>
      <c r="I34037" s="1"/>
    </row>
    <row r="34038" spans="1:9" x14ac:dyDescent="0.25">
      <c r="A34038" s="3">
        <v>41766.690300925926</v>
      </c>
      <c r="B34038" s="6">
        <v>566666.1</v>
      </c>
      <c r="C34038" s="7">
        <f t="shared" si="531"/>
        <v>566.66610000000003</v>
      </c>
      <c r="I34038" s="1"/>
    </row>
    <row r="34039" spans="1:9" x14ac:dyDescent="0.25">
      <c r="A34039" s="3">
        <v>41766.69059027778</v>
      </c>
      <c r="B34039" s="6">
        <v>566682.75</v>
      </c>
      <c r="C34039" s="7">
        <f t="shared" si="531"/>
        <v>566.68275000000006</v>
      </c>
      <c r="I34039" s="1"/>
    </row>
    <row r="34040" spans="1:9" x14ac:dyDescent="0.25">
      <c r="A34040" s="3">
        <v>41766.691736111112</v>
      </c>
      <c r="B34040" s="6">
        <v>566699.39999999991</v>
      </c>
      <c r="C34040" s="7">
        <f t="shared" si="531"/>
        <v>566.69939999999986</v>
      </c>
      <c r="I34040" s="1"/>
    </row>
    <row r="34041" spans="1:9" x14ac:dyDescent="0.25">
      <c r="A34041" s="3">
        <v>41766.691828703704</v>
      </c>
      <c r="B34041" s="6">
        <v>566716.04999999993</v>
      </c>
      <c r="C34041" s="7">
        <f t="shared" si="531"/>
        <v>566.71604999999988</v>
      </c>
      <c r="I34041" s="1"/>
    </row>
    <row r="34042" spans="1:9" x14ac:dyDescent="0.25">
      <c r="A34042" s="3">
        <v>41766.693402777775</v>
      </c>
      <c r="B34042" s="6">
        <v>566732.69999999995</v>
      </c>
      <c r="C34042" s="7">
        <f t="shared" si="531"/>
        <v>566.73269999999991</v>
      </c>
      <c r="I34042" s="1"/>
    </row>
    <row r="34043" spans="1:9" x14ac:dyDescent="0.25">
      <c r="A34043" s="3">
        <v>41766.693703703706</v>
      </c>
      <c r="B34043" s="6">
        <v>566749.35</v>
      </c>
      <c r="C34043" s="7">
        <f t="shared" si="531"/>
        <v>566.74934999999994</v>
      </c>
      <c r="I34043" s="1"/>
    </row>
    <row r="34044" spans="1:9" x14ac:dyDescent="0.25">
      <c r="A34044" s="3">
        <v>41766.695740740739</v>
      </c>
      <c r="B34044" s="6">
        <v>566766</v>
      </c>
      <c r="C34044" s="7">
        <f t="shared" si="531"/>
        <v>566.76599999999996</v>
      </c>
      <c r="I34044" s="1"/>
    </row>
    <row r="34045" spans="1:9" x14ac:dyDescent="0.25">
      <c r="A34045" s="3">
        <v>41766.695844907408</v>
      </c>
      <c r="B34045" s="6">
        <v>566782.64999999991</v>
      </c>
      <c r="C34045" s="7">
        <f t="shared" si="531"/>
        <v>566.78264999999988</v>
      </c>
      <c r="I34045" s="1"/>
    </row>
    <row r="34046" spans="1:9" x14ac:dyDescent="0.25">
      <c r="A34046" s="3">
        <v>41766.697245370371</v>
      </c>
      <c r="B34046" s="6">
        <v>566799.29999999993</v>
      </c>
      <c r="C34046" s="7">
        <f t="shared" si="531"/>
        <v>566.7992999999999</v>
      </c>
      <c r="I34046" s="1"/>
    </row>
    <row r="34047" spans="1:9" x14ac:dyDescent="0.25">
      <c r="A34047" s="3">
        <v>41766.697418981479</v>
      </c>
      <c r="B34047" s="6">
        <v>566815.94999999995</v>
      </c>
      <c r="C34047" s="7">
        <f t="shared" si="531"/>
        <v>566.81594999999993</v>
      </c>
      <c r="I34047" s="1"/>
    </row>
    <row r="34048" spans="1:9" x14ac:dyDescent="0.25">
      <c r="A34048" s="3">
        <v>41766.700208333335</v>
      </c>
      <c r="B34048" s="6">
        <v>566832.6</v>
      </c>
      <c r="C34048" s="7">
        <f t="shared" si="531"/>
        <v>566.83259999999996</v>
      </c>
      <c r="I34048" s="1"/>
    </row>
    <row r="34049" spans="1:9" x14ac:dyDescent="0.25">
      <c r="A34049" s="3">
        <v>41766.700324074074</v>
      </c>
      <c r="B34049" s="6">
        <v>566849.25</v>
      </c>
      <c r="C34049" s="7">
        <f t="shared" si="531"/>
        <v>566.84924999999998</v>
      </c>
      <c r="I34049" s="1"/>
    </row>
    <row r="34050" spans="1:9" x14ac:dyDescent="0.25">
      <c r="A34050" s="3">
        <v>41766.702337962961</v>
      </c>
      <c r="B34050" s="6">
        <v>566865.89999999991</v>
      </c>
      <c r="C34050" s="7">
        <f t="shared" si="531"/>
        <v>566.8658999999999</v>
      </c>
      <c r="I34050" s="1"/>
    </row>
    <row r="34051" spans="1:9" x14ac:dyDescent="0.25">
      <c r="A34051" s="3">
        <v>41766.702418981484</v>
      </c>
      <c r="B34051" s="6">
        <v>566882.54999999993</v>
      </c>
      <c r="C34051" s="7">
        <f t="shared" ref="C34051:C34114" si="532">B34051/1000</f>
        <v>566.88254999999992</v>
      </c>
      <c r="I34051" s="1"/>
    </row>
    <row r="34052" spans="1:9" x14ac:dyDescent="0.25">
      <c r="A34052" s="3">
        <v>41766.703553240739</v>
      </c>
      <c r="B34052" s="6">
        <v>566899.19999999995</v>
      </c>
      <c r="C34052" s="7">
        <f t="shared" si="532"/>
        <v>566.89919999999995</v>
      </c>
      <c r="I34052" s="1"/>
    </row>
    <row r="34053" spans="1:9" x14ac:dyDescent="0.25">
      <c r="A34053" s="3">
        <v>41766.703634259262</v>
      </c>
      <c r="B34053" s="6">
        <v>566915.85</v>
      </c>
      <c r="C34053" s="7">
        <f t="shared" si="532"/>
        <v>566.91584999999998</v>
      </c>
      <c r="I34053" s="1"/>
    </row>
    <row r="34054" spans="1:9" x14ac:dyDescent="0.25">
      <c r="A34054" s="3">
        <v>41766.70417824074</v>
      </c>
      <c r="B34054" s="6">
        <v>566932.5</v>
      </c>
      <c r="C34054" s="7">
        <f t="shared" si="532"/>
        <v>566.9325</v>
      </c>
      <c r="I34054" s="1"/>
    </row>
    <row r="34055" spans="1:9" x14ac:dyDescent="0.25">
      <c r="A34055" s="3">
        <v>41766.704247685186</v>
      </c>
      <c r="B34055" s="6">
        <v>566949.14999999991</v>
      </c>
      <c r="C34055" s="7">
        <f t="shared" si="532"/>
        <v>566.94914999999992</v>
      </c>
      <c r="I34055" s="1"/>
    </row>
    <row r="34056" spans="1:9" x14ac:dyDescent="0.25">
      <c r="A34056" s="3">
        <v>41766.705983796295</v>
      </c>
      <c r="B34056" s="6">
        <v>566965.79999999993</v>
      </c>
      <c r="C34056" s="7">
        <f t="shared" si="532"/>
        <v>566.96579999999994</v>
      </c>
      <c r="I34056" s="1"/>
    </row>
    <row r="34057" spans="1:9" x14ac:dyDescent="0.25">
      <c r="A34057" s="3">
        <v>41766.706076388888</v>
      </c>
      <c r="B34057" s="6">
        <v>566982.44999999995</v>
      </c>
      <c r="C34057" s="7">
        <f t="shared" si="532"/>
        <v>566.98244999999997</v>
      </c>
      <c r="I34057" s="1"/>
    </row>
    <row r="34058" spans="1:9" x14ac:dyDescent="0.25">
      <c r="A34058" s="3">
        <v>41766.707592592589</v>
      </c>
      <c r="B34058" s="6">
        <v>566999.1</v>
      </c>
      <c r="C34058" s="7">
        <f t="shared" si="532"/>
        <v>566.9991</v>
      </c>
      <c r="I34058" s="1"/>
    </row>
    <row r="34059" spans="1:9" x14ac:dyDescent="0.25">
      <c r="A34059" s="3">
        <v>41766.70784722222</v>
      </c>
      <c r="B34059" s="6">
        <v>567015.75</v>
      </c>
      <c r="C34059" s="7">
        <f t="shared" si="532"/>
        <v>567.01575000000003</v>
      </c>
      <c r="I34059" s="1"/>
    </row>
    <row r="34060" spans="1:9" x14ac:dyDescent="0.25">
      <c r="A34060" s="3">
        <v>41766.709236111114</v>
      </c>
      <c r="B34060" s="6">
        <v>567032.39999999991</v>
      </c>
      <c r="C34060" s="7">
        <f t="shared" si="532"/>
        <v>567.03239999999994</v>
      </c>
      <c r="I34060" s="1"/>
    </row>
    <row r="34061" spans="1:9" x14ac:dyDescent="0.25">
      <c r="A34061" s="3">
        <v>41766.709641203706</v>
      </c>
      <c r="B34061" s="6">
        <v>567049.04999999993</v>
      </c>
      <c r="C34061" s="7">
        <f t="shared" si="532"/>
        <v>567.04904999999997</v>
      </c>
      <c r="I34061" s="1"/>
    </row>
    <row r="34062" spans="1:9" x14ac:dyDescent="0.25">
      <c r="A34062" s="3">
        <v>41766.711631944447</v>
      </c>
      <c r="B34062" s="6">
        <v>567065.69999999995</v>
      </c>
      <c r="C34062" s="7">
        <f t="shared" si="532"/>
        <v>567.06569999999999</v>
      </c>
      <c r="I34062" s="1"/>
    </row>
    <row r="34063" spans="1:9" x14ac:dyDescent="0.25">
      <c r="A34063" s="3">
        <v>41766.711689814816</v>
      </c>
      <c r="B34063" s="6">
        <v>567082.35</v>
      </c>
      <c r="C34063" s="7">
        <f t="shared" si="532"/>
        <v>567.08235000000002</v>
      </c>
      <c r="I34063" s="1"/>
    </row>
    <row r="34064" spans="1:9" x14ac:dyDescent="0.25">
      <c r="A34064" s="3">
        <v>41766.713425925926</v>
      </c>
      <c r="B34064" s="6">
        <v>567099</v>
      </c>
      <c r="C34064" s="7">
        <f t="shared" si="532"/>
        <v>567.09900000000005</v>
      </c>
      <c r="I34064" s="1"/>
    </row>
    <row r="34065" spans="1:9" x14ac:dyDescent="0.25">
      <c r="A34065" s="3">
        <v>41766.713472222225</v>
      </c>
      <c r="B34065" s="6">
        <v>567115.64999999991</v>
      </c>
      <c r="C34065" s="7">
        <f t="shared" si="532"/>
        <v>567.11564999999996</v>
      </c>
      <c r="I34065" s="1"/>
    </row>
    <row r="34066" spans="1:9" x14ac:dyDescent="0.25">
      <c r="A34066" s="3">
        <v>41766.714803240742</v>
      </c>
      <c r="B34066" s="6">
        <v>567132.29999999993</v>
      </c>
      <c r="C34066" s="7">
        <f t="shared" si="532"/>
        <v>567.13229999999999</v>
      </c>
      <c r="I34066" s="1"/>
    </row>
    <row r="34067" spans="1:9" x14ac:dyDescent="0.25">
      <c r="A34067" s="3">
        <v>41766.715150462966</v>
      </c>
      <c r="B34067" s="6">
        <v>567148.94999999995</v>
      </c>
      <c r="C34067" s="7">
        <f t="shared" si="532"/>
        <v>567.1489499999999</v>
      </c>
      <c r="I34067" s="1"/>
    </row>
    <row r="34068" spans="1:9" x14ac:dyDescent="0.25">
      <c r="A34068" s="3">
        <v>41766.717650462961</v>
      </c>
      <c r="B34068" s="6">
        <v>567165.6</v>
      </c>
      <c r="C34068" s="7">
        <f t="shared" si="532"/>
        <v>567.16559999999993</v>
      </c>
      <c r="I34068" s="1"/>
    </row>
    <row r="34069" spans="1:9" x14ac:dyDescent="0.25">
      <c r="A34069" s="3">
        <v>41766.717719907407</v>
      </c>
      <c r="B34069" s="6">
        <v>567182.25</v>
      </c>
      <c r="C34069" s="7">
        <f t="shared" si="532"/>
        <v>567.18224999999995</v>
      </c>
      <c r="I34069" s="1"/>
    </row>
    <row r="34070" spans="1:9" x14ac:dyDescent="0.25">
      <c r="A34070" s="3">
        <v>41766.719178240739</v>
      </c>
      <c r="B34070" s="6">
        <v>567198.89999999991</v>
      </c>
      <c r="C34070" s="7">
        <f t="shared" si="532"/>
        <v>567.19889999999987</v>
      </c>
      <c r="I34070" s="1"/>
    </row>
    <row r="34071" spans="1:9" x14ac:dyDescent="0.25">
      <c r="A34071" s="3">
        <v>41766.719259259262</v>
      </c>
      <c r="B34071" s="6">
        <v>567215.54999999993</v>
      </c>
      <c r="C34071" s="7">
        <f t="shared" si="532"/>
        <v>567.21554999999989</v>
      </c>
      <c r="I34071" s="1"/>
    </row>
    <row r="34072" spans="1:9" x14ac:dyDescent="0.25">
      <c r="A34072" s="3">
        <v>41766.720532407409</v>
      </c>
      <c r="B34072" s="6">
        <v>567232.19999999995</v>
      </c>
      <c r="C34072" s="7">
        <f t="shared" si="532"/>
        <v>567.23219999999992</v>
      </c>
      <c r="I34072" s="1"/>
    </row>
    <row r="34073" spans="1:9" x14ac:dyDescent="0.25">
      <c r="A34073" s="3">
        <v>41766.720613425925</v>
      </c>
      <c r="B34073" s="6">
        <v>567248.85</v>
      </c>
      <c r="C34073" s="7">
        <f t="shared" si="532"/>
        <v>567.24884999999995</v>
      </c>
      <c r="I34073" s="1"/>
    </row>
    <row r="34074" spans="1:9" x14ac:dyDescent="0.25">
      <c r="A34074" s="3">
        <v>41766.72148148148</v>
      </c>
      <c r="B34074" s="6">
        <v>567265.5</v>
      </c>
      <c r="C34074" s="7">
        <f t="shared" si="532"/>
        <v>567.26549999999997</v>
      </c>
      <c r="I34074" s="1"/>
    </row>
    <row r="34075" spans="1:9" x14ac:dyDescent="0.25">
      <c r="A34075" s="3">
        <v>41766.721666666665</v>
      </c>
      <c r="B34075" s="6">
        <v>567282.14999999991</v>
      </c>
      <c r="C34075" s="7">
        <f t="shared" si="532"/>
        <v>567.28214999999989</v>
      </c>
      <c r="I34075" s="1"/>
    </row>
    <row r="34076" spans="1:9" x14ac:dyDescent="0.25">
      <c r="A34076" s="3">
        <v>41766.723425925928</v>
      </c>
      <c r="B34076" s="6">
        <v>567298.79999999993</v>
      </c>
      <c r="C34076" s="7">
        <f t="shared" si="532"/>
        <v>567.29879999999991</v>
      </c>
      <c r="I34076" s="1"/>
    </row>
    <row r="34077" spans="1:9" x14ac:dyDescent="0.25">
      <c r="A34077" s="3">
        <v>41766.723645833335</v>
      </c>
      <c r="B34077" s="6">
        <v>567315.44999999995</v>
      </c>
      <c r="C34077" s="7">
        <f t="shared" si="532"/>
        <v>567.31544999999994</v>
      </c>
      <c r="I34077" s="1"/>
    </row>
    <row r="34078" spans="1:9" x14ac:dyDescent="0.25">
      <c r="A34078" s="3">
        <v>41766.724629629629</v>
      </c>
      <c r="B34078" s="6">
        <v>567332.1</v>
      </c>
      <c r="C34078" s="7">
        <f t="shared" si="532"/>
        <v>567.33209999999997</v>
      </c>
      <c r="I34078" s="1"/>
    </row>
    <row r="34079" spans="1:9" x14ac:dyDescent="0.25">
      <c r="A34079" s="3">
        <v>41766.724791666667</v>
      </c>
      <c r="B34079" s="6">
        <v>567348.75</v>
      </c>
      <c r="C34079" s="7">
        <f t="shared" si="532"/>
        <v>567.34875</v>
      </c>
      <c r="I34079" s="1"/>
    </row>
    <row r="34080" spans="1:9" x14ac:dyDescent="0.25">
      <c r="A34080" s="3">
        <v>41766.726006944446</v>
      </c>
      <c r="B34080" s="6">
        <v>567365.39999999991</v>
      </c>
      <c r="C34080" s="7">
        <f t="shared" si="532"/>
        <v>567.36539999999991</v>
      </c>
      <c r="I34080" s="1"/>
    </row>
    <row r="34081" spans="1:9" x14ac:dyDescent="0.25">
      <c r="A34081" s="3">
        <v>41766.726076388892</v>
      </c>
      <c r="B34081" s="6">
        <v>567382.04999999993</v>
      </c>
      <c r="C34081" s="7">
        <f t="shared" si="532"/>
        <v>567.38204999999994</v>
      </c>
      <c r="I34081" s="1"/>
    </row>
    <row r="34082" spans="1:9" x14ac:dyDescent="0.25">
      <c r="A34082" s="3">
        <v>41766.727002314816</v>
      </c>
      <c r="B34082" s="6">
        <v>567398.69999999995</v>
      </c>
      <c r="C34082" s="7">
        <f t="shared" si="532"/>
        <v>567.39869999999996</v>
      </c>
      <c r="I34082" s="1"/>
    </row>
    <row r="34083" spans="1:9" x14ac:dyDescent="0.25">
      <c r="A34083" s="3">
        <v>41766.727175925924</v>
      </c>
      <c r="B34083" s="6">
        <v>567415.35</v>
      </c>
      <c r="C34083" s="7">
        <f t="shared" si="532"/>
        <v>567.41534999999999</v>
      </c>
      <c r="I34083" s="1"/>
    </row>
    <row r="34084" spans="1:9" x14ac:dyDescent="0.25">
      <c r="A34084" s="3">
        <v>41766.728738425925</v>
      </c>
      <c r="B34084" s="6">
        <v>567432</v>
      </c>
      <c r="C34084" s="7">
        <f t="shared" si="532"/>
        <v>567.43200000000002</v>
      </c>
      <c r="I34084" s="1"/>
    </row>
    <row r="34085" spans="1:9" x14ac:dyDescent="0.25">
      <c r="A34085" s="3">
        <v>41766.72892361111</v>
      </c>
      <c r="B34085" s="6">
        <v>567448.64999999991</v>
      </c>
      <c r="C34085" s="7">
        <f t="shared" si="532"/>
        <v>567.44864999999993</v>
      </c>
      <c r="I34085" s="1"/>
    </row>
    <row r="34086" spans="1:9" x14ac:dyDescent="0.25">
      <c r="A34086" s="3">
        <v>41766.731979166667</v>
      </c>
      <c r="B34086" s="6">
        <v>567465.29999999993</v>
      </c>
      <c r="C34086" s="7">
        <f t="shared" si="532"/>
        <v>567.46529999999996</v>
      </c>
      <c r="I34086" s="1"/>
    </row>
    <row r="34087" spans="1:9" x14ac:dyDescent="0.25">
      <c r="A34087" s="3">
        <v>41766.732175925928</v>
      </c>
      <c r="B34087" s="6">
        <v>567481.94999999995</v>
      </c>
      <c r="C34087" s="7">
        <f t="shared" si="532"/>
        <v>567.48194999999998</v>
      </c>
      <c r="I34087" s="1"/>
    </row>
    <row r="34088" spans="1:9" x14ac:dyDescent="0.25">
      <c r="A34088" s="3">
        <v>41766.734351851854</v>
      </c>
      <c r="B34088" s="6">
        <v>567498.6</v>
      </c>
      <c r="C34088" s="7">
        <f t="shared" si="532"/>
        <v>567.49860000000001</v>
      </c>
      <c r="I34088" s="1"/>
    </row>
    <row r="34089" spans="1:9" x14ac:dyDescent="0.25">
      <c r="A34089" s="3">
        <v>41766.734444444446</v>
      </c>
      <c r="B34089" s="6">
        <v>567515.25</v>
      </c>
      <c r="C34089" s="7">
        <f t="shared" si="532"/>
        <v>567.51525000000004</v>
      </c>
      <c r="I34089" s="1"/>
    </row>
    <row r="34090" spans="1:9" x14ac:dyDescent="0.25">
      <c r="A34090" s="3">
        <v>41766.736122685186</v>
      </c>
      <c r="B34090" s="6">
        <v>567531.89999999991</v>
      </c>
      <c r="C34090" s="7">
        <f t="shared" si="532"/>
        <v>567.53189999999995</v>
      </c>
      <c r="I34090" s="1"/>
    </row>
    <row r="34091" spans="1:9" x14ac:dyDescent="0.25">
      <c r="A34091" s="3">
        <v>41766.736284722225</v>
      </c>
      <c r="B34091" s="6">
        <v>567548.54999999993</v>
      </c>
      <c r="C34091" s="7">
        <f t="shared" si="532"/>
        <v>567.54854999999998</v>
      </c>
      <c r="I34091" s="1"/>
    </row>
    <row r="34092" spans="1:9" x14ac:dyDescent="0.25">
      <c r="A34092" s="3">
        <v>41766.738749999997</v>
      </c>
      <c r="B34092" s="6">
        <v>567565.19999999995</v>
      </c>
      <c r="C34092" s="7">
        <f t="shared" si="532"/>
        <v>567.5652</v>
      </c>
      <c r="I34092" s="1"/>
    </row>
    <row r="34093" spans="1:9" x14ac:dyDescent="0.25">
      <c r="A34093" s="3">
        <v>41766.738865740743</v>
      </c>
      <c r="B34093" s="6">
        <v>567581.85</v>
      </c>
      <c r="C34093" s="7">
        <f t="shared" si="532"/>
        <v>567.58185000000003</v>
      </c>
      <c r="I34093" s="1"/>
    </row>
    <row r="34094" spans="1:9" x14ac:dyDescent="0.25">
      <c r="A34094" s="3">
        <v>41766.73945601852</v>
      </c>
      <c r="B34094" s="6">
        <v>567598.5</v>
      </c>
      <c r="C34094" s="7">
        <f t="shared" si="532"/>
        <v>567.59849999999994</v>
      </c>
      <c r="I34094" s="1"/>
    </row>
    <row r="34095" spans="1:9" x14ac:dyDescent="0.25">
      <c r="A34095" s="3">
        <v>41766.739502314813</v>
      </c>
      <c r="B34095" s="6">
        <v>567615.14999999991</v>
      </c>
      <c r="C34095" s="7">
        <f t="shared" si="532"/>
        <v>567.61514999999986</v>
      </c>
      <c r="I34095" s="1"/>
    </row>
    <row r="34096" spans="1:9" x14ac:dyDescent="0.25">
      <c r="A34096" s="3">
        <v>41766.740324074075</v>
      </c>
      <c r="B34096" s="6">
        <v>567631.79999999993</v>
      </c>
      <c r="C34096" s="7">
        <f t="shared" si="532"/>
        <v>567.63179999999988</v>
      </c>
      <c r="I34096" s="1"/>
    </row>
    <row r="34097" spans="1:9" x14ac:dyDescent="0.25">
      <c r="A34097" s="3">
        <v>41766.740451388891</v>
      </c>
      <c r="B34097" s="6">
        <v>567648.44999999995</v>
      </c>
      <c r="C34097" s="7">
        <f t="shared" si="532"/>
        <v>567.64844999999991</v>
      </c>
      <c r="I34097" s="1"/>
    </row>
    <row r="34098" spans="1:9" x14ac:dyDescent="0.25">
      <c r="A34098" s="3">
        <v>41766.742372685185</v>
      </c>
      <c r="B34098" s="6">
        <v>567665.1</v>
      </c>
      <c r="C34098" s="7">
        <f t="shared" si="532"/>
        <v>567.66509999999994</v>
      </c>
      <c r="I34098" s="1"/>
    </row>
    <row r="34099" spans="1:9" x14ac:dyDescent="0.25">
      <c r="A34099" s="3">
        <v>41766.742476851854</v>
      </c>
      <c r="B34099" s="6">
        <v>567681.75</v>
      </c>
      <c r="C34099" s="7">
        <f t="shared" si="532"/>
        <v>567.68174999999997</v>
      </c>
      <c r="I34099" s="1"/>
    </row>
    <row r="34100" spans="1:9" x14ac:dyDescent="0.25">
      <c r="A34100" s="3">
        <v>41766.746145833335</v>
      </c>
      <c r="B34100" s="6">
        <v>567698.39999999991</v>
      </c>
      <c r="C34100" s="7">
        <f t="shared" si="532"/>
        <v>567.69839999999988</v>
      </c>
      <c r="I34100" s="1"/>
    </row>
    <row r="34101" spans="1:9" x14ac:dyDescent="0.25">
      <c r="A34101" s="3">
        <v>41766.746805555558</v>
      </c>
      <c r="B34101" s="6">
        <v>567715.04999999993</v>
      </c>
      <c r="C34101" s="7">
        <f t="shared" si="532"/>
        <v>567.71504999999991</v>
      </c>
      <c r="I34101" s="1"/>
    </row>
    <row r="34102" spans="1:9" x14ac:dyDescent="0.25">
      <c r="A34102" s="3">
        <v>41766.748344907406</v>
      </c>
      <c r="B34102" s="6">
        <v>567731.69999999995</v>
      </c>
      <c r="C34102" s="7">
        <f t="shared" si="532"/>
        <v>567.73169999999993</v>
      </c>
      <c r="I34102" s="1"/>
    </row>
    <row r="34103" spans="1:9" x14ac:dyDescent="0.25">
      <c r="A34103" s="3">
        <v>41766.748472222222</v>
      </c>
      <c r="B34103" s="6">
        <v>567748.35</v>
      </c>
      <c r="C34103" s="7">
        <f t="shared" si="532"/>
        <v>567.74834999999996</v>
      </c>
      <c r="I34103" s="1"/>
    </row>
    <row r="34104" spans="1:9" x14ac:dyDescent="0.25">
      <c r="A34104" s="3">
        <v>41766.751157407409</v>
      </c>
      <c r="B34104" s="6">
        <v>567765</v>
      </c>
      <c r="C34104" s="7">
        <f t="shared" si="532"/>
        <v>567.76499999999999</v>
      </c>
      <c r="I34104" s="1"/>
    </row>
    <row r="34105" spans="1:9" x14ac:dyDescent="0.25">
      <c r="A34105" s="3">
        <v>41766.751307870371</v>
      </c>
      <c r="B34105" s="6">
        <v>567781.64999999991</v>
      </c>
      <c r="C34105" s="7">
        <f t="shared" si="532"/>
        <v>567.7816499999999</v>
      </c>
      <c r="I34105" s="1"/>
    </row>
    <row r="34106" spans="1:9" x14ac:dyDescent="0.25">
      <c r="A34106" s="3">
        <v>41766.753020833334</v>
      </c>
      <c r="B34106" s="6">
        <v>567798.29999999993</v>
      </c>
      <c r="C34106" s="7">
        <f t="shared" si="532"/>
        <v>567.79829999999993</v>
      </c>
      <c r="I34106" s="1"/>
    </row>
    <row r="34107" spans="1:9" x14ac:dyDescent="0.25">
      <c r="A34107" s="3">
        <v>41766.753495370373</v>
      </c>
      <c r="B34107" s="6">
        <v>567814.94999999995</v>
      </c>
      <c r="C34107" s="7">
        <f t="shared" si="532"/>
        <v>567.81494999999995</v>
      </c>
      <c r="I34107" s="1"/>
    </row>
    <row r="34108" spans="1:9" x14ac:dyDescent="0.25">
      <c r="A34108" s="3">
        <v>41766.75644675926</v>
      </c>
      <c r="B34108" s="6">
        <v>567831.6</v>
      </c>
      <c r="C34108" s="7">
        <f t="shared" si="532"/>
        <v>567.83159999999998</v>
      </c>
      <c r="I34108" s="1"/>
    </row>
    <row r="34109" spans="1:9" x14ac:dyDescent="0.25">
      <c r="A34109" s="3">
        <v>41766.756585648145</v>
      </c>
      <c r="B34109" s="6">
        <v>567848.25</v>
      </c>
      <c r="C34109" s="7">
        <f t="shared" si="532"/>
        <v>567.84825000000001</v>
      </c>
      <c r="I34109" s="1"/>
    </row>
    <row r="34110" spans="1:9" x14ac:dyDescent="0.25">
      <c r="A34110" s="3">
        <v>41766.757743055554</v>
      </c>
      <c r="B34110" s="6">
        <v>567864.89999999991</v>
      </c>
      <c r="C34110" s="7">
        <f t="shared" si="532"/>
        <v>567.86489999999992</v>
      </c>
      <c r="I34110" s="1"/>
    </row>
    <row r="34111" spans="1:9" x14ac:dyDescent="0.25">
      <c r="A34111" s="3">
        <v>41766.757951388892</v>
      </c>
      <c r="B34111" s="6">
        <v>567881.54999999993</v>
      </c>
      <c r="C34111" s="7">
        <f t="shared" si="532"/>
        <v>567.88154999999995</v>
      </c>
      <c r="I34111" s="1"/>
    </row>
    <row r="34112" spans="1:9" x14ac:dyDescent="0.25">
      <c r="A34112" s="3">
        <v>41766.75990740741</v>
      </c>
      <c r="B34112" s="6">
        <v>567898.19999999995</v>
      </c>
      <c r="C34112" s="7">
        <f t="shared" si="532"/>
        <v>567.89819999999997</v>
      </c>
      <c r="I34112" s="1"/>
    </row>
    <row r="34113" spans="1:9" x14ac:dyDescent="0.25">
      <c r="A34113" s="3">
        <v>41766.760462962964</v>
      </c>
      <c r="B34113" s="6">
        <v>567914.85</v>
      </c>
      <c r="C34113" s="7">
        <f t="shared" si="532"/>
        <v>567.91485</v>
      </c>
      <c r="I34113" s="1"/>
    </row>
    <row r="34114" spans="1:9" x14ac:dyDescent="0.25">
      <c r="A34114" s="3">
        <v>41766.765162037038</v>
      </c>
      <c r="B34114" s="6">
        <v>567931.5</v>
      </c>
      <c r="C34114" s="7">
        <f t="shared" si="532"/>
        <v>567.93150000000003</v>
      </c>
      <c r="I34114" s="1"/>
    </row>
    <row r="34115" spans="1:9" x14ac:dyDescent="0.25">
      <c r="A34115" s="3">
        <v>41766.765428240738</v>
      </c>
      <c r="B34115" s="6">
        <v>567948.14999999991</v>
      </c>
      <c r="C34115" s="7">
        <f t="shared" ref="C34115:C34178" si="533">B34115/1000</f>
        <v>567.94814999999994</v>
      </c>
      <c r="I34115" s="1"/>
    </row>
    <row r="34116" spans="1:9" x14ac:dyDescent="0.25">
      <c r="A34116" s="3">
        <v>41766.768090277779</v>
      </c>
      <c r="B34116" s="6">
        <v>567964.79999999993</v>
      </c>
      <c r="C34116" s="7">
        <f t="shared" si="533"/>
        <v>567.96479999999997</v>
      </c>
      <c r="I34116" s="1"/>
    </row>
    <row r="34117" spans="1:9" x14ac:dyDescent="0.25">
      <c r="A34117" s="3">
        <v>41766.768206018518</v>
      </c>
      <c r="B34117" s="6">
        <v>567981.44999999995</v>
      </c>
      <c r="C34117" s="7">
        <f t="shared" si="533"/>
        <v>567.98145</v>
      </c>
      <c r="I34117" s="1"/>
    </row>
    <row r="34118" spans="1:9" x14ac:dyDescent="0.25">
      <c r="A34118" s="3">
        <v>41766.77207175926</v>
      </c>
      <c r="B34118" s="6">
        <v>567998.1</v>
      </c>
      <c r="C34118" s="7">
        <f t="shared" si="533"/>
        <v>567.99810000000002</v>
      </c>
      <c r="I34118" s="1"/>
    </row>
    <row r="34119" spans="1:9" x14ac:dyDescent="0.25">
      <c r="A34119" s="3">
        <v>41766.772256944445</v>
      </c>
      <c r="B34119" s="6">
        <v>568014.75</v>
      </c>
      <c r="C34119" s="7">
        <f t="shared" si="533"/>
        <v>568.01475000000005</v>
      </c>
      <c r="I34119" s="1"/>
    </row>
    <row r="34120" spans="1:9" x14ac:dyDescent="0.25">
      <c r="A34120" s="3">
        <v>41766.774884259263</v>
      </c>
      <c r="B34120" s="6">
        <v>568031.39999999991</v>
      </c>
      <c r="C34120" s="7">
        <f t="shared" si="533"/>
        <v>568.03139999999996</v>
      </c>
      <c r="I34120" s="1"/>
    </row>
    <row r="34121" spans="1:9" x14ac:dyDescent="0.25">
      <c r="A34121" s="3">
        <v>41766.774953703702</v>
      </c>
      <c r="B34121" s="6">
        <v>568048.04999999993</v>
      </c>
      <c r="C34121" s="7">
        <f t="shared" si="533"/>
        <v>568.04804999999988</v>
      </c>
      <c r="I34121" s="1"/>
    </row>
    <row r="34122" spans="1:9" x14ac:dyDescent="0.25">
      <c r="A34122" s="3">
        <v>41766.776041666664</v>
      </c>
      <c r="B34122" s="6">
        <v>568064.69999999995</v>
      </c>
      <c r="C34122" s="7">
        <f t="shared" si="533"/>
        <v>568.0646999999999</v>
      </c>
      <c r="I34122" s="1"/>
    </row>
    <row r="34123" spans="1:9" x14ac:dyDescent="0.25">
      <c r="A34123" s="3">
        <v>41766.776145833333</v>
      </c>
      <c r="B34123" s="6">
        <v>568081.35</v>
      </c>
      <c r="C34123" s="7">
        <f t="shared" si="533"/>
        <v>568.08134999999993</v>
      </c>
      <c r="I34123" s="1"/>
    </row>
    <row r="34124" spans="1:9" x14ac:dyDescent="0.25">
      <c r="A34124" s="3">
        <v>41766.777395833335</v>
      </c>
      <c r="B34124" s="6">
        <v>568098</v>
      </c>
      <c r="C34124" s="7">
        <f t="shared" si="533"/>
        <v>568.09799999999996</v>
      </c>
      <c r="I34124" s="1"/>
    </row>
    <row r="34125" spans="1:9" x14ac:dyDescent="0.25">
      <c r="A34125" s="3">
        <v>41766.778124999997</v>
      </c>
      <c r="B34125" s="6">
        <v>568114.64999999991</v>
      </c>
      <c r="C34125" s="7">
        <f t="shared" si="533"/>
        <v>568.11464999999987</v>
      </c>
      <c r="I34125" s="1"/>
    </row>
    <row r="34126" spans="1:9" x14ac:dyDescent="0.25">
      <c r="A34126" s="3">
        <v>41766.780636574076</v>
      </c>
      <c r="B34126" s="6">
        <v>568131.29999999993</v>
      </c>
      <c r="C34126" s="7">
        <f t="shared" si="533"/>
        <v>568.1312999999999</v>
      </c>
      <c r="I34126" s="1"/>
    </row>
    <row r="34127" spans="1:9" x14ac:dyDescent="0.25">
      <c r="A34127" s="3">
        <v>41766.780891203707</v>
      </c>
      <c r="B34127" s="6">
        <v>568147.94999999995</v>
      </c>
      <c r="C34127" s="7">
        <f t="shared" si="533"/>
        <v>568.14794999999992</v>
      </c>
      <c r="I34127" s="1"/>
    </row>
    <row r="34128" spans="1:9" x14ac:dyDescent="0.25">
      <c r="A34128" s="3">
        <v>41766.784212962964</v>
      </c>
      <c r="B34128" s="6">
        <v>568164.6</v>
      </c>
      <c r="C34128" s="7">
        <f t="shared" si="533"/>
        <v>568.16459999999995</v>
      </c>
      <c r="I34128" s="1"/>
    </row>
    <row r="34129" spans="1:9" x14ac:dyDescent="0.25">
      <c r="A34129" s="3">
        <v>41766.784282407411</v>
      </c>
      <c r="B34129" s="6">
        <v>568181.25</v>
      </c>
      <c r="C34129" s="7">
        <f t="shared" si="533"/>
        <v>568.18124999999998</v>
      </c>
      <c r="I34129" s="1"/>
    </row>
    <row r="34130" spans="1:9" x14ac:dyDescent="0.25">
      <c r="A34130" s="3">
        <v>41766.786817129629</v>
      </c>
      <c r="B34130" s="6">
        <v>568197.89999999991</v>
      </c>
      <c r="C34130" s="7">
        <f t="shared" si="533"/>
        <v>568.19789999999989</v>
      </c>
      <c r="I34130" s="1"/>
    </row>
    <row r="34131" spans="1:9" x14ac:dyDescent="0.25">
      <c r="A34131" s="3">
        <v>41766.787048611113</v>
      </c>
      <c r="B34131" s="6">
        <v>568214.54999999993</v>
      </c>
      <c r="C34131" s="7">
        <f t="shared" si="533"/>
        <v>568.21454999999992</v>
      </c>
      <c r="I34131" s="1"/>
    </row>
    <row r="34132" spans="1:9" x14ac:dyDescent="0.25">
      <c r="A34132" s="3">
        <v>41766.791701388887</v>
      </c>
      <c r="B34132" s="6">
        <v>568231.19999999995</v>
      </c>
      <c r="C34132" s="7">
        <f t="shared" si="533"/>
        <v>568.23119999999994</v>
      </c>
      <c r="I34132" s="1"/>
    </row>
    <row r="34133" spans="1:9" x14ac:dyDescent="0.25">
      <c r="A34133" s="3">
        <v>41766.792384259257</v>
      </c>
      <c r="B34133" s="6">
        <v>568247.85</v>
      </c>
      <c r="C34133" s="7">
        <f t="shared" si="533"/>
        <v>568.24784999999997</v>
      </c>
      <c r="I34133" s="1"/>
    </row>
    <row r="34134" spans="1:9" x14ac:dyDescent="0.25">
      <c r="A34134" s="3">
        <v>41766.794305555559</v>
      </c>
      <c r="B34134" s="6">
        <v>568264.5</v>
      </c>
      <c r="C34134" s="7">
        <f t="shared" si="533"/>
        <v>568.2645</v>
      </c>
      <c r="I34134" s="1"/>
    </row>
    <row r="34135" spans="1:9" x14ac:dyDescent="0.25">
      <c r="A34135" s="3">
        <v>41766.794988425929</v>
      </c>
      <c r="B34135" s="6">
        <v>568281.14999999991</v>
      </c>
      <c r="C34135" s="7">
        <f t="shared" si="533"/>
        <v>568.28114999999991</v>
      </c>
      <c r="I34135" s="1"/>
    </row>
    <row r="34136" spans="1:9" x14ac:dyDescent="0.25">
      <c r="A34136" s="3">
        <v>41766.797071759262</v>
      </c>
      <c r="B34136" s="6">
        <v>568297.79999999993</v>
      </c>
      <c r="C34136" s="7">
        <f t="shared" si="533"/>
        <v>568.29779999999994</v>
      </c>
      <c r="I34136" s="1"/>
    </row>
    <row r="34137" spans="1:9" x14ac:dyDescent="0.25">
      <c r="A34137" s="3">
        <v>41766.797372685185</v>
      </c>
      <c r="B34137" s="6">
        <v>568314.44999999995</v>
      </c>
      <c r="C34137" s="7">
        <f t="shared" si="533"/>
        <v>568.31444999999997</v>
      </c>
      <c r="I34137" s="1"/>
    </row>
    <row r="34138" spans="1:9" x14ac:dyDescent="0.25">
      <c r="A34138" s="3">
        <v>41766.798761574071</v>
      </c>
      <c r="B34138" s="6">
        <v>568331.1</v>
      </c>
      <c r="C34138" s="7">
        <f t="shared" si="533"/>
        <v>568.33109999999999</v>
      </c>
      <c r="I34138" s="1"/>
    </row>
    <row r="34139" spans="1:9" x14ac:dyDescent="0.25">
      <c r="A34139" s="3">
        <v>41766.79891203704</v>
      </c>
      <c r="B34139" s="6">
        <v>568347.75</v>
      </c>
      <c r="C34139" s="7">
        <f t="shared" si="533"/>
        <v>568.34775000000002</v>
      </c>
      <c r="I34139" s="1"/>
    </row>
    <row r="34140" spans="1:9" x14ac:dyDescent="0.25">
      <c r="A34140" s="3">
        <v>41766.805752314816</v>
      </c>
      <c r="B34140" s="6">
        <v>568364.39999999991</v>
      </c>
      <c r="C34140" s="7">
        <f t="shared" si="533"/>
        <v>568.36439999999993</v>
      </c>
      <c r="I34140" s="1"/>
    </row>
    <row r="34141" spans="1:9" x14ac:dyDescent="0.25">
      <c r="A34141" s="3">
        <v>41766.805902777778</v>
      </c>
      <c r="B34141" s="6">
        <v>568381.04999999993</v>
      </c>
      <c r="C34141" s="7">
        <f t="shared" si="533"/>
        <v>568.38104999999996</v>
      </c>
      <c r="I34141" s="1"/>
    </row>
    <row r="34142" spans="1:9" x14ac:dyDescent="0.25">
      <c r="A34142" s="3">
        <v>41766.809907407405</v>
      </c>
      <c r="B34142" s="6">
        <v>568397.69999999995</v>
      </c>
      <c r="C34142" s="7">
        <f t="shared" si="533"/>
        <v>568.39769999999999</v>
      </c>
      <c r="I34142" s="1"/>
    </row>
    <row r="34143" spans="1:9" x14ac:dyDescent="0.25">
      <c r="A34143" s="3">
        <v>41766.810578703706</v>
      </c>
      <c r="B34143" s="6">
        <v>568414.35</v>
      </c>
      <c r="C34143" s="7">
        <f t="shared" si="533"/>
        <v>568.41435000000001</v>
      </c>
      <c r="I34143" s="1"/>
    </row>
    <row r="34144" spans="1:9" x14ac:dyDescent="0.25">
      <c r="A34144" s="3">
        <v>41766.8125462963</v>
      </c>
      <c r="B34144" s="6">
        <v>568431</v>
      </c>
      <c r="C34144" s="7">
        <f t="shared" si="533"/>
        <v>568.43100000000004</v>
      </c>
      <c r="I34144" s="1"/>
    </row>
    <row r="34145" spans="1:9" x14ac:dyDescent="0.25">
      <c r="A34145" s="3">
        <v>41766.812638888892</v>
      </c>
      <c r="B34145" s="6">
        <v>568447.64999999991</v>
      </c>
      <c r="C34145" s="7">
        <f t="shared" si="533"/>
        <v>568.44764999999995</v>
      </c>
      <c r="I34145" s="1"/>
    </row>
    <row r="34146" spans="1:9" x14ac:dyDescent="0.25">
      <c r="A34146" s="3">
        <v>41766.818680555552</v>
      </c>
      <c r="B34146" s="6">
        <v>568464.29999999993</v>
      </c>
      <c r="C34146" s="7">
        <f t="shared" si="533"/>
        <v>568.46429999999998</v>
      </c>
      <c r="I34146" s="1"/>
    </row>
    <row r="34147" spans="1:9" x14ac:dyDescent="0.25">
      <c r="A34147" s="3">
        <v>41766.818807870368</v>
      </c>
      <c r="B34147" s="6">
        <v>568480.94999999995</v>
      </c>
      <c r="C34147" s="7">
        <f t="shared" si="533"/>
        <v>568.48095000000001</v>
      </c>
      <c r="I34147" s="1"/>
    </row>
    <row r="34148" spans="1:9" x14ac:dyDescent="0.25">
      <c r="A34148" s="3">
        <v>41766.824895833335</v>
      </c>
      <c r="B34148" s="6">
        <v>568497.6</v>
      </c>
      <c r="C34148" s="7">
        <f t="shared" si="533"/>
        <v>568.49759999999992</v>
      </c>
      <c r="I34148" s="1"/>
    </row>
    <row r="34149" spans="1:9" x14ac:dyDescent="0.25">
      <c r="A34149" s="3">
        <v>41766.827847222223</v>
      </c>
      <c r="B34149" s="6">
        <v>568514.25</v>
      </c>
      <c r="C34149" s="7">
        <f t="shared" si="533"/>
        <v>568.51424999999995</v>
      </c>
      <c r="I34149" s="1"/>
    </row>
    <row r="34150" spans="1:9" x14ac:dyDescent="0.25">
      <c r="A34150" s="3">
        <v>41766.837002314816</v>
      </c>
      <c r="B34150" s="6">
        <v>568530.89999999991</v>
      </c>
      <c r="C34150" s="7">
        <f t="shared" si="533"/>
        <v>568.53089999999986</v>
      </c>
      <c r="I34150" s="1"/>
    </row>
    <row r="34151" spans="1:9" x14ac:dyDescent="0.25">
      <c r="A34151" s="3">
        <v>41766.837129629632</v>
      </c>
      <c r="B34151" s="6">
        <v>568547.54999999993</v>
      </c>
      <c r="C34151" s="7">
        <f t="shared" si="533"/>
        <v>568.54754999999989</v>
      </c>
      <c r="I34151" s="1"/>
    </row>
    <row r="34152" spans="1:9" x14ac:dyDescent="0.25">
      <c r="A34152" s="3">
        <v>41766.855567129627</v>
      </c>
      <c r="B34152" s="6">
        <v>568564.19999999995</v>
      </c>
      <c r="C34152" s="7">
        <f t="shared" si="533"/>
        <v>568.56419999999991</v>
      </c>
      <c r="I34152" s="1"/>
    </row>
    <row r="34153" spans="1:9" x14ac:dyDescent="0.25">
      <c r="A34153" s="3">
        <v>41766.855694444443</v>
      </c>
      <c r="B34153" s="6">
        <v>568580.85</v>
      </c>
      <c r="C34153" s="7">
        <f t="shared" si="533"/>
        <v>568.58084999999994</v>
      </c>
      <c r="I34153" s="1"/>
    </row>
    <row r="34154" spans="1:9" x14ac:dyDescent="0.25">
      <c r="A34154" s="3">
        <v>41766.927974537037</v>
      </c>
      <c r="B34154" s="6">
        <v>568597.5</v>
      </c>
      <c r="C34154" s="7">
        <f t="shared" si="533"/>
        <v>568.59749999999997</v>
      </c>
      <c r="I34154" s="1"/>
    </row>
    <row r="34155" spans="1:9" x14ac:dyDescent="0.25">
      <c r="A34155" s="3">
        <v>41766.928136574075</v>
      </c>
      <c r="B34155" s="6">
        <v>568614.14999999991</v>
      </c>
      <c r="C34155" s="7">
        <f t="shared" si="533"/>
        <v>568.61414999999988</v>
      </c>
      <c r="I34155" s="1"/>
    </row>
    <row r="34156" spans="1:9" x14ac:dyDescent="0.25">
      <c r="A34156" s="3">
        <v>41797.342604166668</v>
      </c>
      <c r="B34156" s="6">
        <v>568630.79999999993</v>
      </c>
      <c r="C34156" s="7">
        <f t="shared" si="533"/>
        <v>568.63079999999991</v>
      </c>
      <c r="I34156" s="1"/>
    </row>
    <row r="34157" spans="1:9" x14ac:dyDescent="0.25">
      <c r="A34157" s="3">
        <v>41797.342835648145</v>
      </c>
      <c r="B34157" s="6">
        <v>568647.44999999995</v>
      </c>
      <c r="C34157" s="7">
        <f t="shared" si="533"/>
        <v>568.64744999999994</v>
      </c>
      <c r="I34157" s="1"/>
    </row>
    <row r="34158" spans="1:9" x14ac:dyDescent="0.25">
      <c r="A34158" s="3">
        <v>41797.357048611113</v>
      </c>
      <c r="B34158" s="6">
        <v>568664.1</v>
      </c>
      <c r="C34158" s="7">
        <f t="shared" si="533"/>
        <v>568.66409999999996</v>
      </c>
      <c r="I34158" s="1"/>
    </row>
    <row r="34159" spans="1:9" x14ac:dyDescent="0.25">
      <c r="A34159" s="3">
        <v>41797.360567129632</v>
      </c>
      <c r="B34159" s="6">
        <v>568680.75</v>
      </c>
      <c r="C34159" s="7">
        <f t="shared" si="533"/>
        <v>568.68074999999999</v>
      </c>
      <c r="I34159" s="1"/>
    </row>
    <row r="34160" spans="1:9" x14ac:dyDescent="0.25">
      <c r="A34160" s="3">
        <v>41797.368483796294</v>
      </c>
      <c r="B34160" s="6">
        <v>568697.39999999991</v>
      </c>
      <c r="C34160" s="7">
        <f t="shared" si="533"/>
        <v>568.6973999999999</v>
      </c>
      <c r="I34160" s="1"/>
    </row>
    <row r="34161" spans="1:9" x14ac:dyDescent="0.25">
      <c r="A34161" s="3">
        <v>41797.368923611109</v>
      </c>
      <c r="B34161" s="6">
        <v>568714.04999999993</v>
      </c>
      <c r="C34161" s="7">
        <f t="shared" si="533"/>
        <v>568.71404999999993</v>
      </c>
      <c r="I34161" s="1"/>
    </row>
    <row r="34162" spans="1:9" x14ac:dyDescent="0.25">
      <c r="A34162" s="3">
        <v>41797.37672453704</v>
      </c>
      <c r="B34162" s="6">
        <v>568730.69999999995</v>
      </c>
      <c r="C34162" s="7">
        <f t="shared" si="533"/>
        <v>568.73069999999996</v>
      </c>
      <c r="I34162" s="1"/>
    </row>
    <row r="34163" spans="1:9" x14ac:dyDescent="0.25">
      <c r="A34163" s="3">
        <v>41797.377175925925</v>
      </c>
      <c r="B34163" s="6">
        <v>568747.35</v>
      </c>
      <c r="C34163" s="7">
        <f t="shared" si="533"/>
        <v>568.74734999999998</v>
      </c>
      <c r="I34163" s="1"/>
    </row>
    <row r="34164" spans="1:9" x14ac:dyDescent="0.25">
      <c r="A34164" s="3">
        <v>41797.380057870374</v>
      </c>
      <c r="B34164" s="6">
        <v>568764</v>
      </c>
      <c r="C34164" s="7">
        <f t="shared" si="533"/>
        <v>568.76400000000001</v>
      </c>
      <c r="I34164" s="1"/>
    </row>
    <row r="34165" spans="1:9" x14ac:dyDescent="0.25">
      <c r="A34165" s="3">
        <v>41797.381122685183</v>
      </c>
      <c r="B34165" s="6">
        <v>568780.64999999991</v>
      </c>
      <c r="C34165" s="7">
        <f t="shared" si="533"/>
        <v>568.78064999999992</v>
      </c>
      <c r="I34165" s="1"/>
    </row>
    <row r="34166" spans="1:9" x14ac:dyDescent="0.25">
      <c r="A34166" s="3">
        <v>41797.398321759261</v>
      </c>
      <c r="B34166" s="6">
        <v>568797.29999999993</v>
      </c>
      <c r="C34166" s="7">
        <f t="shared" si="533"/>
        <v>568.79729999999995</v>
      </c>
      <c r="I34166" s="1"/>
    </row>
    <row r="34167" spans="1:9" x14ac:dyDescent="0.25">
      <c r="A34167" s="3">
        <v>41797.398541666669</v>
      </c>
      <c r="B34167" s="6">
        <v>568813.94999999995</v>
      </c>
      <c r="C34167" s="7">
        <f t="shared" si="533"/>
        <v>568.81394999999998</v>
      </c>
      <c r="I34167" s="1"/>
    </row>
    <row r="34168" spans="1:9" x14ac:dyDescent="0.25">
      <c r="A34168" s="3">
        <v>41797.405011574076</v>
      </c>
      <c r="B34168" s="6">
        <v>568830.6</v>
      </c>
      <c r="C34168" s="7">
        <f t="shared" si="533"/>
        <v>568.8306</v>
      </c>
      <c r="I34168" s="1"/>
    </row>
    <row r="34169" spans="1:9" x14ac:dyDescent="0.25">
      <c r="A34169" s="3">
        <v>41797.405138888891</v>
      </c>
      <c r="B34169" s="6">
        <v>568847.25</v>
      </c>
      <c r="C34169" s="7">
        <f t="shared" si="533"/>
        <v>568.84725000000003</v>
      </c>
      <c r="I34169" s="1"/>
    </row>
    <row r="34170" spans="1:9" x14ac:dyDescent="0.25">
      <c r="A34170" s="3">
        <v>41797.409143518518</v>
      </c>
      <c r="B34170" s="6">
        <v>568863.89999999991</v>
      </c>
      <c r="C34170" s="7">
        <f t="shared" si="533"/>
        <v>568.86389999999994</v>
      </c>
      <c r="I34170" s="1"/>
    </row>
    <row r="34171" spans="1:9" x14ac:dyDescent="0.25">
      <c r="A34171" s="3">
        <v>41797.409224537034</v>
      </c>
      <c r="B34171" s="6">
        <v>568880.54999999993</v>
      </c>
      <c r="C34171" s="7">
        <f t="shared" si="533"/>
        <v>568.88054999999997</v>
      </c>
      <c r="I34171" s="1"/>
    </row>
    <row r="34172" spans="1:9" x14ac:dyDescent="0.25">
      <c r="A34172" s="3">
        <v>41797.410937499997</v>
      </c>
      <c r="B34172" s="6">
        <v>568897.19999999995</v>
      </c>
      <c r="C34172" s="7">
        <f t="shared" si="533"/>
        <v>568.8972</v>
      </c>
      <c r="I34172" s="1"/>
    </row>
    <row r="34173" spans="1:9" x14ac:dyDescent="0.25">
      <c r="A34173" s="3">
        <v>41797.411817129629</v>
      </c>
      <c r="B34173" s="6">
        <v>568913.85</v>
      </c>
      <c r="C34173" s="7">
        <f t="shared" si="533"/>
        <v>568.91385000000002</v>
      </c>
      <c r="I34173" s="1"/>
    </row>
    <row r="34174" spans="1:9" x14ac:dyDescent="0.25">
      <c r="A34174" s="3">
        <v>41797.41914351852</v>
      </c>
      <c r="B34174" s="6">
        <v>568930.5</v>
      </c>
      <c r="C34174" s="7">
        <f t="shared" si="533"/>
        <v>568.93050000000005</v>
      </c>
      <c r="I34174" s="1"/>
    </row>
    <row r="34175" spans="1:9" x14ac:dyDescent="0.25">
      <c r="A34175" s="3">
        <v>41797.419293981482</v>
      </c>
      <c r="B34175" s="6">
        <v>568947.14999999991</v>
      </c>
      <c r="C34175" s="7">
        <f t="shared" si="533"/>
        <v>568.94714999999985</v>
      </c>
      <c r="I34175" s="1"/>
    </row>
    <row r="34176" spans="1:9" x14ac:dyDescent="0.25">
      <c r="A34176" s="3">
        <v>41797.423541666663</v>
      </c>
      <c r="B34176" s="6">
        <v>568963.79999999993</v>
      </c>
      <c r="C34176" s="7">
        <f t="shared" si="533"/>
        <v>568.96379999999988</v>
      </c>
      <c r="I34176" s="1"/>
    </row>
    <row r="34177" spans="1:9" x14ac:dyDescent="0.25">
      <c r="A34177" s="3">
        <v>41797.423657407409</v>
      </c>
      <c r="B34177" s="6">
        <v>568980.44999999995</v>
      </c>
      <c r="C34177" s="7">
        <f t="shared" si="533"/>
        <v>568.98044999999991</v>
      </c>
      <c r="I34177" s="1"/>
    </row>
    <row r="34178" spans="1:9" x14ac:dyDescent="0.25">
      <c r="A34178" s="3">
        <v>41797.425381944442</v>
      </c>
      <c r="B34178" s="6">
        <v>568997.1</v>
      </c>
      <c r="C34178" s="7">
        <f t="shared" si="533"/>
        <v>568.99709999999993</v>
      </c>
      <c r="I34178" s="1"/>
    </row>
    <row r="34179" spans="1:9" x14ac:dyDescent="0.25">
      <c r="A34179" s="3">
        <v>41797.425497685188</v>
      </c>
      <c r="B34179" s="6">
        <v>569013.75</v>
      </c>
      <c r="C34179" s="7">
        <f t="shared" ref="C34179:C34242" si="534">B34179/1000</f>
        <v>569.01374999999996</v>
      </c>
      <c r="I34179" s="1"/>
    </row>
    <row r="34180" spans="1:9" x14ac:dyDescent="0.25">
      <c r="A34180" s="3">
        <v>41797.430138888885</v>
      </c>
      <c r="B34180" s="6">
        <v>569030.39999999991</v>
      </c>
      <c r="C34180" s="7">
        <f t="shared" si="534"/>
        <v>569.03039999999987</v>
      </c>
      <c r="I34180" s="1"/>
    </row>
    <row r="34181" spans="1:9" x14ac:dyDescent="0.25">
      <c r="A34181" s="3">
        <v>41797.430381944447</v>
      </c>
      <c r="B34181" s="6">
        <v>569047.04999999993</v>
      </c>
      <c r="C34181" s="7">
        <f t="shared" si="534"/>
        <v>569.0470499999999</v>
      </c>
      <c r="I34181" s="1"/>
    </row>
    <row r="34182" spans="1:9" x14ac:dyDescent="0.25">
      <c r="A34182" s="3">
        <v>41797.434837962966</v>
      </c>
      <c r="B34182" s="6">
        <v>569063.69999999995</v>
      </c>
      <c r="C34182" s="7">
        <f t="shared" si="534"/>
        <v>569.06369999999993</v>
      </c>
      <c r="I34182" s="1"/>
    </row>
    <row r="34183" spans="1:9" x14ac:dyDescent="0.25">
      <c r="A34183" s="3">
        <v>41797.436469907407</v>
      </c>
      <c r="B34183" s="6">
        <v>569080.35</v>
      </c>
      <c r="C34183" s="7">
        <f t="shared" si="534"/>
        <v>569.08034999999995</v>
      </c>
      <c r="I34183" s="1"/>
    </row>
    <row r="34184" spans="1:9" x14ac:dyDescent="0.25">
      <c r="A34184" s="3">
        <v>41797.438773148147</v>
      </c>
      <c r="B34184" s="6">
        <v>569097</v>
      </c>
      <c r="C34184" s="7">
        <f t="shared" si="534"/>
        <v>569.09699999999998</v>
      </c>
      <c r="I34184" s="1"/>
    </row>
    <row r="34185" spans="1:9" x14ac:dyDescent="0.25">
      <c r="A34185" s="3">
        <v>41797.441064814811</v>
      </c>
      <c r="B34185" s="6">
        <v>569113.64999999991</v>
      </c>
      <c r="C34185" s="7">
        <f t="shared" si="534"/>
        <v>569.11364999999989</v>
      </c>
      <c r="I34185" s="1"/>
    </row>
    <row r="34186" spans="1:9" x14ac:dyDescent="0.25">
      <c r="A34186" s="3">
        <v>41797.444212962961</v>
      </c>
      <c r="B34186" s="6">
        <v>569130.29999999993</v>
      </c>
      <c r="C34186" s="7">
        <f t="shared" si="534"/>
        <v>569.13029999999992</v>
      </c>
      <c r="I34186" s="1"/>
    </row>
    <row r="34187" spans="1:9" x14ac:dyDescent="0.25">
      <c r="A34187" s="3">
        <v>41797.446493055555</v>
      </c>
      <c r="B34187" s="6">
        <v>569146.94999999995</v>
      </c>
      <c r="C34187" s="7">
        <f t="shared" si="534"/>
        <v>569.14694999999995</v>
      </c>
      <c r="I34187" s="1"/>
    </row>
    <row r="34188" spans="1:9" x14ac:dyDescent="0.25">
      <c r="A34188" s="3">
        <v>41797.449004629627</v>
      </c>
      <c r="B34188" s="6">
        <v>569163.6</v>
      </c>
      <c r="C34188" s="7">
        <f t="shared" si="534"/>
        <v>569.16359999999997</v>
      </c>
      <c r="I34188" s="1"/>
    </row>
    <row r="34189" spans="1:9" x14ac:dyDescent="0.25">
      <c r="A34189" s="3">
        <v>41797.449074074073</v>
      </c>
      <c r="B34189" s="6">
        <v>569180.25</v>
      </c>
      <c r="C34189" s="7">
        <f t="shared" si="534"/>
        <v>569.18025</v>
      </c>
      <c r="I34189" s="1"/>
    </row>
    <row r="34190" spans="1:9" x14ac:dyDescent="0.25">
      <c r="A34190" s="3">
        <v>41797.452303240738</v>
      </c>
      <c r="B34190" s="6">
        <v>569196.89999999991</v>
      </c>
      <c r="C34190" s="7">
        <f t="shared" si="534"/>
        <v>569.19689999999991</v>
      </c>
      <c r="I34190" s="1"/>
    </row>
    <row r="34191" spans="1:9" x14ac:dyDescent="0.25">
      <c r="A34191" s="3">
        <v>41797.452453703707</v>
      </c>
      <c r="B34191" s="6">
        <v>569213.54999999993</v>
      </c>
      <c r="C34191" s="7">
        <f t="shared" si="534"/>
        <v>569.21354999999994</v>
      </c>
      <c r="I34191" s="1"/>
    </row>
    <row r="34192" spans="1:9" x14ac:dyDescent="0.25">
      <c r="A34192" s="3">
        <v>41797.454317129632</v>
      </c>
      <c r="B34192" s="6">
        <v>569230.19999999995</v>
      </c>
      <c r="C34192" s="7">
        <f t="shared" si="534"/>
        <v>569.23019999999997</v>
      </c>
      <c r="I34192" s="1"/>
    </row>
    <row r="34193" spans="1:9" x14ac:dyDescent="0.25">
      <c r="A34193" s="3">
        <v>41797.45449074074</v>
      </c>
      <c r="B34193" s="6">
        <v>569246.85</v>
      </c>
      <c r="C34193" s="7">
        <f t="shared" si="534"/>
        <v>569.24684999999999</v>
      </c>
      <c r="I34193" s="1"/>
    </row>
    <row r="34194" spans="1:9" x14ac:dyDescent="0.25">
      <c r="A34194" s="3">
        <v>41797.455543981479</v>
      </c>
      <c r="B34194" s="6">
        <v>569263.5</v>
      </c>
      <c r="C34194" s="7">
        <f t="shared" si="534"/>
        <v>569.26350000000002</v>
      </c>
      <c r="I34194" s="1"/>
    </row>
    <row r="34195" spans="1:9" x14ac:dyDescent="0.25">
      <c r="A34195" s="3">
        <v>41797.455613425926</v>
      </c>
      <c r="B34195" s="6">
        <v>569280.14999999991</v>
      </c>
      <c r="C34195" s="7">
        <f t="shared" si="534"/>
        <v>569.28014999999994</v>
      </c>
      <c r="I34195" s="1"/>
    </row>
    <row r="34196" spans="1:9" x14ac:dyDescent="0.25">
      <c r="A34196" s="3">
        <v>41797.45621527778</v>
      </c>
      <c r="B34196" s="6">
        <v>569296.79999999993</v>
      </c>
      <c r="C34196" s="7">
        <f t="shared" si="534"/>
        <v>569.29679999999996</v>
      </c>
      <c r="I34196" s="1"/>
    </row>
    <row r="34197" spans="1:9" x14ac:dyDescent="0.25">
      <c r="A34197" s="3">
        <v>41797.456342592595</v>
      </c>
      <c r="B34197" s="6">
        <v>569313.44999999995</v>
      </c>
      <c r="C34197" s="7">
        <f t="shared" si="534"/>
        <v>569.31344999999999</v>
      </c>
      <c r="I34197" s="1"/>
    </row>
    <row r="34198" spans="1:9" x14ac:dyDescent="0.25">
      <c r="A34198" s="3">
        <v>41797.46266203704</v>
      </c>
      <c r="B34198" s="6">
        <v>569330.1</v>
      </c>
      <c r="C34198" s="7">
        <f t="shared" si="534"/>
        <v>569.33010000000002</v>
      </c>
      <c r="I34198" s="1"/>
    </row>
    <row r="34199" spans="1:9" x14ac:dyDescent="0.25">
      <c r="A34199" s="3">
        <v>41797.463553240741</v>
      </c>
      <c r="B34199" s="6">
        <v>569346.75</v>
      </c>
      <c r="C34199" s="7">
        <f t="shared" si="534"/>
        <v>569.34675000000004</v>
      </c>
      <c r="I34199" s="1"/>
    </row>
    <row r="34200" spans="1:9" x14ac:dyDescent="0.25">
      <c r="A34200" s="3">
        <v>41797.464247685188</v>
      </c>
      <c r="B34200" s="6">
        <v>569363.39999999991</v>
      </c>
      <c r="C34200" s="7">
        <f t="shared" si="534"/>
        <v>569.36339999999996</v>
      </c>
      <c r="I34200" s="1"/>
    </row>
    <row r="34201" spans="1:9" x14ac:dyDescent="0.25">
      <c r="A34201" s="3">
        <v>41797.464305555557</v>
      </c>
      <c r="B34201" s="6">
        <v>569380.04999999993</v>
      </c>
      <c r="C34201" s="7">
        <f t="shared" si="534"/>
        <v>569.38004999999998</v>
      </c>
      <c r="I34201" s="1"/>
    </row>
    <row r="34202" spans="1:9" x14ac:dyDescent="0.25">
      <c r="A34202" s="3">
        <v>41797.465127314812</v>
      </c>
      <c r="B34202" s="6">
        <v>569396.69999999995</v>
      </c>
      <c r="C34202" s="7">
        <f t="shared" si="534"/>
        <v>569.39670000000001</v>
      </c>
      <c r="I34202" s="1"/>
    </row>
    <row r="34203" spans="1:9" x14ac:dyDescent="0.25">
      <c r="A34203" s="3">
        <v>41797.465208333335</v>
      </c>
      <c r="B34203" s="6">
        <v>569413.35</v>
      </c>
      <c r="C34203" s="7">
        <f t="shared" si="534"/>
        <v>569.41334999999992</v>
      </c>
      <c r="I34203" s="1"/>
    </row>
    <row r="34204" spans="1:9" x14ac:dyDescent="0.25">
      <c r="A34204" s="3">
        <v>41797.466412037036</v>
      </c>
      <c r="B34204" s="6">
        <v>569430</v>
      </c>
      <c r="C34204" s="7">
        <f t="shared" si="534"/>
        <v>569.42999999999995</v>
      </c>
      <c r="I34204" s="1"/>
    </row>
    <row r="34205" spans="1:9" x14ac:dyDescent="0.25">
      <c r="A34205" s="3">
        <v>41797.466493055559</v>
      </c>
      <c r="B34205" s="6">
        <v>569446.64999999991</v>
      </c>
      <c r="C34205" s="7">
        <f t="shared" si="534"/>
        <v>569.44664999999986</v>
      </c>
      <c r="I34205" s="1"/>
    </row>
    <row r="34206" spans="1:9" x14ac:dyDescent="0.25">
      <c r="A34206" s="3">
        <v>41797.467152777775</v>
      </c>
      <c r="B34206" s="6">
        <v>569463.29999999993</v>
      </c>
      <c r="C34206" s="7">
        <f t="shared" si="534"/>
        <v>569.46329999999989</v>
      </c>
      <c r="I34206" s="1"/>
    </row>
    <row r="34207" spans="1:9" x14ac:dyDescent="0.25">
      <c r="A34207" s="3">
        <v>41797.467268518521</v>
      </c>
      <c r="B34207" s="6">
        <v>569479.94999999995</v>
      </c>
      <c r="C34207" s="7">
        <f t="shared" si="534"/>
        <v>569.47994999999992</v>
      </c>
      <c r="I34207" s="1"/>
    </row>
    <row r="34208" spans="1:9" x14ac:dyDescent="0.25">
      <c r="A34208" s="3">
        <v>41797.47284722222</v>
      </c>
      <c r="B34208" s="6">
        <v>569496.6</v>
      </c>
      <c r="C34208" s="7">
        <f t="shared" si="534"/>
        <v>569.49659999999994</v>
      </c>
      <c r="I34208" s="1"/>
    </row>
    <row r="34209" spans="1:9" x14ac:dyDescent="0.25">
      <c r="A34209" s="3">
        <v>41797.472997685189</v>
      </c>
      <c r="B34209" s="6">
        <v>569513.25</v>
      </c>
      <c r="C34209" s="7">
        <f t="shared" si="534"/>
        <v>569.51324999999997</v>
      </c>
      <c r="I34209" s="1"/>
    </row>
    <row r="34210" spans="1:9" x14ac:dyDescent="0.25">
      <c r="A34210" s="3">
        <v>41797.474560185183</v>
      </c>
      <c r="B34210" s="6">
        <v>569529.89999999991</v>
      </c>
      <c r="C34210" s="7">
        <f t="shared" si="534"/>
        <v>569.52989999999988</v>
      </c>
      <c r="I34210" s="1"/>
    </row>
    <row r="34211" spans="1:9" x14ac:dyDescent="0.25">
      <c r="A34211" s="3">
        <v>41797.475162037037</v>
      </c>
      <c r="B34211" s="6">
        <v>569546.54999999993</v>
      </c>
      <c r="C34211" s="7">
        <f t="shared" si="534"/>
        <v>569.54654999999991</v>
      </c>
      <c r="I34211" s="1"/>
    </row>
    <row r="34212" spans="1:9" x14ac:dyDescent="0.25">
      <c r="A34212" s="3">
        <v>41797.481898148151</v>
      </c>
      <c r="B34212" s="6">
        <v>569563.19999999995</v>
      </c>
      <c r="C34212" s="7">
        <f t="shared" si="534"/>
        <v>569.56319999999994</v>
      </c>
      <c r="I34212" s="1"/>
    </row>
    <row r="34213" spans="1:9" x14ac:dyDescent="0.25">
      <c r="A34213" s="3">
        <v>41797.481990740744</v>
      </c>
      <c r="B34213" s="6">
        <v>569579.85</v>
      </c>
      <c r="C34213" s="7">
        <f t="shared" si="534"/>
        <v>569.57984999999996</v>
      </c>
      <c r="I34213" s="1"/>
    </row>
    <row r="34214" spans="1:9" x14ac:dyDescent="0.25">
      <c r="A34214" s="3">
        <v>41797.482905092591</v>
      </c>
      <c r="B34214" s="6">
        <v>569596.5</v>
      </c>
      <c r="C34214" s="7">
        <f t="shared" si="534"/>
        <v>569.59649999999999</v>
      </c>
      <c r="I34214" s="1"/>
    </row>
    <row r="34215" spans="1:9" x14ac:dyDescent="0.25">
      <c r="A34215" s="3">
        <v>41797.483055555553</v>
      </c>
      <c r="B34215" s="6">
        <v>569613.14999999991</v>
      </c>
      <c r="C34215" s="7">
        <f t="shared" si="534"/>
        <v>569.61314999999991</v>
      </c>
      <c r="I34215" s="1"/>
    </row>
    <row r="34216" spans="1:9" x14ac:dyDescent="0.25">
      <c r="A34216" s="3">
        <v>41797.484988425924</v>
      </c>
      <c r="B34216" s="6">
        <v>569629.79999999993</v>
      </c>
      <c r="C34216" s="7">
        <f t="shared" si="534"/>
        <v>569.62979999999993</v>
      </c>
      <c r="I34216" s="1"/>
    </row>
    <row r="34217" spans="1:9" x14ac:dyDescent="0.25">
      <c r="A34217" s="3">
        <v>41797.48505787037</v>
      </c>
      <c r="B34217" s="6">
        <v>569646.44999999995</v>
      </c>
      <c r="C34217" s="7">
        <f t="shared" si="534"/>
        <v>569.64644999999996</v>
      </c>
      <c r="I34217" s="1"/>
    </row>
    <row r="34218" spans="1:9" x14ac:dyDescent="0.25">
      <c r="A34218" s="3">
        <v>41797.489317129628</v>
      </c>
      <c r="B34218" s="6">
        <v>569663.1</v>
      </c>
      <c r="C34218" s="7">
        <f t="shared" si="534"/>
        <v>569.66309999999999</v>
      </c>
      <c r="I34218" s="1"/>
    </row>
    <row r="34219" spans="1:9" x14ac:dyDescent="0.25">
      <c r="A34219" s="3">
        <v>41797.490960648145</v>
      </c>
      <c r="B34219" s="6">
        <v>569679.75</v>
      </c>
      <c r="C34219" s="7">
        <f t="shared" si="534"/>
        <v>569.67975000000001</v>
      </c>
      <c r="I34219" s="1"/>
    </row>
    <row r="34220" spans="1:9" x14ac:dyDescent="0.25">
      <c r="A34220" s="3">
        <v>41797.495023148149</v>
      </c>
      <c r="B34220" s="6">
        <v>569696.39999999991</v>
      </c>
      <c r="C34220" s="7">
        <f t="shared" si="534"/>
        <v>569.69639999999993</v>
      </c>
      <c r="I34220" s="1"/>
    </row>
    <row r="34221" spans="1:9" x14ac:dyDescent="0.25">
      <c r="A34221" s="3">
        <v>41797.495162037034</v>
      </c>
      <c r="B34221" s="6">
        <v>569713.04999999993</v>
      </c>
      <c r="C34221" s="7">
        <f t="shared" si="534"/>
        <v>569.71304999999995</v>
      </c>
      <c r="I34221" s="1"/>
    </row>
    <row r="34222" spans="1:9" x14ac:dyDescent="0.25">
      <c r="A34222" s="3">
        <v>41797.497361111113</v>
      </c>
      <c r="B34222" s="6">
        <v>569729.69999999995</v>
      </c>
      <c r="C34222" s="7">
        <f t="shared" si="534"/>
        <v>569.72969999999998</v>
      </c>
      <c r="I34222" s="1"/>
    </row>
    <row r="34223" spans="1:9" x14ac:dyDescent="0.25">
      <c r="A34223" s="3">
        <v>41797.497523148151</v>
      </c>
      <c r="B34223" s="6">
        <v>569746.35</v>
      </c>
      <c r="C34223" s="7">
        <f t="shared" si="534"/>
        <v>569.74635000000001</v>
      </c>
      <c r="I34223" s="1"/>
    </row>
    <row r="34224" spans="1:9" x14ac:dyDescent="0.25">
      <c r="A34224" s="3">
        <v>41797.500590277778</v>
      </c>
      <c r="B34224" s="6">
        <v>569763</v>
      </c>
      <c r="C34224" s="7">
        <f t="shared" si="534"/>
        <v>569.76300000000003</v>
      </c>
      <c r="I34224" s="1"/>
    </row>
    <row r="34225" spans="1:9" x14ac:dyDescent="0.25">
      <c r="A34225" s="3">
        <v>41797.500694444447</v>
      </c>
      <c r="B34225" s="6">
        <v>569779.64999999991</v>
      </c>
      <c r="C34225" s="7">
        <f t="shared" si="534"/>
        <v>569.77964999999995</v>
      </c>
      <c r="I34225" s="1"/>
    </row>
    <row r="34226" spans="1:9" x14ac:dyDescent="0.25">
      <c r="A34226" s="3">
        <v>41797.502233796295</v>
      </c>
      <c r="B34226" s="6">
        <v>569796.29999999993</v>
      </c>
      <c r="C34226" s="7">
        <f t="shared" si="534"/>
        <v>569.79629999999997</v>
      </c>
      <c r="I34226" s="1"/>
    </row>
    <row r="34227" spans="1:9" x14ac:dyDescent="0.25">
      <c r="A34227" s="3">
        <v>41797.502314814818</v>
      </c>
      <c r="B34227" s="6">
        <v>569812.94999999995</v>
      </c>
      <c r="C34227" s="7">
        <f t="shared" si="534"/>
        <v>569.81295</v>
      </c>
      <c r="I34227" s="1"/>
    </row>
    <row r="34228" spans="1:9" x14ac:dyDescent="0.25">
      <c r="A34228" s="3">
        <v>41797.50503472222</v>
      </c>
      <c r="B34228" s="6">
        <v>569829.6</v>
      </c>
      <c r="C34228" s="7">
        <f t="shared" si="534"/>
        <v>569.82960000000003</v>
      </c>
      <c r="I34228" s="1"/>
    </row>
    <row r="34229" spans="1:9" x14ac:dyDescent="0.25">
      <c r="A34229" s="3">
        <v>41797.505185185182</v>
      </c>
      <c r="B34229" s="6">
        <v>569846.25</v>
      </c>
      <c r="C34229" s="7">
        <f t="shared" si="534"/>
        <v>569.84625000000005</v>
      </c>
      <c r="I34229" s="1"/>
    </row>
    <row r="34230" spans="1:9" x14ac:dyDescent="0.25">
      <c r="A34230" s="3">
        <v>41797.508263888885</v>
      </c>
      <c r="B34230" s="6">
        <v>569862.89999999991</v>
      </c>
      <c r="C34230" s="7">
        <f t="shared" si="534"/>
        <v>569.86289999999985</v>
      </c>
      <c r="I34230" s="1"/>
    </row>
    <row r="34231" spans="1:9" x14ac:dyDescent="0.25">
      <c r="A34231" s="3">
        <v>41797.508668981478</v>
      </c>
      <c r="B34231" s="6">
        <v>569879.54999999993</v>
      </c>
      <c r="C34231" s="7">
        <f t="shared" si="534"/>
        <v>569.87954999999988</v>
      </c>
      <c r="I34231" s="1"/>
    </row>
    <row r="34232" spans="1:9" x14ac:dyDescent="0.25">
      <c r="A34232" s="3">
        <v>41797.510636574072</v>
      </c>
      <c r="B34232" s="6">
        <v>569896.19999999995</v>
      </c>
      <c r="C34232" s="7">
        <f t="shared" si="534"/>
        <v>569.89619999999991</v>
      </c>
      <c r="I34232" s="1"/>
    </row>
    <row r="34233" spans="1:9" x14ac:dyDescent="0.25">
      <c r="A34233" s="3">
        <v>41797.510925925926</v>
      </c>
      <c r="B34233" s="6">
        <v>569912.85</v>
      </c>
      <c r="C34233" s="7">
        <f t="shared" si="534"/>
        <v>569.91284999999993</v>
      </c>
      <c r="I34233" s="1"/>
    </row>
    <row r="34234" spans="1:9" x14ac:dyDescent="0.25">
      <c r="A34234" s="3">
        <v>41797.513495370367</v>
      </c>
      <c r="B34234" s="6">
        <v>569929.5</v>
      </c>
      <c r="C34234" s="7">
        <f t="shared" si="534"/>
        <v>569.92949999999996</v>
      </c>
      <c r="I34234" s="1"/>
    </row>
    <row r="34235" spans="1:9" x14ac:dyDescent="0.25">
      <c r="A34235" s="3">
        <v>41797.513715277775</v>
      </c>
      <c r="B34235" s="6">
        <v>569946.14999999991</v>
      </c>
      <c r="C34235" s="7">
        <f t="shared" si="534"/>
        <v>569.94614999999988</v>
      </c>
      <c r="I34235" s="1"/>
    </row>
    <row r="34236" spans="1:9" x14ac:dyDescent="0.25">
      <c r="A34236" s="3">
        <v>41797.516886574071</v>
      </c>
      <c r="B34236" s="6">
        <v>569962.79999999993</v>
      </c>
      <c r="C34236" s="7">
        <f t="shared" si="534"/>
        <v>569.9627999999999</v>
      </c>
      <c r="I34236" s="1"/>
    </row>
    <row r="34237" spans="1:9" x14ac:dyDescent="0.25">
      <c r="A34237" s="3">
        <v>41797.517384259256</v>
      </c>
      <c r="B34237" s="6">
        <v>569979.44999999995</v>
      </c>
      <c r="C34237" s="7">
        <f t="shared" si="534"/>
        <v>569.97944999999993</v>
      </c>
      <c r="I34237" s="1"/>
    </row>
    <row r="34238" spans="1:9" x14ac:dyDescent="0.25">
      <c r="A34238" s="3">
        <v>41797.518414351849</v>
      </c>
      <c r="B34238" s="6">
        <v>569996.1</v>
      </c>
      <c r="C34238" s="7">
        <f t="shared" si="534"/>
        <v>569.99609999999996</v>
      </c>
      <c r="I34238" s="1"/>
    </row>
    <row r="34239" spans="1:9" x14ac:dyDescent="0.25">
      <c r="A34239" s="3">
        <v>41797.518645833334</v>
      </c>
      <c r="B34239" s="6">
        <v>570012.75</v>
      </c>
      <c r="C34239" s="7">
        <f t="shared" si="534"/>
        <v>570.01274999999998</v>
      </c>
      <c r="I34239" s="1"/>
    </row>
    <row r="34240" spans="1:9" x14ac:dyDescent="0.25">
      <c r="A34240" s="3">
        <v>41797.520416666666</v>
      </c>
      <c r="B34240" s="6">
        <v>570029.39999999991</v>
      </c>
      <c r="C34240" s="7">
        <f t="shared" si="534"/>
        <v>570.0293999999999</v>
      </c>
      <c r="I34240" s="1"/>
    </row>
    <row r="34241" spans="1:9" x14ac:dyDescent="0.25">
      <c r="A34241" s="3">
        <v>41797.520486111112</v>
      </c>
      <c r="B34241" s="6">
        <v>570046.04999999993</v>
      </c>
      <c r="C34241" s="7">
        <f t="shared" si="534"/>
        <v>570.04604999999992</v>
      </c>
      <c r="I34241" s="1"/>
    </row>
    <row r="34242" spans="1:9" x14ac:dyDescent="0.25">
      <c r="A34242" s="3">
        <v>41797.522013888891</v>
      </c>
      <c r="B34242" s="6">
        <v>570062.69999999995</v>
      </c>
      <c r="C34242" s="7">
        <f t="shared" si="534"/>
        <v>570.06269999999995</v>
      </c>
      <c r="I34242" s="1"/>
    </row>
    <row r="34243" spans="1:9" x14ac:dyDescent="0.25">
      <c r="A34243" s="3">
        <v>41797.522094907406</v>
      </c>
      <c r="B34243" s="6">
        <v>570079.35</v>
      </c>
      <c r="C34243" s="7">
        <f t="shared" ref="C34243:C34306" si="535">B34243/1000</f>
        <v>570.07934999999998</v>
      </c>
      <c r="I34243" s="1"/>
    </row>
    <row r="34244" spans="1:9" x14ac:dyDescent="0.25">
      <c r="A34244" s="3">
        <v>41797.524039351854</v>
      </c>
      <c r="B34244" s="6">
        <v>570096</v>
      </c>
      <c r="C34244" s="7">
        <f t="shared" si="535"/>
        <v>570.096</v>
      </c>
      <c r="I34244" s="1"/>
    </row>
    <row r="34245" spans="1:9" x14ac:dyDescent="0.25">
      <c r="A34245" s="3">
        <v>41797.526064814818</v>
      </c>
      <c r="B34245" s="6">
        <v>570112.64999999991</v>
      </c>
      <c r="C34245" s="7">
        <f t="shared" si="535"/>
        <v>570.11264999999992</v>
      </c>
      <c r="I34245" s="1"/>
    </row>
    <row r="34246" spans="1:9" x14ac:dyDescent="0.25">
      <c r="A34246" s="3">
        <v>41797.527222222219</v>
      </c>
      <c r="B34246" s="6">
        <v>570129.29999999993</v>
      </c>
      <c r="C34246" s="7">
        <f t="shared" si="535"/>
        <v>570.12929999999994</v>
      </c>
      <c r="I34246" s="1"/>
    </row>
    <row r="34247" spans="1:9" x14ac:dyDescent="0.25">
      <c r="A34247" s="3">
        <v>41797.527326388888</v>
      </c>
      <c r="B34247" s="6">
        <v>570145.94999999995</v>
      </c>
      <c r="C34247" s="7">
        <f t="shared" si="535"/>
        <v>570.14594999999997</v>
      </c>
      <c r="I34247" s="1"/>
    </row>
    <row r="34248" spans="1:9" x14ac:dyDescent="0.25">
      <c r="A34248" s="3">
        <v>41797.529537037037</v>
      </c>
      <c r="B34248" s="6">
        <v>570162.6</v>
      </c>
      <c r="C34248" s="7">
        <f t="shared" si="535"/>
        <v>570.1626</v>
      </c>
      <c r="I34248" s="1"/>
    </row>
    <row r="34249" spans="1:9" x14ac:dyDescent="0.25">
      <c r="A34249" s="3">
        <v>41797.529618055552</v>
      </c>
      <c r="B34249" s="6">
        <v>570179.25</v>
      </c>
      <c r="C34249" s="7">
        <f t="shared" si="535"/>
        <v>570.17925000000002</v>
      </c>
      <c r="I34249" s="1"/>
    </row>
    <row r="34250" spans="1:9" x14ac:dyDescent="0.25">
      <c r="A34250" s="3">
        <v>41797.53125</v>
      </c>
      <c r="B34250" s="6">
        <v>570195.89999999991</v>
      </c>
      <c r="C34250" s="7">
        <f t="shared" si="535"/>
        <v>570.19589999999994</v>
      </c>
      <c r="I34250" s="1"/>
    </row>
    <row r="34251" spans="1:9" x14ac:dyDescent="0.25">
      <c r="A34251" s="3">
        <v>41797.531412037039</v>
      </c>
      <c r="B34251" s="6">
        <v>570212.54999999993</v>
      </c>
      <c r="C34251" s="7">
        <f t="shared" si="535"/>
        <v>570.21254999999996</v>
      </c>
      <c r="I34251" s="1"/>
    </row>
    <row r="34252" spans="1:9" x14ac:dyDescent="0.25">
      <c r="A34252" s="3">
        <v>41797.533865740741</v>
      </c>
      <c r="B34252" s="6">
        <v>570229.19999999995</v>
      </c>
      <c r="C34252" s="7">
        <f t="shared" si="535"/>
        <v>570.22919999999999</v>
      </c>
      <c r="I34252" s="1"/>
    </row>
    <row r="34253" spans="1:9" x14ac:dyDescent="0.25">
      <c r="A34253" s="3">
        <v>41797.533958333333</v>
      </c>
      <c r="B34253" s="6">
        <v>570245.85</v>
      </c>
      <c r="C34253" s="7">
        <f t="shared" si="535"/>
        <v>570.24585000000002</v>
      </c>
      <c r="I34253" s="1"/>
    </row>
    <row r="34254" spans="1:9" x14ac:dyDescent="0.25">
      <c r="A34254" s="3">
        <v>41797.539027777777</v>
      </c>
      <c r="B34254" s="6">
        <v>570262.5</v>
      </c>
      <c r="C34254" s="7">
        <f t="shared" si="535"/>
        <v>570.26250000000005</v>
      </c>
      <c r="I34254" s="1"/>
    </row>
    <row r="34255" spans="1:9" x14ac:dyDescent="0.25">
      <c r="A34255" s="3">
        <v>41797.539594907408</v>
      </c>
      <c r="B34255" s="6">
        <v>570279.14999999991</v>
      </c>
      <c r="C34255" s="7">
        <f t="shared" si="535"/>
        <v>570.27914999999996</v>
      </c>
      <c r="I34255" s="1"/>
    </row>
    <row r="34256" spans="1:9" x14ac:dyDescent="0.25">
      <c r="A34256" s="3">
        <v>41797.541481481479</v>
      </c>
      <c r="B34256" s="6">
        <v>570295.79999999993</v>
      </c>
      <c r="C34256" s="7">
        <f t="shared" si="535"/>
        <v>570.29579999999999</v>
      </c>
      <c r="I34256" s="1"/>
    </row>
    <row r="34257" spans="1:9" x14ac:dyDescent="0.25">
      <c r="A34257" s="3">
        <v>41797.541655092595</v>
      </c>
      <c r="B34257" s="6">
        <v>570312.44999999995</v>
      </c>
      <c r="C34257" s="7">
        <f t="shared" si="535"/>
        <v>570.3124499999999</v>
      </c>
      <c r="I34257" s="1"/>
    </row>
    <row r="34258" spans="1:9" x14ac:dyDescent="0.25">
      <c r="A34258" s="3">
        <v>41797.54650462963</v>
      </c>
      <c r="B34258" s="6">
        <v>570329.1</v>
      </c>
      <c r="C34258" s="7">
        <f t="shared" si="535"/>
        <v>570.32909999999993</v>
      </c>
      <c r="I34258" s="1"/>
    </row>
    <row r="34259" spans="1:9" x14ac:dyDescent="0.25">
      <c r="A34259" s="3">
        <v>41797.547233796293</v>
      </c>
      <c r="B34259" s="6">
        <v>570345.75</v>
      </c>
      <c r="C34259" s="7">
        <f t="shared" si="535"/>
        <v>570.34574999999995</v>
      </c>
      <c r="I34259" s="1"/>
    </row>
    <row r="34260" spans="1:9" x14ac:dyDescent="0.25">
      <c r="A34260" s="3">
        <v>41797.548182870371</v>
      </c>
      <c r="B34260" s="6">
        <v>570362.39999999991</v>
      </c>
      <c r="C34260" s="7">
        <f t="shared" si="535"/>
        <v>570.36239999999987</v>
      </c>
      <c r="I34260" s="1"/>
    </row>
    <row r="34261" spans="1:9" x14ac:dyDescent="0.25">
      <c r="A34261" s="3">
        <v>41797.548530092594</v>
      </c>
      <c r="B34261" s="6">
        <v>570379.04999999993</v>
      </c>
      <c r="C34261" s="7">
        <f t="shared" si="535"/>
        <v>570.37904999999989</v>
      </c>
      <c r="I34261" s="1"/>
    </row>
    <row r="34262" spans="1:9" x14ac:dyDescent="0.25">
      <c r="A34262" s="3">
        <v>41797.552604166667</v>
      </c>
      <c r="B34262" s="6">
        <v>570395.69999999995</v>
      </c>
      <c r="C34262" s="7">
        <f t="shared" si="535"/>
        <v>570.39569999999992</v>
      </c>
      <c r="I34262" s="1"/>
    </row>
    <row r="34263" spans="1:9" x14ac:dyDescent="0.25">
      <c r="A34263" s="3">
        <v>41797.552708333336</v>
      </c>
      <c r="B34263" s="6">
        <v>570412.35</v>
      </c>
      <c r="C34263" s="7">
        <f t="shared" si="535"/>
        <v>570.41234999999995</v>
      </c>
      <c r="I34263" s="1"/>
    </row>
    <row r="34264" spans="1:9" x14ac:dyDescent="0.25">
      <c r="A34264" s="3">
        <v>41797.55574074074</v>
      </c>
      <c r="B34264" s="6">
        <v>570429</v>
      </c>
      <c r="C34264" s="7">
        <f t="shared" si="535"/>
        <v>570.42899999999997</v>
      </c>
      <c r="I34264" s="1"/>
    </row>
    <row r="34265" spans="1:9" x14ac:dyDescent="0.25">
      <c r="A34265" s="3">
        <v>41797.555879629632</v>
      </c>
      <c r="B34265" s="6">
        <v>570445.64999999991</v>
      </c>
      <c r="C34265" s="7">
        <f t="shared" si="535"/>
        <v>570.44564999999989</v>
      </c>
      <c r="I34265" s="1"/>
    </row>
    <row r="34266" spans="1:9" x14ac:dyDescent="0.25">
      <c r="A34266" s="3">
        <v>41797.559131944443</v>
      </c>
      <c r="B34266" s="6">
        <v>570462.29999999993</v>
      </c>
      <c r="C34266" s="7">
        <f t="shared" si="535"/>
        <v>570.46229999999991</v>
      </c>
      <c r="I34266" s="1"/>
    </row>
    <row r="34267" spans="1:9" x14ac:dyDescent="0.25">
      <c r="A34267" s="3">
        <v>41797.559340277781</v>
      </c>
      <c r="B34267" s="6">
        <v>570478.94999999995</v>
      </c>
      <c r="C34267" s="7">
        <f t="shared" si="535"/>
        <v>570.47894999999994</v>
      </c>
      <c r="I34267" s="1"/>
    </row>
    <row r="34268" spans="1:9" x14ac:dyDescent="0.25">
      <c r="A34268" s="3">
        <v>41797.563506944447</v>
      </c>
      <c r="B34268" s="6">
        <v>570495.6</v>
      </c>
      <c r="C34268" s="7">
        <f t="shared" si="535"/>
        <v>570.49559999999997</v>
      </c>
      <c r="I34268" s="1"/>
    </row>
    <row r="34269" spans="1:9" x14ac:dyDescent="0.25">
      <c r="A34269" s="3">
        <v>41797.563622685186</v>
      </c>
      <c r="B34269" s="6">
        <v>570512.25</v>
      </c>
      <c r="C34269" s="7">
        <f t="shared" si="535"/>
        <v>570.51224999999999</v>
      </c>
      <c r="I34269" s="1"/>
    </row>
    <row r="34270" spans="1:9" x14ac:dyDescent="0.25">
      <c r="A34270" s="3">
        <v>41797.564386574071</v>
      </c>
      <c r="B34270" s="6">
        <v>570528.89999999991</v>
      </c>
      <c r="C34270" s="7">
        <f t="shared" si="535"/>
        <v>570.52889999999991</v>
      </c>
      <c r="I34270" s="1"/>
    </row>
    <row r="34271" spans="1:9" x14ac:dyDescent="0.25">
      <c r="A34271" s="3">
        <v>41797.564456018517</v>
      </c>
      <c r="B34271" s="6">
        <v>570545.54999999993</v>
      </c>
      <c r="C34271" s="7">
        <f t="shared" si="535"/>
        <v>570.54554999999993</v>
      </c>
      <c r="I34271" s="1"/>
    </row>
    <row r="34272" spans="1:9" x14ac:dyDescent="0.25">
      <c r="A34272" s="3">
        <v>41797.565289351849</v>
      </c>
      <c r="B34272" s="6">
        <v>570562.19999999995</v>
      </c>
      <c r="C34272" s="7">
        <f t="shared" si="535"/>
        <v>570.56219999999996</v>
      </c>
      <c r="I34272" s="1"/>
    </row>
    <row r="34273" spans="1:9" x14ac:dyDescent="0.25">
      <c r="A34273" s="3">
        <v>41797.565532407411</v>
      </c>
      <c r="B34273" s="6">
        <v>570578.85</v>
      </c>
      <c r="C34273" s="7">
        <f t="shared" si="535"/>
        <v>570.57884999999999</v>
      </c>
      <c r="I34273" s="1"/>
    </row>
    <row r="34274" spans="1:9" x14ac:dyDescent="0.25">
      <c r="A34274" s="3">
        <v>41797.568738425929</v>
      </c>
      <c r="B34274" s="6">
        <v>570595.5</v>
      </c>
      <c r="C34274" s="7">
        <f t="shared" si="535"/>
        <v>570.59550000000002</v>
      </c>
      <c r="I34274" s="1"/>
    </row>
    <row r="34275" spans="1:9" x14ac:dyDescent="0.25">
      <c r="A34275" s="3">
        <v>41797.569687499999</v>
      </c>
      <c r="B34275" s="6">
        <v>570612.14999999991</v>
      </c>
      <c r="C34275" s="7">
        <f t="shared" si="535"/>
        <v>570.61214999999993</v>
      </c>
      <c r="I34275" s="1"/>
    </row>
    <row r="34276" spans="1:9" x14ac:dyDescent="0.25">
      <c r="A34276" s="3">
        <v>41797.571898148148</v>
      </c>
      <c r="B34276" s="6">
        <v>570628.79999999993</v>
      </c>
      <c r="C34276" s="7">
        <f t="shared" si="535"/>
        <v>570.62879999999996</v>
      </c>
      <c r="I34276" s="1"/>
    </row>
    <row r="34277" spans="1:9" x14ac:dyDescent="0.25">
      <c r="A34277" s="3">
        <v>41797.572002314817</v>
      </c>
      <c r="B34277" s="6">
        <v>570645.44999999995</v>
      </c>
      <c r="C34277" s="7">
        <f t="shared" si="535"/>
        <v>570.64544999999998</v>
      </c>
      <c r="I34277" s="1"/>
    </row>
    <row r="34278" spans="1:9" x14ac:dyDescent="0.25">
      <c r="A34278" s="3">
        <v>41797.573252314818</v>
      </c>
      <c r="B34278" s="6">
        <v>570662.1</v>
      </c>
      <c r="C34278" s="7">
        <f t="shared" si="535"/>
        <v>570.66210000000001</v>
      </c>
      <c r="I34278" s="1"/>
    </row>
    <row r="34279" spans="1:9" x14ac:dyDescent="0.25">
      <c r="A34279" s="3">
        <v>41797.573379629626</v>
      </c>
      <c r="B34279" s="6">
        <v>570678.75</v>
      </c>
      <c r="C34279" s="7">
        <f t="shared" si="535"/>
        <v>570.67875000000004</v>
      </c>
      <c r="I34279" s="1"/>
    </row>
    <row r="34280" spans="1:9" x14ac:dyDescent="0.25">
      <c r="A34280" s="3">
        <v>41797.580960648149</v>
      </c>
      <c r="B34280" s="6">
        <v>570695.39999999991</v>
      </c>
      <c r="C34280" s="7">
        <f t="shared" si="535"/>
        <v>570.69539999999995</v>
      </c>
      <c r="I34280" s="1"/>
    </row>
    <row r="34281" spans="1:9" x14ac:dyDescent="0.25">
      <c r="A34281" s="3">
        <v>41797.581180555557</v>
      </c>
      <c r="B34281" s="6">
        <v>570712.04999999993</v>
      </c>
      <c r="C34281" s="7">
        <f t="shared" si="535"/>
        <v>570.71204999999998</v>
      </c>
      <c r="I34281" s="1"/>
    </row>
    <row r="34282" spans="1:9" x14ac:dyDescent="0.25">
      <c r="A34282" s="3">
        <v>41797.586608796293</v>
      </c>
      <c r="B34282" s="6">
        <v>570728.69999999995</v>
      </c>
      <c r="C34282" s="7">
        <f t="shared" si="535"/>
        <v>570.7287</v>
      </c>
      <c r="I34282" s="1"/>
    </row>
    <row r="34283" spans="1:9" x14ac:dyDescent="0.25">
      <c r="A34283" s="3">
        <v>41797.586747685185</v>
      </c>
      <c r="B34283" s="6">
        <v>570745.35</v>
      </c>
      <c r="C34283" s="7">
        <f t="shared" si="535"/>
        <v>570.74535000000003</v>
      </c>
      <c r="I34283" s="1"/>
    </row>
    <row r="34284" spans="1:9" x14ac:dyDescent="0.25">
      <c r="A34284" s="3">
        <v>41797.593692129631</v>
      </c>
      <c r="B34284" s="6">
        <v>570762</v>
      </c>
      <c r="C34284" s="7">
        <f t="shared" si="535"/>
        <v>570.76199999999994</v>
      </c>
      <c r="I34284" s="1"/>
    </row>
    <row r="34285" spans="1:9" x14ac:dyDescent="0.25">
      <c r="A34285" s="3">
        <v>41797.593865740739</v>
      </c>
      <c r="B34285" s="6">
        <v>570778.64999999991</v>
      </c>
      <c r="C34285" s="7">
        <f t="shared" si="535"/>
        <v>570.77864999999986</v>
      </c>
      <c r="I34285" s="1"/>
    </row>
    <row r="34286" spans="1:9" x14ac:dyDescent="0.25">
      <c r="A34286" s="3">
        <v>41797.596030092594</v>
      </c>
      <c r="B34286" s="6">
        <v>570795.29999999993</v>
      </c>
      <c r="C34286" s="7">
        <f t="shared" si="535"/>
        <v>570.79529999999988</v>
      </c>
      <c r="I34286" s="1"/>
    </row>
    <row r="34287" spans="1:9" x14ac:dyDescent="0.25">
      <c r="A34287" s="3">
        <v>41797.596203703702</v>
      </c>
      <c r="B34287" s="6">
        <v>570811.94999999995</v>
      </c>
      <c r="C34287" s="7">
        <f t="shared" si="535"/>
        <v>570.81194999999991</v>
      </c>
      <c r="I34287" s="1"/>
    </row>
    <row r="34288" spans="1:9" x14ac:dyDescent="0.25">
      <c r="A34288" s="3">
        <v>41797.598715277774</v>
      </c>
      <c r="B34288" s="6">
        <v>570828.6</v>
      </c>
      <c r="C34288" s="7">
        <f t="shared" si="535"/>
        <v>570.82859999999994</v>
      </c>
      <c r="I34288" s="1"/>
    </row>
    <row r="34289" spans="1:9" x14ac:dyDescent="0.25">
      <c r="A34289" s="3">
        <v>41797.598900462966</v>
      </c>
      <c r="B34289" s="6">
        <v>570845.25</v>
      </c>
      <c r="C34289" s="7">
        <f t="shared" si="535"/>
        <v>570.84524999999996</v>
      </c>
      <c r="I34289" s="1"/>
    </row>
    <row r="34290" spans="1:9" x14ac:dyDescent="0.25">
      <c r="A34290" s="3">
        <v>41797.604189814818</v>
      </c>
      <c r="B34290" s="6">
        <v>570861.89999999991</v>
      </c>
      <c r="C34290" s="7">
        <f t="shared" si="535"/>
        <v>570.86189999999988</v>
      </c>
      <c r="I34290" s="1"/>
    </row>
    <row r="34291" spans="1:9" x14ac:dyDescent="0.25">
      <c r="A34291" s="3">
        <v>41797.604467592595</v>
      </c>
      <c r="B34291" s="6">
        <v>570878.54999999993</v>
      </c>
      <c r="C34291" s="7">
        <f t="shared" si="535"/>
        <v>570.8785499999999</v>
      </c>
      <c r="I34291" s="1"/>
    </row>
    <row r="34292" spans="1:9" x14ac:dyDescent="0.25">
      <c r="A34292" s="3">
        <v>41797.608599537038</v>
      </c>
      <c r="B34292" s="6">
        <v>570895.19999999995</v>
      </c>
      <c r="C34292" s="7">
        <f t="shared" si="535"/>
        <v>570.89519999999993</v>
      </c>
      <c r="I34292" s="1"/>
    </row>
    <row r="34293" spans="1:9" x14ac:dyDescent="0.25">
      <c r="A34293" s="3">
        <v>41797.608715277776</v>
      </c>
      <c r="B34293" s="6">
        <v>570911.85</v>
      </c>
      <c r="C34293" s="7">
        <f t="shared" si="535"/>
        <v>570.91184999999996</v>
      </c>
      <c r="I34293" s="1"/>
    </row>
    <row r="34294" spans="1:9" x14ac:dyDescent="0.25">
      <c r="A34294" s="3">
        <v>41797.609548611108</v>
      </c>
      <c r="B34294" s="6">
        <v>570928.5</v>
      </c>
      <c r="C34294" s="7">
        <f t="shared" si="535"/>
        <v>570.92849999999999</v>
      </c>
      <c r="I34294" s="1"/>
    </row>
    <row r="34295" spans="1:9" x14ac:dyDescent="0.25">
      <c r="A34295" s="3">
        <v>41797.609606481485</v>
      </c>
      <c r="B34295" s="6">
        <v>570945.14999999991</v>
      </c>
      <c r="C34295" s="7">
        <f t="shared" si="535"/>
        <v>570.9451499999999</v>
      </c>
      <c r="I34295" s="1"/>
    </row>
    <row r="34296" spans="1:9" x14ac:dyDescent="0.25">
      <c r="A34296" s="3">
        <v>41797.610115740739</v>
      </c>
      <c r="B34296" s="6">
        <v>570961.79999999993</v>
      </c>
      <c r="C34296" s="7">
        <f t="shared" si="535"/>
        <v>570.96179999999993</v>
      </c>
      <c r="I34296" s="1"/>
    </row>
    <row r="34297" spans="1:9" x14ac:dyDescent="0.25">
      <c r="A34297" s="3">
        <v>41797.610173611109</v>
      </c>
      <c r="B34297" s="6">
        <v>570978.44999999995</v>
      </c>
      <c r="C34297" s="7">
        <f t="shared" si="535"/>
        <v>570.97844999999995</v>
      </c>
      <c r="I34297" s="1"/>
    </row>
    <row r="34298" spans="1:9" x14ac:dyDescent="0.25">
      <c r="A34298" s="3">
        <v>41797.610671296294</v>
      </c>
      <c r="B34298" s="6">
        <v>570995.1</v>
      </c>
      <c r="C34298" s="7">
        <f t="shared" si="535"/>
        <v>570.99509999999998</v>
      </c>
      <c r="I34298" s="1"/>
    </row>
    <row r="34299" spans="1:9" x14ac:dyDescent="0.25">
      <c r="A34299" s="3">
        <v>41797.610729166663</v>
      </c>
      <c r="B34299" s="6">
        <v>571011.75</v>
      </c>
      <c r="C34299" s="7">
        <f t="shared" si="535"/>
        <v>571.01175000000001</v>
      </c>
      <c r="I34299" s="1"/>
    </row>
    <row r="34300" spans="1:9" x14ac:dyDescent="0.25">
      <c r="A34300" s="3">
        <v>41797.611539351848</v>
      </c>
      <c r="B34300" s="6">
        <v>571028.39999999991</v>
      </c>
      <c r="C34300" s="7">
        <f t="shared" si="535"/>
        <v>571.02839999999992</v>
      </c>
      <c r="I34300" s="1"/>
    </row>
    <row r="34301" spans="1:9" x14ac:dyDescent="0.25">
      <c r="A34301" s="3">
        <v>41797.611620370371</v>
      </c>
      <c r="B34301" s="6">
        <v>571045.04999999993</v>
      </c>
      <c r="C34301" s="7">
        <f t="shared" si="535"/>
        <v>571.04504999999995</v>
      </c>
      <c r="I34301" s="1"/>
    </row>
    <row r="34302" spans="1:9" x14ac:dyDescent="0.25">
      <c r="A34302" s="3">
        <v>41797.614074074074</v>
      </c>
      <c r="B34302" s="6">
        <v>571061.69999999995</v>
      </c>
      <c r="C34302" s="7">
        <f t="shared" si="535"/>
        <v>571.06169999999997</v>
      </c>
      <c r="I34302" s="1"/>
    </row>
    <row r="34303" spans="1:9" x14ac:dyDescent="0.25">
      <c r="A34303" s="3">
        <v>41797.614155092589</v>
      </c>
      <c r="B34303" s="6">
        <v>571078.35</v>
      </c>
      <c r="C34303" s="7">
        <f t="shared" si="535"/>
        <v>571.07835</v>
      </c>
      <c r="I34303" s="1"/>
    </row>
    <row r="34304" spans="1:9" x14ac:dyDescent="0.25">
      <c r="A34304" s="3">
        <v>41797.615208333336</v>
      </c>
      <c r="B34304" s="6">
        <v>571095</v>
      </c>
      <c r="C34304" s="7">
        <f t="shared" si="535"/>
        <v>571.09500000000003</v>
      </c>
      <c r="I34304" s="1"/>
    </row>
    <row r="34305" spans="1:9" x14ac:dyDescent="0.25">
      <c r="A34305" s="3">
        <v>41797.615648148145</v>
      </c>
      <c r="B34305" s="6">
        <v>571111.64999999991</v>
      </c>
      <c r="C34305" s="7">
        <f t="shared" si="535"/>
        <v>571.11164999999994</v>
      </c>
      <c r="I34305" s="1"/>
    </row>
    <row r="34306" spans="1:9" x14ac:dyDescent="0.25">
      <c r="A34306" s="3">
        <v>41797.620451388888</v>
      </c>
      <c r="B34306" s="6">
        <v>571128.29999999993</v>
      </c>
      <c r="C34306" s="7">
        <f t="shared" si="535"/>
        <v>571.12829999999997</v>
      </c>
      <c r="I34306" s="1"/>
    </row>
    <row r="34307" spans="1:9" x14ac:dyDescent="0.25">
      <c r="A34307" s="3">
        <v>41797.620532407411</v>
      </c>
      <c r="B34307" s="6">
        <v>571144.94999999995</v>
      </c>
      <c r="C34307" s="7">
        <f t="shared" ref="C34307:C34370" si="536">B34307/1000</f>
        <v>571.14494999999999</v>
      </c>
      <c r="I34307" s="1"/>
    </row>
    <row r="34308" spans="1:9" x14ac:dyDescent="0.25">
      <c r="A34308" s="3">
        <v>41797.623935185184</v>
      </c>
      <c r="B34308" s="6">
        <v>571161.59999999998</v>
      </c>
      <c r="C34308" s="7">
        <f t="shared" si="536"/>
        <v>571.16160000000002</v>
      </c>
      <c r="I34308" s="1"/>
    </row>
    <row r="34309" spans="1:9" x14ac:dyDescent="0.25">
      <c r="A34309" s="3">
        <v>41797.625127314815</v>
      </c>
      <c r="B34309" s="6">
        <v>571178.25</v>
      </c>
      <c r="C34309" s="7">
        <f t="shared" si="536"/>
        <v>571.17825000000005</v>
      </c>
      <c r="I34309" s="1"/>
    </row>
    <row r="34310" spans="1:9" x14ac:dyDescent="0.25">
      <c r="A34310" s="3">
        <v>41797.626550925925</v>
      </c>
      <c r="B34310" s="6">
        <v>571194.89999999991</v>
      </c>
      <c r="C34310" s="7">
        <f t="shared" si="536"/>
        <v>571.19489999999996</v>
      </c>
      <c r="I34310" s="1"/>
    </row>
    <row r="34311" spans="1:9" x14ac:dyDescent="0.25">
      <c r="A34311" s="3">
        <v>41797.62667824074</v>
      </c>
      <c r="B34311" s="6">
        <v>571211.54999999993</v>
      </c>
      <c r="C34311" s="7">
        <f t="shared" si="536"/>
        <v>571.21154999999987</v>
      </c>
      <c r="I34311" s="1"/>
    </row>
    <row r="34312" spans="1:9" x14ac:dyDescent="0.25">
      <c r="A34312" s="3">
        <v>41797.632743055554</v>
      </c>
      <c r="B34312" s="6">
        <v>571228.19999999995</v>
      </c>
      <c r="C34312" s="7">
        <f t="shared" si="536"/>
        <v>571.2281999999999</v>
      </c>
      <c r="I34312" s="1"/>
    </row>
    <row r="34313" spans="1:9" x14ac:dyDescent="0.25">
      <c r="A34313" s="3">
        <v>41797.633425925924</v>
      </c>
      <c r="B34313" s="6">
        <v>571244.85</v>
      </c>
      <c r="C34313" s="7">
        <f t="shared" si="536"/>
        <v>571.24484999999993</v>
      </c>
      <c r="I34313" s="1"/>
    </row>
    <row r="34314" spans="1:9" x14ac:dyDescent="0.25">
      <c r="A34314" s="3">
        <v>41797.636550925927</v>
      </c>
      <c r="B34314" s="6">
        <v>571261.5</v>
      </c>
      <c r="C34314" s="7">
        <f t="shared" si="536"/>
        <v>571.26149999999996</v>
      </c>
      <c r="I34314" s="1"/>
    </row>
    <row r="34315" spans="1:9" x14ac:dyDescent="0.25">
      <c r="A34315" s="3">
        <v>41797.636643518519</v>
      </c>
      <c r="B34315" s="6">
        <v>571278.14999999991</v>
      </c>
      <c r="C34315" s="7">
        <f t="shared" si="536"/>
        <v>571.27814999999987</v>
      </c>
      <c r="I34315" s="1"/>
    </row>
    <row r="34316" spans="1:9" x14ac:dyDescent="0.25">
      <c r="A34316" s="3">
        <v>41797.638437499998</v>
      </c>
      <c r="B34316" s="6">
        <v>571294.79999999993</v>
      </c>
      <c r="C34316" s="7">
        <f t="shared" si="536"/>
        <v>571.2947999999999</v>
      </c>
      <c r="I34316" s="1"/>
    </row>
    <row r="34317" spans="1:9" x14ac:dyDescent="0.25">
      <c r="A34317" s="3">
        <v>41797.638541666667</v>
      </c>
      <c r="B34317" s="6">
        <v>571311.44999999995</v>
      </c>
      <c r="C34317" s="7">
        <f t="shared" si="536"/>
        <v>571.31144999999992</v>
      </c>
      <c r="I34317" s="1"/>
    </row>
    <row r="34318" spans="1:9" x14ac:dyDescent="0.25">
      <c r="A34318" s="3">
        <v>41797.641597222224</v>
      </c>
      <c r="B34318" s="6">
        <v>571328.1</v>
      </c>
      <c r="C34318" s="7">
        <f t="shared" si="536"/>
        <v>571.32809999999995</v>
      </c>
      <c r="I34318" s="1"/>
    </row>
    <row r="34319" spans="1:9" x14ac:dyDescent="0.25">
      <c r="A34319" s="3">
        <v>41797.641736111109</v>
      </c>
      <c r="B34319" s="6">
        <v>571344.75</v>
      </c>
      <c r="C34319" s="7">
        <f t="shared" si="536"/>
        <v>571.34474999999998</v>
      </c>
      <c r="I34319" s="1"/>
    </row>
    <row r="34320" spans="1:9" x14ac:dyDescent="0.25">
      <c r="A34320" s="3">
        <v>41797.649270833332</v>
      </c>
      <c r="B34320" s="6">
        <v>571361.39999999991</v>
      </c>
      <c r="C34320" s="7">
        <f t="shared" si="536"/>
        <v>571.36139999999989</v>
      </c>
      <c r="I34320" s="1"/>
    </row>
    <row r="34321" spans="1:9" x14ac:dyDescent="0.25">
      <c r="A34321" s="3">
        <v>41797.64943287037</v>
      </c>
      <c r="B34321" s="6">
        <v>571378.04999999993</v>
      </c>
      <c r="C34321" s="7">
        <f t="shared" si="536"/>
        <v>571.37804999999992</v>
      </c>
      <c r="I34321" s="1"/>
    </row>
    <row r="34322" spans="1:9" x14ac:dyDescent="0.25">
      <c r="A34322" s="3">
        <v>41797.654120370367</v>
      </c>
      <c r="B34322" s="6">
        <v>571394.69999999995</v>
      </c>
      <c r="C34322" s="7">
        <f t="shared" si="536"/>
        <v>571.39469999999994</v>
      </c>
      <c r="I34322" s="1"/>
    </row>
    <row r="34323" spans="1:9" x14ac:dyDescent="0.25">
      <c r="A34323" s="3">
        <v>41797.654189814813</v>
      </c>
      <c r="B34323" s="6">
        <v>571411.35</v>
      </c>
      <c r="C34323" s="7">
        <f t="shared" si="536"/>
        <v>571.41134999999997</v>
      </c>
      <c r="I34323" s="1"/>
    </row>
    <row r="34324" spans="1:9" x14ac:dyDescent="0.25">
      <c r="A34324" s="3">
        <v>41797.654895833337</v>
      </c>
      <c r="B34324" s="6">
        <v>571428</v>
      </c>
      <c r="C34324" s="7">
        <f t="shared" si="536"/>
        <v>571.428</v>
      </c>
      <c r="I34324" s="1"/>
    </row>
    <row r="34325" spans="1:9" x14ac:dyDescent="0.25">
      <c r="A34325" s="3">
        <v>41797.655011574076</v>
      </c>
      <c r="B34325" s="6">
        <v>571444.64999999991</v>
      </c>
      <c r="C34325" s="7">
        <f t="shared" si="536"/>
        <v>571.44464999999991</v>
      </c>
      <c r="I34325" s="1"/>
    </row>
    <row r="34326" spans="1:9" x14ac:dyDescent="0.25">
      <c r="A34326" s="3">
        <v>41797.658217592594</v>
      </c>
      <c r="B34326" s="6">
        <v>571461.29999999993</v>
      </c>
      <c r="C34326" s="7">
        <f t="shared" si="536"/>
        <v>571.46129999999994</v>
      </c>
      <c r="I34326" s="1"/>
    </row>
    <row r="34327" spans="1:9" x14ac:dyDescent="0.25">
      <c r="A34327" s="3">
        <v>41797.658692129633</v>
      </c>
      <c r="B34327" s="6">
        <v>571477.94999999995</v>
      </c>
      <c r="C34327" s="7">
        <f t="shared" si="536"/>
        <v>571.47794999999996</v>
      </c>
      <c r="I34327" s="1"/>
    </row>
    <row r="34328" spans="1:9" x14ac:dyDescent="0.25">
      <c r="A34328" s="3">
        <v>41797.660173611112</v>
      </c>
      <c r="B34328" s="6">
        <v>571494.6</v>
      </c>
      <c r="C34328" s="7">
        <f t="shared" si="536"/>
        <v>571.49459999999999</v>
      </c>
      <c r="I34328" s="1"/>
    </row>
    <row r="34329" spans="1:9" x14ac:dyDescent="0.25">
      <c r="A34329" s="3">
        <v>41797.661909722221</v>
      </c>
      <c r="B34329" s="6">
        <v>571511.25</v>
      </c>
      <c r="C34329" s="7">
        <f t="shared" si="536"/>
        <v>571.51125000000002</v>
      </c>
      <c r="I34329" s="1"/>
    </row>
    <row r="34330" spans="1:9" x14ac:dyDescent="0.25">
      <c r="A34330" s="3">
        <v>41797.663680555554</v>
      </c>
      <c r="B34330" s="6">
        <v>571527.89999999991</v>
      </c>
      <c r="C34330" s="7">
        <f t="shared" si="536"/>
        <v>571.52789999999993</v>
      </c>
      <c r="I34330" s="1"/>
    </row>
    <row r="34331" spans="1:9" x14ac:dyDescent="0.25">
      <c r="A34331" s="3">
        <v>41797.664560185185</v>
      </c>
      <c r="B34331" s="6">
        <v>571544.54999999993</v>
      </c>
      <c r="C34331" s="7">
        <f t="shared" si="536"/>
        <v>571.54454999999996</v>
      </c>
      <c r="I34331" s="1"/>
    </row>
    <row r="34332" spans="1:9" x14ac:dyDescent="0.25">
      <c r="A34332" s="3">
        <v>41797.669374999998</v>
      </c>
      <c r="B34332" s="6">
        <v>571561.19999999995</v>
      </c>
      <c r="C34332" s="7">
        <f t="shared" si="536"/>
        <v>571.56119999999999</v>
      </c>
      <c r="I34332" s="1"/>
    </row>
    <row r="34333" spans="1:9" x14ac:dyDescent="0.25">
      <c r="A34333" s="3">
        <v>41797.669479166667</v>
      </c>
      <c r="B34333" s="6">
        <v>571577.85</v>
      </c>
      <c r="C34333" s="7">
        <f t="shared" si="536"/>
        <v>571.57785000000001</v>
      </c>
      <c r="I34333" s="1"/>
    </row>
    <row r="34334" spans="1:9" x14ac:dyDescent="0.25">
      <c r="A34334" s="3">
        <v>41797.670775462961</v>
      </c>
      <c r="B34334" s="6">
        <v>571594.5</v>
      </c>
      <c r="C34334" s="7">
        <f t="shared" si="536"/>
        <v>571.59450000000004</v>
      </c>
      <c r="I34334" s="1"/>
    </row>
    <row r="34335" spans="1:9" x14ac:dyDescent="0.25">
      <c r="A34335" s="3">
        <v>41797.670949074076</v>
      </c>
      <c r="B34335" s="6">
        <v>571611.14999999991</v>
      </c>
      <c r="C34335" s="7">
        <f t="shared" si="536"/>
        <v>571.61114999999995</v>
      </c>
      <c r="I34335" s="1"/>
    </row>
    <row r="34336" spans="1:9" x14ac:dyDescent="0.25">
      <c r="A34336" s="3">
        <v>41797.674745370372</v>
      </c>
      <c r="B34336" s="6">
        <v>571627.79999999993</v>
      </c>
      <c r="C34336" s="7">
        <f t="shared" si="536"/>
        <v>571.62779999999998</v>
      </c>
      <c r="I34336" s="1"/>
    </row>
    <row r="34337" spans="1:9" x14ac:dyDescent="0.25">
      <c r="A34337" s="3">
        <v>41797.675902777781</v>
      </c>
      <c r="B34337" s="6">
        <v>571644.44999999995</v>
      </c>
      <c r="C34337" s="7">
        <f t="shared" si="536"/>
        <v>571.64445000000001</v>
      </c>
      <c r="I34337" s="1"/>
    </row>
    <row r="34338" spans="1:9" x14ac:dyDescent="0.25">
      <c r="A34338" s="3">
        <v>41797.679305555554</v>
      </c>
      <c r="B34338" s="6">
        <v>571661.1</v>
      </c>
      <c r="C34338" s="7">
        <f t="shared" si="536"/>
        <v>571.66110000000003</v>
      </c>
      <c r="I34338" s="1"/>
    </row>
    <row r="34339" spans="1:9" x14ac:dyDescent="0.25">
      <c r="A34339" s="3">
        <v>41797.679745370369</v>
      </c>
      <c r="B34339" s="6">
        <v>571677.75</v>
      </c>
      <c r="C34339" s="7">
        <f t="shared" si="536"/>
        <v>571.67774999999995</v>
      </c>
      <c r="I34339" s="1"/>
    </row>
    <row r="34340" spans="1:9" x14ac:dyDescent="0.25">
      <c r="A34340" s="3">
        <v>41797.681967592594</v>
      </c>
      <c r="B34340" s="6">
        <v>571694.39999999991</v>
      </c>
      <c r="C34340" s="7">
        <f t="shared" si="536"/>
        <v>571.69439999999986</v>
      </c>
      <c r="I34340" s="1"/>
    </row>
    <row r="34341" spans="1:9" x14ac:dyDescent="0.25">
      <c r="A34341" s="3">
        <v>41797.682071759256</v>
      </c>
      <c r="B34341" s="6">
        <v>571711.04999999993</v>
      </c>
      <c r="C34341" s="7">
        <f t="shared" si="536"/>
        <v>571.71104999999989</v>
      </c>
      <c r="I34341" s="1"/>
    </row>
    <row r="34342" spans="1:9" x14ac:dyDescent="0.25">
      <c r="A34342" s="3">
        <v>41797.687523148146</v>
      </c>
      <c r="B34342" s="6">
        <v>571727.69999999995</v>
      </c>
      <c r="C34342" s="7">
        <f t="shared" si="536"/>
        <v>571.72769999999991</v>
      </c>
      <c r="I34342" s="1"/>
    </row>
    <row r="34343" spans="1:9" x14ac:dyDescent="0.25">
      <c r="A34343" s="3">
        <v>41797.688252314816</v>
      </c>
      <c r="B34343" s="6">
        <v>571744.35</v>
      </c>
      <c r="C34343" s="7">
        <f t="shared" si="536"/>
        <v>571.74434999999994</v>
      </c>
      <c r="I34343" s="1"/>
    </row>
    <row r="34344" spans="1:9" x14ac:dyDescent="0.25">
      <c r="A34344" s="3">
        <v>41797.69190972222</v>
      </c>
      <c r="B34344" s="6">
        <v>571761</v>
      </c>
      <c r="C34344" s="7">
        <f t="shared" si="536"/>
        <v>571.76099999999997</v>
      </c>
      <c r="I34344" s="1"/>
    </row>
    <row r="34345" spans="1:9" x14ac:dyDescent="0.25">
      <c r="A34345" s="3">
        <v>41797.691979166666</v>
      </c>
      <c r="B34345" s="6">
        <v>571777.64999999991</v>
      </c>
      <c r="C34345" s="7">
        <f t="shared" si="536"/>
        <v>571.77764999999988</v>
      </c>
      <c r="I34345" s="1"/>
    </row>
    <row r="34346" spans="1:9" x14ac:dyDescent="0.25">
      <c r="A34346" s="3">
        <v>41797.69458333333</v>
      </c>
      <c r="B34346" s="6">
        <v>571794.29999999993</v>
      </c>
      <c r="C34346" s="7">
        <f t="shared" si="536"/>
        <v>571.79429999999991</v>
      </c>
      <c r="I34346" s="1"/>
    </row>
    <row r="34347" spans="1:9" x14ac:dyDescent="0.25">
      <c r="A34347" s="3">
        <v>41797.695115740738</v>
      </c>
      <c r="B34347" s="6">
        <v>571810.94999999995</v>
      </c>
      <c r="C34347" s="7">
        <f t="shared" si="536"/>
        <v>571.81094999999993</v>
      </c>
      <c r="I34347" s="1"/>
    </row>
    <row r="34348" spans="1:9" x14ac:dyDescent="0.25">
      <c r="A34348" s="3">
        <v>41797.697002314817</v>
      </c>
      <c r="B34348" s="6">
        <v>571827.6</v>
      </c>
      <c r="C34348" s="7">
        <f t="shared" si="536"/>
        <v>571.82759999999996</v>
      </c>
      <c r="I34348" s="1"/>
    </row>
    <row r="34349" spans="1:9" x14ac:dyDescent="0.25">
      <c r="A34349" s="3">
        <v>41797.697071759256</v>
      </c>
      <c r="B34349" s="6">
        <v>571844.25</v>
      </c>
      <c r="C34349" s="7">
        <f t="shared" si="536"/>
        <v>571.84424999999999</v>
      </c>
      <c r="I34349" s="1"/>
    </row>
    <row r="34350" spans="1:9" x14ac:dyDescent="0.25">
      <c r="A34350" s="3">
        <v>41797.700289351851</v>
      </c>
      <c r="B34350" s="6">
        <v>571860.89999999991</v>
      </c>
      <c r="C34350" s="7">
        <f t="shared" si="536"/>
        <v>571.8608999999999</v>
      </c>
      <c r="I34350" s="1"/>
    </row>
    <row r="34351" spans="1:9" x14ac:dyDescent="0.25">
      <c r="A34351" s="3">
        <v>41797.701018518521</v>
      </c>
      <c r="B34351" s="6">
        <v>571877.54999999993</v>
      </c>
      <c r="C34351" s="7">
        <f t="shared" si="536"/>
        <v>571.87754999999993</v>
      </c>
      <c r="I34351" s="1"/>
    </row>
    <row r="34352" spans="1:9" x14ac:dyDescent="0.25">
      <c r="A34352" s="3">
        <v>41797.70207175926</v>
      </c>
      <c r="B34352" s="6">
        <v>571894.19999999995</v>
      </c>
      <c r="C34352" s="7">
        <f t="shared" si="536"/>
        <v>571.89419999999996</v>
      </c>
      <c r="I34352" s="1"/>
    </row>
    <row r="34353" spans="1:9" x14ac:dyDescent="0.25">
      <c r="A34353" s="3">
        <v>41797.703750000001</v>
      </c>
      <c r="B34353" s="6">
        <v>571910.85</v>
      </c>
      <c r="C34353" s="7">
        <f t="shared" si="536"/>
        <v>571.91084999999998</v>
      </c>
      <c r="I34353" s="1"/>
    </row>
    <row r="34354" spans="1:9" x14ac:dyDescent="0.25">
      <c r="A34354" s="3">
        <v>41797.710844907408</v>
      </c>
      <c r="B34354" s="6">
        <v>571927.5</v>
      </c>
      <c r="C34354" s="7">
        <f t="shared" si="536"/>
        <v>571.92750000000001</v>
      </c>
      <c r="I34354" s="1"/>
    </row>
    <row r="34355" spans="1:9" x14ac:dyDescent="0.25">
      <c r="A34355" s="3">
        <v>41797.712754629632</v>
      </c>
      <c r="B34355" s="6">
        <v>571944.14999999991</v>
      </c>
      <c r="C34355" s="7">
        <f t="shared" si="536"/>
        <v>571.94414999999992</v>
      </c>
      <c r="I34355" s="1"/>
    </row>
    <row r="34356" spans="1:9" x14ac:dyDescent="0.25">
      <c r="A34356" s="3">
        <v>41797.715150462966</v>
      </c>
      <c r="B34356" s="6">
        <v>571960.79999999993</v>
      </c>
      <c r="C34356" s="7">
        <f t="shared" si="536"/>
        <v>571.96079999999995</v>
      </c>
      <c r="I34356" s="1"/>
    </row>
    <row r="34357" spans="1:9" x14ac:dyDescent="0.25">
      <c r="A34357" s="3">
        <v>41797.715613425928</v>
      </c>
      <c r="B34357" s="6">
        <v>571977.44999999995</v>
      </c>
      <c r="C34357" s="7">
        <f t="shared" si="536"/>
        <v>571.97744999999998</v>
      </c>
      <c r="I34357" s="1"/>
    </row>
    <row r="34358" spans="1:9" x14ac:dyDescent="0.25">
      <c r="A34358" s="3">
        <v>41797.718935185185</v>
      </c>
      <c r="B34358" s="6">
        <v>571994.1</v>
      </c>
      <c r="C34358" s="7">
        <f t="shared" si="536"/>
        <v>571.9941</v>
      </c>
      <c r="I34358" s="1"/>
    </row>
    <row r="34359" spans="1:9" x14ac:dyDescent="0.25">
      <c r="A34359" s="3">
        <v>41797.719386574077</v>
      </c>
      <c r="B34359" s="6">
        <v>572010.75</v>
      </c>
      <c r="C34359" s="7">
        <f t="shared" si="536"/>
        <v>572.01075000000003</v>
      </c>
      <c r="I34359" s="1"/>
    </row>
    <row r="34360" spans="1:9" x14ac:dyDescent="0.25">
      <c r="A34360" s="3">
        <v>41797.72216435185</v>
      </c>
      <c r="B34360" s="6">
        <v>572027.39999999991</v>
      </c>
      <c r="C34360" s="7">
        <f t="shared" si="536"/>
        <v>572.02739999999994</v>
      </c>
      <c r="I34360" s="1"/>
    </row>
    <row r="34361" spans="1:9" x14ac:dyDescent="0.25">
      <c r="A34361" s="3">
        <v>41797.722407407404</v>
      </c>
      <c r="B34361" s="6">
        <v>572044.04999999993</v>
      </c>
      <c r="C34361" s="7">
        <f t="shared" si="536"/>
        <v>572.04404999999997</v>
      </c>
      <c r="I34361" s="1"/>
    </row>
    <row r="34362" spans="1:9" x14ac:dyDescent="0.25">
      <c r="A34362" s="3">
        <v>41797.728043981479</v>
      </c>
      <c r="B34362" s="6">
        <v>572060.69999999995</v>
      </c>
      <c r="C34362" s="7">
        <f t="shared" si="536"/>
        <v>572.0607</v>
      </c>
      <c r="I34362" s="1"/>
    </row>
    <row r="34363" spans="1:9" x14ac:dyDescent="0.25">
      <c r="A34363" s="3">
        <v>41797.728171296294</v>
      </c>
      <c r="B34363" s="6">
        <v>572077.35</v>
      </c>
      <c r="C34363" s="7">
        <f t="shared" si="536"/>
        <v>572.07735000000002</v>
      </c>
      <c r="I34363" s="1"/>
    </row>
    <row r="34364" spans="1:9" x14ac:dyDescent="0.25">
      <c r="A34364" s="3">
        <v>41797.729988425926</v>
      </c>
      <c r="B34364" s="6">
        <v>572094</v>
      </c>
      <c r="C34364" s="7">
        <f t="shared" si="536"/>
        <v>572.09400000000005</v>
      </c>
      <c r="I34364" s="1"/>
    </row>
    <row r="34365" spans="1:9" x14ac:dyDescent="0.25">
      <c r="A34365" s="3">
        <v>41797.730150462965</v>
      </c>
      <c r="B34365" s="6">
        <v>572110.64999999991</v>
      </c>
      <c r="C34365" s="7">
        <f t="shared" si="536"/>
        <v>572.11064999999985</v>
      </c>
      <c r="I34365" s="1"/>
    </row>
    <row r="34366" spans="1:9" x14ac:dyDescent="0.25">
      <c r="A34366" s="3">
        <v>41797.736550925925</v>
      </c>
      <c r="B34366" s="6">
        <v>572127.29999999993</v>
      </c>
      <c r="C34366" s="7">
        <f t="shared" si="536"/>
        <v>572.12729999999988</v>
      </c>
      <c r="I34366" s="1"/>
    </row>
    <row r="34367" spans="1:9" x14ac:dyDescent="0.25">
      <c r="A34367" s="3">
        <v>41797.736875000002</v>
      </c>
      <c r="B34367" s="6">
        <v>572143.94999999995</v>
      </c>
      <c r="C34367" s="7">
        <f t="shared" si="536"/>
        <v>572.1439499999999</v>
      </c>
      <c r="I34367" s="1"/>
    </row>
    <row r="34368" spans="1:9" x14ac:dyDescent="0.25">
      <c r="A34368" s="3">
        <v>41797.738194444442</v>
      </c>
      <c r="B34368" s="6">
        <v>572160.6</v>
      </c>
      <c r="C34368" s="7">
        <f t="shared" si="536"/>
        <v>572.16059999999993</v>
      </c>
      <c r="I34368" s="1"/>
    </row>
    <row r="34369" spans="1:9" x14ac:dyDescent="0.25">
      <c r="A34369" s="3">
        <v>41797.738287037035</v>
      </c>
      <c r="B34369" s="6">
        <v>572177.25</v>
      </c>
      <c r="C34369" s="7">
        <f t="shared" si="536"/>
        <v>572.17724999999996</v>
      </c>
      <c r="I34369" s="1"/>
    </row>
    <row r="34370" spans="1:9" x14ac:dyDescent="0.25">
      <c r="A34370" s="3">
        <v>41797.740590277775</v>
      </c>
      <c r="B34370" s="6">
        <v>572193.89999999991</v>
      </c>
      <c r="C34370" s="7">
        <f t="shared" si="536"/>
        <v>572.19389999999987</v>
      </c>
      <c r="I34370" s="1"/>
    </row>
    <row r="34371" spans="1:9" x14ac:dyDescent="0.25">
      <c r="A34371" s="3">
        <v>41797.742048611108</v>
      </c>
      <c r="B34371" s="6">
        <v>572210.54999999993</v>
      </c>
      <c r="C34371" s="7">
        <f t="shared" ref="C34371:C34434" si="537">B34371/1000</f>
        <v>572.2105499999999</v>
      </c>
      <c r="I34371" s="1"/>
    </row>
    <row r="34372" spans="1:9" x14ac:dyDescent="0.25">
      <c r="A34372" s="3">
        <v>41797.743541666663</v>
      </c>
      <c r="B34372" s="6">
        <v>572227.19999999995</v>
      </c>
      <c r="C34372" s="7">
        <f t="shared" si="537"/>
        <v>572.22719999999993</v>
      </c>
      <c r="I34372" s="1"/>
    </row>
    <row r="34373" spans="1:9" x14ac:dyDescent="0.25">
      <c r="A34373" s="3">
        <v>41797.743657407409</v>
      </c>
      <c r="B34373" s="6">
        <v>572243.85</v>
      </c>
      <c r="C34373" s="7">
        <f t="shared" si="537"/>
        <v>572.24384999999995</v>
      </c>
      <c r="I34373" s="1"/>
    </row>
    <row r="34374" spans="1:9" x14ac:dyDescent="0.25">
      <c r="A34374" s="3">
        <v>41797.747256944444</v>
      </c>
      <c r="B34374" s="6">
        <v>572260.5</v>
      </c>
      <c r="C34374" s="7">
        <f t="shared" si="537"/>
        <v>572.26049999999998</v>
      </c>
      <c r="I34374" s="1"/>
    </row>
    <row r="34375" spans="1:9" x14ac:dyDescent="0.25">
      <c r="A34375" s="3">
        <v>41797.749097222222</v>
      </c>
      <c r="B34375" s="6">
        <v>572277.14999999991</v>
      </c>
      <c r="C34375" s="7">
        <f t="shared" si="537"/>
        <v>572.27714999999989</v>
      </c>
      <c r="I34375" s="1"/>
    </row>
    <row r="34376" spans="1:9" x14ac:dyDescent="0.25">
      <c r="A34376" s="3">
        <v>41797.796307870369</v>
      </c>
      <c r="B34376" s="6">
        <v>572293.79999999993</v>
      </c>
      <c r="C34376" s="7">
        <f t="shared" si="537"/>
        <v>572.29379999999992</v>
      </c>
      <c r="I34376" s="1"/>
    </row>
    <row r="34377" spans="1:9" x14ac:dyDescent="0.25">
      <c r="A34377" s="3">
        <v>41797.796469907407</v>
      </c>
      <c r="B34377" s="6">
        <v>572310.44999999995</v>
      </c>
      <c r="C34377" s="7">
        <f t="shared" si="537"/>
        <v>572.31044999999995</v>
      </c>
      <c r="I34377" s="1"/>
    </row>
    <row r="34378" spans="1:9" x14ac:dyDescent="0.25">
      <c r="A34378" s="3">
        <v>41797.804490740738</v>
      </c>
      <c r="B34378" s="6">
        <v>572327.1</v>
      </c>
      <c r="C34378" s="7">
        <f t="shared" si="537"/>
        <v>572.32709999999997</v>
      </c>
      <c r="I34378" s="1"/>
    </row>
    <row r="34379" spans="1:9" x14ac:dyDescent="0.25">
      <c r="A34379" s="3">
        <v>41797.805972222224</v>
      </c>
      <c r="B34379" s="6">
        <v>572343.75</v>
      </c>
      <c r="C34379" s="7">
        <f t="shared" si="537"/>
        <v>572.34375</v>
      </c>
      <c r="I34379" s="1"/>
    </row>
    <row r="34380" spans="1:9" x14ac:dyDescent="0.25">
      <c r="A34380" s="3">
        <v>41797.813402777778</v>
      </c>
      <c r="B34380" s="6">
        <v>572360.39999999991</v>
      </c>
      <c r="C34380" s="7">
        <f t="shared" si="537"/>
        <v>572.36039999999991</v>
      </c>
      <c r="I34380" s="1"/>
    </row>
    <row r="34381" spans="1:9" x14ac:dyDescent="0.25">
      <c r="A34381" s="3">
        <v>41797.815694444442</v>
      </c>
      <c r="B34381" s="6">
        <v>572377.04999999993</v>
      </c>
      <c r="C34381" s="7">
        <f t="shared" si="537"/>
        <v>572.37704999999994</v>
      </c>
      <c r="I34381" s="1"/>
    </row>
    <row r="34382" spans="1:9" x14ac:dyDescent="0.25">
      <c r="A34382" s="3">
        <v>41797.824953703705</v>
      </c>
      <c r="B34382" s="6">
        <v>572393.69999999995</v>
      </c>
      <c r="C34382" s="7">
        <f t="shared" si="537"/>
        <v>572.39369999999997</v>
      </c>
      <c r="I34382" s="1"/>
    </row>
    <row r="34383" spans="1:9" x14ac:dyDescent="0.25">
      <c r="A34383" s="3">
        <v>41797.826631944445</v>
      </c>
      <c r="B34383" s="6">
        <v>572410.35</v>
      </c>
      <c r="C34383" s="7">
        <f t="shared" si="537"/>
        <v>572.41034999999999</v>
      </c>
      <c r="I34383" s="1"/>
    </row>
    <row r="34384" spans="1:9" x14ac:dyDescent="0.25">
      <c r="A34384" s="3">
        <v>41827.30028935185</v>
      </c>
      <c r="B34384" s="6">
        <v>572427</v>
      </c>
      <c r="C34384" s="7">
        <f t="shared" si="537"/>
        <v>572.42700000000002</v>
      </c>
      <c r="I34384" s="1"/>
    </row>
    <row r="34385" spans="1:9" x14ac:dyDescent="0.25">
      <c r="A34385" s="3">
        <v>41827.300497685188</v>
      </c>
      <c r="B34385" s="6">
        <v>572443.64999999991</v>
      </c>
      <c r="C34385" s="7">
        <f t="shared" si="537"/>
        <v>572.44364999999993</v>
      </c>
      <c r="I34385" s="1"/>
    </row>
    <row r="34386" spans="1:9" x14ac:dyDescent="0.25">
      <c r="A34386" s="3">
        <v>41827.308935185189</v>
      </c>
      <c r="B34386" s="6">
        <v>572460.29999999993</v>
      </c>
      <c r="C34386" s="7">
        <f t="shared" si="537"/>
        <v>572.46029999999996</v>
      </c>
      <c r="I34386" s="1"/>
    </row>
    <row r="34387" spans="1:9" x14ac:dyDescent="0.25">
      <c r="A34387" s="3">
        <v>41827.309039351851</v>
      </c>
      <c r="B34387" s="6">
        <v>572476.94999999995</v>
      </c>
      <c r="C34387" s="7">
        <f t="shared" si="537"/>
        <v>572.47694999999999</v>
      </c>
      <c r="I34387" s="1"/>
    </row>
    <row r="34388" spans="1:9" x14ac:dyDescent="0.25">
      <c r="A34388" s="3">
        <v>41827.312881944446</v>
      </c>
      <c r="B34388" s="6">
        <v>572493.6</v>
      </c>
      <c r="C34388" s="7">
        <f t="shared" si="537"/>
        <v>572.49360000000001</v>
      </c>
      <c r="I34388" s="1"/>
    </row>
    <row r="34389" spans="1:9" x14ac:dyDescent="0.25">
      <c r="A34389" s="3">
        <v>41827.313194444447</v>
      </c>
      <c r="B34389" s="6">
        <v>572510.25</v>
      </c>
      <c r="C34389" s="7">
        <f t="shared" si="537"/>
        <v>572.51025000000004</v>
      </c>
      <c r="I34389" s="1"/>
    </row>
    <row r="34390" spans="1:9" x14ac:dyDescent="0.25">
      <c r="A34390" s="3">
        <v>41827.314398148148</v>
      </c>
      <c r="B34390" s="6">
        <v>572526.89999999991</v>
      </c>
      <c r="C34390" s="7">
        <f t="shared" si="537"/>
        <v>572.52689999999996</v>
      </c>
      <c r="I34390" s="1"/>
    </row>
    <row r="34391" spans="1:9" x14ac:dyDescent="0.25">
      <c r="A34391" s="3">
        <v>41827.314479166664</v>
      </c>
      <c r="B34391" s="6">
        <v>572543.54999999993</v>
      </c>
      <c r="C34391" s="7">
        <f t="shared" si="537"/>
        <v>572.54354999999998</v>
      </c>
      <c r="I34391" s="1"/>
    </row>
    <row r="34392" spans="1:9" x14ac:dyDescent="0.25">
      <c r="A34392" s="3">
        <v>41827.317210648151</v>
      </c>
      <c r="B34392" s="6">
        <v>572560.19999999995</v>
      </c>
      <c r="C34392" s="7">
        <f t="shared" si="537"/>
        <v>572.56020000000001</v>
      </c>
      <c r="I34392" s="1"/>
    </row>
    <row r="34393" spans="1:9" x14ac:dyDescent="0.25">
      <c r="A34393" s="3">
        <v>41827.317326388889</v>
      </c>
      <c r="B34393" s="6">
        <v>572576.85</v>
      </c>
      <c r="C34393" s="7">
        <f t="shared" si="537"/>
        <v>572.57684999999992</v>
      </c>
      <c r="I34393" s="1"/>
    </row>
    <row r="34394" spans="1:9" x14ac:dyDescent="0.25">
      <c r="A34394" s="3">
        <v>41827.31890046296</v>
      </c>
      <c r="B34394" s="6">
        <v>572593.5</v>
      </c>
      <c r="C34394" s="7">
        <f t="shared" si="537"/>
        <v>572.59349999999995</v>
      </c>
      <c r="I34394" s="1"/>
    </row>
    <row r="34395" spans="1:9" x14ac:dyDescent="0.25">
      <c r="A34395" s="3">
        <v>41827.318981481483</v>
      </c>
      <c r="B34395" s="6">
        <v>572610.14999999991</v>
      </c>
      <c r="C34395" s="7">
        <f t="shared" si="537"/>
        <v>572.61014999999986</v>
      </c>
      <c r="I34395" s="1"/>
    </row>
    <row r="34396" spans="1:9" x14ac:dyDescent="0.25">
      <c r="A34396" s="3">
        <v>41827.32298611111</v>
      </c>
      <c r="B34396" s="6">
        <v>572626.79999999993</v>
      </c>
      <c r="C34396" s="7">
        <f t="shared" si="537"/>
        <v>572.62679999999989</v>
      </c>
      <c r="I34396" s="1"/>
    </row>
    <row r="34397" spans="1:9" x14ac:dyDescent="0.25">
      <c r="A34397" s="3">
        <v>41827.323113425926</v>
      </c>
      <c r="B34397" s="6">
        <v>572643.44999999995</v>
      </c>
      <c r="C34397" s="7">
        <f t="shared" si="537"/>
        <v>572.64344999999992</v>
      </c>
      <c r="I34397" s="1"/>
    </row>
    <row r="34398" spans="1:9" x14ac:dyDescent="0.25">
      <c r="A34398" s="3">
        <v>41827.326226851852</v>
      </c>
      <c r="B34398" s="6">
        <v>572660.1</v>
      </c>
      <c r="C34398" s="7">
        <f t="shared" si="537"/>
        <v>572.66009999999994</v>
      </c>
      <c r="I34398" s="1"/>
    </row>
    <row r="34399" spans="1:9" x14ac:dyDescent="0.25">
      <c r="A34399" s="3">
        <v>41827.326377314814</v>
      </c>
      <c r="B34399" s="6">
        <v>572676.75</v>
      </c>
      <c r="C34399" s="7">
        <f t="shared" si="537"/>
        <v>572.67674999999997</v>
      </c>
      <c r="I34399" s="1"/>
    </row>
    <row r="34400" spans="1:9" x14ac:dyDescent="0.25">
      <c r="A34400" s="3">
        <v>41827.33085648148</v>
      </c>
      <c r="B34400" s="6">
        <v>572693.39999999991</v>
      </c>
      <c r="C34400" s="7">
        <f t="shared" si="537"/>
        <v>572.69339999999988</v>
      </c>
      <c r="I34400" s="1"/>
    </row>
    <row r="34401" spans="1:9" x14ac:dyDescent="0.25">
      <c r="A34401" s="3">
        <v>41827.33222222222</v>
      </c>
      <c r="B34401" s="6">
        <v>572710.04999999993</v>
      </c>
      <c r="C34401" s="7">
        <f t="shared" si="537"/>
        <v>572.71004999999991</v>
      </c>
      <c r="I34401" s="1"/>
    </row>
    <row r="34402" spans="1:9" x14ac:dyDescent="0.25">
      <c r="A34402" s="3">
        <v>41827.333506944444</v>
      </c>
      <c r="B34402" s="6">
        <v>572726.69999999995</v>
      </c>
      <c r="C34402" s="7">
        <f t="shared" si="537"/>
        <v>572.72669999999994</v>
      </c>
      <c r="I34402" s="1"/>
    </row>
    <row r="34403" spans="1:9" x14ac:dyDescent="0.25">
      <c r="A34403" s="3">
        <v>41827.333645833336</v>
      </c>
      <c r="B34403" s="6">
        <v>572743.35</v>
      </c>
      <c r="C34403" s="7">
        <f t="shared" si="537"/>
        <v>572.74334999999996</v>
      </c>
      <c r="I34403" s="1"/>
    </row>
    <row r="34404" spans="1:9" x14ac:dyDescent="0.25">
      <c r="A34404" s="3">
        <v>41827.335381944446</v>
      </c>
      <c r="B34404" s="6">
        <v>572760</v>
      </c>
      <c r="C34404" s="7">
        <f t="shared" si="537"/>
        <v>572.76</v>
      </c>
      <c r="I34404" s="1"/>
    </row>
    <row r="34405" spans="1:9" x14ac:dyDescent="0.25">
      <c r="A34405" s="3">
        <v>41827.335497685184</v>
      </c>
      <c r="B34405" s="6">
        <v>572776.64999999991</v>
      </c>
      <c r="C34405" s="7">
        <f t="shared" si="537"/>
        <v>572.7766499999999</v>
      </c>
      <c r="I34405" s="1"/>
    </row>
    <row r="34406" spans="1:9" x14ac:dyDescent="0.25">
      <c r="A34406" s="3">
        <v>41827.338564814818</v>
      </c>
      <c r="B34406" s="6">
        <v>572793.29999999993</v>
      </c>
      <c r="C34406" s="7">
        <f t="shared" si="537"/>
        <v>572.79329999999993</v>
      </c>
      <c r="I34406" s="1"/>
    </row>
    <row r="34407" spans="1:9" x14ac:dyDescent="0.25">
      <c r="A34407" s="3">
        <v>41827.33865740741</v>
      </c>
      <c r="B34407" s="6">
        <v>572809.94999999995</v>
      </c>
      <c r="C34407" s="7">
        <f t="shared" si="537"/>
        <v>572.80994999999996</v>
      </c>
      <c r="I34407" s="1"/>
    </row>
    <row r="34408" spans="1:9" x14ac:dyDescent="0.25">
      <c r="A34408" s="3">
        <v>41827.339618055557</v>
      </c>
      <c r="B34408" s="6">
        <v>572826.6</v>
      </c>
      <c r="C34408" s="7">
        <f t="shared" si="537"/>
        <v>572.82659999999998</v>
      </c>
      <c r="I34408" s="1"/>
    </row>
    <row r="34409" spans="1:9" x14ac:dyDescent="0.25">
      <c r="A34409" s="3">
        <v>41827.342604166668</v>
      </c>
      <c r="B34409" s="6">
        <v>572843.25</v>
      </c>
      <c r="C34409" s="7">
        <f t="shared" si="537"/>
        <v>572.84325000000001</v>
      </c>
      <c r="I34409" s="1"/>
    </row>
    <row r="34410" spans="1:9" x14ac:dyDescent="0.25">
      <c r="A34410" s="3">
        <v>41827.382118055553</v>
      </c>
      <c r="B34410" s="6">
        <v>572859.89999999991</v>
      </c>
      <c r="C34410" s="7">
        <f t="shared" si="537"/>
        <v>572.85989999999993</v>
      </c>
      <c r="I34410" s="1"/>
    </row>
    <row r="34411" spans="1:9" x14ac:dyDescent="0.25">
      <c r="A34411" s="3">
        <v>41827.382337962961</v>
      </c>
      <c r="B34411" s="6">
        <v>572876.54999999993</v>
      </c>
      <c r="C34411" s="7">
        <f t="shared" si="537"/>
        <v>572.87654999999995</v>
      </c>
      <c r="I34411" s="1"/>
    </row>
    <row r="34412" spans="1:9" x14ac:dyDescent="0.25">
      <c r="A34412" s="3">
        <v>41827.393495370372</v>
      </c>
      <c r="B34412" s="6">
        <v>572893.19999999995</v>
      </c>
      <c r="C34412" s="7">
        <f t="shared" si="537"/>
        <v>572.89319999999998</v>
      </c>
      <c r="I34412" s="1"/>
    </row>
    <row r="34413" spans="1:9" x14ac:dyDescent="0.25">
      <c r="A34413" s="3">
        <v>41827.39366898148</v>
      </c>
      <c r="B34413" s="6">
        <v>572909.85</v>
      </c>
      <c r="C34413" s="7">
        <f t="shared" si="537"/>
        <v>572.90985000000001</v>
      </c>
      <c r="I34413" s="1"/>
    </row>
    <row r="34414" spans="1:9" x14ac:dyDescent="0.25">
      <c r="A34414" s="3">
        <v>41827.401446759257</v>
      </c>
      <c r="B34414" s="6">
        <v>572926.5</v>
      </c>
      <c r="C34414" s="7">
        <f t="shared" si="537"/>
        <v>572.92650000000003</v>
      </c>
      <c r="I34414" s="1"/>
    </row>
    <row r="34415" spans="1:9" x14ac:dyDescent="0.25">
      <c r="A34415" s="3">
        <v>41827.401574074072</v>
      </c>
      <c r="B34415" s="6">
        <v>572943.14999999991</v>
      </c>
      <c r="C34415" s="7">
        <f t="shared" si="537"/>
        <v>572.94314999999995</v>
      </c>
      <c r="I34415" s="1"/>
    </row>
    <row r="34416" spans="1:9" x14ac:dyDescent="0.25">
      <c r="A34416" s="3">
        <v>41827.408530092594</v>
      </c>
      <c r="B34416" s="6">
        <v>572959.79999999993</v>
      </c>
      <c r="C34416" s="7">
        <f t="shared" si="537"/>
        <v>572.95979999999997</v>
      </c>
      <c r="I34416" s="1"/>
    </row>
    <row r="34417" spans="1:9" x14ac:dyDescent="0.25">
      <c r="A34417" s="3">
        <v>41827.408692129633</v>
      </c>
      <c r="B34417" s="6">
        <v>572976.44999999995</v>
      </c>
      <c r="C34417" s="7">
        <f t="shared" si="537"/>
        <v>572.97645</v>
      </c>
      <c r="I34417" s="1"/>
    </row>
    <row r="34418" spans="1:9" x14ac:dyDescent="0.25">
      <c r="A34418" s="3">
        <v>41827.411932870367</v>
      </c>
      <c r="B34418" s="6">
        <v>572993.1</v>
      </c>
      <c r="C34418" s="7">
        <f t="shared" si="537"/>
        <v>572.99310000000003</v>
      </c>
      <c r="I34418" s="1"/>
    </row>
    <row r="34419" spans="1:9" x14ac:dyDescent="0.25">
      <c r="A34419" s="3">
        <v>41827.412106481483</v>
      </c>
      <c r="B34419" s="6">
        <v>573009.75</v>
      </c>
      <c r="C34419" s="7">
        <f t="shared" si="537"/>
        <v>573.00975000000005</v>
      </c>
      <c r="I34419" s="1"/>
    </row>
    <row r="34420" spans="1:9" x14ac:dyDescent="0.25">
      <c r="A34420" s="3">
        <v>41827.414768518516</v>
      </c>
      <c r="B34420" s="6">
        <v>573026.39999999991</v>
      </c>
      <c r="C34420" s="7">
        <f t="shared" si="537"/>
        <v>573.02639999999985</v>
      </c>
      <c r="I34420" s="1"/>
    </row>
    <row r="34421" spans="1:9" x14ac:dyDescent="0.25">
      <c r="A34421" s="3">
        <v>41827.414872685185</v>
      </c>
      <c r="B34421" s="6">
        <v>573043.04999999993</v>
      </c>
      <c r="C34421" s="7">
        <f t="shared" si="537"/>
        <v>573.04304999999988</v>
      </c>
      <c r="I34421" s="1"/>
    </row>
    <row r="34422" spans="1:9" x14ac:dyDescent="0.25">
      <c r="A34422" s="3">
        <v>41827.422002314815</v>
      </c>
      <c r="B34422" s="6">
        <v>573059.69999999995</v>
      </c>
      <c r="C34422" s="7">
        <f t="shared" si="537"/>
        <v>573.05969999999991</v>
      </c>
      <c r="I34422" s="1"/>
    </row>
    <row r="34423" spans="1:9" x14ac:dyDescent="0.25">
      <c r="A34423" s="3">
        <v>41827.422152777777</v>
      </c>
      <c r="B34423" s="6">
        <v>573076.35</v>
      </c>
      <c r="C34423" s="7">
        <f t="shared" si="537"/>
        <v>573.07634999999993</v>
      </c>
      <c r="I34423" s="1"/>
    </row>
    <row r="34424" spans="1:9" x14ac:dyDescent="0.25">
      <c r="A34424" s="3">
        <v>41827.43109953704</v>
      </c>
      <c r="B34424" s="6">
        <v>573093</v>
      </c>
      <c r="C34424" s="7">
        <f t="shared" si="537"/>
        <v>573.09299999999996</v>
      </c>
      <c r="I34424" s="1"/>
    </row>
    <row r="34425" spans="1:9" x14ac:dyDescent="0.25">
      <c r="A34425" s="3">
        <v>41827.431192129632</v>
      </c>
      <c r="B34425" s="6">
        <v>573109.64999999991</v>
      </c>
      <c r="C34425" s="7">
        <f t="shared" si="537"/>
        <v>573.10964999999987</v>
      </c>
      <c r="I34425" s="1"/>
    </row>
    <row r="34426" spans="1:9" x14ac:dyDescent="0.25">
      <c r="A34426" s="3">
        <v>41827.433182870373</v>
      </c>
      <c r="B34426" s="6">
        <v>573126.29999999993</v>
      </c>
      <c r="C34426" s="7">
        <f t="shared" si="537"/>
        <v>573.1262999999999</v>
      </c>
      <c r="I34426" s="1"/>
    </row>
    <row r="34427" spans="1:9" x14ac:dyDescent="0.25">
      <c r="A34427" s="3">
        <v>41827.433333333334</v>
      </c>
      <c r="B34427" s="6">
        <v>573142.94999999995</v>
      </c>
      <c r="C34427" s="7">
        <f t="shared" si="537"/>
        <v>573.14294999999993</v>
      </c>
      <c r="I34427" s="1"/>
    </row>
    <row r="34428" spans="1:9" x14ac:dyDescent="0.25">
      <c r="A34428" s="3">
        <v>41827.439930555556</v>
      </c>
      <c r="B34428" s="6">
        <v>573159.6</v>
      </c>
      <c r="C34428" s="7">
        <f t="shared" si="537"/>
        <v>573.15959999999995</v>
      </c>
      <c r="I34428" s="1"/>
    </row>
    <row r="34429" spans="1:9" x14ac:dyDescent="0.25">
      <c r="A34429" s="3">
        <v>41827.440138888887</v>
      </c>
      <c r="B34429" s="6">
        <v>573176.25</v>
      </c>
      <c r="C34429" s="7">
        <f t="shared" si="537"/>
        <v>573.17624999999998</v>
      </c>
      <c r="I34429" s="1"/>
    </row>
    <row r="34430" spans="1:9" x14ac:dyDescent="0.25">
      <c r="A34430" s="3">
        <v>41827.442152777781</v>
      </c>
      <c r="B34430" s="6">
        <v>573192.89999999991</v>
      </c>
      <c r="C34430" s="7">
        <f t="shared" si="537"/>
        <v>573.1928999999999</v>
      </c>
      <c r="I34430" s="1"/>
    </row>
    <row r="34431" spans="1:9" x14ac:dyDescent="0.25">
      <c r="A34431" s="3">
        <v>41827.442291666666</v>
      </c>
      <c r="B34431" s="6">
        <v>573209.54999999993</v>
      </c>
      <c r="C34431" s="7">
        <f t="shared" si="537"/>
        <v>573.20954999999992</v>
      </c>
      <c r="I34431" s="1"/>
    </row>
    <row r="34432" spans="1:9" x14ac:dyDescent="0.25">
      <c r="A34432" s="3">
        <v>41827.445729166669</v>
      </c>
      <c r="B34432" s="6">
        <v>573226.19999999995</v>
      </c>
      <c r="C34432" s="7">
        <f t="shared" si="537"/>
        <v>573.22619999999995</v>
      </c>
      <c r="I34432" s="1"/>
    </row>
    <row r="34433" spans="1:9" x14ac:dyDescent="0.25">
      <c r="A34433" s="3">
        <v>41827.445902777778</v>
      </c>
      <c r="B34433" s="6">
        <v>573242.85</v>
      </c>
      <c r="C34433" s="7">
        <f t="shared" si="537"/>
        <v>573.24284999999998</v>
      </c>
      <c r="I34433" s="1"/>
    </row>
    <row r="34434" spans="1:9" x14ac:dyDescent="0.25">
      <c r="A34434" s="3">
        <v>41827.44809027778</v>
      </c>
      <c r="B34434" s="6">
        <v>573259.5</v>
      </c>
      <c r="C34434" s="7">
        <f t="shared" si="537"/>
        <v>573.2595</v>
      </c>
      <c r="I34434" s="1"/>
    </row>
    <row r="34435" spans="1:9" x14ac:dyDescent="0.25">
      <c r="A34435" s="3">
        <v>41827.448252314818</v>
      </c>
      <c r="B34435" s="6">
        <v>573276.14999999991</v>
      </c>
      <c r="C34435" s="7">
        <f t="shared" ref="C34435:C34498" si="538">B34435/1000</f>
        <v>573.27614999999992</v>
      </c>
      <c r="I34435" s="1"/>
    </row>
    <row r="34436" spans="1:9" x14ac:dyDescent="0.25">
      <c r="A34436" s="3">
        <v>41827.451956018522</v>
      </c>
      <c r="B34436" s="6">
        <v>573292.79999999993</v>
      </c>
      <c r="C34436" s="7">
        <f t="shared" si="538"/>
        <v>573.29279999999994</v>
      </c>
      <c r="I34436" s="1"/>
    </row>
    <row r="34437" spans="1:9" x14ac:dyDescent="0.25">
      <c r="A34437" s="3">
        <v>41827.45207175926</v>
      </c>
      <c r="B34437" s="6">
        <v>573309.44999999995</v>
      </c>
      <c r="C34437" s="7">
        <f t="shared" si="538"/>
        <v>573.30944999999997</v>
      </c>
      <c r="I34437" s="1"/>
    </row>
    <row r="34438" spans="1:9" x14ac:dyDescent="0.25">
      <c r="A34438" s="3">
        <v>41827.455821759257</v>
      </c>
      <c r="B34438" s="6">
        <v>573326.1</v>
      </c>
      <c r="C34438" s="7">
        <f t="shared" si="538"/>
        <v>573.3261</v>
      </c>
      <c r="I34438" s="1"/>
    </row>
    <row r="34439" spans="1:9" x14ac:dyDescent="0.25">
      <c r="A34439" s="3">
        <v>41827.456238425926</v>
      </c>
      <c r="B34439" s="6">
        <v>573342.75</v>
      </c>
      <c r="C34439" s="7">
        <f t="shared" si="538"/>
        <v>573.34275000000002</v>
      </c>
      <c r="I34439" s="1"/>
    </row>
    <row r="34440" spans="1:9" x14ac:dyDescent="0.25">
      <c r="A34440" s="3">
        <v>41827.457962962966</v>
      </c>
      <c r="B34440" s="6">
        <v>573359.39999999991</v>
      </c>
      <c r="C34440" s="7">
        <f t="shared" si="538"/>
        <v>573.35939999999994</v>
      </c>
      <c r="I34440" s="1"/>
    </row>
    <row r="34441" spans="1:9" x14ac:dyDescent="0.25">
      <c r="A34441" s="3">
        <v>41827.458055555559</v>
      </c>
      <c r="B34441" s="6">
        <v>573376.04999999993</v>
      </c>
      <c r="C34441" s="7">
        <f t="shared" si="538"/>
        <v>573.37604999999996</v>
      </c>
      <c r="I34441" s="1"/>
    </row>
    <row r="34442" spans="1:9" x14ac:dyDescent="0.25">
      <c r="A34442" s="3">
        <v>41827.460185185184</v>
      </c>
      <c r="B34442" s="6">
        <v>573392.69999999995</v>
      </c>
      <c r="C34442" s="7">
        <f t="shared" si="538"/>
        <v>573.39269999999999</v>
      </c>
      <c r="I34442" s="1"/>
    </row>
    <row r="34443" spans="1:9" x14ac:dyDescent="0.25">
      <c r="A34443" s="3">
        <v>41827.460486111115</v>
      </c>
      <c r="B34443" s="6">
        <v>573409.35</v>
      </c>
      <c r="C34443" s="7">
        <f t="shared" si="538"/>
        <v>573.40935000000002</v>
      </c>
      <c r="I34443" s="1"/>
    </row>
    <row r="34444" spans="1:9" x14ac:dyDescent="0.25">
      <c r="A34444" s="3">
        <v>41827.462129629632</v>
      </c>
      <c r="B34444" s="6">
        <v>573426</v>
      </c>
      <c r="C34444" s="7">
        <f t="shared" si="538"/>
        <v>573.42600000000004</v>
      </c>
      <c r="I34444" s="1"/>
    </row>
    <row r="34445" spans="1:9" x14ac:dyDescent="0.25">
      <c r="A34445" s="3">
        <v>41827.462638888886</v>
      </c>
      <c r="B34445" s="6">
        <v>573442.64999999991</v>
      </c>
      <c r="C34445" s="7">
        <f t="shared" si="538"/>
        <v>573.44264999999996</v>
      </c>
      <c r="I34445" s="1"/>
    </row>
    <row r="34446" spans="1:9" x14ac:dyDescent="0.25">
      <c r="A34446" s="3">
        <v>41827.46601851852</v>
      </c>
      <c r="B34446" s="6">
        <v>573459.29999999993</v>
      </c>
      <c r="C34446" s="7">
        <f t="shared" si="538"/>
        <v>573.45929999999998</v>
      </c>
      <c r="I34446" s="1"/>
    </row>
    <row r="34447" spans="1:9" x14ac:dyDescent="0.25">
      <c r="A34447" s="3">
        <v>41827.466168981482</v>
      </c>
      <c r="B34447" s="6">
        <v>573475.94999999995</v>
      </c>
      <c r="C34447" s="7">
        <f t="shared" si="538"/>
        <v>573.4759499999999</v>
      </c>
      <c r="I34447" s="1"/>
    </row>
    <row r="34448" spans="1:9" x14ac:dyDescent="0.25">
      <c r="A34448" s="3">
        <v>41827.467476851853</v>
      </c>
      <c r="B34448" s="6">
        <v>573492.6</v>
      </c>
      <c r="C34448" s="7">
        <f t="shared" si="538"/>
        <v>573.49259999999992</v>
      </c>
      <c r="I34448" s="1"/>
    </row>
    <row r="34449" spans="1:9" x14ac:dyDescent="0.25">
      <c r="A34449" s="3">
        <v>41827.467662037037</v>
      </c>
      <c r="B34449" s="6">
        <v>573509.25</v>
      </c>
      <c r="C34449" s="7">
        <f t="shared" si="538"/>
        <v>573.50924999999995</v>
      </c>
      <c r="I34449" s="1"/>
    </row>
    <row r="34450" spans="1:9" x14ac:dyDescent="0.25">
      <c r="A34450" s="3">
        <v>41827.47314814815</v>
      </c>
      <c r="B34450" s="6">
        <v>573525.89999999991</v>
      </c>
      <c r="C34450" s="7">
        <f t="shared" si="538"/>
        <v>573.52589999999987</v>
      </c>
      <c r="I34450" s="1"/>
    </row>
    <row r="34451" spans="1:9" x14ac:dyDescent="0.25">
      <c r="A34451" s="3">
        <v>41827.47320601852</v>
      </c>
      <c r="B34451" s="6">
        <v>573542.54999999993</v>
      </c>
      <c r="C34451" s="7">
        <f t="shared" si="538"/>
        <v>573.54254999999989</v>
      </c>
      <c r="I34451" s="1"/>
    </row>
    <row r="34452" spans="1:9" x14ac:dyDescent="0.25">
      <c r="A34452" s="3">
        <v>41827.473946759259</v>
      </c>
      <c r="B34452" s="6">
        <v>573559.19999999995</v>
      </c>
      <c r="C34452" s="7">
        <f t="shared" si="538"/>
        <v>573.55919999999992</v>
      </c>
      <c r="I34452" s="1"/>
    </row>
    <row r="34453" spans="1:9" x14ac:dyDescent="0.25">
      <c r="A34453" s="3">
        <v>41827.474016203705</v>
      </c>
      <c r="B34453" s="6">
        <v>573575.85</v>
      </c>
      <c r="C34453" s="7">
        <f t="shared" si="538"/>
        <v>573.57584999999995</v>
      </c>
      <c r="I34453" s="1"/>
    </row>
    <row r="34454" spans="1:9" x14ac:dyDescent="0.25">
      <c r="A34454" s="3">
        <v>41827.474756944444</v>
      </c>
      <c r="B34454" s="6">
        <v>573592.5</v>
      </c>
      <c r="C34454" s="7">
        <f t="shared" si="538"/>
        <v>573.59249999999997</v>
      </c>
      <c r="I34454" s="1"/>
    </row>
    <row r="34455" spans="1:9" x14ac:dyDescent="0.25">
      <c r="A34455" s="3">
        <v>41827.474895833337</v>
      </c>
      <c r="B34455" s="6">
        <v>573609.14999999991</v>
      </c>
      <c r="C34455" s="7">
        <f t="shared" si="538"/>
        <v>573.60914999999989</v>
      </c>
      <c r="I34455" s="1"/>
    </row>
    <row r="34456" spans="1:9" x14ac:dyDescent="0.25">
      <c r="A34456" s="3">
        <v>41827.477175925924</v>
      </c>
      <c r="B34456" s="6">
        <v>573625.79999999993</v>
      </c>
      <c r="C34456" s="7">
        <f t="shared" si="538"/>
        <v>573.62579999999991</v>
      </c>
      <c r="I34456" s="1"/>
    </row>
    <row r="34457" spans="1:9" x14ac:dyDescent="0.25">
      <c r="A34457" s="3">
        <v>41827.477256944447</v>
      </c>
      <c r="B34457" s="6">
        <v>573642.44999999995</v>
      </c>
      <c r="C34457" s="7">
        <f t="shared" si="538"/>
        <v>573.64244999999994</v>
      </c>
      <c r="I34457" s="1"/>
    </row>
    <row r="34458" spans="1:9" x14ac:dyDescent="0.25">
      <c r="A34458" s="3">
        <v>41827.479108796295</v>
      </c>
      <c r="B34458" s="6">
        <v>573659.1</v>
      </c>
      <c r="C34458" s="7">
        <f t="shared" si="538"/>
        <v>573.65909999999997</v>
      </c>
      <c r="I34458" s="1"/>
    </row>
    <row r="34459" spans="1:9" x14ac:dyDescent="0.25">
      <c r="A34459" s="3">
        <v>41827.47928240741</v>
      </c>
      <c r="B34459" s="6">
        <v>573675.75</v>
      </c>
      <c r="C34459" s="7">
        <f t="shared" si="538"/>
        <v>573.67574999999999</v>
      </c>
      <c r="I34459" s="1"/>
    </row>
    <row r="34460" spans="1:9" x14ac:dyDescent="0.25">
      <c r="A34460" s="3">
        <v>41827.480567129627</v>
      </c>
      <c r="B34460" s="6">
        <v>573692.39999999991</v>
      </c>
      <c r="C34460" s="7">
        <f t="shared" si="538"/>
        <v>573.69239999999991</v>
      </c>
      <c r="I34460" s="1"/>
    </row>
    <row r="34461" spans="1:9" x14ac:dyDescent="0.25">
      <c r="A34461" s="3">
        <v>41827.481273148151</v>
      </c>
      <c r="B34461" s="6">
        <v>573709.04999999993</v>
      </c>
      <c r="C34461" s="7">
        <f t="shared" si="538"/>
        <v>573.70904999999993</v>
      </c>
      <c r="I34461" s="1"/>
    </row>
    <row r="34462" spans="1:9" x14ac:dyDescent="0.25">
      <c r="A34462" s="3">
        <v>41827.485613425924</v>
      </c>
      <c r="B34462" s="6">
        <v>573725.69999999995</v>
      </c>
      <c r="C34462" s="7">
        <f t="shared" si="538"/>
        <v>573.72569999999996</v>
      </c>
      <c r="I34462" s="1"/>
    </row>
    <row r="34463" spans="1:9" x14ac:dyDescent="0.25">
      <c r="A34463" s="3">
        <v>41827.485821759263</v>
      </c>
      <c r="B34463" s="6">
        <v>573742.35</v>
      </c>
      <c r="C34463" s="7">
        <f t="shared" si="538"/>
        <v>573.74234999999999</v>
      </c>
      <c r="I34463" s="1"/>
    </row>
    <row r="34464" spans="1:9" x14ac:dyDescent="0.25">
      <c r="A34464" s="3">
        <v>41827.488842592589</v>
      </c>
      <c r="B34464" s="6">
        <v>573759</v>
      </c>
      <c r="C34464" s="7">
        <f t="shared" si="538"/>
        <v>573.75900000000001</v>
      </c>
      <c r="I34464" s="1"/>
    </row>
    <row r="34465" spans="1:9" x14ac:dyDescent="0.25">
      <c r="A34465" s="3">
        <v>41827.489016203705</v>
      </c>
      <c r="B34465" s="6">
        <v>573775.64999999991</v>
      </c>
      <c r="C34465" s="7">
        <f t="shared" si="538"/>
        <v>573.77564999999993</v>
      </c>
      <c r="I34465" s="1"/>
    </row>
    <row r="34466" spans="1:9" x14ac:dyDescent="0.25">
      <c r="A34466" s="3">
        <v>41827.491030092591</v>
      </c>
      <c r="B34466" s="6">
        <v>573792.29999999993</v>
      </c>
      <c r="C34466" s="7">
        <f t="shared" si="538"/>
        <v>573.79229999999995</v>
      </c>
      <c r="I34466" s="1"/>
    </row>
    <row r="34467" spans="1:9" x14ac:dyDescent="0.25">
      <c r="A34467" s="3">
        <v>41827.49113425926</v>
      </c>
      <c r="B34467" s="6">
        <v>573808.94999999995</v>
      </c>
      <c r="C34467" s="7">
        <f t="shared" si="538"/>
        <v>573.80894999999998</v>
      </c>
      <c r="I34467" s="1"/>
    </row>
    <row r="34468" spans="1:9" x14ac:dyDescent="0.25">
      <c r="A34468" s="3">
        <v>41827.493784722225</v>
      </c>
      <c r="B34468" s="6">
        <v>573825.6</v>
      </c>
      <c r="C34468" s="7">
        <f t="shared" si="538"/>
        <v>573.82560000000001</v>
      </c>
      <c r="I34468" s="1"/>
    </row>
    <row r="34469" spans="1:9" x14ac:dyDescent="0.25">
      <c r="A34469" s="3">
        <v>41827.493900462963</v>
      </c>
      <c r="B34469" s="6">
        <v>573842.25</v>
      </c>
      <c r="C34469" s="7">
        <f t="shared" si="538"/>
        <v>573.84225000000004</v>
      </c>
      <c r="I34469" s="1"/>
    </row>
    <row r="34470" spans="1:9" x14ac:dyDescent="0.25">
      <c r="A34470" s="3">
        <v>41827.494722222225</v>
      </c>
      <c r="B34470" s="6">
        <v>573858.89999999991</v>
      </c>
      <c r="C34470" s="7">
        <f t="shared" si="538"/>
        <v>573.85889999999995</v>
      </c>
      <c r="I34470" s="1"/>
    </row>
    <row r="34471" spans="1:9" x14ac:dyDescent="0.25">
      <c r="A34471" s="3">
        <v>41827.494872685187</v>
      </c>
      <c r="B34471" s="6">
        <v>573875.54999999993</v>
      </c>
      <c r="C34471" s="7">
        <f t="shared" si="538"/>
        <v>573.87554999999998</v>
      </c>
      <c r="I34471" s="1"/>
    </row>
    <row r="34472" spans="1:9" x14ac:dyDescent="0.25">
      <c r="A34472" s="3">
        <v>41827.498344907406</v>
      </c>
      <c r="B34472" s="6">
        <v>573892.19999999995</v>
      </c>
      <c r="C34472" s="7">
        <f t="shared" si="538"/>
        <v>573.8922</v>
      </c>
      <c r="I34472" s="1"/>
    </row>
    <row r="34473" spans="1:9" x14ac:dyDescent="0.25">
      <c r="A34473" s="3">
        <v>41827.498449074075</v>
      </c>
      <c r="B34473" s="6">
        <v>573908.85</v>
      </c>
      <c r="C34473" s="7">
        <f t="shared" si="538"/>
        <v>573.90885000000003</v>
      </c>
      <c r="I34473" s="1"/>
    </row>
    <row r="34474" spans="1:9" x14ac:dyDescent="0.25">
      <c r="A34474" s="3">
        <v>41827.50167824074</v>
      </c>
      <c r="B34474" s="6">
        <v>573925.5</v>
      </c>
      <c r="C34474" s="7">
        <f t="shared" si="538"/>
        <v>573.92550000000006</v>
      </c>
      <c r="I34474" s="1"/>
    </row>
    <row r="34475" spans="1:9" x14ac:dyDescent="0.25">
      <c r="A34475" s="3">
        <v>41827.501747685186</v>
      </c>
      <c r="B34475" s="6">
        <v>573942.14999999991</v>
      </c>
      <c r="C34475" s="7">
        <f t="shared" si="538"/>
        <v>573.94214999999986</v>
      </c>
      <c r="I34475" s="1"/>
    </row>
    <row r="34476" spans="1:9" x14ac:dyDescent="0.25">
      <c r="A34476" s="3">
        <v>41827.507789351854</v>
      </c>
      <c r="B34476" s="6">
        <v>573958.79999999993</v>
      </c>
      <c r="C34476" s="7">
        <f t="shared" si="538"/>
        <v>573.95879999999988</v>
      </c>
      <c r="I34476" s="1"/>
    </row>
    <row r="34477" spans="1:9" x14ac:dyDescent="0.25">
      <c r="A34477" s="3">
        <v>41827.508009259262</v>
      </c>
      <c r="B34477" s="6">
        <v>573975.44999999995</v>
      </c>
      <c r="C34477" s="7">
        <f t="shared" si="538"/>
        <v>573.97544999999991</v>
      </c>
      <c r="I34477" s="1"/>
    </row>
    <row r="34478" spans="1:9" x14ac:dyDescent="0.25">
      <c r="A34478" s="3">
        <v>41827.509606481479</v>
      </c>
      <c r="B34478" s="6">
        <v>573992.1</v>
      </c>
      <c r="C34478" s="7">
        <f t="shared" si="538"/>
        <v>573.99209999999994</v>
      </c>
      <c r="I34478" s="1"/>
    </row>
    <row r="34479" spans="1:9" x14ac:dyDescent="0.25">
      <c r="A34479" s="3">
        <v>41827.509780092594</v>
      </c>
      <c r="B34479" s="6">
        <v>574008.75</v>
      </c>
      <c r="C34479" s="7">
        <f t="shared" si="538"/>
        <v>574.00874999999996</v>
      </c>
      <c r="I34479" s="1"/>
    </row>
    <row r="34480" spans="1:9" x14ac:dyDescent="0.25">
      <c r="A34480" s="3">
        <v>41827.510740740741</v>
      </c>
      <c r="B34480" s="6">
        <v>574025.39999999991</v>
      </c>
      <c r="C34480" s="7">
        <f t="shared" si="538"/>
        <v>574.02539999999988</v>
      </c>
      <c r="I34480" s="1"/>
    </row>
    <row r="34481" spans="1:9" x14ac:dyDescent="0.25">
      <c r="A34481" s="3">
        <v>41827.510821759257</v>
      </c>
      <c r="B34481" s="6">
        <v>574042.04999999993</v>
      </c>
      <c r="C34481" s="7">
        <f t="shared" si="538"/>
        <v>574.0420499999999</v>
      </c>
      <c r="I34481" s="1"/>
    </row>
    <row r="34482" spans="1:9" x14ac:dyDescent="0.25">
      <c r="A34482" s="3">
        <v>41827.511550925927</v>
      </c>
      <c r="B34482" s="6">
        <v>574058.69999999995</v>
      </c>
      <c r="C34482" s="7">
        <f t="shared" si="538"/>
        <v>574.05869999999993</v>
      </c>
      <c r="I34482" s="1"/>
    </row>
    <row r="34483" spans="1:9" x14ac:dyDescent="0.25">
      <c r="A34483" s="3">
        <v>41827.511620370373</v>
      </c>
      <c r="B34483" s="6">
        <v>574075.35</v>
      </c>
      <c r="C34483" s="7">
        <f t="shared" si="538"/>
        <v>574.07534999999996</v>
      </c>
      <c r="I34483" s="1"/>
    </row>
    <row r="34484" spans="1:9" x14ac:dyDescent="0.25">
      <c r="A34484" s="3">
        <v>41827.512962962966</v>
      </c>
      <c r="B34484" s="6">
        <v>574092</v>
      </c>
      <c r="C34484" s="7">
        <f t="shared" si="538"/>
        <v>574.09199999999998</v>
      </c>
      <c r="I34484" s="1"/>
    </row>
    <row r="34485" spans="1:9" x14ac:dyDescent="0.25">
      <c r="A34485" s="3">
        <v>41827.513032407405</v>
      </c>
      <c r="B34485" s="6">
        <v>574108.64999999991</v>
      </c>
      <c r="C34485" s="7">
        <f t="shared" si="538"/>
        <v>574.1086499999999</v>
      </c>
      <c r="I34485" s="1"/>
    </row>
    <row r="34486" spans="1:9" x14ac:dyDescent="0.25">
      <c r="A34486" s="3">
        <v>41827.513854166667</v>
      </c>
      <c r="B34486" s="6">
        <v>574125.29999999993</v>
      </c>
      <c r="C34486" s="7">
        <f t="shared" si="538"/>
        <v>574.12529999999992</v>
      </c>
      <c r="I34486" s="1"/>
    </row>
    <row r="34487" spans="1:9" x14ac:dyDescent="0.25">
      <c r="A34487" s="3">
        <v>41827.513993055552</v>
      </c>
      <c r="B34487" s="6">
        <v>574141.94999999995</v>
      </c>
      <c r="C34487" s="7">
        <f t="shared" si="538"/>
        <v>574.14194999999995</v>
      </c>
      <c r="I34487" s="1"/>
    </row>
    <row r="34488" spans="1:9" x14ac:dyDescent="0.25">
      <c r="A34488" s="3">
        <v>41827.515983796293</v>
      </c>
      <c r="B34488" s="6">
        <v>574158.6</v>
      </c>
      <c r="C34488" s="7">
        <f t="shared" si="538"/>
        <v>574.15859999999998</v>
      </c>
      <c r="I34488" s="1"/>
    </row>
    <row r="34489" spans="1:9" x14ac:dyDescent="0.25">
      <c r="A34489" s="3">
        <v>41827.516145833331</v>
      </c>
      <c r="B34489" s="6">
        <v>574175.25</v>
      </c>
      <c r="C34489" s="7">
        <f t="shared" si="538"/>
        <v>574.17525000000001</v>
      </c>
      <c r="I34489" s="1"/>
    </row>
    <row r="34490" spans="1:9" x14ac:dyDescent="0.25">
      <c r="A34490" s="3">
        <v>41827.517152777778</v>
      </c>
      <c r="B34490" s="6">
        <v>574191.89999999991</v>
      </c>
      <c r="C34490" s="7">
        <f t="shared" si="538"/>
        <v>574.19189999999992</v>
      </c>
      <c r="I34490" s="1"/>
    </row>
    <row r="34491" spans="1:9" x14ac:dyDescent="0.25">
      <c r="A34491" s="3">
        <v>41827.517233796294</v>
      </c>
      <c r="B34491" s="6">
        <v>574208.54999999993</v>
      </c>
      <c r="C34491" s="7">
        <f t="shared" si="538"/>
        <v>574.20854999999995</v>
      </c>
      <c r="I34491" s="1"/>
    </row>
    <row r="34492" spans="1:9" x14ac:dyDescent="0.25">
      <c r="A34492" s="3">
        <v>41827.518368055556</v>
      </c>
      <c r="B34492" s="6">
        <v>574225.19999999995</v>
      </c>
      <c r="C34492" s="7">
        <f t="shared" si="538"/>
        <v>574.22519999999997</v>
      </c>
      <c r="I34492" s="1"/>
    </row>
    <row r="34493" spans="1:9" x14ac:dyDescent="0.25">
      <c r="A34493" s="3">
        <v>41827.518449074072</v>
      </c>
      <c r="B34493" s="6">
        <v>574241.85</v>
      </c>
      <c r="C34493" s="7">
        <f t="shared" si="538"/>
        <v>574.24185</v>
      </c>
      <c r="I34493" s="1"/>
    </row>
    <row r="34494" spans="1:9" x14ac:dyDescent="0.25">
      <c r="A34494" s="3">
        <v>41827.521273148152</v>
      </c>
      <c r="B34494" s="6">
        <v>574258.5</v>
      </c>
      <c r="C34494" s="7">
        <f t="shared" si="538"/>
        <v>574.25850000000003</v>
      </c>
      <c r="I34494" s="1"/>
    </row>
    <row r="34495" spans="1:9" x14ac:dyDescent="0.25">
      <c r="A34495" s="3">
        <v>41827.523472222223</v>
      </c>
      <c r="B34495" s="6">
        <v>574275.14999999991</v>
      </c>
      <c r="C34495" s="7">
        <f t="shared" si="538"/>
        <v>574.27514999999994</v>
      </c>
      <c r="I34495" s="1"/>
    </row>
    <row r="34496" spans="1:9" x14ac:dyDescent="0.25">
      <c r="A34496" s="3">
        <v>41827.524398148147</v>
      </c>
      <c r="B34496" s="6">
        <v>574291.79999999993</v>
      </c>
      <c r="C34496" s="7">
        <f t="shared" si="538"/>
        <v>574.29179999999997</v>
      </c>
      <c r="I34496" s="1"/>
    </row>
    <row r="34497" spans="1:9" x14ac:dyDescent="0.25">
      <c r="A34497" s="3">
        <v>41827.524641203701</v>
      </c>
      <c r="B34497" s="6">
        <v>574308.44999999995</v>
      </c>
      <c r="C34497" s="7">
        <f t="shared" si="538"/>
        <v>574.30844999999999</v>
      </c>
      <c r="I34497" s="1"/>
    </row>
    <row r="34498" spans="1:9" x14ac:dyDescent="0.25">
      <c r="A34498" s="3">
        <v>41827.525729166664</v>
      </c>
      <c r="B34498" s="6">
        <v>574325.1</v>
      </c>
      <c r="C34498" s="7">
        <f t="shared" si="538"/>
        <v>574.32510000000002</v>
      </c>
      <c r="I34498" s="1"/>
    </row>
    <row r="34499" spans="1:9" x14ac:dyDescent="0.25">
      <c r="A34499" s="3">
        <v>41827.525856481479</v>
      </c>
      <c r="B34499" s="6">
        <v>574341.75</v>
      </c>
      <c r="C34499" s="7">
        <f t="shared" ref="C34499:C34562" si="539">B34499/1000</f>
        <v>574.34175000000005</v>
      </c>
      <c r="I34499" s="1"/>
    </row>
    <row r="34500" spans="1:9" x14ac:dyDescent="0.25">
      <c r="A34500" s="3">
        <v>41827.526875000003</v>
      </c>
      <c r="B34500" s="6">
        <v>574358.39999999991</v>
      </c>
      <c r="C34500" s="7">
        <f t="shared" si="539"/>
        <v>574.35839999999996</v>
      </c>
      <c r="I34500" s="1"/>
    </row>
    <row r="34501" spans="1:9" x14ac:dyDescent="0.25">
      <c r="A34501" s="3">
        <v>41827.526956018519</v>
      </c>
      <c r="B34501" s="6">
        <v>574375.04999999993</v>
      </c>
      <c r="C34501" s="7">
        <f t="shared" si="539"/>
        <v>574.37504999999987</v>
      </c>
      <c r="I34501" s="1"/>
    </row>
    <row r="34502" spans="1:9" x14ac:dyDescent="0.25">
      <c r="A34502" s="3">
        <v>41827.527939814812</v>
      </c>
      <c r="B34502" s="6">
        <v>574391.69999999995</v>
      </c>
      <c r="C34502" s="7">
        <f t="shared" si="539"/>
        <v>574.3916999999999</v>
      </c>
      <c r="I34502" s="1"/>
    </row>
    <row r="34503" spans="1:9" x14ac:dyDescent="0.25">
      <c r="A34503" s="3">
        <v>41827.528067129628</v>
      </c>
      <c r="B34503" s="6">
        <v>574408.35</v>
      </c>
      <c r="C34503" s="7">
        <f t="shared" si="539"/>
        <v>574.40834999999993</v>
      </c>
      <c r="I34503" s="1"/>
    </row>
    <row r="34504" spans="1:9" x14ac:dyDescent="0.25">
      <c r="A34504" s="3">
        <v>41827.530960648146</v>
      </c>
      <c r="B34504" s="6">
        <v>574425</v>
      </c>
      <c r="C34504" s="7">
        <f t="shared" si="539"/>
        <v>574.42499999999995</v>
      </c>
      <c r="I34504" s="1"/>
    </row>
    <row r="34505" spans="1:9" x14ac:dyDescent="0.25">
      <c r="A34505" s="3">
        <v>41827.533252314817</v>
      </c>
      <c r="B34505" s="6">
        <v>574441.64999999991</v>
      </c>
      <c r="C34505" s="7">
        <f t="shared" si="539"/>
        <v>574.44164999999987</v>
      </c>
      <c r="I34505" s="1"/>
    </row>
    <row r="34506" spans="1:9" x14ac:dyDescent="0.25">
      <c r="A34506" s="3">
        <v>41827.535196759258</v>
      </c>
      <c r="B34506" s="6">
        <v>574458.29999999993</v>
      </c>
      <c r="C34506" s="7">
        <f t="shared" si="539"/>
        <v>574.45829999999989</v>
      </c>
      <c r="I34506" s="1"/>
    </row>
    <row r="34507" spans="1:9" x14ac:dyDescent="0.25">
      <c r="A34507" s="3">
        <v>41827.53528935185</v>
      </c>
      <c r="B34507" s="6">
        <v>574474.94999999995</v>
      </c>
      <c r="C34507" s="7">
        <f t="shared" si="539"/>
        <v>574.47494999999992</v>
      </c>
      <c r="I34507" s="1"/>
    </row>
    <row r="34508" spans="1:9" x14ac:dyDescent="0.25">
      <c r="A34508" s="3">
        <v>41827.536099537036</v>
      </c>
      <c r="B34508" s="6">
        <v>574491.6</v>
      </c>
      <c r="C34508" s="7">
        <f t="shared" si="539"/>
        <v>574.49159999999995</v>
      </c>
      <c r="I34508" s="1"/>
    </row>
    <row r="34509" spans="1:9" x14ac:dyDescent="0.25">
      <c r="A34509" s="3">
        <v>41827.536261574074</v>
      </c>
      <c r="B34509" s="6">
        <v>574508.25</v>
      </c>
      <c r="C34509" s="7">
        <f t="shared" si="539"/>
        <v>574.50824999999998</v>
      </c>
      <c r="I34509" s="1"/>
    </row>
    <row r="34510" spans="1:9" x14ac:dyDescent="0.25">
      <c r="A34510" s="3">
        <v>41827.542951388888</v>
      </c>
      <c r="B34510" s="6">
        <v>574524.89999999991</v>
      </c>
      <c r="C34510" s="7">
        <f t="shared" si="539"/>
        <v>574.52489999999989</v>
      </c>
      <c r="I34510" s="1"/>
    </row>
    <row r="34511" spans="1:9" x14ac:dyDescent="0.25">
      <c r="A34511" s="3">
        <v>41827.543055555558</v>
      </c>
      <c r="B34511" s="6">
        <v>574541.54999999993</v>
      </c>
      <c r="C34511" s="7">
        <f t="shared" si="539"/>
        <v>574.54154999999992</v>
      </c>
      <c r="I34511" s="1"/>
    </row>
    <row r="34512" spans="1:9" x14ac:dyDescent="0.25">
      <c r="A34512" s="3">
        <v>41827.543969907405</v>
      </c>
      <c r="B34512" s="6">
        <v>574558.19999999995</v>
      </c>
      <c r="C34512" s="7">
        <f t="shared" si="539"/>
        <v>574.55819999999994</v>
      </c>
      <c r="I34512" s="1"/>
    </row>
    <row r="34513" spans="1:9" x14ac:dyDescent="0.25">
      <c r="A34513" s="3">
        <v>41827.544606481482</v>
      </c>
      <c r="B34513" s="6">
        <v>574574.85</v>
      </c>
      <c r="C34513" s="7">
        <f t="shared" si="539"/>
        <v>574.57484999999997</v>
      </c>
      <c r="I34513" s="1"/>
    </row>
    <row r="34514" spans="1:9" x14ac:dyDescent="0.25">
      <c r="A34514" s="3">
        <v>41827.546574074076</v>
      </c>
      <c r="B34514" s="6">
        <v>574591.5</v>
      </c>
      <c r="C34514" s="7">
        <f t="shared" si="539"/>
        <v>574.5915</v>
      </c>
      <c r="I34514" s="1"/>
    </row>
    <row r="34515" spans="1:9" x14ac:dyDescent="0.25">
      <c r="A34515" s="3">
        <v>41827.546840277777</v>
      </c>
      <c r="B34515" s="6">
        <v>574608.14999999991</v>
      </c>
      <c r="C34515" s="7">
        <f t="shared" si="539"/>
        <v>574.60814999999991</v>
      </c>
      <c r="I34515" s="1"/>
    </row>
    <row r="34516" spans="1:9" x14ac:dyDescent="0.25">
      <c r="A34516" s="3">
        <v>41827.549571759257</v>
      </c>
      <c r="B34516" s="6">
        <v>574624.79999999993</v>
      </c>
      <c r="C34516" s="7">
        <f t="shared" si="539"/>
        <v>574.62479999999994</v>
      </c>
      <c r="I34516" s="1"/>
    </row>
    <row r="34517" spans="1:9" x14ac:dyDescent="0.25">
      <c r="A34517" s="3">
        <v>41827.549814814818</v>
      </c>
      <c r="B34517" s="6">
        <v>574641.44999999995</v>
      </c>
      <c r="C34517" s="7">
        <f t="shared" si="539"/>
        <v>574.64144999999996</v>
      </c>
      <c r="I34517" s="1"/>
    </row>
    <row r="34518" spans="1:9" x14ac:dyDescent="0.25">
      <c r="A34518" s="3">
        <v>41827.551724537036</v>
      </c>
      <c r="B34518" s="6">
        <v>574658.1</v>
      </c>
      <c r="C34518" s="7">
        <f t="shared" si="539"/>
        <v>574.65809999999999</v>
      </c>
      <c r="I34518" s="1"/>
    </row>
    <row r="34519" spans="1:9" x14ac:dyDescent="0.25">
      <c r="A34519" s="3">
        <v>41827.552604166667</v>
      </c>
      <c r="B34519" s="6">
        <v>574674.75</v>
      </c>
      <c r="C34519" s="7">
        <f t="shared" si="539"/>
        <v>574.67475000000002</v>
      </c>
      <c r="I34519" s="1"/>
    </row>
    <row r="34520" spans="1:9" x14ac:dyDescent="0.25">
      <c r="A34520" s="3">
        <v>41827.554328703707</v>
      </c>
      <c r="B34520" s="6">
        <v>574691.39999999991</v>
      </c>
      <c r="C34520" s="7">
        <f t="shared" si="539"/>
        <v>574.69139999999993</v>
      </c>
      <c r="I34520" s="1"/>
    </row>
    <row r="34521" spans="1:9" x14ac:dyDescent="0.25">
      <c r="A34521" s="3">
        <v>41827.554398148146</v>
      </c>
      <c r="B34521" s="6">
        <v>574708.04999999993</v>
      </c>
      <c r="C34521" s="7">
        <f t="shared" si="539"/>
        <v>574.70804999999996</v>
      </c>
      <c r="I34521" s="1"/>
    </row>
    <row r="34522" spans="1:9" x14ac:dyDescent="0.25">
      <c r="A34522" s="3">
        <v>41827.554918981485</v>
      </c>
      <c r="B34522" s="6">
        <v>574724.69999999995</v>
      </c>
      <c r="C34522" s="7">
        <f t="shared" si="539"/>
        <v>574.72469999999998</v>
      </c>
      <c r="I34522" s="1"/>
    </row>
    <row r="34523" spans="1:9" x14ac:dyDescent="0.25">
      <c r="A34523" s="3">
        <v>41827.554965277777</v>
      </c>
      <c r="B34523" s="6">
        <v>574741.35</v>
      </c>
      <c r="C34523" s="7">
        <f t="shared" si="539"/>
        <v>574.74135000000001</v>
      </c>
      <c r="I34523" s="1"/>
    </row>
    <row r="34524" spans="1:9" x14ac:dyDescent="0.25">
      <c r="A34524" s="3">
        <v>41827.55568287037</v>
      </c>
      <c r="B34524" s="6">
        <v>574758</v>
      </c>
      <c r="C34524" s="7">
        <f t="shared" si="539"/>
        <v>574.75800000000004</v>
      </c>
      <c r="I34524" s="1"/>
    </row>
    <row r="34525" spans="1:9" x14ac:dyDescent="0.25">
      <c r="A34525" s="3">
        <v>41827.556134259263</v>
      </c>
      <c r="B34525" s="6">
        <v>574774.64999999991</v>
      </c>
      <c r="C34525" s="7">
        <f t="shared" si="539"/>
        <v>574.77464999999995</v>
      </c>
      <c r="I34525" s="1"/>
    </row>
    <row r="34526" spans="1:9" x14ac:dyDescent="0.25">
      <c r="A34526" s="3">
        <v>41827.558749999997</v>
      </c>
      <c r="B34526" s="6">
        <v>574791.29999999993</v>
      </c>
      <c r="C34526" s="7">
        <f t="shared" si="539"/>
        <v>574.79129999999998</v>
      </c>
      <c r="I34526" s="1"/>
    </row>
    <row r="34527" spans="1:9" x14ac:dyDescent="0.25">
      <c r="A34527" s="3">
        <v>41827.558865740742</v>
      </c>
      <c r="B34527" s="6">
        <v>574807.94999999995</v>
      </c>
      <c r="C34527" s="7">
        <f t="shared" si="539"/>
        <v>574.80795000000001</v>
      </c>
      <c r="I34527" s="1"/>
    </row>
    <row r="34528" spans="1:9" x14ac:dyDescent="0.25">
      <c r="A34528" s="3">
        <v>41827.56</v>
      </c>
      <c r="B34528" s="6">
        <v>574824.6</v>
      </c>
      <c r="C34528" s="7">
        <f t="shared" si="539"/>
        <v>574.82460000000003</v>
      </c>
      <c r="I34528" s="1"/>
    </row>
    <row r="34529" spans="1:9" x14ac:dyDescent="0.25">
      <c r="A34529" s="3">
        <v>41827.56013888889</v>
      </c>
      <c r="B34529" s="6">
        <v>574841.25</v>
      </c>
      <c r="C34529" s="7">
        <f t="shared" si="539"/>
        <v>574.84124999999995</v>
      </c>
      <c r="I34529" s="1"/>
    </row>
    <row r="34530" spans="1:9" x14ac:dyDescent="0.25">
      <c r="A34530" s="3">
        <v>41827.561307870368</v>
      </c>
      <c r="B34530" s="6">
        <v>574857.89999999991</v>
      </c>
      <c r="C34530" s="7">
        <f t="shared" si="539"/>
        <v>574.85789999999986</v>
      </c>
      <c r="I34530" s="1"/>
    </row>
    <row r="34531" spans="1:9" x14ac:dyDescent="0.25">
      <c r="A34531" s="3">
        <v>41827.561412037037</v>
      </c>
      <c r="B34531" s="6">
        <v>574874.54999999993</v>
      </c>
      <c r="C34531" s="7">
        <f t="shared" si="539"/>
        <v>574.87454999999989</v>
      </c>
      <c r="I34531" s="1"/>
    </row>
    <row r="34532" spans="1:9" x14ac:dyDescent="0.25">
      <c r="A34532" s="3">
        <v>41827.562638888892</v>
      </c>
      <c r="B34532" s="6">
        <v>574891.19999999995</v>
      </c>
      <c r="C34532" s="7">
        <f t="shared" si="539"/>
        <v>574.89119999999991</v>
      </c>
      <c r="I34532" s="1"/>
    </row>
    <row r="34533" spans="1:9" x14ac:dyDescent="0.25">
      <c r="A34533" s="3">
        <v>41827.562719907408</v>
      </c>
      <c r="B34533" s="6">
        <v>574907.85</v>
      </c>
      <c r="C34533" s="7">
        <f t="shared" si="539"/>
        <v>574.90784999999994</v>
      </c>
      <c r="I34533" s="1"/>
    </row>
    <row r="34534" spans="1:9" x14ac:dyDescent="0.25">
      <c r="A34534" s="3">
        <v>41827.56417824074</v>
      </c>
      <c r="B34534" s="6">
        <v>574924.5</v>
      </c>
      <c r="C34534" s="7">
        <f t="shared" si="539"/>
        <v>574.92449999999997</v>
      </c>
      <c r="I34534" s="1"/>
    </row>
    <row r="34535" spans="1:9" x14ac:dyDescent="0.25">
      <c r="A34535" s="3">
        <v>41827.564942129633</v>
      </c>
      <c r="B34535" s="6">
        <v>574941.14999999991</v>
      </c>
      <c r="C34535" s="7">
        <f t="shared" si="539"/>
        <v>574.94114999999988</v>
      </c>
      <c r="I34535" s="1"/>
    </row>
    <row r="34536" spans="1:9" x14ac:dyDescent="0.25">
      <c r="A34536" s="3">
        <v>41827.56726851852</v>
      </c>
      <c r="B34536" s="6">
        <v>574957.79999999993</v>
      </c>
      <c r="C34536" s="7">
        <f t="shared" si="539"/>
        <v>574.95779999999991</v>
      </c>
      <c r="I34536" s="1"/>
    </row>
    <row r="34537" spans="1:9" x14ac:dyDescent="0.25">
      <c r="A34537" s="3">
        <v>41827.567453703705</v>
      </c>
      <c r="B34537" s="6">
        <v>574974.44999999995</v>
      </c>
      <c r="C34537" s="7">
        <f t="shared" si="539"/>
        <v>574.97444999999993</v>
      </c>
      <c r="I34537" s="1"/>
    </row>
    <row r="34538" spans="1:9" x14ac:dyDescent="0.25">
      <c r="A34538" s="3">
        <v>41827.568298611113</v>
      </c>
      <c r="B34538" s="6">
        <v>574991.1</v>
      </c>
      <c r="C34538" s="7">
        <f t="shared" si="539"/>
        <v>574.99109999999996</v>
      </c>
      <c r="I34538" s="1"/>
    </row>
    <row r="34539" spans="1:9" x14ac:dyDescent="0.25">
      <c r="A34539" s="3">
        <v>41827.568402777775</v>
      </c>
      <c r="B34539" s="6">
        <v>575007.75</v>
      </c>
      <c r="C34539" s="7">
        <f t="shared" si="539"/>
        <v>575.00774999999999</v>
      </c>
      <c r="I34539" s="1"/>
    </row>
    <row r="34540" spans="1:9" x14ac:dyDescent="0.25">
      <c r="A34540" s="3">
        <v>41827.573553240742</v>
      </c>
      <c r="B34540" s="6">
        <v>575024.39999999991</v>
      </c>
      <c r="C34540" s="7">
        <f t="shared" si="539"/>
        <v>575.0243999999999</v>
      </c>
      <c r="I34540" s="1"/>
    </row>
    <row r="34541" spans="1:9" x14ac:dyDescent="0.25">
      <c r="A34541" s="3">
        <v>41827.574143518519</v>
      </c>
      <c r="B34541" s="6">
        <v>575041.04999999993</v>
      </c>
      <c r="C34541" s="7">
        <f t="shared" si="539"/>
        <v>575.04104999999993</v>
      </c>
      <c r="I34541" s="1"/>
    </row>
    <row r="34542" spans="1:9" x14ac:dyDescent="0.25">
      <c r="A34542" s="3">
        <v>41827.574849537035</v>
      </c>
      <c r="B34542" s="6">
        <v>575057.69999999995</v>
      </c>
      <c r="C34542" s="7">
        <f t="shared" si="539"/>
        <v>575.05769999999995</v>
      </c>
      <c r="I34542" s="1"/>
    </row>
    <row r="34543" spans="1:9" x14ac:dyDescent="0.25">
      <c r="A34543" s="3">
        <v>41827.574953703705</v>
      </c>
      <c r="B34543" s="6">
        <v>575074.35</v>
      </c>
      <c r="C34543" s="7">
        <f t="shared" si="539"/>
        <v>575.07434999999998</v>
      </c>
      <c r="I34543" s="1"/>
    </row>
    <row r="34544" spans="1:9" x14ac:dyDescent="0.25">
      <c r="A34544" s="3">
        <v>41827.576157407406</v>
      </c>
      <c r="B34544" s="6">
        <v>575091</v>
      </c>
      <c r="C34544" s="7">
        <f t="shared" si="539"/>
        <v>575.09100000000001</v>
      </c>
      <c r="I34544" s="1"/>
    </row>
    <row r="34545" spans="1:9" x14ac:dyDescent="0.25">
      <c r="A34545" s="3">
        <v>41827.576226851852</v>
      </c>
      <c r="B34545" s="6">
        <v>575107.64999999991</v>
      </c>
      <c r="C34545" s="7">
        <f t="shared" si="539"/>
        <v>575.10764999999992</v>
      </c>
      <c r="I34545" s="1"/>
    </row>
    <row r="34546" spans="1:9" x14ac:dyDescent="0.25">
      <c r="A34546" s="3">
        <v>41827.577002314814</v>
      </c>
      <c r="B34546" s="6">
        <v>575124.29999999993</v>
      </c>
      <c r="C34546" s="7">
        <f t="shared" si="539"/>
        <v>575.12429999999995</v>
      </c>
      <c r="I34546" s="1"/>
    </row>
    <row r="34547" spans="1:9" x14ac:dyDescent="0.25">
      <c r="A34547" s="3">
        <v>41827.57708333333</v>
      </c>
      <c r="B34547" s="6">
        <v>575140.94999999995</v>
      </c>
      <c r="C34547" s="7">
        <f t="shared" si="539"/>
        <v>575.14094999999998</v>
      </c>
      <c r="I34547" s="1"/>
    </row>
    <row r="34548" spans="1:9" x14ac:dyDescent="0.25">
      <c r="A34548" s="3">
        <v>41827.577893518515</v>
      </c>
      <c r="B34548" s="6">
        <v>575157.6</v>
      </c>
      <c r="C34548" s="7">
        <f t="shared" si="539"/>
        <v>575.1576</v>
      </c>
      <c r="I34548" s="1"/>
    </row>
    <row r="34549" spans="1:9" x14ac:dyDescent="0.25">
      <c r="A34549" s="3">
        <v>41827.577962962961</v>
      </c>
      <c r="B34549" s="6">
        <v>575174.25</v>
      </c>
      <c r="C34549" s="7">
        <f t="shared" si="539"/>
        <v>575.17425000000003</v>
      </c>
      <c r="I34549" s="1"/>
    </row>
    <row r="34550" spans="1:9" x14ac:dyDescent="0.25">
      <c r="A34550" s="3">
        <v>41827.581817129627</v>
      </c>
      <c r="B34550" s="6">
        <v>575190.89999999991</v>
      </c>
      <c r="C34550" s="7">
        <f t="shared" si="539"/>
        <v>575.19089999999994</v>
      </c>
      <c r="I34550" s="1"/>
    </row>
    <row r="34551" spans="1:9" x14ac:dyDescent="0.25">
      <c r="A34551" s="3">
        <v>41827.581932870373</v>
      </c>
      <c r="B34551" s="6">
        <v>575207.54999999993</v>
      </c>
      <c r="C34551" s="7">
        <f t="shared" si="539"/>
        <v>575.20754999999997</v>
      </c>
      <c r="I34551" s="1"/>
    </row>
    <row r="34552" spans="1:9" x14ac:dyDescent="0.25">
      <c r="A34552" s="3">
        <v>41827.583414351851</v>
      </c>
      <c r="B34552" s="6">
        <v>575224.19999999995</v>
      </c>
      <c r="C34552" s="7">
        <f t="shared" si="539"/>
        <v>575.2242</v>
      </c>
      <c r="I34552" s="1"/>
    </row>
    <row r="34553" spans="1:9" x14ac:dyDescent="0.25">
      <c r="A34553" s="3">
        <v>41827.583819444444</v>
      </c>
      <c r="B34553" s="6">
        <v>575240.85</v>
      </c>
      <c r="C34553" s="7">
        <f t="shared" si="539"/>
        <v>575.24085000000002</v>
      </c>
      <c r="I34553" s="1"/>
    </row>
    <row r="34554" spans="1:9" x14ac:dyDescent="0.25">
      <c r="A34554" s="3">
        <v>41827.585706018515</v>
      </c>
      <c r="B34554" s="6">
        <v>575257.5</v>
      </c>
      <c r="C34554" s="7">
        <f t="shared" si="539"/>
        <v>575.25750000000005</v>
      </c>
      <c r="I34554" s="1"/>
    </row>
    <row r="34555" spans="1:9" x14ac:dyDescent="0.25">
      <c r="A34555" s="3">
        <v>41827.585856481484</v>
      </c>
      <c r="B34555" s="6">
        <v>575274.14999999991</v>
      </c>
      <c r="C34555" s="7">
        <f t="shared" si="539"/>
        <v>575.27414999999996</v>
      </c>
      <c r="I34555" s="1"/>
    </row>
    <row r="34556" spans="1:9" x14ac:dyDescent="0.25">
      <c r="A34556" s="3">
        <v>41827.58666666667</v>
      </c>
      <c r="B34556" s="6">
        <v>575290.79999999993</v>
      </c>
      <c r="C34556" s="7">
        <f t="shared" si="539"/>
        <v>575.29079999999988</v>
      </c>
      <c r="I34556" s="1"/>
    </row>
    <row r="34557" spans="1:9" x14ac:dyDescent="0.25">
      <c r="A34557" s="3">
        <v>41827.586805555555</v>
      </c>
      <c r="B34557" s="6">
        <v>575307.44999999995</v>
      </c>
      <c r="C34557" s="7">
        <f t="shared" si="539"/>
        <v>575.3074499999999</v>
      </c>
      <c r="I34557" s="1"/>
    </row>
    <row r="34558" spans="1:9" x14ac:dyDescent="0.25">
      <c r="A34558" s="3">
        <v>41827.588090277779</v>
      </c>
      <c r="B34558" s="6">
        <v>575324.1</v>
      </c>
      <c r="C34558" s="7">
        <f t="shared" si="539"/>
        <v>575.32409999999993</v>
      </c>
      <c r="I34558" s="1"/>
    </row>
    <row r="34559" spans="1:9" x14ac:dyDescent="0.25">
      <c r="A34559" s="3">
        <v>41827.588148148148</v>
      </c>
      <c r="B34559" s="6">
        <v>575340.75</v>
      </c>
      <c r="C34559" s="7">
        <f t="shared" si="539"/>
        <v>575.34074999999996</v>
      </c>
      <c r="I34559" s="1"/>
    </row>
    <row r="34560" spans="1:9" x14ac:dyDescent="0.25">
      <c r="A34560" s="3">
        <v>41827.588888888888</v>
      </c>
      <c r="B34560" s="6">
        <v>575357.39999999991</v>
      </c>
      <c r="C34560" s="7">
        <f t="shared" si="539"/>
        <v>575.35739999999987</v>
      </c>
      <c r="I34560" s="1"/>
    </row>
    <row r="34561" spans="1:9" x14ac:dyDescent="0.25">
      <c r="A34561" s="3">
        <v>41827.588935185187</v>
      </c>
      <c r="B34561" s="6">
        <v>575374.04999999993</v>
      </c>
      <c r="C34561" s="7">
        <f t="shared" si="539"/>
        <v>575.3740499999999</v>
      </c>
      <c r="I34561" s="1"/>
    </row>
    <row r="34562" spans="1:9" x14ac:dyDescent="0.25">
      <c r="A34562" s="3">
        <v>41827.589583333334</v>
      </c>
      <c r="B34562" s="6">
        <v>575390.69999999995</v>
      </c>
      <c r="C34562" s="7">
        <f t="shared" si="539"/>
        <v>575.39069999999992</v>
      </c>
      <c r="I34562" s="1"/>
    </row>
    <row r="34563" spans="1:9" x14ac:dyDescent="0.25">
      <c r="A34563" s="3">
        <v>41827.58965277778</v>
      </c>
      <c r="B34563" s="6">
        <v>575407.35</v>
      </c>
      <c r="C34563" s="7">
        <f t="shared" ref="C34563:C34626" si="540">B34563/1000</f>
        <v>575.40734999999995</v>
      </c>
      <c r="I34563" s="1"/>
    </row>
    <row r="34564" spans="1:9" x14ac:dyDescent="0.25">
      <c r="A34564" s="3">
        <v>41827.59039351852</v>
      </c>
      <c r="B34564" s="6">
        <v>575424</v>
      </c>
      <c r="C34564" s="7">
        <f t="shared" si="540"/>
        <v>575.42399999999998</v>
      </c>
      <c r="I34564" s="1"/>
    </row>
    <row r="34565" spans="1:9" x14ac:dyDescent="0.25">
      <c r="A34565" s="3">
        <v>41827.590520833335</v>
      </c>
      <c r="B34565" s="6">
        <v>575440.64999999991</v>
      </c>
      <c r="C34565" s="7">
        <f t="shared" si="540"/>
        <v>575.44064999999989</v>
      </c>
      <c r="I34565" s="1"/>
    </row>
    <row r="34566" spans="1:9" x14ac:dyDescent="0.25">
      <c r="A34566" s="3">
        <v>41827.591296296298</v>
      </c>
      <c r="B34566" s="6">
        <v>575457.29999999993</v>
      </c>
      <c r="C34566" s="7">
        <f t="shared" si="540"/>
        <v>575.45729999999992</v>
      </c>
      <c r="I34566" s="1"/>
    </row>
    <row r="34567" spans="1:9" x14ac:dyDescent="0.25">
      <c r="A34567" s="3">
        <v>41827.591354166667</v>
      </c>
      <c r="B34567" s="6">
        <v>575473.94999999995</v>
      </c>
      <c r="C34567" s="7">
        <f t="shared" si="540"/>
        <v>575.47394999999995</v>
      </c>
      <c r="I34567" s="1"/>
    </row>
    <row r="34568" spans="1:9" x14ac:dyDescent="0.25">
      <c r="A34568" s="3">
        <v>41827.592881944445</v>
      </c>
      <c r="B34568" s="6">
        <v>575490.6</v>
      </c>
      <c r="C34568" s="7">
        <f t="shared" si="540"/>
        <v>575.49059999999997</v>
      </c>
      <c r="I34568" s="1"/>
    </row>
    <row r="34569" spans="1:9" x14ac:dyDescent="0.25">
      <c r="A34569" s="3">
        <v>41827.592974537038</v>
      </c>
      <c r="B34569" s="6">
        <v>575507.25</v>
      </c>
      <c r="C34569" s="7">
        <f t="shared" si="540"/>
        <v>575.50725</v>
      </c>
      <c r="I34569" s="1"/>
    </row>
    <row r="34570" spans="1:9" x14ac:dyDescent="0.25">
      <c r="A34570" s="3">
        <v>41827.593865740739</v>
      </c>
      <c r="B34570" s="6">
        <v>575523.89999999991</v>
      </c>
      <c r="C34570" s="7">
        <f t="shared" si="540"/>
        <v>575.52389999999991</v>
      </c>
      <c r="I34570" s="1"/>
    </row>
    <row r="34571" spans="1:9" x14ac:dyDescent="0.25">
      <c r="A34571" s="3">
        <v>41827.593981481485</v>
      </c>
      <c r="B34571" s="6">
        <v>575540.54999999993</v>
      </c>
      <c r="C34571" s="7">
        <f t="shared" si="540"/>
        <v>575.54054999999994</v>
      </c>
      <c r="I34571" s="1"/>
    </row>
    <row r="34572" spans="1:9" x14ac:dyDescent="0.25">
      <c r="A34572" s="3">
        <v>41827.59752314815</v>
      </c>
      <c r="B34572" s="6">
        <v>575557.19999999995</v>
      </c>
      <c r="C34572" s="7">
        <f t="shared" si="540"/>
        <v>575.55719999999997</v>
      </c>
      <c r="I34572" s="1"/>
    </row>
    <row r="34573" spans="1:9" x14ac:dyDescent="0.25">
      <c r="A34573" s="3">
        <v>41827.59778935185</v>
      </c>
      <c r="B34573" s="6">
        <v>575573.85</v>
      </c>
      <c r="C34573" s="7">
        <f t="shared" si="540"/>
        <v>575.57384999999999</v>
      </c>
      <c r="I34573" s="1"/>
    </row>
    <row r="34574" spans="1:9" x14ac:dyDescent="0.25">
      <c r="A34574" s="3">
        <v>41827.59883101852</v>
      </c>
      <c r="B34574" s="6">
        <v>575590.5</v>
      </c>
      <c r="C34574" s="7">
        <f t="shared" si="540"/>
        <v>575.59050000000002</v>
      </c>
      <c r="I34574" s="1"/>
    </row>
    <row r="34575" spans="1:9" x14ac:dyDescent="0.25">
      <c r="A34575" s="3">
        <v>41827.59888888889</v>
      </c>
      <c r="B34575" s="6">
        <v>575607.14999999991</v>
      </c>
      <c r="C34575" s="7">
        <f t="shared" si="540"/>
        <v>575.60714999999993</v>
      </c>
      <c r="I34575" s="1"/>
    </row>
    <row r="34576" spans="1:9" x14ac:dyDescent="0.25">
      <c r="A34576" s="3">
        <v>41827.599988425929</v>
      </c>
      <c r="B34576" s="6">
        <v>575623.79999999993</v>
      </c>
      <c r="C34576" s="7">
        <f t="shared" si="540"/>
        <v>575.62379999999996</v>
      </c>
      <c r="I34576" s="1"/>
    </row>
    <row r="34577" spans="1:9" x14ac:dyDescent="0.25">
      <c r="A34577" s="3">
        <v>41827.600185185183</v>
      </c>
      <c r="B34577" s="6">
        <v>575640.44999999995</v>
      </c>
      <c r="C34577" s="7">
        <f t="shared" si="540"/>
        <v>575.64044999999999</v>
      </c>
      <c r="I34577" s="1"/>
    </row>
    <row r="34578" spans="1:9" x14ac:dyDescent="0.25">
      <c r="A34578" s="3">
        <v>41827.602800925924</v>
      </c>
      <c r="B34578" s="6">
        <v>575657.1</v>
      </c>
      <c r="C34578" s="7">
        <f t="shared" si="540"/>
        <v>575.65710000000001</v>
      </c>
      <c r="I34578" s="1"/>
    </row>
    <row r="34579" spans="1:9" x14ac:dyDescent="0.25">
      <c r="A34579" s="3">
        <v>41827.602962962963</v>
      </c>
      <c r="B34579" s="6">
        <v>575673.75</v>
      </c>
      <c r="C34579" s="7">
        <f t="shared" si="540"/>
        <v>575.67375000000004</v>
      </c>
      <c r="I34579" s="1"/>
    </row>
    <row r="34580" spans="1:9" x14ac:dyDescent="0.25">
      <c r="A34580" s="3">
        <v>41827.603958333333</v>
      </c>
      <c r="B34580" s="6">
        <v>575690.39999999991</v>
      </c>
      <c r="C34580" s="7">
        <f t="shared" si="540"/>
        <v>575.69039999999995</v>
      </c>
      <c r="I34580" s="1"/>
    </row>
    <row r="34581" spans="1:9" x14ac:dyDescent="0.25">
      <c r="A34581" s="3">
        <v>41827.604039351849</v>
      </c>
      <c r="B34581" s="6">
        <v>575707.04999999993</v>
      </c>
      <c r="C34581" s="7">
        <f t="shared" si="540"/>
        <v>575.70704999999998</v>
      </c>
      <c r="I34581" s="1"/>
    </row>
    <row r="34582" spans="1:9" x14ac:dyDescent="0.25">
      <c r="A34582" s="3">
        <v>41827.605219907404</v>
      </c>
      <c r="B34582" s="6">
        <v>575723.69999999995</v>
      </c>
      <c r="C34582" s="7">
        <f t="shared" si="540"/>
        <v>575.72370000000001</v>
      </c>
      <c r="I34582" s="1"/>
    </row>
    <row r="34583" spans="1:9" x14ac:dyDescent="0.25">
      <c r="A34583" s="3">
        <v>41827.60527777778</v>
      </c>
      <c r="B34583" s="6">
        <v>575740.35</v>
      </c>
      <c r="C34583" s="7">
        <f t="shared" si="540"/>
        <v>575.74034999999992</v>
      </c>
      <c r="I34583" s="1"/>
    </row>
    <row r="34584" spans="1:9" x14ac:dyDescent="0.25">
      <c r="A34584" s="3">
        <v>41827.606134259258</v>
      </c>
      <c r="B34584" s="6">
        <v>575757</v>
      </c>
      <c r="C34584" s="7">
        <f t="shared" si="540"/>
        <v>575.75699999999995</v>
      </c>
      <c r="I34584" s="1"/>
    </row>
    <row r="34585" spans="1:9" x14ac:dyDescent="0.25">
      <c r="A34585" s="3">
        <v>41827.606203703705</v>
      </c>
      <c r="B34585" s="6">
        <v>575773.64999999991</v>
      </c>
      <c r="C34585" s="7">
        <f t="shared" si="540"/>
        <v>575.77364999999986</v>
      </c>
      <c r="I34585" s="1"/>
    </row>
    <row r="34586" spans="1:9" x14ac:dyDescent="0.25">
      <c r="A34586" s="3">
        <v>41827.607314814813</v>
      </c>
      <c r="B34586" s="6">
        <v>575790.29999999993</v>
      </c>
      <c r="C34586" s="7">
        <f t="shared" si="540"/>
        <v>575.79029999999989</v>
      </c>
      <c r="I34586" s="1"/>
    </row>
    <row r="34587" spans="1:9" x14ac:dyDescent="0.25">
      <c r="A34587" s="3">
        <v>41827.607430555552</v>
      </c>
      <c r="B34587" s="6">
        <v>575806.94999999995</v>
      </c>
      <c r="C34587" s="7">
        <f t="shared" si="540"/>
        <v>575.80694999999992</v>
      </c>
      <c r="I34587" s="1"/>
    </row>
    <row r="34588" spans="1:9" x14ac:dyDescent="0.25">
      <c r="A34588" s="3">
        <v>41827.609074074076</v>
      </c>
      <c r="B34588" s="6">
        <v>575823.6</v>
      </c>
      <c r="C34588" s="7">
        <f t="shared" si="540"/>
        <v>575.82359999999994</v>
      </c>
      <c r="I34588" s="1"/>
    </row>
    <row r="34589" spans="1:9" x14ac:dyDescent="0.25">
      <c r="A34589" s="3">
        <v>41827.609143518515</v>
      </c>
      <c r="B34589" s="6">
        <v>575840.25</v>
      </c>
      <c r="C34589" s="7">
        <f t="shared" si="540"/>
        <v>575.84024999999997</v>
      </c>
      <c r="I34589" s="1"/>
    </row>
    <row r="34590" spans="1:9" x14ac:dyDescent="0.25">
      <c r="A34590" s="3">
        <v>41827.610069444447</v>
      </c>
      <c r="B34590" s="6">
        <v>575856.89999999991</v>
      </c>
      <c r="C34590" s="7">
        <f t="shared" si="540"/>
        <v>575.85689999999988</v>
      </c>
      <c r="I34590" s="1"/>
    </row>
    <row r="34591" spans="1:9" x14ac:dyDescent="0.25">
      <c r="A34591" s="3">
        <v>41827.610138888886</v>
      </c>
      <c r="B34591" s="6">
        <v>575873.54999999993</v>
      </c>
      <c r="C34591" s="7">
        <f t="shared" si="540"/>
        <v>575.87354999999991</v>
      </c>
      <c r="I34591" s="1"/>
    </row>
    <row r="34592" spans="1:9" x14ac:dyDescent="0.25">
      <c r="A34592" s="3">
        <v>41827.612199074072</v>
      </c>
      <c r="B34592" s="6">
        <v>575890.19999999995</v>
      </c>
      <c r="C34592" s="7">
        <f t="shared" si="540"/>
        <v>575.89019999999994</v>
      </c>
      <c r="I34592" s="1"/>
    </row>
    <row r="34593" spans="1:9" x14ac:dyDescent="0.25">
      <c r="A34593" s="3">
        <v>41827.612256944441</v>
      </c>
      <c r="B34593" s="6">
        <v>575906.85</v>
      </c>
      <c r="C34593" s="7">
        <f t="shared" si="540"/>
        <v>575.90684999999996</v>
      </c>
      <c r="I34593" s="1"/>
    </row>
    <row r="34594" spans="1:9" x14ac:dyDescent="0.25">
      <c r="A34594" s="3">
        <v>41827.612858796296</v>
      </c>
      <c r="B34594" s="6">
        <v>575923.5</v>
      </c>
      <c r="C34594" s="7">
        <f t="shared" si="540"/>
        <v>575.92349999999999</v>
      </c>
      <c r="I34594" s="1"/>
    </row>
    <row r="34595" spans="1:9" x14ac:dyDescent="0.25">
      <c r="A34595" s="3">
        <v>41827.61309027778</v>
      </c>
      <c r="B34595" s="6">
        <v>575940.14999999991</v>
      </c>
      <c r="C34595" s="7">
        <f t="shared" si="540"/>
        <v>575.9401499999999</v>
      </c>
      <c r="I34595" s="1"/>
    </row>
    <row r="34596" spans="1:9" x14ac:dyDescent="0.25">
      <c r="A34596" s="3">
        <v>41827.615763888891</v>
      </c>
      <c r="B34596" s="6">
        <v>575956.79999999993</v>
      </c>
      <c r="C34596" s="7">
        <f t="shared" si="540"/>
        <v>575.95679999999993</v>
      </c>
      <c r="I34596" s="1"/>
    </row>
    <row r="34597" spans="1:9" x14ac:dyDescent="0.25">
      <c r="A34597" s="3">
        <v>41827.615868055553</v>
      </c>
      <c r="B34597" s="6">
        <v>575973.44999999995</v>
      </c>
      <c r="C34597" s="7">
        <f t="shared" si="540"/>
        <v>575.97344999999996</v>
      </c>
      <c r="I34597" s="1"/>
    </row>
    <row r="34598" spans="1:9" x14ac:dyDescent="0.25">
      <c r="A34598" s="3">
        <v>41827.617800925924</v>
      </c>
      <c r="B34598" s="6">
        <v>575990.1</v>
      </c>
      <c r="C34598" s="7">
        <f t="shared" si="540"/>
        <v>575.99009999999998</v>
      </c>
      <c r="I34598" s="1"/>
    </row>
    <row r="34599" spans="1:9" x14ac:dyDescent="0.25">
      <c r="A34599" s="3">
        <v>41827.618009259262</v>
      </c>
      <c r="B34599" s="6">
        <v>576006.75</v>
      </c>
      <c r="C34599" s="7">
        <f t="shared" si="540"/>
        <v>576.00675000000001</v>
      </c>
      <c r="I34599" s="1"/>
    </row>
    <row r="34600" spans="1:9" x14ac:dyDescent="0.25">
      <c r="A34600" s="3">
        <v>41827.619849537034</v>
      </c>
      <c r="B34600" s="6">
        <v>576023.39999999991</v>
      </c>
      <c r="C34600" s="7">
        <f t="shared" si="540"/>
        <v>576.02339999999992</v>
      </c>
      <c r="I34600" s="1"/>
    </row>
    <row r="34601" spans="1:9" x14ac:dyDescent="0.25">
      <c r="A34601" s="3">
        <v>41827.621041666665</v>
      </c>
      <c r="B34601" s="6">
        <v>576040.04999999993</v>
      </c>
      <c r="C34601" s="7">
        <f t="shared" si="540"/>
        <v>576.04004999999995</v>
      </c>
      <c r="I34601" s="1"/>
    </row>
    <row r="34602" spans="1:9" x14ac:dyDescent="0.25">
      <c r="A34602" s="3">
        <v>41827.621805555558</v>
      </c>
      <c r="B34602" s="6">
        <v>576056.69999999995</v>
      </c>
      <c r="C34602" s="7">
        <f t="shared" si="540"/>
        <v>576.05669999999998</v>
      </c>
      <c r="I34602" s="1"/>
    </row>
    <row r="34603" spans="1:9" x14ac:dyDescent="0.25">
      <c r="A34603" s="3">
        <v>41827.62190972222</v>
      </c>
      <c r="B34603" s="6">
        <v>576073.35</v>
      </c>
      <c r="C34603" s="7">
        <f t="shared" si="540"/>
        <v>576.07335</v>
      </c>
      <c r="I34603" s="1"/>
    </row>
    <row r="34604" spans="1:9" x14ac:dyDescent="0.25">
      <c r="A34604" s="3">
        <v>41827.623043981483</v>
      </c>
      <c r="B34604" s="6">
        <v>576090</v>
      </c>
      <c r="C34604" s="7">
        <f t="shared" si="540"/>
        <v>576.09</v>
      </c>
      <c r="I34604" s="1"/>
    </row>
    <row r="34605" spans="1:9" x14ac:dyDescent="0.25">
      <c r="A34605" s="3">
        <v>41827.623124999998</v>
      </c>
      <c r="B34605" s="6">
        <v>576106.64999999991</v>
      </c>
      <c r="C34605" s="7">
        <f t="shared" si="540"/>
        <v>576.10664999999995</v>
      </c>
      <c r="I34605" s="1"/>
    </row>
    <row r="34606" spans="1:9" x14ac:dyDescent="0.25">
      <c r="A34606" s="3">
        <v>41827.625</v>
      </c>
      <c r="B34606" s="6">
        <v>576123.29999999993</v>
      </c>
      <c r="C34606" s="7">
        <f t="shared" si="540"/>
        <v>576.12329999999997</v>
      </c>
      <c r="I34606" s="1"/>
    </row>
    <row r="34607" spans="1:9" x14ac:dyDescent="0.25">
      <c r="A34607" s="3">
        <v>41827.625057870369</v>
      </c>
      <c r="B34607" s="6">
        <v>576139.94999999995</v>
      </c>
      <c r="C34607" s="7">
        <f t="shared" si="540"/>
        <v>576.13995</v>
      </c>
      <c r="I34607" s="1"/>
    </row>
    <row r="34608" spans="1:9" x14ac:dyDescent="0.25">
      <c r="A34608" s="3">
        <v>41827.626446759263</v>
      </c>
      <c r="B34608" s="6">
        <v>576156.6</v>
      </c>
      <c r="C34608" s="7">
        <f t="shared" si="540"/>
        <v>576.15660000000003</v>
      </c>
      <c r="I34608" s="1"/>
    </row>
    <row r="34609" spans="1:9" x14ac:dyDescent="0.25">
      <c r="A34609" s="3">
        <v>41827.626527777778</v>
      </c>
      <c r="B34609" s="6">
        <v>576173.25</v>
      </c>
      <c r="C34609" s="7">
        <f t="shared" si="540"/>
        <v>576.17325000000005</v>
      </c>
      <c r="I34609" s="1"/>
    </row>
    <row r="34610" spans="1:9" x14ac:dyDescent="0.25">
      <c r="A34610" s="3">
        <v>41827.630300925928</v>
      </c>
      <c r="B34610" s="6">
        <v>576189.89999999991</v>
      </c>
      <c r="C34610" s="7">
        <f t="shared" si="540"/>
        <v>576.18989999999985</v>
      </c>
      <c r="I34610" s="1"/>
    </row>
    <row r="34611" spans="1:9" x14ac:dyDescent="0.25">
      <c r="A34611" s="3">
        <v>41827.630601851852</v>
      </c>
      <c r="B34611" s="6">
        <v>576206.54999999993</v>
      </c>
      <c r="C34611" s="7">
        <f t="shared" si="540"/>
        <v>576.20654999999988</v>
      </c>
      <c r="I34611" s="1"/>
    </row>
    <row r="34612" spans="1:9" x14ac:dyDescent="0.25">
      <c r="A34612" s="3">
        <v>41827.632488425923</v>
      </c>
      <c r="B34612" s="6">
        <v>576223.19999999995</v>
      </c>
      <c r="C34612" s="7">
        <f t="shared" si="540"/>
        <v>576.22319999999991</v>
      </c>
      <c r="I34612" s="1"/>
    </row>
    <row r="34613" spans="1:9" x14ac:dyDescent="0.25">
      <c r="A34613" s="3">
        <v>41827.632557870369</v>
      </c>
      <c r="B34613" s="6">
        <v>576239.85</v>
      </c>
      <c r="C34613" s="7">
        <f t="shared" si="540"/>
        <v>576.23984999999993</v>
      </c>
      <c r="I34613" s="1"/>
    </row>
    <row r="34614" spans="1:9" x14ac:dyDescent="0.25">
      <c r="A34614" s="3">
        <v>41827.633888888886</v>
      </c>
      <c r="B34614" s="6">
        <v>576256.5</v>
      </c>
      <c r="C34614" s="7">
        <f t="shared" si="540"/>
        <v>576.25649999999996</v>
      </c>
      <c r="I34614" s="1"/>
    </row>
    <row r="34615" spans="1:9" x14ac:dyDescent="0.25">
      <c r="A34615" s="3">
        <v>41827.633969907409</v>
      </c>
      <c r="B34615" s="6">
        <v>576273.14999999991</v>
      </c>
      <c r="C34615" s="7">
        <f t="shared" si="540"/>
        <v>576.27314999999987</v>
      </c>
      <c r="I34615" s="1"/>
    </row>
    <row r="34616" spans="1:9" x14ac:dyDescent="0.25">
      <c r="A34616" s="3">
        <v>41827.636122685188</v>
      </c>
      <c r="B34616" s="6">
        <v>576289.79999999993</v>
      </c>
      <c r="C34616" s="7">
        <f t="shared" si="540"/>
        <v>576.2897999999999</v>
      </c>
      <c r="I34616" s="1"/>
    </row>
    <row r="34617" spans="1:9" x14ac:dyDescent="0.25">
      <c r="A34617" s="3">
        <v>41827.636203703703</v>
      </c>
      <c r="B34617" s="6">
        <v>576306.44999999995</v>
      </c>
      <c r="C34617" s="7">
        <f t="shared" si="540"/>
        <v>576.30644999999993</v>
      </c>
      <c r="I34617" s="1"/>
    </row>
    <row r="34618" spans="1:9" x14ac:dyDescent="0.25">
      <c r="A34618" s="3">
        <v>41827.637164351851</v>
      </c>
      <c r="B34618" s="6">
        <v>576323.1</v>
      </c>
      <c r="C34618" s="7">
        <f t="shared" si="540"/>
        <v>576.32309999999995</v>
      </c>
      <c r="I34618" s="1"/>
    </row>
    <row r="34619" spans="1:9" x14ac:dyDescent="0.25">
      <c r="A34619" s="3">
        <v>41827.637280092589</v>
      </c>
      <c r="B34619" s="6">
        <v>576339.75</v>
      </c>
      <c r="C34619" s="7">
        <f t="shared" si="540"/>
        <v>576.33974999999998</v>
      </c>
      <c r="I34619" s="1"/>
    </row>
    <row r="34620" spans="1:9" x14ac:dyDescent="0.25">
      <c r="A34620" s="3">
        <v>41827.639386574076</v>
      </c>
      <c r="B34620" s="6">
        <v>576356.39999999991</v>
      </c>
      <c r="C34620" s="7">
        <f t="shared" si="540"/>
        <v>576.35639999999989</v>
      </c>
      <c r="I34620" s="1"/>
    </row>
    <row r="34621" spans="1:9" x14ac:dyDescent="0.25">
      <c r="A34621" s="3">
        <v>41827.639513888891</v>
      </c>
      <c r="B34621" s="6">
        <v>576373.04999999993</v>
      </c>
      <c r="C34621" s="7">
        <f t="shared" si="540"/>
        <v>576.37304999999992</v>
      </c>
      <c r="I34621" s="1"/>
    </row>
    <row r="34622" spans="1:9" x14ac:dyDescent="0.25">
      <c r="A34622" s="3">
        <v>41827.640868055554</v>
      </c>
      <c r="B34622" s="6">
        <v>576389.69999999995</v>
      </c>
      <c r="C34622" s="7">
        <f t="shared" si="540"/>
        <v>576.38969999999995</v>
      </c>
      <c r="I34622" s="1"/>
    </row>
    <row r="34623" spans="1:9" x14ac:dyDescent="0.25">
      <c r="A34623" s="3">
        <v>41827.641168981485</v>
      </c>
      <c r="B34623" s="6">
        <v>576406.35</v>
      </c>
      <c r="C34623" s="7">
        <f t="shared" si="540"/>
        <v>576.40634999999997</v>
      </c>
      <c r="I34623" s="1"/>
    </row>
    <row r="34624" spans="1:9" x14ac:dyDescent="0.25">
      <c r="A34624" s="3">
        <v>41827.644166666665</v>
      </c>
      <c r="B34624" s="6">
        <v>576423</v>
      </c>
      <c r="C34624" s="7">
        <f t="shared" si="540"/>
        <v>576.423</v>
      </c>
      <c r="I34624" s="1"/>
    </row>
    <row r="34625" spans="1:9" x14ac:dyDescent="0.25">
      <c r="A34625" s="3">
        <v>41827.644305555557</v>
      </c>
      <c r="B34625" s="6">
        <v>576439.64999999991</v>
      </c>
      <c r="C34625" s="7">
        <f t="shared" si="540"/>
        <v>576.43964999999992</v>
      </c>
      <c r="I34625" s="1"/>
    </row>
    <row r="34626" spans="1:9" x14ac:dyDescent="0.25">
      <c r="A34626" s="3">
        <v>41827.645358796297</v>
      </c>
      <c r="B34626" s="6">
        <v>576456.29999999993</v>
      </c>
      <c r="C34626" s="7">
        <f t="shared" si="540"/>
        <v>576.45629999999994</v>
      </c>
      <c r="I34626" s="1"/>
    </row>
    <row r="34627" spans="1:9" x14ac:dyDescent="0.25">
      <c r="A34627" s="3">
        <v>41827.645439814813</v>
      </c>
      <c r="B34627" s="6">
        <v>576472.94999999995</v>
      </c>
      <c r="C34627" s="7">
        <f t="shared" ref="C34627:C34690" si="541">B34627/1000</f>
        <v>576.47294999999997</v>
      </c>
      <c r="I34627" s="1"/>
    </row>
    <row r="34628" spans="1:9" x14ac:dyDescent="0.25">
      <c r="A34628" s="3">
        <v>41827.646527777775</v>
      </c>
      <c r="B34628" s="6">
        <v>576489.6</v>
      </c>
      <c r="C34628" s="7">
        <f t="shared" si="541"/>
        <v>576.4896</v>
      </c>
      <c r="I34628" s="1"/>
    </row>
    <row r="34629" spans="1:9" x14ac:dyDescent="0.25">
      <c r="A34629" s="3">
        <v>41827.646770833337</v>
      </c>
      <c r="B34629" s="6">
        <v>576506.25</v>
      </c>
      <c r="C34629" s="7">
        <f t="shared" si="541"/>
        <v>576.50625000000002</v>
      </c>
      <c r="I34629" s="1"/>
    </row>
    <row r="34630" spans="1:9" x14ac:dyDescent="0.25">
      <c r="A34630" s="3">
        <v>41827.649722222224</v>
      </c>
      <c r="B34630" s="6">
        <v>576522.89999999991</v>
      </c>
      <c r="C34630" s="7">
        <f t="shared" si="541"/>
        <v>576.52289999999994</v>
      </c>
      <c r="I34630" s="1"/>
    </row>
    <row r="34631" spans="1:9" x14ac:dyDescent="0.25">
      <c r="A34631" s="3">
        <v>41827.64984953704</v>
      </c>
      <c r="B34631" s="6">
        <v>576539.54999999993</v>
      </c>
      <c r="C34631" s="7">
        <f t="shared" si="541"/>
        <v>576.53954999999996</v>
      </c>
      <c r="I34631" s="1"/>
    </row>
    <row r="34632" spans="1:9" x14ac:dyDescent="0.25">
      <c r="A34632" s="3">
        <v>41827.651018518518</v>
      </c>
      <c r="B34632" s="6">
        <v>576556.19999999995</v>
      </c>
      <c r="C34632" s="7">
        <f t="shared" si="541"/>
        <v>576.55619999999999</v>
      </c>
      <c r="I34632" s="1"/>
    </row>
    <row r="34633" spans="1:9" x14ac:dyDescent="0.25">
      <c r="A34633" s="3">
        <v>41827.651099537034</v>
      </c>
      <c r="B34633" s="6">
        <v>576572.85</v>
      </c>
      <c r="C34633" s="7">
        <f t="shared" si="541"/>
        <v>576.57285000000002</v>
      </c>
      <c r="I34633" s="1"/>
    </row>
    <row r="34634" spans="1:9" x14ac:dyDescent="0.25">
      <c r="A34634" s="3">
        <v>41827.652349537035</v>
      </c>
      <c r="B34634" s="6">
        <v>576589.5</v>
      </c>
      <c r="C34634" s="7">
        <f t="shared" si="541"/>
        <v>576.58950000000004</v>
      </c>
      <c r="I34634" s="1"/>
    </row>
    <row r="34635" spans="1:9" x14ac:dyDescent="0.25">
      <c r="A34635" s="3">
        <v>41827.652581018519</v>
      </c>
      <c r="B34635" s="6">
        <v>576606.14999999991</v>
      </c>
      <c r="C34635" s="7">
        <f t="shared" si="541"/>
        <v>576.60614999999996</v>
      </c>
      <c r="I34635" s="1"/>
    </row>
    <row r="34636" spans="1:9" x14ac:dyDescent="0.25">
      <c r="A34636" s="3">
        <v>41827.655393518522</v>
      </c>
      <c r="B34636" s="6">
        <v>576622.79999999993</v>
      </c>
      <c r="C34636" s="7">
        <f t="shared" si="541"/>
        <v>576.62279999999998</v>
      </c>
      <c r="I34636" s="1"/>
    </row>
    <row r="34637" spans="1:9" x14ac:dyDescent="0.25">
      <c r="A34637" s="3">
        <v>41827.655486111114</v>
      </c>
      <c r="B34637" s="6">
        <v>576639.44999999995</v>
      </c>
      <c r="C34637" s="7">
        <f t="shared" si="541"/>
        <v>576.6394499999999</v>
      </c>
      <c r="I34637" s="1"/>
    </row>
    <row r="34638" spans="1:9" x14ac:dyDescent="0.25">
      <c r="A34638" s="3">
        <v>41827.65625</v>
      </c>
      <c r="B34638" s="6">
        <v>576656.1</v>
      </c>
      <c r="C34638" s="7">
        <f t="shared" si="541"/>
        <v>576.65609999999992</v>
      </c>
      <c r="I34638" s="1"/>
    </row>
    <row r="34639" spans="1:9" x14ac:dyDescent="0.25">
      <c r="A34639" s="3">
        <v>41827.656319444446</v>
      </c>
      <c r="B34639" s="6">
        <v>576672.75</v>
      </c>
      <c r="C34639" s="7">
        <f t="shared" si="541"/>
        <v>576.67274999999995</v>
      </c>
      <c r="I34639" s="1"/>
    </row>
    <row r="34640" spans="1:9" x14ac:dyDescent="0.25">
      <c r="A34640" s="3">
        <v>41827.658263888887</v>
      </c>
      <c r="B34640" s="6">
        <v>576689.39999999991</v>
      </c>
      <c r="C34640" s="7">
        <f t="shared" si="541"/>
        <v>576.68939999999986</v>
      </c>
      <c r="I34640" s="1"/>
    </row>
    <row r="34641" spans="1:9" x14ac:dyDescent="0.25">
      <c r="A34641" s="3">
        <v>41827.658379629633</v>
      </c>
      <c r="B34641" s="6">
        <v>576706.04999999993</v>
      </c>
      <c r="C34641" s="7">
        <f t="shared" si="541"/>
        <v>576.70604999999989</v>
      </c>
      <c r="I34641" s="1"/>
    </row>
    <row r="34642" spans="1:9" x14ac:dyDescent="0.25">
      <c r="A34642" s="3">
        <v>41827.659467592595</v>
      </c>
      <c r="B34642" s="6">
        <v>576722.69999999995</v>
      </c>
      <c r="C34642" s="7">
        <f t="shared" si="541"/>
        <v>576.72269999999992</v>
      </c>
      <c r="I34642" s="1"/>
    </row>
    <row r="34643" spans="1:9" x14ac:dyDescent="0.25">
      <c r="A34643" s="3">
        <v>41827.659571759257</v>
      </c>
      <c r="B34643" s="6">
        <v>576739.35</v>
      </c>
      <c r="C34643" s="7">
        <f t="shared" si="541"/>
        <v>576.73934999999994</v>
      </c>
      <c r="I34643" s="1"/>
    </row>
    <row r="34644" spans="1:9" x14ac:dyDescent="0.25">
      <c r="A34644" s="3">
        <v>41827.661446759259</v>
      </c>
      <c r="B34644" s="6">
        <v>576756</v>
      </c>
      <c r="C34644" s="7">
        <f t="shared" si="541"/>
        <v>576.75599999999997</v>
      </c>
      <c r="I34644" s="1"/>
    </row>
    <row r="34645" spans="1:9" x14ac:dyDescent="0.25">
      <c r="A34645" s="3">
        <v>41827.662152777775</v>
      </c>
      <c r="B34645" s="6">
        <v>576772.64999999991</v>
      </c>
      <c r="C34645" s="7">
        <f t="shared" si="541"/>
        <v>576.77264999999989</v>
      </c>
      <c r="I34645" s="1"/>
    </row>
    <row r="34646" spans="1:9" x14ac:dyDescent="0.25">
      <c r="A34646" s="3">
        <v>41827.663611111115</v>
      </c>
      <c r="B34646" s="6">
        <v>576789.29999999993</v>
      </c>
      <c r="C34646" s="7">
        <f t="shared" si="541"/>
        <v>576.78929999999991</v>
      </c>
      <c r="I34646" s="1"/>
    </row>
    <row r="34647" spans="1:9" x14ac:dyDescent="0.25">
      <c r="A34647" s="3">
        <v>41827.664247685185</v>
      </c>
      <c r="B34647" s="6">
        <v>576805.94999999995</v>
      </c>
      <c r="C34647" s="7">
        <f t="shared" si="541"/>
        <v>576.80594999999994</v>
      </c>
      <c r="I34647" s="1"/>
    </row>
    <row r="34648" spans="1:9" x14ac:dyDescent="0.25">
      <c r="A34648" s="3">
        <v>41827.669537037036</v>
      </c>
      <c r="B34648" s="6">
        <v>576822.6</v>
      </c>
      <c r="C34648" s="7">
        <f t="shared" si="541"/>
        <v>576.82259999999997</v>
      </c>
      <c r="I34648" s="1"/>
    </row>
    <row r="34649" spans="1:9" x14ac:dyDescent="0.25">
      <c r="A34649" s="3">
        <v>41827.669618055559</v>
      </c>
      <c r="B34649" s="6">
        <v>576839.25</v>
      </c>
      <c r="C34649" s="7">
        <f t="shared" si="541"/>
        <v>576.83924999999999</v>
      </c>
      <c r="I34649" s="1"/>
    </row>
    <row r="34650" spans="1:9" x14ac:dyDescent="0.25">
      <c r="A34650" s="3">
        <v>41827.670740740738</v>
      </c>
      <c r="B34650" s="6">
        <v>576855.89999999991</v>
      </c>
      <c r="C34650" s="7">
        <f t="shared" si="541"/>
        <v>576.85589999999991</v>
      </c>
      <c r="I34650" s="1"/>
    </row>
    <row r="34651" spans="1:9" x14ac:dyDescent="0.25">
      <c r="A34651" s="3">
        <v>41827.671203703707</v>
      </c>
      <c r="B34651" s="6">
        <v>576872.54999999993</v>
      </c>
      <c r="C34651" s="7">
        <f t="shared" si="541"/>
        <v>576.87254999999993</v>
      </c>
      <c r="I34651" s="1"/>
    </row>
    <row r="34652" spans="1:9" x14ac:dyDescent="0.25">
      <c r="A34652" s="3">
        <v>41827.672442129631</v>
      </c>
      <c r="B34652" s="6">
        <v>576889.19999999995</v>
      </c>
      <c r="C34652" s="7">
        <f t="shared" si="541"/>
        <v>576.88919999999996</v>
      </c>
      <c r="I34652" s="1"/>
    </row>
    <row r="34653" spans="1:9" x14ac:dyDescent="0.25">
      <c r="A34653" s="3">
        <v>41827.673738425925</v>
      </c>
      <c r="B34653" s="6">
        <v>576905.85</v>
      </c>
      <c r="C34653" s="7">
        <f t="shared" si="541"/>
        <v>576.90584999999999</v>
      </c>
      <c r="I34653" s="1"/>
    </row>
    <row r="34654" spans="1:9" x14ac:dyDescent="0.25">
      <c r="A34654" s="3">
        <v>41827.676516203705</v>
      </c>
      <c r="B34654" s="6">
        <v>576922.5</v>
      </c>
      <c r="C34654" s="7">
        <f t="shared" si="541"/>
        <v>576.92250000000001</v>
      </c>
      <c r="I34654" s="1"/>
    </row>
    <row r="34655" spans="1:9" x14ac:dyDescent="0.25">
      <c r="A34655" s="3">
        <v>41827.676689814813</v>
      </c>
      <c r="B34655" s="6">
        <v>576939.14999999991</v>
      </c>
      <c r="C34655" s="7">
        <f t="shared" si="541"/>
        <v>576.93914999999993</v>
      </c>
      <c r="I34655" s="1"/>
    </row>
    <row r="34656" spans="1:9" x14ac:dyDescent="0.25">
      <c r="A34656" s="3">
        <v>41827.681712962964</v>
      </c>
      <c r="B34656" s="6">
        <v>576955.79999999993</v>
      </c>
      <c r="C34656" s="7">
        <f t="shared" si="541"/>
        <v>576.95579999999995</v>
      </c>
      <c r="I34656" s="1"/>
    </row>
    <row r="34657" spans="1:9" x14ac:dyDescent="0.25">
      <c r="A34657" s="3">
        <v>41827.682384259257</v>
      </c>
      <c r="B34657" s="6">
        <v>576972.44999999995</v>
      </c>
      <c r="C34657" s="7">
        <f t="shared" si="541"/>
        <v>576.97244999999998</v>
      </c>
      <c r="I34657" s="1"/>
    </row>
    <row r="34658" spans="1:9" x14ac:dyDescent="0.25">
      <c r="A34658" s="3">
        <v>41827.685243055559</v>
      </c>
      <c r="B34658" s="6">
        <v>576989.1</v>
      </c>
      <c r="C34658" s="7">
        <f t="shared" si="541"/>
        <v>576.98910000000001</v>
      </c>
      <c r="I34658" s="1"/>
    </row>
    <row r="34659" spans="1:9" x14ac:dyDescent="0.25">
      <c r="A34659" s="3">
        <v>41827.685312499998</v>
      </c>
      <c r="B34659" s="6">
        <v>577005.75</v>
      </c>
      <c r="C34659" s="7">
        <f t="shared" si="541"/>
        <v>577.00575000000003</v>
      </c>
      <c r="I34659" s="1"/>
    </row>
    <row r="34660" spans="1:9" x14ac:dyDescent="0.25">
      <c r="A34660" s="3">
        <v>41827.688298611109</v>
      </c>
      <c r="B34660" s="6">
        <v>577022.39999999991</v>
      </c>
      <c r="C34660" s="7">
        <f t="shared" si="541"/>
        <v>577.02239999999995</v>
      </c>
      <c r="I34660" s="1"/>
    </row>
    <row r="34661" spans="1:9" x14ac:dyDescent="0.25">
      <c r="A34661" s="3">
        <v>41827.688472222224</v>
      </c>
      <c r="B34661" s="6">
        <v>577039.04999999993</v>
      </c>
      <c r="C34661" s="7">
        <f t="shared" si="541"/>
        <v>577.03904999999997</v>
      </c>
      <c r="I34661" s="1"/>
    </row>
    <row r="34662" spans="1:9" x14ac:dyDescent="0.25">
      <c r="A34662" s="3">
        <v>41827.691180555557</v>
      </c>
      <c r="B34662" s="6">
        <v>577055.69999999995</v>
      </c>
      <c r="C34662" s="7">
        <f t="shared" si="541"/>
        <v>577.0557</v>
      </c>
      <c r="I34662" s="1"/>
    </row>
    <row r="34663" spans="1:9" x14ac:dyDescent="0.25">
      <c r="A34663" s="3">
        <v>41827.691261574073</v>
      </c>
      <c r="B34663" s="6">
        <v>577072.35</v>
      </c>
      <c r="C34663" s="7">
        <f t="shared" si="541"/>
        <v>577.07235000000003</v>
      </c>
      <c r="I34663" s="1"/>
    </row>
    <row r="34664" spans="1:9" x14ac:dyDescent="0.25">
      <c r="A34664" s="3">
        <v>41827.692731481482</v>
      </c>
      <c r="B34664" s="6">
        <v>577089</v>
      </c>
      <c r="C34664" s="7">
        <f t="shared" si="541"/>
        <v>577.08900000000006</v>
      </c>
      <c r="I34664" s="1"/>
    </row>
    <row r="34665" spans="1:9" x14ac:dyDescent="0.25">
      <c r="A34665" s="3">
        <v>41827.693171296298</v>
      </c>
      <c r="B34665" s="6">
        <v>577105.64999999991</v>
      </c>
      <c r="C34665" s="7">
        <f t="shared" si="541"/>
        <v>577.10564999999986</v>
      </c>
      <c r="I34665" s="1"/>
    </row>
    <row r="34666" spans="1:9" x14ac:dyDescent="0.25">
      <c r="A34666" s="3">
        <v>41827.696863425925</v>
      </c>
      <c r="B34666" s="6">
        <v>577122.29999999993</v>
      </c>
      <c r="C34666" s="7">
        <f t="shared" si="541"/>
        <v>577.12229999999988</v>
      </c>
      <c r="I34666" s="1"/>
    </row>
    <row r="34667" spans="1:9" x14ac:dyDescent="0.25">
      <c r="A34667" s="3">
        <v>41827.696979166663</v>
      </c>
      <c r="B34667" s="6">
        <v>577138.94999999995</v>
      </c>
      <c r="C34667" s="7">
        <f t="shared" si="541"/>
        <v>577.13894999999991</v>
      </c>
      <c r="I34667" s="1"/>
    </row>
    <row r="34668" spans="1:9" x14ac:dyDescent="0.25">
      <c r="A34668" s="3">
        <v>41827.699247685188</v>
      </c>
      <c r="B34668" s="6">
        <v>577155.6</v>
      </c>
      <c r="C34668" s="7">
        <f t="shared" si="541"/>
        <v>577.15559999999994</v>
      </c>
      <c r="I34668" s="1"/>
    </row>
    <row r="34669" spans="1:9" x14ac:dyDescent="0.25">
      <c r="A34669" s="3">
        <v>41827.699340277781</v>
      </c>
      <c r="B34669" s="6">
        <v>577172.25</v>
      </c>
      <c r="C34669" s="7">
        <f t="shared" si="541"/>
        <v>577.17224999999996</v>
      </c>
      <c r="I34669" s="1"/>
    </row>
    <row r="34670" spans="1:9" x14ac:dyDescent="0.25">
      <c r="A34670" s="3">
        <v>41827.700266203705</v>
      </c>
      <c r="B34670" s="6">
        <v>577188.89999999991</v>
      </c>
      <c r="C34670" s="7">
        <f t="shared" si="541"/>
        <v>577.18889999999988</v>
      </c>
      <c r="I34670" s="1"/>
    </row>
    <row r="34671" spans="1:9" x14ac:dyDescent="0.25">
      <c r="A34671" s="3">
        <v>41827.700370370374</v>
      </c>
      <c r="B34671" s="6">
        <v>577205.54999999993</v>
      </c>
      <c r="C34671" s="7">
        <f t="shared" si="541"/>
        <v>577.2055499999999</v>
      </c>
      <c r="I34671" s="1"/>
    </row>
    <row r="34672" spans="1:9" x14ac:dyDescent="0.25">
      <c r="A34672" s="3">
        <v>41827.701284722221</v>
      </c>
      <c r="B34672" s="6">
        <v>577222.19999999995</v>
      </c>
      <c r="C34672" s="7">
        <f t="shared" si="541"/>
        <v>577.22219999999993</v>
      </c>
      <c r="I34672" s="1"/>
    </row>
    <row r="34673" spans="1:9" x14ac:dyDescent="0.25">
      <c r="A34673" s="3">
        <v>41827.701423611114</v>
      </c>
      <c r="B34673" s="6">
        <v>577238.85</v>
      </c>
      <c r="C34673" s="7">
        <f t="shared" si="541"/>
        <v>577.23884999999996</v>
      </c>
      <c r="I34673" s="1"/>
    </row>
    <row r="34674" spans="1:9" x14ac:dyDescent="0.25">
      <c r="A34674" s="3">
        <v>41827.702280092592</v>
      </c>
      <c r="B34674" s="6">
        <v>577255.5</v>
      </c>
      <c r="C34674" s="7">
        <f t="shared" si="541"/>
        <v>577.25549999999998</v>
      </c>
      <c r="I34674" s="1"/>
    </row>
    <row r="34675" spans="1:9" x14ac:dyDescent="0.25">
      <c r="A34675" s="3">
        <v>41827.702453703707</v>
      </c>
      <c r="B34675" s="6">
        <v>577272.14999999991</v>
      </c>
      <c r="C34675" s="7">
        <f t="shared" si="541"/>
        <v>577.2721499999999</v>
      </c>
      <c r="I34675" s="1"/>
    </row>
    <row r="34676" spans="1:9" x14ac:dyDescent="0.25">
      <c r="A34676" s="3">
        <v>41827.704907407409</v>
      </c>
      <c r="B34676" s="6">
        <v>577288.79999999993</v>
      </c>
      <c r="C34676" s="7">
        <f t="shared" si="541"/>
        <v>577.28879999999992</v>
      </c>
      <c r="I34676" s="1"/>
    </row>
    <row r="34677" spans="1:9" x14ac:dyDescent="0.25">
      <c r="A34677" s="3">
        <v>41827.705046296294</v>
      </c>
      <c r="B34677" s="6">
        <v>577305.44999999995</v>
      </c>
      <c r="C34677" s="7">
        <f t="shared" si="541"/>
        <v>577.30544999999995</v>
      </c>
      <c r="I34677" s="1"/>
    </row>
    <row r="34678" spans="1:9" x14ac:dyDescent="0.25">
      <c r="A34678" s="3">
        <v>41827.706087962964</v>
      </c>
      <c r="B34678" s="6">
        <v>577322.1</v>
      </c>
      <c r="C34678" s="7">
        <f t="shared" si="541"/>
        <v>577.32209999999998</v>
      </c>
      <c r="I34678" s="1"/>
    </row>
    <row r="34679" spans="1:9" x14ac:dyDescent="0.25">
      <c r="A34679" s="3">
        <v>41827.706180555557</v>
      </c>
      <c r="B34679" s="6">
        <v>577338.75</v>
      </c>
      <c r="C34679" s="7">
        <f t="shared" si="541"/>
        <v>577.33875</v>
      </c>
      <c r="I34679" s="1"/>
    </row>
    <row r="34680" spans="1:9" x14ac:dyDescent="0.25">
      <c r="A34680" s="3">
        <v>41827.706562500003</v>
      </c>
      <c r="B34680" s="6">
        <v>577355.39999999991</v>
      </c>
      <c r="C34680" s="7">
        <f t="shared" si="541"/>
        <v>577.35539999999992</v>
      </c>
      <c r="I34680" s="1"/>
    </row>
    <row r="34681" spans="1:9" x14ac:dyDescent="0.25">
      <c r="A34681" s="3">
        <v>41827.706620370373</v>
      </c>
      <c r="B34681" s="6">
        <v>577372.04999999993</v>
      </c>
      <c r="C34681" s="7">
        <f t="shared" si="541"/>
        <v>577.37204999999994</v>
      </c>
      <c r="I34681" s="1"/>
    </row>
    <row r="34682" spans="1:9" x14ac:dyDescent="0.25">
      <c r="A34682" s="3">
        <v>41827.707060185188</v>
      </c>
      <c r="B34682" s="6">
        <v>577388.69999999995</v>
      </c>
      <c r="C34682" s="7">
        <f t="shared" si="541"/>
        <v>577.38869999999997</v>
      </c>
      <c r="I34682" s="1"/>
    </row>
    <row r="34683" spans="1:9" x14ac:dyDescent="0.25">
      <c r="A34683" s="3">
        <v>41827.707129629627</v>
      </c>
      <c r="B34683" s="6">
        <v>577405.35</v>
      </c>
      <c r="C34683" s="7">
        <f t="shared" si="541"/>
        <v>577.40535</v>
      </c>
      <c r="I34683" s="1"/>
    </row>
    <row r="34684" spans="1:9" x14ac:dyDescent="0.25">
      <c r="A34684" s="3">
        <v>41827.708483796298</v>
      </c>
      <c r="B34684" s="6">
        <v>577422</v>
      </c>
      <c r="C34684" s="7">
        <f t="shared" si="541"/>
        <v>577.42200000000003</v>
      </c>
      <c r="I34684" s="1"/>
    </row>
    <row r="34685" spans="1:9" x14ac:dyDescent="0.25">
      <c r="A34685" s="3">
        <v>41827.708599537036</v>
      </c>
      <c r="B34685" s="6">
        <v>577438.64999999991</v>
      </c>
      <c r="C34685" s="7">
        <f t="shared" si="541"/>
        <v>577.43864999999994</v>
      </c>
      <c r="I34685" s="1"/>
    </row>
    <row r="34686" spans="1:9" x14ac:dyDescent="0.25">
      <c r="A34686" s="3">
        <v>41827.709166666667</v>
      </c>
      <c r="B34686" s="6">
        <v>577455.29999999993</v>
      </c>
      <c r="C34686" s="7">
        <f t="shared" si="541"/>
        <v>577.45529999999997</v>
      </c>
      <c r="I34686" s="1"/>
    </row>
    <row r="34687" spans="1:9" x14ac:dyDescent="0.25">
      <c r="A34687" s="3">
        <v>41827.709398148145</v>
      </c>
      <c r="B34687" s="6">
        <v>577471.94999999995</v>
      </c>
      <c r="C34687" s="7">
        <f t="shared" si="541"/>
        <v>577.47194999999999</v>
      </c>
      <c r="I34687" s="1"/>
    </row>
    <row r="34688" spans="1:9" x14ac:dyDescent="0.25">
      <c r="A34688" s="3">
        <v>41827.710914351854</v>
      </c>
      <c r="B34688" s="6">
        <v>577488.6</v>
      </c>
      <c r="C34688" s="7">
        <f t="shared" si="541"/>
        <v>577.48860000000002</v>
      </c>
      <c r="I34688" s="1"/>
    </row>
    <row r="34689" spans="1:9" x14ac:dyDescent="0.25">
      <c r="A34689" s="3">
        <v>41827.711030092592</v>
      </c>
      <c r="B34689" s="6">
        <v>577505.25</v>
      </c>
      <c r="C34689" s="7">
        <f t="shared" si="541"/>
        <v>577.50525000000005</v>
      </c>
      <c r="I34689" s="1"/>
    </row>
    <row r="34690" spans="1:9" x14ac:dyDescent="0.25">
      <c r="A34690" s="3">
        <v>41827.712233796294</v>
      </c>
      <c r="B34690" s="6">
        <v>577521.89999999991</v>
      </c>
      <c r="C34690" s="7">
        <f t="shared" si="541"/>
        <v>577.52189999999996</v>
      </c>
      <c r="I34690" s="1"/>
    </row>
    <row r="34691" spans="1:9" x14ac:dyDescent="0.25">
      <c r="A34691" s="3">
        <v>41827.712314814817</v>
      </c>
      <c r="B34691" s="6">
        <v>577538.54999999993</v>
      </c>
      <c r="C34691" s="7">
        <f t="shared" ref="C34691:C34754" si="542">B34691/1000</f>
        <v>577.53854999999999</v>
      </c>
      <c r="I34691" s="1"/>
    </row>
    <row r="34692" spans="1:9" x14ac:dyDescent="0.25">
      <c r="A34692" s="3">
        <v>41827.713379629633</v>
      </c>
      <c r="B34692" s="6">
        <v>577555.19999999995</v>
      </c>
      <c r="C34692" s="7">
        <f t="shared" si="542"/>
        <v>577.5551999999999</v>
      </c>
      <c r="I34692" s="1"/>
    </row>
    <row r="34693" spans="1:9" x14ac:dyDescent="0.25">
      <c r="A34693" s="3">
        <v>41827.713645833333</v>
      </c>
      <c r="B34693" s="6">
        <v>577571.85</v>
      </c>
      <c r="C34693" s="7">
        <f t="shared" si="542"/>
        <v>577.57184999999993</v>
      </c>
      <c r="I34693" s="1"/>
    </row>
    <row r="34694" spans="1:9" x14ac:dyDescent="0.25">
      <c r="A34694" s="3">
        <v>41827.716782407406</v>
      </c>
      <c r="B34694" s="6">
        <v>577588.5</v>
      </c>
      <c r="C34694" s="7">
        <f t="shared" si="542"/>
        <v>577.58849999999995</v>
      </c>
      <c r="I34694" s="1"/>
    </row>
    <row r="34695" spans="1:9" x14ac:dyDescent="0.25">
      <c r="A34695" s="3">
        <v>41827.716863425929</v>
      </c>
      <c r="B34695" s="6">
        <v>577605.14999999991</v>
      </c>
      <c r="C34695" s="7">
        <f t="shared" si="542"/>
        <v>577.60514999999987</v>
      </c>
      <c r="I34695" s="1"/>
    </row>
    <row r="34696" spans="1:9" x14ac:dyDescent="0.25">
      <c r="A34696" s="3">
        <v>41827.719398148147</v>
      </c>
      <c r="B34696" s="6">
        <v>577621.79999999993</v>
      </c>
      <c r="C34696" s="7">
        <f t="shared" si="542"/>
        <v>577.62179999999989</v>
      </c>
      <c r="I34696" s="1"/>
    </row>
    <row r="34697" spans="1:9" x14ac:dyDescent="0.25">
      <c r="A34697" s="3">
        <v>41827.719537037039</v>
      </c>
      <c r="B34697" s="6">
        <v>577638.44999999995</v>
      </c>
      <c r="C34697" s="7">
        <f t="shared" si="542"/>
        <v>577.63844999999992</v>
      </c>
      <c r="I34697" s="1"/>
    </row>
    <row r="34698" spans="1:9" x14ac:dyDescent="0.25">
      <c r="A34698" s="3">
        <v>41827.721273148149</v>
      </c>
      <c r="B34698" s="6">
        <v>577655.1</v>
      </c>
      <c r="C34698" s="7">
        <f t="shared" si="542"/>
        <v>577.65509999999995</v>
      </c>
      <c r="I34698" s="1"/>
    </row>
    <row r="34699" spans="1:9" x14ac:dyDescent="0.25">
      <c r="A34699" s="3">
        <v>41827.722407407404</v>
      </c>
      <c r="B34699" s="6">
        <v>577671.75</v>
      </c>
      <c r="C34699" s="7">
        <f t="shared" si="542"/>
        <v>577.67174999999997</v>
      </c>
      <c r="I34699" s="1"/>
    </row>
    <row r="34700" spans="1:9" x14ac:dyDescent="0.25">
      <c r="A34700" s="3">
        <v>41827.725046296298</v>
      </c>
      <c r="B34700" s="6">
        <v>577688.39999999991</v>
      </c>
      <c r="C34700" s="7">
        <f t="shared" si="542"/>
        <v>577.68839999999989</v>
      </c>
      <c r="I34700" s="1"/>
    </row>
    <row r="34701" spans="1:9" x14ac:dyDescent="0.25">
      <c r="A34701" s="3">
        <v>41827.72515046296</v>
      </c>
      <c r="B34701" s="6">
        <v>577705.04999999993</v>
      </c>
      <c r="C34701" s="7">
        <f t="shared" si="542"/>
        <v>577.70504999999991</v>
      </c>
      <c r="I34701" s="1"/>
    </row>
    <row r="34702" spans="1:9" x14ac:dyDescent="0.25">
      <c r="A34702" s="3">
        <v>41827.727210648147</v>
      </c>
      <c r="B34702" s="6">
        <v>577721.69999999995</v>
      </c>
      <c r="C34702" s="7">
        <f t="shared" si="542"/>
        <v>577.72169999999994</v>
      </c>
      <c r="I34702" s="1"/>
    </row>
    <row r="34703" spans="1:9" x14ac:dyDescent="0.25">
      <c r="A34703" s="3">
        <v>41827.727337962962</v>
      </c>
      <c r="B34703" s="6">
        <v>577738.35</v>
      </c>
      <c r="C34703" s="7">
        <f t="shared" si="542"/>
        <v>577.73834999999997</v>
      </c>
      <c r="I34703" s="1"/>
    </row>
    <row r="34704" spans="1:9" x14ac:dyDescent="0.25">
      <c r="A34704" s="3">
        <v>41827.728703703702</v>
      </c>
      <c r="B34704" s="6">
        <v>577755</v>
      </c>
      <c r="C34704" s="7">
        <f t="shared" si="542"/>
        <v>577.755</v>
      </c>
      <c r="I34704" s="1"/>
    </row>
    <row r="34705" spans="1:9" x14ac:dyDescent="0.25">
      <c r="A34705" s="3">
        <v>41827.730185185188</v>
      </c>
      <c r="B34705" s="6">
        <v>577771.64999999991</v>
      </c>
      <c r="C34705" s="7">
        <f t="shared" si="542"/>
        <v>577.77164999999991</v>
      </c>
      <c r="I34705" s="1"/>
    </row>
    <row r="34706" spans="1:9" x14ac:dyDescent="0.25">
      <c r="A34706" s="3">
        <v>41827.736875000002</v>
      </c>
      <c r="B34706" s="6">
        <v>577788.29999999993</v>
      </c>
      <c r="C34706" s="7">
        <f t="shared" si="542"/>
        <v>577.78829999999994</v>
      </c>
      <c r="I34706" s="1"/>
    </row>
    <row r="34707" spans="1:9" x14ac:dyDescent="0.25">
      <c r="A34707" s="3">
        <v>41827.738391203704</v>
      </c>
      <c r="B34707" s="6">
        <v>577804.94999999995</v>
      </c>
      <c r="C34707" s="7">
        <f t="shared" si="542"/>
        <v>577.80494999999996</v>
      </c>
      <c r="I34707" s="1"/>
    </row>
    <row r="34708" spans="1:9" x14ac:dyDescent="0.25">
      <c r="A34708" s="3">
        <v>41827.74114583333</v>
      </c>
      <c r="B34708" s="6">
        <v>577821.6</v>
      </c>
      <c r="C34708" s="7">
        <f t="shared" si="542"/>
        <v>577.82159999999999</v>
      </c>
      <c r="I34708" s="1"/>
    </row>
    <row r="34709" spans="1:9" x14ac:dyDescent="0.25">
      <c r="A34709" s="3">
        <v>41827.741273148145</v>
      </c>
      <c r="B34709" s="6">
        <v>577838.25</v>
      </c>
      <c r="C34709" s="7">
        <f t="shared" si="542"/>
        <v>577.83825000000002</v>
      </c>
      <c r="I34709" s="1"/>
    </row>
    <row r="34710" spans="1:9" x14ac:dyDescent="0.25">
      <c r="A34710" s="3">
        <v>41827.743622685186</v>
      </c>
      <c r="B34710" s="6">
        <v>577854.89999999991</v>
      </c>
      <c r="C34710" s="7">
        <f t="shared" si="542"/>
        <v>577.85489999999993</v>
      </c>
      <c r="I34710" s="1"/>
    </row>
    <row r="34711" spans="1:9" x14ac:dyDescent="0.25">
      <c r="A34711" s="3">
        <v>41827.743854166663</v>
      </c>
      <c r="B34711" s="6">
        <v>577871.54999999993</v>
      </c>
      <c r="C34711" s="7">
        <f t="shared" si="542"/>
        <v>577.87154999999996</v>
      </c>
      <c r="I34711" s="1"/>
    </row>
    <row r="34712" spans="1:9" x14ac:dyDescent="0.25">
      <c r="A34712" s="3">
        <v>41827.745949074073</v>
      </c>
      <c r="B34712" s="6">
        <v>577888.19999999995</v>
      </c>
      <c r="C34712" s="7">
        <f t="shared" si="542"/>
        <v>577.88819999999998</v>
      </c>
      <c r="I34712" s="1"/>
    </row>
    <row r="34713" spans="1:9" x14ac:dyDescent="0.25">
      <c r="A34713" s="3">
        <v>41827.74627314815</v>
      </c>
      <c r="B34713" s="6">
        <v>577904.85</v>
      </c>
      <c r="C34713" s="7">
        <f t="shared" si="542"/>
        <v>577.90485000000001</v>
      </c>
      <c r="I34713" s="1"/>
    </row>
    <row r="34714" spans="1:9" x14ac:dyDescent="0.25">
      <c r="A34714" s="3">
        <v>41827.748807870368</v>
      </c>
      <c r="B34714" s="6">
        <v>577921.5</v>
      </c>
      <c r="C34714" s="7">
        <f t="shared" si="542"/>
        <v>577.92150000000004</v>
      </c>
      <c r="I34714" s="1"/>
    </row>
    <row r="34715" spans="1:9" x14ac:dyDescent="0.25">
      <c r="A34715" s="3">
        <v>41827.74900462963</v>
      </c>
      <c r="B34715" s="6">
        <v>577938.14999999991</v>
      </c>
      <c r="C34715" s="7">
        <f t="shared" si="542"/>
        <v>577.93814999999995</v>
      </c>
      <c r="I34715" s="1"/>
    </row>
    <row r="34716" spans="1:9" x14ac:dyDescent="0.25">
      <c r="A34716" s="3">
        <v>41827.751423611109</v>
      </c>
      <c r="B34716" s="6">
        <v>577954.79999999993</v>
      </c>
      <c r="C34716" s="7">
        <f t="shared" si="542"/>
        <v>577.95479999999998</v>
      </c>
      <c r="I34716" s="1"/>
    </row>
    <row r="34717" spans="1:9" x14ac:dyDescent="0.25">
      <c r="A34717" s="3">
        <v>41827.751643518517</v>
      </c>
      <c r="B34717" s="6">
        <v>577971.44999999995</v>
      </c>
      <c r="C34717" s="7">
        <f t="shared" si="542"/>
        <v>577.97145</v>
      </c>
      <c r="I34717" s="1"/>
    </row>
    <row r="34718" spans="1:9" x14ac:dyDescent="0.25">
      <c r="A34718" s="3">
        <v>41827.75571759259</v>
      </c>
      <c r="B34718" s="6">
        <v>577988.1</v>
      </c>
      <c r="C34718" s="7">
        <f t="shared" si="542"/>
        <v>577.98810000000003</v>
      </c>
      <c r="I34718" s="1"/>
    </row>
    <row r="34719" spans="1:9" x14ac:dyDescent="0.25">
      <c r="A34719" s="3">
        <v>41827.755972222221</v>
      </c>
      <c r="B34719" s="6">
        <v>578004.75</v>
      </c>
      <c r="C34719" s="7">
        <f t="shared" si="542"/>
        <v>578.00474999999994</v>
      </c>
      <c r="I34719" s="1"/>
    </row>
    <row r="34720" spans="1:9" x14ac:dyDescent="0.25">
      <c r="A34720" s="3">
        <v>41827.75886574074</v>
      </c>
      <c r="B34720" s="6">
        <v>578021.39999999991</v>
      </c>
      <c r="C34720" s="7">
        <f t="shared" si="542"/>
        <v>578.02139999999986</v>
      </c>
      <c r="I34720" s="1"/>
    </row>
    <row r="34721" spans="1:9" x14ac:dyDescent="0.25">
      <c r="A34721" s="3">
        <v>41827.759270833332</v>
      </c>
      <c r="B34721" s="6">
        <v>578038.04999999993</v>
      </c>
      <c r="C34721" s="7">
        <f t="shared" si="542"/>
        <v>578.03804999999988</v>
      </c>
      <c r="I34721" s="1"/>
    </row>
    <row r="34722" spans="1:9" x14ac:dyDescent="0.25">
      <c r="A34722" s="3">
        <v>41827.760671296295</v>
      </c>
      <c r="B34722" s="6">
        <v>578054.69999999995</v>
      </c>
      <c r="C34722" s="7">
        <f t="shared" si="542"/>
        <v>578.05469999999991</v>
      </c>
      <c r="I34722" s="1"/>
    </row>
    <row r="34723" spans="1:9" x14ac:dyDescent="0.25">
      <c r="A34723" s="3">
        <v>41827.760752314818</v>
      </c>
      <c r="B34723" s="6">
        <v>578071.35</v>
      </c>
      <c r="C34723" s="7">
        <f t="shared" si="542"/>
        <v>578.07134999999994</v>
      </c>
      <c r="I34723" s="1"/>
    </row>
    <row r="34724" spans="1:9" x14ac:dyDescent="0.25">
      <c r="A34724" s="3">
        <v>41827.762083333335</v>
      </c>
      <c r="B34724" s="6">
        <v>578088</v>
      </c>
      <c r="C34724" s="7">
        <f t="shared" si="542"/>
        <v>578.08799999999997</v>
      </c>
      <c r="I34724" s="1"/>
    </row>
    <row r="34725" spans="1:9" x14ac:dyDescent="0.25">
      <c r="A34725" s="3">
        <v>41827.76222222222</v>
      </c>
      <c r="B34725" s="6">
        <v>578104.64999999991</v>
      </c>
      <c r="C34725" s="7">
        <f t="shared" si="542"/>
        <v>578.10464999999988</v>
      </c>
      <c r="I34725" s="1"/>
    </row>
    <row r="34726" spans="1:9" x14ac:dyDescent="0.25">
      <c r="A34726" s="3">
        <v>41827.764398148145</v>
      </c>
      <c r="B34726" s="6">
        <v>578121.29999999993</v>
      </c>
      <c r="C34726" s="7">
        <f t="shared" si="542"/>
        <v>578.12129999999991</v>
      </c>
      <c r="I34726" s="1"/>
    </row>
    <row r="34727" spans="1:9" x14ac:dyDescent="0.25">
      <c r="A34727" s="3">
        <v>41827.764548611114</v>
      </c>
      <c r="B34727" s="6">
        <v>578137.94999999995</v>
      </c>
      <c r="C34727" s="7">
        <f t="shared" si="542"/>
        <v>578.13794999999993</v>
      </c>
      <c r="I34727" s="1"/>
    </row>
    <row r="34728" spans="1:9" x14ac:dyDescent="0.25">
      <c r="A34728" s="3">
        <v>41827.765497685185</v>
      </c>
      <c r="B34728" s="6">
        <v>578154.6</v>
      </c>
      <c r="C34728" s="7">
        <f t="shared" si="542"/>
        <v>578.15459999999996</v>
      </c>
      <c r="I34728" s="1"/>
    </row>
    <row r="34729" spans="1:9" x14ac:dyDescent="0.25">
      <c r="A34729" s="3">
        <v>41827.765682870369</v>
      </c>
      <c r="B34729" s="6">
        <v>578171.25</v>
      </c>
      <c r="C34729" s="7">
        <f t="shared" si="542"/>
        <v>578.17124999999999</v>
      </c>
      <c r="I34729" s="1"/>
    </row>
    <row r="34730" spans="1:9" x14ac:dyDescent="0.25">
      <c r="A34730" s="3">
        <v>41827.766736111109</v>
      </c>
      <c r="B34730" s="6">
        <v>578187.89999999991</v>
      </c>
      <c r="C34730" s="7">
        <f t="shared" si="542"/>
        <v>578.1878999999999</v>
      </c>
      <c r="I34730" s="1"/>
    </row>
    <row r="34731" spans="1:9" x14ac:dyDescent="0.25">
      <c r="A34731" s="3">
        <v>41827.766782407409</v>
      </c>
      <c r="B34731" s="6">
        <v>578204.54999999993</v>
      </c>
      <c r="C34731" s="7">
        <f t="shared" si="542"/>
        <v>578.20454999999993</v>
      </c>
      <c r="I34731" s="1"/>
    </row>
    <row r="34732" spans="1:9" x14ac:dyDescent="0.25">
      <c r="A34732" s="3">
        <v>41827.767939814818</v>
      </c>
      <c r="B34732" s="6">
        <v>578221.19999999995</v>
      </c>
      <c r="C34732" s="7">
        <f t="shared" si="542"/>
        <v>578.22119999999995</v>
      </c>
      <c r="I34732" s="1"/>
    </row>
    <row r="34733" spans="1:9" x14ac:dyDescent="0.25">
      <c r="A34733" s="3">
        <v>41827.768750000003</v>
      </c>
      <c r="B34733" s="6">
        <v>578237.85</v>
      </c>
      <c r="C34733" s="7">
        <f t="shared" si="542"/>
        <v>578.23784999999998</v>
      </c>
      <c r="I34733" s="1"/>
    </row>
    <row r="34734" spans="1:9" x14ac:dyDescent="0.25">
      <c r="A34734" s="3">
        <v>41827.771296296298</v>
      </c>
      <c r="B34734" s="6">
        <v>578254.5</v>
      </c>
      <c r="C34734" s="7">
        <f t="shared" si="542"/>
        <v>578.25450000000001</v>
      </c>
      <c r="I34734" s="1"/>
    </row>
    <row r="34735" spans="1:9" x14ac:dyDescent="0.25">
      <c r="A34735" s="3">
        <v>41827.77140046296</v>
      </c>
      <c r="B34735" s="6">
        <v>578271.14999999991</v>
      </c>
      <c r="C34735" s="7">
        <f t="shared" si="542"/>
        <v>578.27114999999992</v>
      </c>
      <c r="I34735" s="1"/>
    </row>
    <row r="34736" spans="1:9" x14ac:dyDescent="0.25">
      <c r="A34736" s="3">
        <v>41827.772534722222</v>
      </c>
      <c r="B34736" s="6">
        <v>578287.79999999993</v>
      </c>
      <c r="C34736" s="7">
        <f t="shared" si="542"/>
        <v>578.28779999999995</v>
      </c>
      <c r="I34736" s="1"/>
    </row>
    <row r="34737" spans="1:9" x14ac:dyDescent="0.25">
      <c r="A34737" s="3">
        <v>41827.772685185184</v>
      </c>
      <c r="B34737" s="6">
        <v>578304.44999999995</v>
      </c>
      <c r="C34737" s="7">
        <f t="shared" si="542"/>
        <v>578.30444999999997</v>
      </c>
      <c r="I34737" s="1"/>
    </row>
    <row r="34738" spans="1:9" x14ac:dyDescent="0.25">
      <c r="A34738" s="3">
        <v>41827.773923611108</v>
      </c>
      <c r="B34738" s="6">
        <v>578321.1</v>
      </c>
      <c r="C34738" s="7">
        <f t="shared" si="542"/>
        <v>578.3211</v>
      </c>
      <c r="I34738" s="1"/>
    </row>
    <row r="34739" spans="1:9" x14ac:dyDescent="0.25">
      <c r="A34739" s="3">
        <v>41827.774004629631</v>
      </c>
      <c r="B34739" s="6">
        <v>578337.75</v>
      </c>
      <c r="C34739" s="7">
        <f t="shared" si="542"/>
        <v>578.33775000000003</v>
      </c>
      <c r="I34739" s="1"/>
    </row>
    <row r="34740" spans="1:9" x14ac:dyDescent="0.25">
      <c r="A34740" s="3">
        <v>41827.775196759256</v>
      </c>
      <c r="B34740" s="6">
        <v>578354.39999999991</v>
      </c>
      <c r="C34740" s="7">
        <f t="shared" si="542"/>
        <v>578.35439999999994</v>
      </c>
      <c r="I34740" s="1"/>
    </row>
    <row r="34741" spans="1:9" x14ac:dyDescent="0.25">
      <c r="A34741" s="3">
        <v>41827.775335648148</v>
      </c>
      <c r="B34741" s="6">
        <v>578371.04999999993</v>
      </c>
      <c r="C34741" s="7">
        <f t="shared" si="542"/>
        <v>578.37104999999997</v>
      </c>
      <c r="I34741" s="1"/>
    </row>
    <row r="34742" spans="1:9" x14ac:dyDescent="0.25">
      <c r="A34742" s="3">
        <v>41827.77679398148</v>
      </c>
      <c r="B34742" s="6">
        <v>578387.69999999995</v>
      </c>
      <c r="C34742" s="7">
        <f t="shared" si="542"/>
        <v>578.3877</v>
      </c>
      <c r="I34742" s="1"/>
    </row>
    <row r="34743" spans="1:9" x14ac:dyDescent="0.25">
      <c r="A34743" s="3">
        <v>41827.776875000003</v>
      </c>
      <c r="B34743" s="6">
        <v>578404.35</v>
      </c>
      <c r="C34743" s="7">
        <f t="shared" si="542"/>
        <v>578.40435000000002</v>
      </c>
      <c r="I34743" s="1"/>
    </row>
    <row r="34744" spans="1:9" x14ac:dyDescent="0.25">
      <c r="A34744" s="3">
        <v>41827.779398148145</v>
      </c>
      <c r="B34744" s="6">
        <v>578421</v>
      </c>
      <c r="C34744" s="7">
        <f t="shared" si="542"/>
        <v>578.42100000000005</v>
      </c>
      <c r="I34744" s="1"/>
    </row>
    <row r="34745" spans="1:9" x14ac:dyDescent="0.25">
      <c r="A34745" s="3">
        <v>41827.779594907406</v>
      </c>
      <c r="B34745" s="6">
        <v>578437.64999999991</v>
      </c>
      <c r="C34745" s="7">
        <f t="shared" si="542"/>
        <v>578.43764999999996</v>
      </c>
      <c r="I34745" s="1"/>
    </row>
    <row r="34746" spans="1:9" x14ac:dyDescent="0.25">
      <c r="A34746" s="3">
        <v>41827.782384259262</v>
      </c>
      <c r="B34746" s="6">
        <v>578454.29999999993</v>
      </c>
      <c r="C34746" s="7">
        <f t="shared" si="542"/>
        <v>578.45429999999988</v>
      </c>
      <c r="I34746" s="1"/>
    </row>
    <row r="34747" spans="1:9" x14ac:dyDescent="0.25">
      <c r="A34747" s="3">
        <v>41827.782500000001</v>
      </c>
      <c r="B34747" s="6">
        <v>578470.94999999995</v>
      </c>
      <c r="C34747" s="7">
        <f t="shared" si="542"/>
        <v>578.4709499999999</v>
      </c>
      <c r="I34747" s="1"/>
    </row>
    <row r="34748" spans="1:9" x14ac:dyDescent="0.25">
      <c r="A34748" s="3">
        <v>41827.784224537034</v>
      </c>
      <c r="B34748" s="6">
        <v>578487.6</v>
      </c>
      <c r="C34748" s="7">
        <f t="shared" si="542"/>
        <v>578.48759999999993</v>
      </c>
      <c r="I34748" s="1"/>
    </row>
    <row r="34749" spans="1:9" x14ac:dyDescent="0.25">
      <c r="A34749" s="3">
        <v>41827.784317129626</v>
      </c>
      <c r="B34749" s="6">
        <v>578504.25</v>
      </c>
      <c r="C34749" s="7">
        <f t="shared" si="542"/>
        <v>578.50424999999996</v>
      </c>
      <c r="I34749" s="1"/>
    </row>
    <row r="34750" spans="1:9" x14ac:dyDescent="0.25">
      <c r="A34750" s="3">
        <v>41827.790995370371</v>
      </c>
      <c r="B34750" s="6">
        <v>578520.89999999991</v>
      </c>
      <c r="C34750" s="7">
        <f t="shared" si="542"/>
        <v>578.52089999999987</v>
      </c>
      <c r="I34750" s="1"/>
    </row>
    <row r="34751" spans="1:9" x14ac:dyDescent="0.25">
      <c r="A34751" s="3">
        <v>41827.79115740741</v>
      </c>
      <c r="B34751" s="6">
        <v>578537.54999999993</v>
      </c>
      <c r="C34751" s="7">
        <f t="shared" si="542"/>
        <v>578.5375499999999</v>
      </c>
      <c r="I34751" s="1"/>
    </row>
    <row r="34752" spans="1:9" x14ac:dyDescent="0.25">
      <c r="A34752" s="3">
        <v>41827.796643518515</v>
      </c>
      <c r="B34752" s="6">
        <v>578554.19999999995</v>
      </c>
      <c r="C34752" s="7">
        <f t="shared" si="542"/>
        <v>578.55419999999992</v>
      </c>
      <c r="I34752" s="1"/>
    </row>
    <row r="34753" spans="1:9" x14ac:dyDescent="0.25">
      <c r="A34753" s="3">
        <v>41827.797268518516</v>
      </c>
      <c r="B34753" s="6">
        <v>578570.85</v>
      </c>
      <c r="C34753" s="7">
        <f t="shared" si="542"/>
        <v>578.57084999999995</v>
      </c>
      <c r="I34753" s="1"/>
    </row>
    <row r="34754" spans="1:9" x14ac:dyDescent="0.25">
      <c r="A34754" s="3">
        <v>41827.799039351848</v>
      </c>
      <c r="B34754" s="6">
        <v>578587.5</v>
      </c>
      <c r="C34754" s="7">
        <f t="shared" si="542"/>
        <v>578.58749999999998</v>
      </c>
      <c r="I34754" s="1"/>
    </row>
    <row r="34755" spans="1:9" x14ac:dyDescent="0.25">
      <c r="A34755" s="3">
        <v>41827.799189814818</v>
      </c>
      <c r="B34755" s="6">
        <v>578604.14999999991</v>
      </c>
      <c r="C34755" s="7">
        <f t="shared" ref="C34755:C34818" si="543">B34755/1000</f>
        <v>578.60414999999989</v>
      </c>
      <c r="I34755" s="1"/>
    </row>
    <row r="34756" spans="1:9" x14ac:dyDescent="0.25">
      <c r="A34756" s="3">
        <v>41827.802800925929</v>
      </c>
      <c r="B34756" s="6">
        <v>578620.79999999993</v>
      </c>
      <c r="C34756" s="7">
        <f t="shared" si="543"/>
        <v>578.62079999999992</v>
      </c>
      <c r="I34756" s="1"/>
    </row>
    <row r="34757" spans="1:9" x14ac:dyDescent="0.25">
      <c r="A34757" s="3">
        <v>41827.804571759261</v>
      </c>
      <c r="B34757" s="6">
        <v>578637.44999999995</v>
      </c>
      <c r="C34757" s="7">
        <f t="shared" si="543"/>
        <v>578.63744999999994</v>
      </c>
      <c r="I34757" s="1"/>
    </row>
    <row r="34758" spans="1:9" x14ac:dyDescent="0.25">
      <c r="A34758" s="3">
        <v>41827.81386574074</v>
      </c>
      <c r="B34758" s="6">
        <v>578654.1</v>
      </c>
      <c r="C34758" s="7">
        <f t="shared" si="543"/>
        <v>578.65409999999997</v>
      </c>
      <c r="I34758" s="1"/>
    </row>
    <row r="34759" spans="1:9" x14ac:dyDescent="0.25">
      <c r="A34759" s="3">
        <v>41827.814155092594</v>
      </c>
      <c r="B34759" s="6">
        <v>578670.75</v>
      </c>
      <c r="C34759" s="7">
        <f t="shared" si="543"/>
        <v>578.67075</v>
      </c>
      <c r="I34759" s="1"/>
    </row>
    <row r="34760" spans="1:9" x14ac:dyDescent="0.25">
      <c r="A34760" s="3">
        <v>41827.818344907406</v>
      </c>
      <c r="B34760" s="6">
        <v>578687.39999999991</v>
      </c>
      <c r="C34760" s="7">
        <f t="shared" si="543"/>
        <v>578.68739999999991</v>
      </c>
      <c r="I34760" s="1"/>
    </row>
    <row r="34761" spans="1:9" x14ac:dyDescent="0.25">
      <c r="A34761" s="3">
        <v>41827.818460648145</v>
      </c>
      <c r="B34761" s="6">
        <v>578704.04999999993</v>
      </c>
      <c r="C34761" s="7">
        <f t="shared" si="543"/>
        <v>578.70404999999994</v>
      </c>
      <c r="I34761" s="1"/>
    </row>
    <row r="34762" spans="1:9" x14ac:dyDescent="0.25">
      <c r="A34762" s="3">
        <v>41827.821018518516</v>
      </c>
      <c r="B34762" s="6">
        <v>578720.69999999995</v>
      </c>
      <c r="C34762" s="7">
        <f t="shared" si="543"/>
        <v>578.72069999999997</v>
      </c>
      <c r="I34762" s="1"/>
    </row>
    <row r="34763" spans="1:9" x14ac:dyDescent="0.25">
      <c r="A34763" s="3">
        <v>41827.823958333334</v>
      </c>
      <c r="B34763" s="6">
        <v>578737.35</v>
      </c>
      <c r="C34763" s="7">
        <f t="shared" si="543"/>
        <v>578.73734999999999</v>
      </c>
      <c r="I34763" s="1"/>
    </row>
    <row r="34764" spans="1:9" x14ac:dyDescent="0.25">
      <c r="A34764" s="3">
        <v>41827.829317129632</v>
      </c>
      <c r="B34764" s="6">
        <v>578754</v>
      </c>
      <c r="C34764" s="7">
        <f t="shared" si="543"/>
        <v>578.75400000000002</v>
      </c>
      <c r="I34764" s="1"/>
    </row>
    <row r="34765" spans="1:9" x14ac:dyDescent="0.25">
      <c r="A34765" s="3">
        <v>41827.82953703704</v>
      </c>
      <c r="B34765" s="6">
        <v>578770.64999999991</v>
      </c>
      <c r="C34765" s="7">
        <f t="shared" si="543"/>
        <v>578.77064999999993</v>
      </c>
      <c r="I34765" s="1"/>
    </row>
    <row r="34766" spans="1:9" x14ac:dyDescent="0.25">
      <c r="A34766" s="3">
        <v>41827.834733796299</v>
      </c>
      <c r="B34766" s="6">
        <v>578787.29999999993</v>
      </c>
      <c r="C34766" s="7">
        <f t="shared" si="543"/>
        <v>578.78729999999996</v>
      </c>
      <c r="I34766" s="1"/>
    </row>
    <row r="34767" spans="1:9" x14ac:dyDescent="0.25">
      <c r="A34767" s="3">
        <v>41827.836006944446</v>
      </c>
      <c r="B34767" s="6">
        <v>578803.94999999995</v>
      </c>
      <c r="C34767" s="7">
        <f t="shared" si="543"/>
        <v>578.80394999999999</v>
      </c>
      <c r="I34767" s="1"/>
    </row>
    <row r="34768" spans="1:9" x14ac:dyDescent="0.25">
      <c r="A34768" s="3">
        <v>41827.852581018517</v>
      </c>
      <c r="B34768" s="6">
        <v>578820.6</v>
      </c>
      <c r="C34768" s="7">
        <f t="shared" si="543"/>
        <v>578.82060000000001</v>
      </c>
      <c r="I34768" s="1"/>
    </row>
    <row r="34769" spans="1:9" x14ac:dyDescent="0.25">
      <c r="A34769" s="3">
        <v>41827.852789351855</v>
      </c>
      <c r="B34769" s="6">
        <v>578837.25</v>
      </c>
      <c r="C34769" s="7">
        <f t="shared" si="543"/>
        <v>578.83725000000004</v>
      </c>
      <c r="I34769" s="1"/>
    </row>
    <row r="34770" spans="1:9" x14ac:dyDescent="0.25">
      <c r="A34770" s="3">
        <v>41827.896122685182</v>
      </c>
      <c r="B34770" s="6">
        <v>578853.89999999991</v>
      </c>
      <c r="C34770" s="7">
        <f t="shared" si="543"/>
        <v>578.85389999999995</v>
      </c>
      <c r="I34770" s="1"/>
    </row>
    <row r="34771" spans="1:9" x14ac:dyDescent="0.25">
      <c r="A34771" s="3">
        <v>41827.902592592596</v>
      </c>
      <c r="B34771" s="6">
        <v>578870.54999999993</v>
      </c>
      <c r="C34771" s="7">
        <f t="shared" si="543"/>
        <v>578.87054999999998</v>
      </c>
      <c r="I34771" s="1"/>
    </row>
    <row r="34772" spans="1:9" x14ac:dyDescent="0.25">
      <c r="A34772" s="3">
        <v>41827.914965277778</v>
      </c>
      <c r="B34772" s="6">
        <v>578887.19999999995</v>
      </c>
      <c r="C34772" s="7">
        <f t="shared" si="543"/>
        <v>578.88720000000001</v>
      </c>
      <c r="I34772" s="1"/>
    </row>
    <row r="34773" spans="1:9" x14ac:dyDescent="0.25">
      <c r="A34773" s="3">
        <v>41827.915092592593</v>
      </c>
      <c r="B34773" s="6">
        <v>578903.85</v>
      </c>
      <c r="C34773" s="7">
        <f t="shared" si="543"/>
        <v>578.90384999999992</v>
      </c>
      <c r="I34773" s="1"/>
    </row>
    <row r="34774" spans="1:9" x14ac:dyDescent="0.25">
      <c r="A34774" s="3">
        <v>41858.074074074073</v>
      </c>
      <c r="B34774" s="6">
        <v>578920.5</v>
      </c>
      <c r="C34774" s="7">
        <f t="shared" si="543"/>
        <v>578.92049999999995</v>
      </c>
      <c r="I34774" s="1"/>
    </row>
    <row r="34775" spans="1:9" x14ac:dyDescent="0.25">
      <c r="A34775" s="3">
        <v>41858.07439814815</v>
      </c>
      <c r="B34775" s="6">
        <v>578937.14999999991</v>
      </c>
      <c r="C34775" s="7">
        <f t="shared" si="543"/>
        <v>578.93714999999986</v>
      </c>
      <c r="I34775" s="1"/>
    </row>
    <row r="34776" spans="1:9" x14ac:dyDescent="0.25">
      <c r="A34776" s="3">
        <v>41858.077233796299</v>
      </c>
      <c r="B34776" s="6">
        <v>578953.79999999993</v>
      </c>
      <c r="C34776" s="7">
        <f t="shared" si="543"/>
        <v>578.95379999999989</v>
      </c>
      <c r="I34776" s="1"/>
    </row>
    <row r="34777" spans="1:9" x14ac:dyDescent="0.25">
      <c r="A34777" s="3">
        <v>41858.078310185185</v>
      </c>
      <c r="B34777" s="6">
        <v>578970.44999999995</v>
      </c>
      <c r="C34777" s="7">
        <f t="shared" si="543"/>
        <v>578.97044999999991</v>
      </c>
      <c r="I34777" s="1"/>
    </row>
    <row r="34778" spans="1:9" x14ac:dyDescent="0.25">
      <c r="A34778" s="3">
        <v>41858.081111111111</v>
      </c>
      <c r="B34778" s="6">
        <v>578987.1</v>
      </c>
      <c r="C34778" s="7">
        <f t="shared" si="543"/>
        <v>578.98709999999994</v>
      </c>
      <c r="I34778" s="1"/>
    </row>
    <row r="34779" spans="1:9" x14ac:dyDescent="0.25">
      <c r="A34779" s="3">
        <v>41858.081261574072</v>
      </c>
      <c r="B34779" s="6">
        <v>579003.75</v>
      </c>
      <c r="C34779" s="7">
        <f t="shared" si="543"/>
        <v>579.00374999999997</v>
      </c>
      <c r="I34779" s="1"/>
    </row>
    <row r="34780" spans="1:9" x14ac:dyDescent="0.25">
      <c r="A34780" s="3">
        <v>41858.090902777774</v>
      </c>
      <c r="B34780" s="6">
        <v>579020.39999999991</v>
      </c>
      <c r="C34780" s="7">
        <f t="shared" si="543"/>
        <v>579.02039999999988</v>
      </c>
      <c r="I34780" s="1"/>
    </row>
    <row r="34781" spans="1:9" x14ac:dyDescent="0.25">
      <c r="A34781" s="3">
        <v>41858.093865740739</v>
      </c>
      <c r="B34781" s="6">
        <v>579037.04999999993</v>
      </c>
      <c r="C34781" s="7">
        <f t="shared" si="543"/>
        <v>579.03704999999991</v>
      </c>
      <c r="I34781" s="1"/>
    </row>
    <row r="34782" spans="1:9" x14ac:dyDescent="0.25">
      <c r="A34782" s="3">
        <v>41858.096921296295</v>
      </c>
      <c r="B34782" s="6">
        <v>579053.69999999995</v>
      </c>
      <c r="C34782" s="7">
        <f t="shared" si="543"/>
        <v>579.05369999999994</v>
      </c>
      <c r="I34782" s="1"/>
    </row>
    <row r="34783" spans="1:9" x14ac:dyDescent="0.25">
      <c r="A34783" s="3">
        <v>41858.097002314818</v>
      </c>
      <c r="B34783" s="6">
        <v>579070.35</v>
      </c>
      <c r="C34783" s="7">
        <f t="shared" si="543"/>
        <v>579.07034999999996</v>
      </c>
      <c r="I34783" s="1"/>
    </row>
    <row r="34784" spans="1:9" x14ac:dyDescent="0.25">
      <c r="A34784" s="3">
        <v>41858.098078703704</v>
      </c>
      <c r="B34784" s="6">
        <v>579087</v>
      </c>
      <c r="C34784" s="7">
        <f t="shared" si="543"/>
        <v>579.08699999999999</v>
      </c>
      <c r="I34784" s="1"/>
    </row>
    <row r="34785" spans="1:9" x14ac:dyDescent="0.25">
      <c r="A34785" s="3">
        <v>41858.09814814815</v>
      </c>
      <c r="B34785" s="6">
        <v>579103.64999999991</v>
      </c>
      <c r="C34785" s="7">
        <f t="shared" si="543"/>
        <v>579.1036499999999</v>
      </c>
      <c r="I34785" s="1"/>
    </row>
    <row r="34786" spans="1:9" x14ac:dyDescent="0.25">
      <c r="A34786" s="3">
        <v>41858.098969907405</v>
      </c>
      <c r="B34786" s="6">
        <v>579120.29999999993</v>
      </c>
      <c r="C34786" s="7">
        <f t="shared" si="543"/>
        <v>579.12029999999993</v>
      </c>
      <c r="I34786" s="1"/>
    </row>
    <row r="34787" spans="1:9" x14ac:dyDescent="0.25">
      <c r="A34787" s="3">
        <v>41858.099062499998</v>
      </c>
      <c r="B34787" s="6">
        <v>579136.94999999995</v>
      </c>
      <c r="C34787" s="7">
        <f t="shared" si="543"/>
        <v>579.13694999999996</v>
      </c>
      <c r="I34787" s="1"/>
    </row>
    <row r="34788" spans="1:9" x14ac:dyDescent="0.25">
      <c r="A34788" s="3">
        <v>41858.099722222221</v>
      </c>
      <c r="B34788" s="6">
        <v>579153.6</v>
      </c>
      <c r="C34788" s="7">
        <f t="shared" si="543"/>
        <v>579.15359999999998</v>
      </c>
      <c r="I34788" s="1"/>
    </row>
    <row r="34789" spans="1:9" x14ac:dyDescent="0.25">
      <c r="A34789" s="3">
        <v>41858.099791666667</v>
      </c>
      <c r="B34789" s="6">
        <v>579170.25</v>
      </c>
      <c r="C34789" s="7">
        <f t="shared" si="543"/>
        <v>579.17025000000001</v>
      </c>
      <c r="I34789" s="1"/>
    </row>
    <row r="34790" spans="1:9" x14ac:dyDescent="0.25">
      <c r="A34790" s="3">
        <v>41858.100624999999</v>
      </c>
      <c r="B34790" s="6">
        <v>579186.89999999991</v>
      </c>
      <c r="C34790" s="7">
        <f t="shared" si="543"/>
        <v>579.18689999999992</v>
      </c>
      <c r="I34790" s="1"/>
    </row>
    <row r="34791" spans="1:9" x14ac:dyDescent="0.25">
      <c r="A34791" s="3">
        <v>41858.100694444445</v>
      </c>
      <c r="B34791" s="6">
        <v>579203.54999999993</v>
      </c>
      <c r="C34791" s="7">
        <f t="shared" si="543"/>
        <v>579.20354999999995</v>
      </c>
      <c r="I34791" s="1"/>
    </row>
    <row r="34792" spans="1:9" x14ac:dyDescent="0.25">
      <c r="A34792" s="3">
        <v>41858.102141203701</v>
      </c>
      <c r="B34792" s="6">
        <v>579220.19999999995</v>
      </c>
      <c r="C34792" s="7">
        <f t="shared" si="543"/>
        <v>579.22019999999998</v>
      </c>
      <c r="I34792" s="1"/>
    </row>
    <row r="34793" spans="1:9" x14ac:dyDescent="0.25">
      <c r="A34793" s="3">
        <v>41858.102210648147</v>
      </c>
      <c r="B34793" s="6">
        <v>579236.85</v>
      </c>
      <c r="C34793" s="7">
        <f t="shared" si="543"/>
        <v>579.23685</v>
      </c>
      <c r="I34793" s="1"/>
    </row>
    <row r="34794" spans="1:9" x14ac:dyDescent="0.25">
      <c r="A34794" s="3">
        <v>41858.104189814818</v>
      </c>
      <c r="B34794" s="6">
        <v>579253.5</v>
      </c>
      <c r="C34794" s="7">
        <f t="shared" si="543"/>
        <v>579.25350000000003</v>
      </c>
      <c r="I34794" s="1"/>
    </row>
    <row r="34795" spans="1:9" x14ac:dyDescent="0.25">
      <c r="A34795" s="3">
        <v>41858.104305555556</v>
      </c>
      <c r="B34795" s="6">
        <v>579270.14999999991</v>
      </c>
      <c r="C34795" s="7">
        <f t="shared" si="543"/>
        <v>579.27014999999994</v>
      </c>
      <c r="I34795" s="1"/>
    </row>
    <row r="34796" spans="1:9" x14ac:dyDescent="0.25">
      <c r="A34796" s="3">
        <v>41858.417569444442</v>
      </c>
      <c r="B34796" s="6">
        <v>579286.79999999993</v>
      </c>
      <c r="C34796" s="7">
        <f t="shared" si="543"/>
        <v>579.28679999999997</v>
      </c>
      <c r="I34796" s="1"/>
    </row>
    <row r="34797" spans="1:9" x14ac:dyDescent="0.25">
      <c r="A34797" s="3">
        <v>41858.427187499998</v>
      </c>
      <c r="B34797" s="6">
        <v>579303.44999999995</v>
      </c>
      <c r="C34797" s="7">
        <f t="shared" si="543"/>
        <v>579.30345</v>
      </c>
      <c r="I34797" s="1"/>
    </row>
    <row r="34798" spans="1:9" x14ac:dyDescent="0.25">
      <c r="A34798" s="3">
        <v>41858.436516203707</v>
      </c>
      <c r="B34798" s="6">
        <v>579320.1</v>
      </c>
      <c r="C34798" s="7">
        <f t="shared" si="543"/>
        <v>579.32010000000002</v>
      </c>
      <c r="I34798" s="1"/>
    </row>
    <row r="34799" spans="1:9" x14ac:dyDescent="0.25">
      <c r="A34799" s="3">
        <v>41858.439317129632</v>
      </c>
      <c r="B34799" s="6">
        <v>579336.75</v>
      </c>
      <c r="C34799" s="7">
        <f t="shared" si="543"/>
        <v>579.33675000000005</v>
      </c>
      <c r="I34799" s="1"/>
    </row>
    <row r="34800" spans="1:9" x14ac:dyDescent="0.25">
      <c r="A34800" s="3">
        <v>41858.447106481479</v>
      </c>
      <c r="B34800" s="6">
        <v>579353.39999999991</v>
      </c>
      <c r="C34800" s="7">
        <f t="shared" si="543"/>
        <v>579.35339999999985</v>
      </c>
      <c r="I34800" s="1"/>
    </row>
    <row r="34801" spans="1:9" x14ac:dyDescent="0.25">
      <c r="A34801" s="3">
        <v>41858.447233796294</v>
      </c>
      <c r="B34801" s="6">
        <v>579370.04999999993</v>
      </c>
      <c r="C34801" s="7">
        <f t="shared" si="543"/>
        <v>579.37004999999988</v>
      </c>
      <c r="I34801" s="1"/>
    </row>
    <row r="34802" spans="1:9" x14ac:dyDescent="0.25">
      <c r="A34802" s="3">
        <v>41858.452881944446</v>
      </c>
      <c r="B34802" s="6">
        <v>579386.69999999995</v>
      </c>
      <c r="C34802" s="7">
        <f t="shared" si="543"/>
        <v>579.38669999999991</v>
      </c>
      <c r="I34802" s="1"/>
    </row>
    <row r="34803" spans="1:9" x14ac:dyDescent="0.25">
      <c r="A34803" s="3">
        <v>41858.4530787037</v>
      </c>
      <c r="B34803" s="6">
        <v>579403.35</v>
      </c>
      <c r="C34803" s="7">
        <f t="shared" si="543"/>
        <v>579.40334999999993</v>
      </c>
      <c r="I34803" s="1"/>
    </row>
    <row r="34804" spans="1:9" x14ac:dyDescent="0.25">
      <c r="A34804" s="3">
        <v>41858.455034722225</v>
      </c>
      <c r="B34804" s="6">
        <v>579420</v>
      </c>
      <c r="C34804" s="7">
        <f t="shared" si="543"/>
        <v>579.41999999999996</v>
      </c>
      <c r="I34804" s="1"/>
    </row>
    <row r="34805" spans="1:9" x14ac:dyDescent="0.25">
      <c r="A34805" s="3">
        <v>41858.455104166664</v>
      </c>
      <c r="B34805" s="6">
        <v>579436.64999999991</v>
      </c>
      <c r="C34805" s="7">
        <f t="shared" si="543"/>
        <v>579.43664999999987</v>
      </c>
      <c r="I34805" s="1"/>
    </row>
    <row r="34806" spans="1:9" x14ac:dyDescent="0.25">
      <c r="A34806" s="3">
        <v>41858.455914351849</v>
      </c>
      <c r="B34806" s="6">
        <v>579453.29999999993</v>
      </c>
      <c r="C34806" s="7">
        <f t="shared" si="543"/>
        <v>579.4532999999999</v>
      </c>
      <c r="I34806" s="1"/>
    </row>
    <row r="34807" spans="1:9" x14ac:dyDescent="0.25">
      <c r="A34807" s="3">
        <v>41858.455983796295</v>
      </c>
      <c r="B34807" s="6">
        <v>579469.94999999995</v>
      </c>
      <c r="C34807" s="7">
        <f t="shared" si="543"/>
        <v>579.46994999999993</v>
      </c>
      <c r="I34807" s="1"/>
    </row>
    <row r="34808" spans="1:9" x14ac:dyDescent="0.25">
      <c r="A34808" s="3">
        <v>41858.45685185185</v>
      </c>
      <c r="B34808" s="6">
        <v>579486.6</v>
      </c>
      <c r="C34808" s="7">
        <f t="shared" si="543"/>
        <v>579.48659999999995</v>
      </c>
      <c r="I34808" s="1"/>
    </row>
    <row r="34809" spans="1:9" x14ac:dyDescent="0.25">
      <c r="A34809" s="3">
        <v>41858.456990740742</v>
      </c>
      <c r="B34809" s="6">
        <v>579503.25</v>
      </c>
      <c r="C34809" s="7">
        <f t="shared" si="543"/>
        <v>579.50324999999998</v>
      </c>
      <c r="I34809" s="1"/>
    </row>
    <row r="34810" spans="1:9" x14ac:dyDescent="0.25">
      <c r="A34810" s="3">
        <v>41858.458032407405</v>
      </c>
      <c r="B34810" s="6">
        <v>579519.89999999991</v>
      </c>
      <c r="C34810" s="7">
        <f t="shared" si="543"/>
        <v>579.51989999999989</v>
      </c>
      <c r="I34810" s="1"/>
    </row>
    <row r="34811" spans="1:9" x14ac:dyDescent="0.25">
      <c r="A34811" s="3">
        <v>41858.458229166667</v>
      </c>
      <c r="B34811" s="6">
        <v>579536.54999999993</v>
      </c>
      <c r="C34811" s="7">
        <f t="shared" si="543"/>
        <v>579.53654999999992</v>
      </c>
      <c r="I34811" s="1"/>
    </row>
    <row r="34812" spans="1:9" x14ac:dyDescent="0.25">
      <c r="A34812" s="3">
        <v>41858.459918981483</v>
      </c>
      <c r="B34812" s="6">
        <v>579553.19999999995</v>
      </c>
      <c r="C34812" s="7">
        <f t="shared" si="543"/>
        <v>579.55319999999995</v>
      </c>
      <c r="I34812" s="1"/>
    </row>
    <row r="34813" spans="1:9" x14ac:dyDescent="0.25">
      <c r="A34813" s="3">
        <v>41858.460034722222</v>
      </c>
      <c r="B34813" s="6">
        <v>579569.85</v>
      </c>
      <c r="C34813" s="7">
        <f t="shared" si="543"/>
        <v>579.56984999999997</v>
      </c>
      <c r="I34813" s="1"/>
    </row>
    <row r="34814" spans="1:9" x14ac:dyDescent="0.25">
      <c r="A34814" s="3">
        <v>41858.460995370369</v>
      </c>
      <c r="B34814" s="6">
        <v>579586.5</v>
      </c>
      <c r="C34814" s="7">
        <f t="shared" si="543"/>
        <v>579.5865</v>
      </c>
      <c r="I34814" s="1"/>
    </row>
    <row r="34815" spans="1:9" x14ac:dyDescent="0.25">
      <c r="A34815" s="3">
        <v>41858.461192129631</v>
      </c>
      <c r="B34815" s="6">
        <v>579603.14999999991</v>
      </c>
      <c r="C34815" s="7">
        <f t="shared" si="543"/>
        <v>579.60314999999991</v>
      </c>
      <c r="I34815" s="1"/>
    </row>
    <row r="34816" spans="1:9" x14ac:dyDescent="0.25">
      <c r="A34816" s="3">
        <v>41858.462939814817</v>
      </c>
      <c r="B34816" s="6">
        <v>579619.79999999993</v>
      </c>
      <c r="C34816" s="7">
        <f t="shared" si="543"/>
        <v>579.61979999999994</v>
      </c>
      <c r="I34816" s="1"/>
    </row>
    <row r="34817" spans="1:9" x14ac:dyDescent="0.25">
      <c r="A34817" s="3">
        <v>41858.46539351852</v>
      </c>
      <c r="B34817" s="6">
        <v>579636.44999999995</v>
      </c>
      <c r="C34817" s="7">
        <f t="shared" si="543"/>
        <v>579.63644999999997</v>
      </c>
      <c r="I34817" s="1"/>
    </row>
    <row r="34818" spans="1:9" x14ac:dyDescent="0.25">
      <c r="A34818" s="3">
        <v>41858.467615740738</v>
      </c>
      <c r="B34818" s="6">
        <v>579653.1</v>
      </c>
      <c r="C34818" s="7">
        <f t="shared" si="543"/>
        <v>579.65309999999999</v>
      </c>
      <c r="I34818" s="1"/>
    </row>
    <row r="34819" spans="1:9" x14ac:dyDescent="0.25">
      <c r="A34819" s="3">
        <v>41858.467743055553</v>
      </c>
      <c r="B34819" s="6">
        <v>579669.75</v>
      </c>
      <c r="C34819" s="7">
        <f t="shared" ref="C34819:C34882" si="544">B34819/1000</f>
        <v>579.66975000000002</v>
      </c>
      <c r="I34819" s="1"/>
    </row>
    <row r="34820" spans="1:9" x14ac:dyDescent="0.25">
      <c r="A34820" s="3">
        <v>41858.470590277779</v>
      </c>
      <c r="B34820" s="6">
        <v>579686.39999999991</v>
      </c>
      <c r="C34820" s="7">
        <f t="shared" si="544"/>
        <v>579.68639999999994</v>
      </c>
      <c r="I34820" s="1"/>
    </row>
    <row r="34821" spans="1:9" x14ac:dyDescent="0.25">
      <c r="A34821" s="3">
        <v>41858.470821759256</v>
      </c>
      <c r="B34821" s="6">
        <v>579703.04999999993</v>
      </c>
      <c r="C34821" s="7">
        <f t="shared" si="544"/>
        <v>579.70304999999996</v>
      </c>
      <c r="I34821" s="1"/>
    </row>
    <row r="34822" spans="1:9" x14ac:dyDescent="0.25">
      <c r="A34822" s="3">
        <v>41858.471921296295</v>
      </c>
      <c r="B34822" s="6">
        <v>579719.69999999995</v>
      </c>
      <c r="C34822" s="7">
        <f t="shared" si="544"/>
        <v>579.71969999999999</v>
      </c>
      <c r="I34822" s="1"/>
    </row>
    <row r="34823" spans="1:9" x14ac:dyDescent="0.25">
      <c r="A34823" s="3">
        <v>41858.472245370373</v>
      </c>
      <c r="B34823" s="6">
        <v>579736.35</v>
      </c>
      <c r="C34823" s="7">
        <f t="shared" si="544"/>
        <v>579.73635000000002</v>
      </c>
      <c r="I34823" s="1"/>
    </row>
    <row r="34824" spans="1:9" x14ac:dyDescent="0.25">
      <c r="A34824" s="3">
        <v>41858.473449074074</v>
      </c>
      <c r="B34824" s="6">
        <v>579753</v>
      </c>
      <c r="C34824" s="7">
        <f t="shared" si="544"/>
        <v>579.75300000000004</v>
      </c>
      <c r="I34824" s="1"/>
    </row>
    <row r="34825" spans="1:9" x14ac:dyDescent="0.25">
      <c r="A34825" s="3">
        <v>41858.473680555559</v>
      </c>
      <c r="B34825" s="6">
        <v>579769.64999999991</v>
      </c>
      <c r="C34825" s="7">
        <f t="shared" si="544"/>
        <v>579.76964999999996</v>
      </c>
      <c r="I34825" s="1"/>
    </row>
    <row r="34826" spans="1:9" x14ac:dyDescent="0.25">
      <c r="A34826" s="3">
        <v>41858.478541666664</v>
      </c>
      <c r="B34826" s="6">
        <v>579786.29999999993</v>
      </c>
      <c r="C34826" s="7">
        <f t="shared" si="544"/>
        <v>579.78629999999998</v>
      </c>
      <c r="I34826" s="1"/>
    </row>
    <row r="34827" spans="1:9" x14ac:dyDescent="0.25">
      <c r="A34827" s="3">
        <v>41858.480196759258</v>
      </c>
      <c r="B34827" s="6">
        <v>579802.94999999995</v>
      </c>
      <c r="C34827" s="7">
        <f t="shared" si="544"/>
        <v>579.80295000000001</v>
      </c>
      <c r="I34827" s="1"/>
    </row>
    <row r="34828" spans="1:9" x14ac:dyDescent="0.25">
      <c r="A34828" s="3">
        <v>41858.485648148147</v>
      </c>
      <c r="B34828" s="6">
        <v>579819.6</v>
      </c>
      <c r="C34828" s="7">
        <f t="shared" si="544"/>
        <v>579.81959999999992</v>
      </c>
      <c r="I34828" s="1"/>
    </row>
    <row r="34829" spans="1:9" x14ac:dyDescent="0.25">
      <c r="A34829" s="3">
        <v>41858.487766203703</v>
      </c>
      <c r="B34829" s="6">
        <v>579836.25</v>
      </c>
      <c r="C34829" s="7">
        <f t="shared" si="544"/>
        <v>579.83624999999995</v>
      </c>
      <c r="I34829" s="1"/>
    </row>
    <row r="34830" spans="1:9" x14ac:dyDescent="0.25">
      <c r="A34830" s="3">
        <v>41858.497974537036</v>
      </c>
      <c r="B34830" s="6">
        <v>579852.89999999991</v>
      </c>
      <c r="C34830" s="7">
        <f t="shared" si="544"/>
        <v>579.85289999999986</v>
      </c>
      <c r="I34830" s="1"/>
    </row>
    <row r="34831" spans="1:9" x14ac:dyDescent="0.25">
      <c r="A34831" s="3">
        <v>41858.501759259256</v>
      </c>
      <c r="B34831" s="6">
        <v>579869.54999999993</v>
      </c>
      <c r="C34831" s="7">
        <f t="shared" si="544"/>
        <v>579.86954999999989</v>
      </c>
      <c r="I34831" s="1"/>
    </row>
    <row r="34832" spans="1:9" x14ac:dyDescent="0.25">
      <c r="A34832" s="3">
        <v>41858.502592592595</v>
      </c>
      <c r="B34832" s="6">
        <v>579886.19999999995</v>
      </c>
      <c r="C34832" s="7">
        <f t="shared" si="544"/>
        <v>579.88619999999992</v>
      </c>
      <c r="I34832" s="1"/>
    </row>
    <row r="34833" spans="1:9" x14ac:dyDescent="0.25">
      <c r="A34833" s="3">
        <v>41858.50267361111</v>
      </c>
      <c r="B34833" s="6">
        <v>579902.85</v>
      </c>
      <c r="C34833" s="7">
        <f t="shared" si="544"/>
        <v>579.90284999999994</v>
      </c>
      <c r="I34833" s="1"/>
    </row>
    <row r="34834" spans="1:9" x14ac:dyDescent="0.25">
      <c r="A34834" s="3">
        <v>41858.507361111115</v>
      </c>
      <c r="B34834" s="6">
        <v>579919.5</v>
      </c>
      <c r="C34834" s="7">
        <f t="shared" si="544"/>
        <v>579.91949999999997</v>
      </c>
      <c r="I34834" s="1"/>
    </row>
    <row r="34835" spans="1:9" x14ac:dyDescent="0.25">
      <c r="A34835" s="3">
        <v>41858.507453703707</v>
      </c>
      <c r="B34835" s="6">
        <v>579936.14999999991</v>
      </c>
      <c r="C34835" s="7">
        <f t="shared" si="544"/>
        <v>579.93614999999988</v>
      </c>
      <c r="I34835" s="1"/>
    </row>
    <row r="34836" spans="1:9" x14ac:dyDescent="0.25">
      <c r="A34836" s="3">
        <v>41858.50990740741</v>
      </c>
      <c r="B34836" s="6">
        <v>579952.79999999993</v>
      </c>
      <c r="C34836" s="7">
        <f t="shared" si="544"/>
        <v>579.95279999999991</v>
      </c>
      <c r="I34836" s="1"/>
    </row>
    <row r="34837" spans="1:9" x14ac:dyDescent="0.25">
      <c r="A34837" s="3">
        <v>41858.510150462964</v>
      </c>
      <c r="B34837" s="6">
        <v>579969.44999999995</v>
      </c>
      <c r="C34837" s="7">
        <f t="shared" si="544"/>
        <v>579.96944999999994</v>
      </c>
      <c r="I34837" s="1"/>
    </row>
    <row r="34838" spans="1:9" x14ac:dyDescent="0.25">
      <c r="A34838" s="3">
        <v>41858.514606481483</v>
      </c>
      <c r="B34838" s="6">
        <v>579986.1</v>
      </c>
      <c r="C34838" s="7">
        <f t="shared" si="544"/>
        <v>579.98609999999996</v>
      </c>
      <c r="I34838" s="1"/>
    </row>
    <row r="34839" spans="1:9" x14ac:dyDescent="0.25">
      <c r="A34839" s="3">
        <v>41858.514675925922</v>
      </c>
      <c r="B34839" s="6">
        <v>580002.75</v>
      </c>
      <c r="C34839" s="7">
        <f t="shared" si="544"/>
        <v>580.00274999999999</v>
      </c>
      <c r="I34839" s="1"/>
    </row>
    <row r="34840" spans="1:9" x14ac:dyDescent="0.25">
      <c r="A34840" s="3">
        <v>41858.515925925924</v>
      </c>
      <c r="B34840" s="6">
        <v>580019.39999999991</v>
      </c>
      <c r="C34840" s="7">
        <f t="shared" si="544"/>
        <v>580.01939999999991</v>
      </c>
      <c r="I34840" s="1"/>
    </row>
    <row r="34841" spans="1:9" x14ac:dyDescent="0.25">
      <c r="A34841" s="3">
        <v>41858.516006944446</v>
      </c>
      <c r="B34841" s="6">
        <v>580036.04999999993</v>
      </c>
      <c r="C34841" s="7">
        <f t="shared" si="544"/>
        <v>580.03604999999993</v>
      </c>
      <c r="I34841" s="1"/>
    </row>
    <row r="34842" spans="1:9" x14ac:dyDescent="0.25">
      <c r="A34842" s="3">
        <v>41858.517048611109</v>
      </c>
      <c r="B34842" s="6">
        <v>580052.69999999995</v>
      </c>
      <c r="C34842" s="7">
        <f t="shared" si="544"/>
        <v>580.05269999999996</v>
      </c>
      <c r="I34842" s="1"/>
    </row>
    <row r="34843" spans="1:9" x14ac:dyDescent="0.25">
      <c r="A34843" s="3">
        <v>41858.517164351855</v>
      </c>
      <c r="B34843" s="6">
        <v>580069.35</v>
      </c>
      <c r="C34843" s="7">
        <f t="shared" si="544"/>
        <v>580.06934999999999</v>
      </c>
      <c r="I34843" s="1"/>
    </row>
    <row r="34844" spans="1:9" x14ac:dyDescent="0.25">
      <c r="A34844" s="3">
        <v>41858.521886574075</v>
      </c>
      <c r="B34844" s="6">
        <v>580086</v>
      </c>
      <c r="C34844" s="7">
        <f t="shared" si="544"/>
        <v>580.08600000000001</v>
      </c>
      <c r="I34844" s="1"/>
    </row>
    <row r="34845" spans="1:9" x14ac:dyDescent="0.25">
      <c r="A34845" s="3">
        <v>41858.523206018515</v>
      </c>
      <c r="B34845" s="6">
        <v>580102.64999999991</v>
      </c>
      <c r="C34845" s="7">
        <f t="shared" si="544"/>
        <v>580.10264999999993</v>
      </c>
      <c r="I34845" s="1"/>
    </row>
    <row r="34846" spans="1:9" x14ac:dyDescent="0.25">
      <c r="A34846" s="3">
        <v>41858.52542824074</v>
      </c>
      <c r="B34846" s="6">
        <v>580119.29999999993</v>
      </c>
      <c r="C34846" s="7">
        <f t="shared" si="544"/>
        <v>580.11929999999995</v>
      </c>
      <c r="I34846" s="1"/>
    </row>
    <row r="34847" spans="1:9" x14ac:dyDescent="0.25">
      <c r="A34847" s="3">
        <v>41858.525567129633</v>
      </c>
      <c r="B34847" s="6">
        <v>580135.94999999995</v>
      </c>
      <c r="C34847" s="7">
        <f t="shared" si="544"/>
        <v>580.13594999999998</v>
      </c>
      <c r="I34847" s="1"/>
    </row>
    <row r="34848" spans="1:9" x14ac:dyDescent="0.25">
      <c r="A34848" s="3">
        <v>41858.527592592596</v>
      </c>
      <c r="B34848" s="6">
        <v>580152.6</v>
      </c>
      <c r="C34848" s="7">
        <f t="shared" si="544"/>
        <v>580.15260000000001</v>
      </c>
      <c r="I34848" s="1"/>
    </row>
    <row r="34849" spans="1:9" x14ac:dyDescent="0.25">
      <c r="A34849" s="3">
        <v>41858.527777777781</v>
      </c>
      <c r="B34849" s="6">
        <v>580169.25</v>
      </c>
      <c r="C34849" s="7">
        <f t="shared" si="544"/>
        <v>580.16925000000003</v>
      </c>
      <c r="I34849" s="1"/>
    </row>
    <row r="34850" spans="1:9" x14ac:dyDescent="0.25">
      <c r="A34850" s="3">
        <v>41858.529687499999</v>
      </c>
      <c r="B34850" s="6">
        <v>580185.89999999991</v>
      </c>
      <c r="C34850" s="7">
        <f t="shared" si="544"/>
        <v>580.18589999999995</v>
      </c>
      <c r="I34850" s="1"/>
    </row>
    <row r="34851" spans="1:9" x14ac:dyDescent="0.25">
      <c r="A34851" s="3">
        <v>41858.529803240737</v>
      </c>
      <c r="B34851" s="6">
        <v>580202.54999999993</v>
      </c>
      <c r="C34851" s="7">
        <f t="shared" si="544"/>
        <v>580.20254999999997</v>
      </c>
      <c r="I34851" s="1"/>
    </row>
    <row r="34852" spans="1:9" x14ac:dyDescent="0.25">
      <c r="A34852" s="3">
        <v>41858.531956018516</v>
      </c>
      <c r="B34852" s="6">
        <v>580219.19999999995</v>
      </c>
      <c r="C34852" s="7">
        <f t="shared" si="544"/>
        <v>580.2192</v>
      </c>
      <c r="I34852" s="1"/>
    </row>
    <row r="34853" spans="1:9" x14ac:dyDescent="0.25">
      <c r="A34853" s="3">
        <v>41858.532083333332</v>
      </c>
      <c r="B34853" s="6">
        <v>580235.85</v>
      </c>
      <c r="C34853" s="7">
        <f t="shared" si="544"/>
        <v>580.23585000000003</v>
      </c>
      <c r="I34853" s="1"/>
    </row>
    <row r="34854" spans="1:9" x14ac:dyDescent="0.25">
      <c r="A34854" s="3">
        <v>41858.534687500003</v>
      </c>
      <c r="B34854" s="6">
        <v>580252.5</v>
      </c>
      <c r="C34854" s="7">
        <f t="shared" si="544"/>
        <v>580.25250000000005</v>
      </c>
      <c r="I34854" s="1"/>
    </row>
    <row r="34855" spans="1:9" x14ac:dyDescent="0.25">
      <c r="A34855" s="3">
        <v>41858.534768518519</v>
      </c>
      <c r="B34855" s="6">
        <v>580269.14999999991</v>
      </c>
      <c r="C34855" s="7">
        <f t="shared" si="544"/>
        <v>580.26914999999985</v>
      </c>
      <c r="I34855" s="1"/>
    </row>
    <row r="34856" spans="1:9" x14ac:dyDescent="0.25">
      <c r="A34856" s="3">
        <v>41858.535775462966</v>
      </c>
      <c r="B34856" s="6">
        <v>580285.79999999993</v>
      </c>
      <c r="C34856" s="7">
        <f t="shared" si="544"/>
        <v>580.28579999999988</v>
      </c>
      <c r="I34856" s="1"/>
    </row>
    <row r="34857" spans="1:9" x14ac:dyDescent="0.25">
      <c r="A34857" s="3">
        <v>41858.535914351851</v>
      </c>
      <c r="B34857" s="6">
        <v>580302.44999999995</v>
      </c>
      <c r="C34857" s="7">
        <f t="shared" si="544"/>
        <v>580.30244999999991</v>
      </c>
      <c r="I34857" s="1"/>
    </row>
    <row r="34858" spans="1:9" x14ac:dyDescent="0.25">
      <c r="A34858" s="3">
        <v>41858.53974537037</v>
      </c>
      <c r="B34858" s="6">
        <v>580319.1</v>
      </c>
      <c r="C34858" s="7">
        <f t="shared" si="544"/>
        <v>580.31909999999993</v>
      </c>
      <c r="I34858" s="1"/>
    </row>
    <row r="34859" spans="1:9" x14ac:dyDescent="0.25">
      <c r="A34859" s="3">
        <v>41858.539884259262</v>
      </c>
      <c r="B34859" s="6">
        <v>580335.75</v>
      </c>
      <c r="C34859" s="7">
        <f t="shared" si="544"/>
        <v>580.33574999999996</v>
      </c>
      <c r="I34859" s="1"/>
    </row>
    <row r="34860" spans="1:9" x14ac:dyDescent="0.25">
      <c r="A34860" s="3">
        <v>41858.54347222222</v>
      </c>
      <c r="B34860" s="6">
        <v>580352.39999999991</v>
      </c>
      <c r="C34860" s="7">
        <f t="shared" si="544"/>
        <v>580.35239999999988</v>
      </c>
      <c r="I34860" s="1"/>
    </row>
    <row r="34861" spans="1:9" x14ac:dyDescent="0.25">
      <c r="A34861" s="3">
        <v>41858.544722222221</v>
      </c>
      <c r="B34861" s="6">
        <v>580369.04999999993</v>
      </c>
      <c r="C34861" s="7">
        <f t="shared" si="544"/>
        <v>580.3690499999999</v>
      </c>
      <c r="I34861" s="1"/>
    </row>
    <row r="34862" spans="1:9" x14ac:dyDescent="0.25">
      <c r="A34862" s="3">
        <v>41858.548391203702</v>
      </c>
      <c r="B34862" s="6">
        <v>580385.69999999995</v>
      </c>
      <c r="C34862" s="7">
        <f t="shared" si="544"/>
        <v>580.38569999999993</v>
      </c>
      <c r="I34862" s="1"/>
    </row>
    <row r="34863" spans="1:9" x14ac:dyDescent="0.25">
      <c r="A34863" s="3">
        <v>41858.549479166664</v>
      </c>
      <c r="B34863" s="6">
        <v>580402.35</v>
      </c>
      <c r="C34863" s="7">
        <f t="shared" si="544"/>
        <v>580.40234999999996</v>
      </c>
      <c r="I34863" s="1"/>
    </row>
    <row r="34864" spans="1:9" x14ac:dyDescent="0.25">
      <c r="A34864" s="3">
        <v>41858.551759259259</v>
      </c>
      <c r="B34864" s="6">
        <v>580419</v>
      </c>
      <c r="C34864" s="7">
        <f t="shared" si="544"/>
        <v>580.41899999999998</v>
      </c>
      <c r="I34864" s="1"/>
    </row>
    <row r="34865" spans="1:9" x14ac:dyDescent="0.25">
      <c r="A34865" s="3">
        <v>41858.551874999997</v>
      </c>
      <c r="B34865" s="6">
        <v>580435.64999999991</v>
      </c>
      <c r="C34865" s="7">
        <f t="shared" si="544"/>
        <v>580.4356499999999</v>
      </c>
      <c r="I34865" s="1"/>
    </row>
    <row r="34866" spans="1:9" x14ac:dyDescent="0.25">
      <c r="A34866" s="3">
        <v>41858.553194444445</v>
      </c>
      <c r="B34866" s="6">
        <v>580452.29999999993</v>
      </c>
      <c r="C34866" s="7">
        <f t="shared" si="544"/>
        <v>580.45229999999992</v>
      </c>
      <c r="I34866" s="1"/>
    </row>
    <row r="34867" spans="1:9" x14ac:dyDescent="0.25">
      <c r="A34867" s="3">
        <v>41858.55363425926</v>
      </c>
      <c r="B34867" s="6">
        <v>580468.94999999995</v>
      </c>
      <c r="C34867" s="7">
        <f t="shared" si="544"/>
        <v>580.46894999999995</v>
      </c>
      <c r="I34867" s="1"/>
    </row>
    <row r="34868" spans="1:9" x14ac:dyDescent="0.25">
      <c r="A34868" s="3">
        <v>41858.556226851855</v>
      </c>
      <c r="B34868" s="6">
        <v>580485.6</v>
      </c>
      <c r="C34868" s="7">
        <f t="shared" si="544"/>
        <v>580.48559999999998</v>
      </c>
      <c r="I34868" s="1"/>
    </row>
    <row r="34869" spans="1:9" x14ac:dyDescent="0.25">
      <c r="A34869" s="3">
        <v>41858.558125000003</v>
      </c>
      <c r="B34869" s="6">
        <v>580502.25</v>
      </c>
      <c r="C34869" s="7">
        <f t="shared" si="544"/>
        <v>580.50225</v>
      </c>
      <c r="I34869" s="1"/>
    </row>
    <row r="34870" spans="1:9" x14ac:dyDescent="0.25">
      <c r="A34870" s="3">
        <v>41858.559398148151</v>
      </c>
      <c r="B34870" s="6">
        <v>580518.89999999991</v>
      </c>
      <c r="C34870" s="7">
        <f t="shared" si="544"/>
        <v>580.51889999999992</v>
      </c>
      <c r="I34870" s="1"/>
    </row>
    <row r="34871" spans="1:9" x14ac:dyDescent="0.25">
      <c r="A34871" s="3">
        <v>41858.559629629628</v>
      </c>
      <c r="B34871" s="6">
        <v>580535.54999999993</v>
      </c>
      <c r="C34871" s="7">
        <f t="shared" si="544"/>
        <v>580.53554999999994</v>
      </c>
      <c r="I34871" s="1"/>
    </row>
    <row r="34872" spans="1:9" x14ac:dyDescent="0.25">
      <c r="A34872" s="3">
        <v>41858.562858796293</v>
      </c>
      <c r="B34872" s="6">
        <v>580552.19999999995</v>
      </c>
      <c r="C34872" s="7">
        <f t="shared" si="544"/>
        <v>580.55219999999997</v>
      </c>
      <c r="I34872" s="1"/>
    </row>
    <row r="34873" spans="1:9" x14ac:dyDescent="0.25">
      <c r="A34873" s="3">
        <v>41858.563900462963</v>
      </c>
      <c r="B34873" s="6">
        <v>580568.85</v>
      </c>
      <c r="C34873" s="7">
        <f t="shared" si="544"/>
        <v>580.56885</v>
      </c>
      <c r="I34873" s="1"/>
    </row>
    <row r="34874" spans="1:9" x14ac:dyDescent="0.25">
      <c r="A34874" s="3">
        <v>41858.569953703707</v>
      </c>
      <c r="B34874" s="6">
        <v>580585.5</v>
      </c>
      <c r="C34874" s="7">
        <f t="shared" si="544"/>
        <v>580.58550000000002</v>
      </c>
      <c r="I34874" s="1"/>
    </row>
    <row r="34875" spans="1:9" x14ac:dyDescent="0.25">
      <c r="A34875" s="3">
        <v>41858.570532407408</v>
      </c>
      <c r="B34875" s="6">
        <v>580602.14999999991</v>
      </c>
      <c r="C34875" s="7">
        <f t="shared" si="544"/>
        <v>580.60214999999994</v>
      </c>
      <c r="I34875" s="1"/>
    </row>
    <row r="34876" spans="1:9" x14ac:dyDescent="0.25">
      <c r="A34876" s="3">
        <v>41858.575659722221</v>
      </c>
      <c r="B34876" s="6">
        <v>580618.79999999993</v>
      </c>
      <c r="C34876" s="7">
        <f t="shared" si="544"/>
        <v>580.61879999999996</v>
      </c>
      <c r="I34876" s="1"/>
    </row>
    <row r="34877" spans="1:9" x14ac:dyDescent="0.25">
      <c r="A34877" s="3">
        <v>41858.576550925929</v>
      </c>
      <c r="B34877" s="6">
        <v>580635.44999999995</v>
      </c>
      <c r="C34877" s="7">
        <f t="shared" si="544"/>
        <v>580.63544999999999</v>
      </c>
      <c r="I34877" s="1"/>
    </row>
    <row r="34878" spans="1:9" x14ac:dyDescent="0.25">
      <c r="A34878" s="3">
        <v>41858.577939814815</v>
      </c>
      <c r="B34878" s="6">
        <v>580652.1</v>
      </c>
      <c r="C34878" s="7">
        <f t="shared" si="544"/>
        <v>580.65210000000002</v>
      </c>
      <c r="I34878" s="1"/>
    </row>
    <row r="34879" spans="1:9" x14ac:dyDescent="0.25">
      <c r="A34879" s="3">
        <v>41858.578067129631</v>
      </c>
      <c r="B34879" s="6">
        <v>580668.75</v>
      </c>
      <c r="C34879" s="7">
        <f t="shared" si="544"/>
        <v>580.66875000000005</v>
      </c>
      <c r="I34879" s="1"/>
    </row>
    <row r="34880" spans="1:9" x14ac:dyDescent="0.25">
      <c r="A34880" s="3">
        <v>41858.579432870371</v>
      </c>
      <c r="B34880" s="6">
        <v>580685.39999999991</v>
      </c>
      <c r="C34880" s="7">
        <f t="shared" si="544"/>
        <v>580.68539999999996</v>
      </c>
      <c r="I34880" s="1"/>
    </row>
    <row r="34881" spans="1:9" x14ac:dyDescent="0.25">
      <c r="A34881" s="3">
        <v>41858.57953703704</v>
      </c>
      <c r="B34881" s="6">
        <v>580702.04999999993</v>
      </c>
      <c r="C34881" s="7">
        <f t="shared" si="544"/>
        <v>580.70204999999999</v>
      </c>
      <c r="I34881" s="1"/>
    </row>
    <row r="34882" spans="1:9" x14ac:dyDescent="0.25">
      <c r="A34882" s="3">
        <v>41858.582395833335</v>
      </c>
      <c r="B34882" s="6">
        <v>580718.69999999995</v>
      </c>
      <c r="C34882" s="7">
        <f t="shared" si="544"/>
        <v>580.7186999999999</v>
      </c>
      <c r="I34882" s="1"/>
    </row>
    <row r="34883" spans="1:9" x14ac:dyDescent="0.25">
      <c r="A34883" s="3">
        <v>41858.582499999997</v>
      </c>
      <c r="B34883" s="6">
        <v>580735.35</v>
      </c>
      <c r="C34883" s="7">
        <f t="shared" ref="C34883:C34946" si="545">B34883/1000</f>
        <v>580.73534999999993</v>
      </c>
      <c r="I34883" s="1"/>
    </row>
    <row r="34884" spans="1:9" x14ac:dyDescent="0.25">
      <c r="A34884" s="3">
        <v>41858.586423611108</v>
      </c>
      <c r="B34884" s="6">
        <v>580752</v>
      </c>
      <c r="C34884" s="7">
        <f t="shared" si="545"/>
        <v>580.75199999999995</v>
      </c>
      <c r="I34884" s="1"/>
    </row>
    <row r="34885" spans="1:9" x14ac:dyDescent="0.25">
      <c r="A34885" s="3">
        <v>41858.586493055554</v>
      </c>
      <c r="B34885" s="6">
        <v>580768.64999999991</v>
      </c>
      <c r="C34885" s="7">
        <f t="shared" si="545"/>
        <v>580.76864999999987</v>
      </c>
      <c r="I34885" s="1"/>
    </row>
    <row r="34886" spans="1:9" x14ac:dyDescent="0.25">
      <c r="A34886" s="3">
        <v>41858.587256944447</v>
      </c>
      <c r="B34886" s="6">
        <v>580785.29999999993</v>
      </c>
      <c r="C34886" s="7">
        <f t="shared" si="545"/>
        <v>580.78529999999989</v>
      </c>
      <c r="I34886" s="1"/>
    </row>
    <row r="34887" spans="1:9" x14ac:dyDescent="0.25">
      <c r="A34887" s="3">
        <v>41858.587569444448</v>
      </c>
      <c r="B34887" s="6">
        <v>580801.94999999995</v>
      </c>
      <c r="C34887" s="7">
        <f t="shared" si="545"/>
        <v>580.80194999999992</v>
      </c>
      <c r="I34887" s="1"/>
    </row>
    <row r="34888" spans="1:9" x14ac:dyDescent="0.25">
      <c r="A34888" s="3">
        <v>41858.589062500003</v>
      </c>
      <c r="B34888" s="6">
        <v>580818.6</v>
      </c>
      <c r="C34888" s="7">
        <f t="shared" si="545"/>
        <v>580.81859999999995</v>
      </c>
      <c r="I34888" s="1"/>
    </row>
    <row r="34889" spans="1:9" x14ac:dyDescent="0.25">
      <c r="A34889" s="3">
        <v>41858.589826388888</v>
      </c>
      <c r="B34889" s="6">
        <v>580835.25</v>
      </c>
      <c r="C34889" s="7">
        <f t="shared" si="545"/>
        <v>580.83524999999997</v>
      </c>
      <c r="I34889" s="1"/>
    </row>
    <row r="34890" spans="1:9" x14ac:dyDescent="0.25">
      <c r="A34890" s="3">
        <v>41858.591192129628</v>
      </c>
      <c r="B34890" s="6">
        <v>580851.89999999991</v>
      </c>
      <c r="C34890" s="7">
        <f t="shared" si="545"/>
        <v>580.85189999999989</v>
      </c>
      <c r="I34890" s="1"/>
    </row>
    <row r="34891" spans="1:9" x14ac:dyDescent="0.25">
      <c r="A34891" s="3">
        <v>41858.591365740744</v>
      </c>
      <c r="B34891" s="6">
        <v>580868.54999999993</v>
      </c>
      <c r="C34891" s="7">
        <f t="shared" si="545"/>
        <v>580.86854999999991</v>
      </c>
      <c r="I34891" s="1"/>
    </row>
    <row r="34892" spans="1:9" x14ac:dyDescent="0.25">
      <c r="A34892" s="3">
        <v>41858.593564814815</v>
      </c>
      <c r="B34892" s="6">
        <v>580885.19999999995</v>
      </c>
      <c r="C34892" s="7">
        <f t="shared" si="545"/>
        <v>580.88519999999994</v>
      </c>
      <c r="I34892" s="1"/>
    </row>
    <row r="34893" spans="1:9" x14ac:dyDescent="0.25">
      <c r="A34893" s="3">
        <v>41858.593900462962</v>
      </c>
      <c r="B34893" s="6">
        <v>580901.85</v>
      </c>
      <c r="C34893" s="7">
        <f t="shared" si="545"/>
        <v>580.90184999999997</v>
      </c>
      <c r="I34893" s="1"/>
    </row>
    <row r="34894" spans="1:9" x14ac:dyDescent="0.25">
      <c r="A34894" s="3">
        <v>41858.595613425925</v>
      </c>
      <c r="B34894" s="6">
        <v>580918.5</v>
      </c>
      <c r="C34894" s="7">
        <f t="shared" si="545"/>
        <v>580.91849999999999</v>
      </c>
      <c r="I34894" s="1"/>
    </row>
    <row r="34895" spans="1:9" x14ac:dyDescent="0.25">
      <c r="A34895" s="3">
        <v>41858.59574074074</v>
      </c>
      <c r="B34895" s="6">
        <v>580935.14999999991</v>
      </c>
      <c r="C34895" s="7">
        <f t="shared" si="545"/>
        <v>580.93514999999991</v>
      </c>
      <c r="I34895" s="1"/>
    </row>
    <row r="34896" spans="1:9" x14ac:dyDescent="0.25">
      <c r="A34896" s="3">
        <v>41858.597129629627</v>
      </c>
      <c r="B34896" s="6">
        <v>580951.79999999993</v>
      </c>
      <c r="C34896" s="7">
        <f t="shared" si="545"/>
        <v>580.95179999999993</v>
      </c>
      <c r="I34896" s="1"/>
    </row>
    <row r="34897" spans="1:9" x14ac:dyDescent="0.25">
      <c r="A34897" s="3">
        <v>41858.597233796296</v>
      </c>
      <c r="B34897" s="6">
        <v>580968.44999999995</v>
      </c>
      <c r="C34897" s="7">
        <f t="shared" si="545"/>
        <v>580.96844999999996</v>
      </c>
      <c r="I34897" s="1"/>
    </row>
    <row r="34898" spans="1:9" x14ac:dyDescent="0.25">
      <c r="A34898" s="3">
        <v>41858.598009259258</v>
      </c>
      <c r="B34898" s="6">
        <v>580985.1</v>
      </c>
      <c r="C34898" s="7">
        <f t="shared" si="545"/>
        <v>580.98509999999999</v>
      </c>
      <c r="I34898" s="1"/>
    </row>
    <row r="34899" spans="1:9" x14ac:dyDescent="0.25">
      <c r="A34899" s="3">
        <v>41858.59814814815</v>
      </c>
      <c r="B34899" s="6">
        <v>581001.75</v>
      </c>
      <c r="C34899" s="7">
        <f t="shared" si="545"/>
        <v>581.00175000000002</v>
      </c>
      <c r="I34899" s="1"/>
    </row>
    <row r="34900" spans="1:9" x14ac:dyDescent="0.25">
      <c r="A34900" s="3">
        <v>41858.599131944444</v>
      </c>
      <c r="B34900" s="6">
        <v>581018.39999999991</v>
      </c>
      <c r="C34900" s="7">
        <f t="shared" si="545"/>
        <v>581.01839999999993</v>
      </c>
      <c r="I34900" s="1"/>
    </row>
    <row r="34901" spans="1:9" x14ac:dyDescent="0.25">
      <c r="A34901" s="3">
        <v>41858.599247685182</v>
      </c>
      <c r="B34901" s="6">
        <v>581035.04999999993</v>
      </c>
      <c r="C34901" s="7">
        <f t="shared" si="545"/>
        <v>581.03504999999996</v>
      </c>
      <c r="I34901" s="1"/>
    </row>
    <row r="34902" spans="1:9" x14ac:dyDescent="0.25">
      <c r="A34902" s="3">
        <v>41858.59983796296</v>
      </c>
      <c r="B34902" s="6">
        <v>581051.69999999995</v>
      </c>
      <c r="C34902" s="7">
        <f t="shared" si="545"/>
        <v>581.05169999999998</v>
      </c>
      <c r="I34902" s="1"/>
    </row>
    <row r="34903" spans="1:9" x14ac:dyDescent="0.25">
      <c r="A34903" s="3">
        <v>41858.599930555552</v>
      </c>
      <c r="B34903" s="6">
        <v>581068.35</v>
      </c>
      <c r="C34903" s="7">
        <f t="shared" si="545"/>
        <v>581.06835000000001</v>
      </c>
      <c r="I34903" s="1"/>
    </row>
    <row r="34904" spans="1:9" x14ac:dyDescent="0.25">
      <c r="A34904" s="3">
        <v>41858.600752314815</v>
      </c>
      <c r="B34904" s="6">
        <v>581085</v>
      </c>
      <c r="C34904" s="7">
        <f t="shared" si="545"/>
        <v>581.08500000000004</v>
      </c>
      <c r="I34904" s="1"/>
    </row>
    <row r="34905" spans="1:9" x14ac:dyDescent="0.25">
      <c r="A34905" s="3">
        <v>41858.600798611114</v>
      </c>
      <c r="B34905" s="6">
        <v>581101.64999999991</v>
      </c>
      <c r="C34905" s="7">
        <f t="shared" si="545"/>
        <v>581.10164999999995</v>
      </c>
      <c r="I34905" s="1"/>
    </row>
    <row r="34906" spans="1:9" x14ac:dyDescent="0.25">
      <c r="A34906" s="3">
        <v>41858.602280092593</v>
      </c>
      <c r="B34906" s="6">
        <v>581118.29999999993</v>
      </c>
      <c r="C34906" s="7">
        <f t="shared" si="545"/>
        <v>581.11829999999998</v>
      </c>
      <c r="I34906" s="1"/>
    </row>
    <row r="34907" spans="1:9" x14ac:dyDescent="0.25">
      <c r="A34907" s="3">
        <v>41858.602326388886</v>
      </c>
      <c r="B34907" s="6">
        <v>581134.94999999995</v>
      </c>
      <c r="C34907" s="7">
        <f t="shared" si="545"/>
        <v>581.13495</v>
      </c>
      <c r="I34907" s="1"/>
    </row>
    <row r="34908" spans="1:9" x14ac:dyDescent="0.25">
      <c r="A34908" s="3">
        <v>41858.603113425925</v>
      </c>
      <c r="B34908" s="6">
        <v>581151.6</v>
      </c>
      <c r="C34908" s="7">
        <f t="shared" si="545"/>
        <v>581.15160000000003</v>
      </c>
      <c r="I34908" s="1"/>
    </row>
    <row r="34909" spans="1:9" x14ac:dyDescent="0.25">
      <c r="A34909" s="3">
        <v>41858.603182870371</v>
      </c>
      <c r="B34909" s="6">
        <v>581168.25</v>
      </c>
      <c r="C34909" s="7">
        <f t="shared" si="545"/>
        <v>581.16824999999994</v>
      </c>
      <c r="I34909" s="1"/>
    </row>
    <row r="34910" spans="1:9" x14ac:dyDescent="0.25">
      <c r="A34910" s="3">
        <v>41858.603750000002</v>
      </c>
      <c r="B34910" s="6">
        <v>581184.89999999991</v>
      </c>
      <c r="C34910" s="7">
        <f t="shared" si="545"/>
        <v>581.18489999999986</v>
      </c>
      <c r="I34910" s="1"/>
    </row>
    <row r="34911" spans="1:9" x14ac:dyDescent="0.25">
      <c r="A34911" s="3">
        <v>41858.603784722225</v>
      </c>
      <c r="B34911" s="6">
        <v>581201.54999999993</v>
      </c>
      <c r="C34911" s="7">
        <f t="shared" si="545"/>
        <v>581.20154999999988</v>
      </c>
      <c r="I34911" s="1"/>
    </row>
    <row r="34912" spans="1:9" x14ac:dyDescent="0.25">
      <c r="A34912" s="3">
        <v>41858.604120370372</v>
      </c>
      <c r="B34912" s="6">
        <v>581218.19999999995</v>
      </c>
      <c r="C34912" s="7">
        <f t="shared" si="545"/>
        <v>581.21819999999991</v>
      </c>
      <c r="I34912" s="1"/>
    </row>
    <row r="34913" spans="1:9" x14ac:dyDescent="0.25">
      <c r="A34913" s="3">
        <v>41858.60423611111</v>
      </c>
      <c r="B34913" s="6">
        <v>581234.85</v>
      </c>
      <c r="C34913" s="7">
        <f t="shared" si="545"/>
        <v>581.23484999999994</v>
      </c>
      <c r="I34913" s="1"/>
    </row>
    <row r="34914" spans="1:9" x14ac:dyDescent="0.25">
      <c r="A34914" s="3">
        <v>41858.605439814812</v>
      </c>
      <c r="B34914" s="6">
        <v>581251.5</v>
      </c>
      <c r="C34914" s="7">
        <f t="shared" si="545"/>
        <v>581.25149999999996</v>
      </c>
      <c r="I34914" s="1"/>
    </row>
    <row r="34915" spans="1:9" x14ac:dyDescent="0.25">
      <c r="A34915" s="3">
        <v>41858.605613425927</v>
      </c>
      <c r="B34915" s="6">
        <v>581268.14999999991</v>
      </c>
      <c r="C34915" s="7">
        <f t="shared" si="545"/>
        <v>581.26814999999988</v>
      </c>
      <c r="I34915" s="1"/>
    </row>
    <row r="34916" spans="1:9" x14ac:dyDescent="0.25">
      <c r="A34916" s="3">
        <v>41858.607581018521</v>
      </c>
      <c r="B34916" s="6">
        <v>581284.79999999993</v>
      </c>
      <c r="C34916" s="7">
        <f t="shared" si="545"/>
        <v>581.2847999999999</v>
      </c>
      <c r="I34916" s="1"/>
    </row>
    <row r="34917" spans="1:9" x14ac:dyDescent="0.25">
      <c r="A34917" s="3">
        <v>41858.60765046296</v>
      </c>
      <c r="B34917" s="6">
        <v>581301.44999999995</v>
      </c>
      <c r="C34917" s="7">
        <f t="shared" si="545"/>
        <v>581.30144999999993</v>
      </c>
      <c r="I34917" s="1"/>
    </row>
    <row r="34918" spans="1:9" x14ac:dyDescent="0.25">
      <c r="A34918" s="3">
        <v>41858.608368055553</v>
      </c>
      <c r="B34918" s="6">
        <v>581318.1</v>
      </c>
      <c r="C34918" s="7">
        <f t="shared" si="545"/>
        <v>581.31809999999996</v>
      </c>
      <c r="I34918" s="1"/>
    </row>
    <row r="34919" spans="1:9" x14ac:dyDescent="0.25">
      <c r="A34919" s="3">
        <v>41858.608518518522</v>
      </c>
      <c r="B34919" s="6">
        <v>581334.75</v>
      </c>
      <c r="C34919" s="7">
        <f t="shared" si="545"/>
        <v>581.33474999999999</v>
      </c>
      <c r="I34919" s="1"/>
    </row>
    <row r="34920" spans="1:9" x14ac:dyDescent="0.25">
      <c r="A34920" s="3">
        <v>41858.611712962964</v>
      </c>
      <c r="B34920" s="6">
        <v>581351.39999999991</v>
      </c>
      <c r="C34920" s="7">
        <f t="shared" si="545"/>
        <v>581.3513999999999</v>
      </c>
      <c r="I34920" s="1"/>
    </row>
    <row r="34921" spans="1:9" x14ac:dyDescent="0.25">
      <c r="A34921" s="3">
        <v>41858.611932870372</v>
      </c>
      <c r="B34921" s="6">
        <v>581368.04999999993</v>
      </c>
      <c r="C34921" s="7">
        <f t="shared" si="545"/>
        <v>581.36804999999993</v>
      </c>
      <c r="I34921" s="1"/>
    </row>
    <row r="34922" spans="1:9" x14ac:dyDescent="0.25">
      <c r="A34922" s="3">
        <v>41858.614027777781</v>
      </c>
      <c r="B34922" s="6">
        <v>581384.69999999995</v>
      </c>
      <c r="C34922" s="7">
        <f t="shared" si="545"/>
        <v>581.38469999999995</v>
      </c>
      <c r="I34922" s="1"/>
    </row>
    <row r="34923" spans="1:9" x14ac:dyDescent="0.25">
      <c r="A34923" s="3">
        <v>41858.614155092589</v>
      </c>
      <c r="B34923" s="6">
        <v>581401.35</v>
      </c>
      <c r="C34923" s="7">
        <f t="shared" si="545"/>
        <v>581.40134999999998</v>
      </c>
      <c r="I34923" s="1"/>
    </row>
    <row r="34924" spans="1:9" x14ac:dyDescent="0.25">
      <c r="A34924" s="3">
        <v>41858.616076388891</v>
      </c>
      <c r="B34924" s="6">
        <v>581418</v>
      </c>
      <c r="C34924" s="7">
        <f t="shared" si="545"/>
        <v>581.41800000000001</v>
      </c>
      <c r="I34924" s="1"/>
    </row>
    <row r="34925" spans="1:9" x14ac:dyDescent="0.25">
      <c r="A34925" s="3">
        <v>41858.61619212963</v>
      </c>
      <c r="B34925" s="6">
        <v>581434.64999999991</v>
      </c>
      <c r="C34925" s="7">
        <f t="shared" si="545"/>
        <v>581.43464999999992</v>
      </c>
      <c r="I34925" s="1"/>
    </row>
    <row r="34926" spans="1:9" x14ac:dyDescent="0.25">
      <c r="A34926" s="3">
        <v>41858.617835648147</v>
      </c>
      <c r="B34926" s="6">
        <v>581451.29999999993</v>
      </c>
      <c r="C34926" s="7">
        <f t="shared" si="545"/>
        <v>581.45129999999995</v>
      </c>
      <c r="I34926" s="1"/>
    </row>
    <row r="34927" spans="1:9" x14ac:dyDescent="0.25">
      <c r="A34927" s="3">
        <v>41858.617997685185</v>
      </c>
      <c r="B34927" s="6">
        <v>581467.94999999995</v>
      </c>
      <c r="C34927" s="7">
        <f t="shared" si="545"/>
        <v>581.46794999999997</v>
      </c>
      <c r="I34927" s="1"/>
    </row>
    <row r="34928" spans="1:9" x14ac:dyDescent="0.25">
      <c r="A34928" s="3">
        <v>41858.619479166664</v>
      </c>
      <c r="B34928" s="6">
        <v>581484.6</v>
      </c>
      <c r="C34928" s="7">
        <f t="shared" si="545"/>
        <v>581.4846</v>
      </c>
      <c r="I34928" s="1"/>
    </row>
    <row r="34929" spans="1:9" x14ac:dyDescent="0.25">
      <c r="A34929" s="3">
        <v>41858.619618055556</v>
      </c>
      <c r="B34929" s="6">
        <v>581501.25</v>
      </c>
      <c r="C34929" s="7">
        <f t="shared" si="545"/>
        <v>581.50125000000003</v>
      </c>
      <c r="I34929" s="1"/>
    </row>
    <row r="34930" spans="1:9" x14ac:dyDescent="0.25">
      <c r="A34930" s="3">
        <v>41858.621863425928</v>
      </c>
      <c r="B34930" s="6">
        <v>581517.89999999991</v>
      </c>
      <c r="C34930" s="7">
        <f t="shared" si="545"/>
        <v>581.51789999999994</v>
      </c>
      <c r="I34930" s="1"/>
    </row>
    <row r="34931" spans="1:9" x14ac:dyDescent="0.25">
      <c r="A34931" s="3">
        <v>41858.622534722221</v>
      </c>
      <c r="B34931" s="6">
        <v>581534.54999999993</v>
      </c>
      <c r="C34931" s="7">
        <f t="shared" si="545"/>
        <v>581.53454999999997</v>
      </c>
      <c r="I34931" s="1"/>
    </row>
    <row r="34932" spans="1:9" x14ac:dyDescent="0.25">
      <c r="A34932" s="3">
        <v>41858.623229166667</v>
      </c>
      <c r="B34932" s="6">
        <v>581551.19999999995</v>
      </c>
      <c r="C34932" s="7">
        <f t="shared" si="545"/>
        <v>581.55119999999999</v>
      </c>
      <c r="I34932" s="1"/>
    </row>
    <row r="34933" spans="1:9" x14ac:dyDescent="0.25">
      <c r="A34933" s="3">
        <v>41858.623368055552</v>
      </c>
      <c r="B34933" s="6">
        <v>581567.85</v>
      </c>
      <c r="C34933" s="7">
        <f t="shared" si="545"/>
        <v>581.56785000000002</v>
      </c>
      <c r="I34933" s="1"/>
    </row>
    <row r="34934" spans="1:9" x14ac:dyDescent="0.25">
      <c r="A34934" s="3">
        <v>41858.624259259261</v>
      </c>
      <c r="B34934" s="6">
        <v>581584.5</v>
      </c>
      <c r="C34934" s="7">
        <f t="shared" si="545"/>
        <v>581.58450000000005</v>
      </c>
      <c r="I34934" s="1"/>
    </row>
    <row r="34935" spans="1:9" x14ac:dyDescent="0.25">
      <c r="A34935" s="3">
        <v>41858.624618055554</v>
      </c>
      <c r="B34935" s="6">
        <v>581601.14999999991</v>
      </c>
      <c r="C34935" s="7">
        <f t="shared" si="545"/>
        <v>581.60114999999996</v>
      </c>
      <c r="I34935" s="1"/>
    </row>
    <row r="34936" spans="1:9" x14ac:dyDescent="0.25">
      <c r="A34936" s="3">
        <v>41858.625763888886</v>
      </c>
      <c r="B34936" s="6">
        <v>581617.79999999993</v>
      </c>
      <c r="C34936" s="7">
        <f t="shared" si="545"/>
        <v>581.61779999999987</v>
      </c>
      <c r="I34936" s="1"/>
    </row>
    <row r="34937" spans="1:9" x14ac:dyDescent="0.25">
      <c r="A34937" s="3">
        <v>41858.625856481478</v>
      </c>
      <c r="B34937" s="6">
        <v>581634.44999999995</v>
      </c>
      <c r="C34937" s="7">
        <f t="shared" si="545"/>
        <v>581.6344499999999</v>
      </c>
      <c r="I34937" s="1"/>
    </row>
    <row r="34938" spans="1:9" x14ac:dyDescent="0.25">
      <c r="A34938" s="3">
        <v>41858.627141203702</v>
      </c>
      <c r="B34938" s="6">
        <v>581651.1</v>
      </c>
      <c r="C34938" s="7">
        <f t="shared" si="545"/>
        <v>581.65109999999993</v>
      </c>
      <c r="I34938" s="1"/>
    </row>
    <row r="34939" spans="1:9" x14ac:dyDescent="0.25">
      <c r="A34939" s="3">
        <v>41858.627326388887</v>
      </c>
      <c r="B34939" s="6">
        <v>581667.75</v>
      </c>
      <c r="C34939" s="7">
        <f t="shared" si="545"/>
        <v>581.66774999999996</v>
      </c>
      <c r="I34939" s="1"/>
    </row>
    <row r="34940" spans="1:9" x14ac:dyDescent="0.25">
      <c r="A34940" s="3">
        <v>41858.629930555559</v>
      </c>
      <c r="B34940" s="6">
        <v>581684.39999999991</v>
      </c>
      <c r="C34940" s="7">
        <f t="shared" si="545"/>
        <v>581.68439999999987</v>
      </c>
      <c r="I34940" s="1"/>
    </row>
    <row r="34941" spans="1:9" x14ac:dyDescent="0.25">
      <c r="A34941" s="3">
        <v>41858.63009259259</v>
      </c>
      <c r="B34941" s="6">
        <v>581701.04999999993</v>
      </c>
      <c r="C34941" s="7">
        <f t="shared" si="545"/>
        <v>581.7010499999999</v>
      </c>
      <c r="I34941" s="1"/>
    </row>
    <row r="34942" spans="1:9" x14ac:dyDescent="0.25">
      <c r="A34942" s="3">
        <v>41858.631342592591</v>
      </c>
      <c r="B34942" s="6">
        <v>581717.69999999995</v>
      </c>
      <c r="C34942" s="7">
        <f t="shared" si="545"/>
        <v>581.71769999999992</v>
      </c>
      <c r="I34942" s="1"/>
    </row>
    <row r="34943" spans="1:9" x14ac:dyDescent="0.25">
      <c r="A34943" s="3">
        <v>41858.631481481483</v>
      </c>
      <c r="B34943" s="6">
        <v>581734.35</v>
      </c>
      <c r="C34943" s="7">
        <f t="shared" si="545"/>
        <v>581.73434999999995</v>
      </c>
      <c r="I34943" s="1"/>
    </row>
    <row r="34944" spans="1:9" x14ac:dyDescent="0.25">
      <c r="A34944" s="3">
        <v>41858.632777777777</v>
      </c>
      <c r="B34944" s="6">
        <v>581751</v>
      </c>
      <c r="C34944" s="7">
        <f t="shared" si="545"/>
        <v>581.75099999999998</v>
      </c>
      <c r="I34944" s="1"/>
    </row>
    <row r="34945" spans="1:9" x14ac:dyDescent="0.25">
      <c r="A34945" s="3">
        <v>41858.6328587963</v>
      </c>
      <c r="B34945" s="6">
        <v>581767.64999999991</v>
      </c>
      <c r="C34945" s="7">
        <f t="shared" si="545"/>
        <v>581.76764999999989</v>
      </c>
      <c r="I34945" s="1"/>
    </row>
    <row r="34946" spans="1:9" x14ac:dyDescent="0.25">
      <c r="A34946" s="3">
        <v>41858.633900462963</v>
      </c>
      <c r="B34946" s="6">
        <v>581784.29999999993</v>
      </c>
      <c r="C34946" s="7">
        <f t="shared" si="545"/>
        <v>581.78429999999992</v>
      </c>
      <c r="I34946" s="1"/>
    </row>
    <row r="34947" spans="1:9" x14ac:dyDescent="0.25">
      <c r="A34947" s="3">
        <v>41858.634004629632</v>
      </c>
      <c r="B34947" s="6">
        <v>581800.94999999995</v>
      </c>
      <c r="C34947" s="7">
        <f t="shared" ref="C34947:C35010" si="546">B34947/1000</f>
        <v>581.80094999999994</v>
      </c>
      <c r="I34947" s="1"/>
    </row>
    <row r="34948" spans="1:9" x14ac:dyDescent="0.25">
      <c r="A34948" s="3">
        <v>41858.635011574072</v>
      </c>
      <c r="B34948" s="6">
        <v>581817.59999999998</v>
      </c>
      <c r="C34948" s="7">
        <f t="shared" si="546"/>
        <v>581.81759999999997</v>
      </c>
      <c r="I34948" s="1"/>
    </row>
    <row r="34949" spans="1:9" x14ac:dyDescent="0.25">
      <c r="A34949" s="3">
        <v>41858.635289351849</v>
      </c>
      <c r="B34949" s="6">
        <v>581834.25</v>
      </c>
      <c r="C34949" s="7">
        <f t="shared" si="546"/>
        <v>581.83425</v>
      </c>
      <c r="I34949" s="1"/>
    </row>
    <row r="34950" spans="1:9" x14ac:dyDescent="0.25">
      <c r="A34950" s="3">
        <v>41858.636956018519</v>
      </c>
      <c r="B34950" s="6">
        <v>581850.89999999991</v>
      </c>
      <c r="C34950" s="7">
        <f t="shared" si="546"/>
        <v>581.85089999999991</v>
      </c>
      <c r="I34950" s="1"/>
    </row>
    <row r="34951" spans="1:9" x14ac:dyDescent="0.25">
      <c r="A34951" s="3">
        <v>41858.637256944443</v>
      </c>
      <c r="B34951" s="6">
        <v>581867.54999999993</v>
      </c>
      <c r="C34951" s="7">
        <f t="shared" si="546"/>
        <v>581.86754999999994</v>
      </c>
      <c r="I34951" s="1"/>
    </row>
    <row r="34952" spans="1:9" x14ac:dyDescent="0.25">
      <c r="A34952" s="3">
        <v>41858.639305555553</v>
      </c>
      <c r="B34952" s="6">
        <v>581884.19999999995</v>
      </c>
      <c r="C34952" s="7">
        <f t="shared" si="546"/>
        <v>581.88419999999996</v>
      </c>
      <c r="I34952" s="1"/>
    </row>
    <row r="34953" spans="1:9" x14ac:dyDescent="0.25">
      <c r="A34953" s="3">
        <v>41858.639409722222</v>
      </c>
      <c r="B34953" s="6">
        <v>581900.85</v>
      </c>
      <c r="C34953" s="7">
        <f t="shared" si="546"/>
        <v>581.90084999999999</v>
      </c>
      <c r="I34953" s="1"/>
    </row>
    <row r="34954" spans="1:9" x14ac:dyDescent="0.25">
      <c r="A34954" s="3">
        <v>41858.640543981484</v>
      </c>
      <c r="B34954" s="6">
        <v>581917.5</v>
      </c>
      <c r="C34954" s="7">
        <f t="shared" si="546"/>
        <v>581.91750000000002</v>
      </c>
      <c r="I34954" s="1"/>
    </row>
    <row r="34955" spans="1:9" x14ac:dyDescent="0.25">
      <c r="A34955" s="3">
        <v>41858.640648148146</v>
      </c>
      <c r="B34955" s="6">
        <v>581934.14999999991</v>
      </c>
      <c r="C34955" s="7">
        <f t="shared" si="546"/>
        <v>581.93414999999993</v>
      </c>
      <c r="I34955" s="1"/>
    </row>
    <row r="34956" spans="1:9" x14ac:dyDescent="0.25">
      <c r="A34956" s="3">
        <v>41858.642488425925</v>
      </c>
      <c r="B34956" s="6">
        <v>581950.79999999993</v>
      </c>
      <c r="C34956" s="7">
        <f t="shared" si="546"/>
        <v>581.95079999999996</v>
      </c>
      <c r="I34956" s="1"/>
    </row>
    <row r="34957" spans="1:9" x14ac:dyDescent="0.25">
      <c r="A34957" s="3">
        <v>41858.642592592594</v>
      </c>
      <c r="B34957" s="6">
        <v>581967.44999999995</v>
      </c>
      <c r="C34957" s="7">
        <f t="shared" si="546"/>
        <v>581.96744999999999</v>
      </c>
      <c r="I34957" s="1"/>
    </row>
    <row r="34958" spans="1:9" x14ac:dyDescent="0.25">
      <c r="A34958" s="3">
        <v>41858.643993055557</v>
      </c>
      <c r="B34958" s="6">
        <v>581984.1</v>
      </c>
      <c r="C34958" s="7">
        <f t="shared" si="546"/>
        <v>581.98410000000001</v>
      </c>
      <c r="I34958" s="1"/>
    </row>
    <row r="34959" spans="1:9" x14ac:dyDescent="0.25">
      <c r="A34959" s="3">
        <v>41858.644375000003</v>
      </c>
      <c r="B34959" s="6">
        <v>582000.75</v>
      </c>
      <c r="C34959" s="7">
        <f t="shared" si="546"/>
        <v>582.00075000000004</v>
      </c>
      <c r="I34959" s="1"/>
    </row>
    <row r="34960" spans="1:9" x14ac:dyDescent="0.25">
      <c r="A34960" s="3">
        <v>41858.647766203707</v>
      </c>
      <c r="B34960" s="6">
        <v>582017.39999999991</v>
      </c>
      <c r="C34960" s="7">
        <f t="shared" si="546"/>
        <v>582.01739999999995</v>
      </c>
      <c r="I34960" s="1"/>
    </row>
    <row r="34961" spans="1:9" x14ac:dyDescent="0.25">
      <c r="A34961" s="3">
        <v>41858.64806712963</v>
      </c>
      <c r="B34961" s="6">
        <v>582034.04999999993</v>
      </c>
      <c r="C34961" s="7">
        <f t="shared" si="546"/>
        <v>582.03404999999998</v>
      </c>
      <c r="I34961" s="1"/>
    </row>
    <row r="34962" spans="1:9" x14ac:dyDescent="0.25">
      <c r="A34962" s="3">
        <v>41858.649421296293</v>
      </c>
      <c r="B34962" s="6">
        <v>582050.69999999995</v>
      </c>
      <c r="C34962" s="7">
        <f t="shared" si="546"/>
        <v>582.05070000000001</v>
      </c>
      <c r="I34962" s="1"/>
    </row>
    <row r="34963" spans="1:9" x14ac:dyDescent="0.25">
      <c r="A34963" s="3">
        <v>41858.649629629632</v>
      </c>
      <c r="B34963" s="6">
        <v>582067.35</v>
      </c>
      <c r="C34963" s="7">
        <f t="shared" si="546"/>
        <v>582.06735000000003</v>
      </c>
      <c r="I34963" s="1"/>
    </row>
    <row r="34964" spans="1:9" x14ac:dyDescent="0.25">
      <c r="A34964" s="3">
        <v>41858.652627314812</v>
      </c>
      <c r="B34964" s="6">
        <v>582084</v>
      </c>
      <c r="C34964" s="7">
        <f t="shared" si="546"/>
        <v>582.08399999999995</v>
      </c>
      <c r="I34964" s="1"/>
    </row>
    <row r="34965" spans="1:9" x14ac:dyDescent="0.25">
      <c r="A34965" s="3">
        <v>41858.652974537035</v>
      </c>
      <c r="B34965" s="6">
        <v>582100.64999999991</v>
      </c>
      <c r="C34965" s="7">
        <f t="shared" si="546"/>
        <v>582.10064999999986</v>
      </c>
      <c r="I34965" s="1"/>
    </row>
    <row r="34966" spans="1:9" x14ac:dyDescent="0.25">
      <c r="A34966" s="3">
        <v>41858.653854166667</v>
      </c>
      <c r="B34966" s="6">
        <v>582117.29999999993</v>
      </c>
      <c r="C34966" s="7">
        <f t="shared" si="546"/>
        <v>582.11729999999989</v>
      </c>
      <c r="I34966" s="1"/>
    </row>
    <row r="34967" spans="1:9" x14ac:dyDescent="0.25">
      <c r="A34967" s="3">
        <v>41858.653958333336</v>
      </c>
      <c r="B34967" s="6">
        <v>582133.94999999995</v>
      </c>
      <c r="C34967" s="7">
        <f t="shared" si="546"/>
        <v>582.13394999999991</v>
      </c>
      <c r="I34967" s="1"/>
    </row>
    <row r="34968" spans="1:9" x14ac:dyDescent="0.25">
      <c r="A34968" s="3">
        <v>41858.655370370368</v>
      </c>
      <c r="B34968" s="6">
        <v>582150.6</v>
      </c>
      <c r="C34968" s="7">
        <f t="shared" si="546"/>
        <v>582.15059999999994</v>
      </c>
      <c r="I34968" s="1"/>
    </row>
    <row r="34969" spans="1:9" x14ac:dyDescent="0.25">
      <c r="A34969" s="3">
        <v>41858.655439814815</v>
      </c>
      <c r="B34969" s="6">
        <v>582167.25</v>
      </c>
      <c r="C34969" s="7">
        <f t="shared" si="546"/>
        <v>582.16724999999997</v>
      </c>
      <c r="I34969" s="1"/>
    </row>
    <row r="34970" spans="1:9" x14ac:dyDescent="0.25">
      <c r="A34970" s="3">
        <v>41858.655995370369</v>
      </c>
      <c r="B34970" s="6">
        <v>582183.89999999991</v>
      </c>
      <c r="C34970" s="7">
        <f t="shared" si="546"/>
        <v>582.18389999999988</v>
      </c>
      <c r="I34970" s="1"/>
    </row>
    <row r="34971" spans="1:9" x14ac:dyDescent="0.25">
      <c r="A34971" s="3">
        <v>41858.656053240738</v>
      </c>
      <c r="B34971" s="6">
        <v>582200.54999999993</v>
      </c>
      <c r="C34971" s="7">
        <f t="shared" si="546"/>
        <v>582.20054999999991</v>
      </c>
      <c r="I34971" s="1"/>
    </row>
    <row r="34972" spans="1:9" x14ac:dyDescent="0.25">
      <c r="A34972" s="3">
        <v>41858.656643518516</v>
      </c>
      <c r="B34972" s="6">
        <v>582217.19999999995</v>
      </c>
      <c r="C34972" s="7">
        <f t="shared" si="546"/>
        <v>582.21719999999993</v>
      </c>
      <c r="I34972" s="1"/>
    </row>
    <row r="34973" spans="1:9" x14ac:dyDescent="0.25">
      <c r="A34973" s="3">
        <v>41858.656712962962</v>
      </c>
      <c r="B34973" s="6">
        <v>582233.85</v>
      </c>
      <c r="C34973" s="7">
        <f t="shared" si="546"/>
        <v>582.23384999999996</v>
      </c>
      <c r="I34973" s="1"/>
    </row>
    <row r="34974" spans="1:9" x14ac:dyDescent="0.25">
      <c r="A34974" s="3">
        <v>41858.658252314817</v>
      </c>
      <c r="B34974" s="6">
        <v>582250.5</v>
      </c>
      <c r="C34974" s="7">
        <f t="shared" si="546"/>
        <v>582.25049999999999</v>
      </c>
      <c r="I34974" s="1"/>
    </row>
    <row r="34975" spans="1:9" x14ac:dyDescent="0.25">
      <c r="A34975" s="3">
        <v>41858.658483796295</v>
      </c>
      <c r="B34975" s="6">
        <v>582267.14999999991</v>
      </c>
      <c r="C34975" s="7">
        <f t="shared" si="546"/>
        <v>582.2671499999999</v>
      </c>
      <c r="I34975" s="1"/>
    </row>
    <row r="34976" spans="1:9" x14ac:dyDescent="0.25">
      <c r="A34976" s="3">
        <v>41858.659814814811</v>
      </c>
      <c r="B34976" s="6">
        <v>582283.79999999993</v>
      </c>
      <c r="C34976" s="7">
        <f t="shared" si="546"/>
        <v>582.28379999999993</v>
      </c>
      <c r="I34976" s="1"/>
    </row>
    <row r="34977" spans="1:9" x14ac:dyDescent="0.25">
      <c r="A34977" s="3">
        <v>41858.65996527778</v>
      </c>
      <c r="B34977" s="6">
        <v>582300.44999999995</v>
      </c>
      <c r="C34977" s="7">
        <f t="shared" si="546"/>
        <v>582.30044999999996</v>
      </c>
      <c r="I34977" s="1"/>
    </row>
    <row r="34978" spans="1:9" x14ac:dyDescent="0.25">
      <c r="A34978" s="3">
        <v>41858.661261574074</v>
      </c>
      <c r="B34978" s="6">
        <v>582317.1</v>
      </c>
      <c r="C34978" s="7">
        <f t="shared" si="546"/>
        <v>582.31709999999998</v>
      </c>
      <c r="I34978" s="1"/>
    </row>
    <row r="34979" spans="1:9" x14ac:dyDescent="0.25">
      <c r="A34979" s="3">
        <v>41858.661377314813</v>
      </c>
      <c r="B34979" s="6">
        <v>582333.75</v>
      </c>
      <c r="C34979" s="7">
        <f t="shared" si="546"/>
        <v>582.33375000000001</v>
      </c>
      <c r="I34979" s="1"/>
    </row>
    <row r="34980" spans="1:9" x14ac:dyDescent="0.25">
      <c r="A34980" s="3">
        <v>41858.662291666667</v>
      </c>
      <c r="B34980" s="6">
        <v>582350.39999999991</v>
      </c>
      <c r="C34980" s="7">
        <f t="shared" si="546"/>
        <v>582.35039999999992</v>
      </c>
      <c r="I34980" s="1"/>
    </row>
    <row r="34981" spans="1:9" x14ac:dyDescent="0.25">
      <c r="A34981" s="3">
        <v>41858.662893518522</v>
      </c>
      <c r="B34981" s="6">
        <v>582367.04999999993</v>
      </c>
      <c r="C34981" s="7">
        <f t="shared" si="546"/>
        <v>582.36704999999995</v>
      </c>
      <c r="I34981" s="1"/>
    </row>
    <row r="34982" spans="1:9" x14ac:dyDescent="0.25">
      <c r="A34982" s="3">
        <v>41858.664143518516</v>
      </c>
      <c r="B34982" s="6">
        <v>582383.69999999995</v>
      </c>
      <c r="C34982" s="7">
        <f t="shared" si="546"/>
        <v>582.38369999999998</v>
      </c>
      <c r="I34982" s="1"/>
    </row>
    <row r="34983" spans="1:9" x14ac:dyDescent="0.25">
      <c r="A34983" s="3">
        <v>41858.664479166669</v>
      </c>
      <c r="B34983" s="6">
        <v>582400.35</v>
      </c>
      <c r="C34983" s="7">
        <f t="shared" si="546"/>
        <v>582.40035</v>
      </c>
      <c r="I34983" s="1"/>
    </row>
    <row r="34984" spans="1:9" x14ac:dyDescent="0.25">
      <c r="A34984" s="3">
        <v>41858.666805555556</v>
      </c>
      <c r="B34984" s="6">
        <v>582417</v>
      </c>
      <c r="C34984" s="7">
        <f t="shared" si="546"/>
        <v>582.41700000000003</v>
      </c>
      <c r="I34984" s="1"/>
    </row>
    <row r="34985" spans="1:9" x14ac:dyDescent="0.25">
      <c r="A34985" s="3">
        <v>41858.666921296295</v>
      </c>
      <c r="B34985" s="6">
        <v>582433.64999999991</v>
      </c>
      <c r="C34985" s="7">
        <f t="shared" si="546"/>
        <v>582.43364999999994</v>
      </c>
      <c r="I34985" s="1"/>
    </row>
    <row r="34986" spans="1:9" x14ac:dyDescent="0.25">
      <c r="A34986" s="3">
        <v>41858.668923611112</v>
      </c>
      <c r="B34986" s="6">
        <v>582450.29999999993</v>
      </c>
      <c r="C34986" s="7">
        <f t="shared" si="546"/>
        <v>582.45029999999997</v>
      </c>
      <c r="I34986" s="1"/>
    </row>
    <row r="34987" spans="1:9" x14ac:dyDescent="0.25">
      <c r="A34987" s="3">
        <v>41858.669178240743</v>
      </c>
      <c r="B34987" s="6">
        <v>582466.94999999995</v>
      </c>
      <c r="C34987" s="7">
        <f t="shared" si="546"/>
        <v>582.46695</v>
      </c>
      <c r="I34987" s="1"/>
    </row>
    <row r="34988" spans="1:9" x14ac:dyDescent="0.25">
      <c r="A34988" s="3">
        <v>41858.670601851853</v>
      </c>
      <c r="B34988" s="6">
        <v>582483.6</v>
      </c>
      <c r="C34988" s="7">
        <f t="shared" si="546"/>
        <v>582.48360000000002</v>
      </c>
      <c r="I34988" s="1"/>
    </row>
    <row r="34989" spans="1:9" x14ac:dyDescent="0.25">
      <c r="A34989" s="3">
        <v>41858.670787037037</v>
      </c>
      <c r="B34989" s="6">
        <v>582500.25</v>
      </c>
      <c r="C34989" s="7">
        <f t="shared" si="546"/>
        <v>582.50025000000005</v>
      </c>
      <c r="I34989" s="1"/>
    </row>
    <row r="34990" spans="1:9" x14ac:dyDescent="0.25">
      <c r="A34990" s="3">
        <v>41858.6719212963</v>
      </c>
      <c r="B34990" s="6">
        <v>582516.89999999991</v>
      </c>
      <c r="C34990" s="7">
        <f t="shared" si="546"/>
        <v>582.51689999999985</v>
      </c>
      <c r="I34990" s="1"/>
    </row>
    <row r="34991" spans="1:9" x14ac:dyDescent="0.25">
      <c r="A34991" s="3">
        <v>41858.672037037039</v>
      </c>
      <c r="B34991" s="6">
        <v>582533.54999999993</v>
      </c>
      <c r="C34991" s="7">
        <f t="shared" si="546"/>
        <v>582.53354999999988</v>
      </c>
      <c r="I34991" s="1"/>
    </row>
    <row r="34992" spans="1:9" x14ac:dyDescent="0.25">
      <c r="A34992" s="3">
        <v>41858.673680555556</v>
      </c>
      <c r="B34992" s="6">
        <v>582550.19999999995</v>
      </c>
      <c r="C34992" s="7">
        <f t="shared" si="546"/>
        <v>582.5501999999999</v>
      </c>
      <c r="I34992" s="1"/>
    </row>
    <row r="34993" spans="1:9" x14ac:dyDescent="0.25">
      <c r="A34993" s="3">
        <v>41858.673761574071</v>
      </c>
      <c r="B34993" s="6">
        <v>582566.85</v>
      </c>
      <c r="C34993" s="7">
        <f t="shared" si="546"/>
        <v>582.56684999999993</v>
      </c>
      <c r="I34993" s="1"/>
    </row>
    <row r="34994" spans="1:9" x14ac:dyDescent="0.25">
      <c r="A34994" s="3">
        <v>41858.674317129633</v>
      </c>
      <c r="B34994" s="6">
        <v>582583.5</v>
      </c>
      <c r="C34994" s="7">
        <f t="shared" si="546"/>
        <v>582.58349999999996</v>
      </c>
      <c r="I34994" s="1"/>
    </row>
    <row r="34995" spans="1:9" x14ac:dyDescent="0.25">
      <c r="A34995" s="3">
        <v>41858.674525462964</v>
      </c>
      <c r="B34995" s="6">
        <v>582600.14999999991</v>
      </c>
      <c r="C34995" s="7">
        <f t="shared" si="546"/>
        <v>582.60014999999987</v>
      </c>
      <c r="I34995" s="1"/>
    </row>
    <row r="34996" spans="1:9" x14ac:dyDescent="0.25">
      <c r="A34996" s="3">
        <v>41858.675787037035</v>
      </c>
      <c r="B34996" s="6">
        <v>582616.79999999993</v>
      </c>
      <c r="C34996" s="7">
        <f t="shared" si="546"/>
        <v>582.6167999999999</v>
      </c>
      <c r="I34996" s="1"/>
    </row>
    <row r="34997" spans="1:9" x14ac:dyDescent="0.25">
      <c r="A34997" s="3">
        <v>41858.675879629627</v>
      </c>
      <c r="B34997" s="6">
        <v>582633.44999999995</v>
      </c>
      <c r="C34997" s="7">
        <f t="shared" si="546"/>
        <v>582.63344999999993</v>
      </c>
      <c r="I34997" s="1"/>
    </row>
    <row r="34998" spans="1:9" x14ac:dyDescent="0.25">
      <c r="A34998" s="3">
        <v>41858.676851851851</v>
      </c>
      <c r="B34998" s="6">
        <v>582650.1</v>
      </c>
      <c r="C34998" s="7">
        <f t="shared" si="546"/>
        <v>582.65009999999995</v>
      </c>
      <c r="I34998" s="1"/>
    </row>
    <row r="34999" spans="1:9" x14ac:dyDescent="0.25">
      <c r="A34999" s="3">
        <v>41858.676921296297</v>
      </c>
      <c r="B34999" s="6">
        <v>582666.75</v>
      </c>
      <c r="C34999" s="7">
        <f t="shared" si="546"/>
        <v>582.66674999999998</v>
      </c>
      <c r="I34999" s="1"/>
    </row>
    <row r="35000" spans="1:9" x14ac:dyDescent="0.25">
      <c r="A35000" s="3">
        <v>41858.678668981483</v>
      </c>
      <c r="B35000" s="6">
        <v>582683.39999999991</v>
      </c>
      <c r="C35000" s="7">
        <f t="shared" si="546"/>
        <v>582.68339999999989</v>
      </c>
      <c r="I35000" s="1"/>
    </row>
    <row r="35001" spans="1:9" x14ac:dyDescent="0.25">
      <c r="A35001" s="3">
        <v>41858.678842592592</v>
      </c>
      <c r="B35001" s="6">
        <v>582700.04999999993</v>
      </c>
      <c r="C35001" s="7">
        <f t="shared" si="546"/>
        <v>582.70004999999992</v>
      </c>
      <c r="I35001" s="1"/>
    </row>
    <row r="35002" spans="1:9" x14ac:dyDescent="0.25">
      <c r="A35002" s="3">
        <v>41858.680266203701</v>
      </c>
      <c r="B35002" s="6">
        <v>582716.69999999995</v>
      </c>
      <c r="C35002" s="7">
        <f t="shared" si="546"/>
        <v>582.71669999999995</v>
      </c>
      <c r="I35002" s="1"/>
    </row>
    <row r="35003" spans="1:9" x14ac:dyDescent="0.25">
      <c r="A35003" s="3">
        <v>41858.680347222224</v>
      </c>
      <c r="B35003" s="6">
        <v>582733.35</v>
      </c>
      <c r="C35003" s="7">
        <f t="shared" si="546"/>
        <v>582.73334999999997</v>
      </c>
      <c r="I35003" s="1"/>
    </row>
    <row r="35004" spans="1:9" x14ac:dyDescent="0.25">
      <c r="A35004" s="3">
        <v>41858.682395833333</v>
      </c>
      <c r="B35004" s="6">
        <v>582750</v>
      </c>
      <c r="C35004" s="7">
        <f t="shared" si="546"/>
        <v>582.75</v>
      </c>
      <c r="I35004" s="1"/>
    </row>
    <row r="35005" spans="1:9" x14ac:dyDescent="0.25">
      <c r="A35005" s="3">
        <v>41858.682476851849</v>
      </c>
      <c r="B35005" s="6">
        <v>582766.64999999991</v>
      </c>
      <c r="C35005" s="7">
        <f t="shared" si="546"/>
        <v>582.76664999999991</v>
      </c>
      <c r="I35005" s="1"/>
    </row>
    <row r="35006" spans="1:9" x14ac:dyDescent="0.25">
      <c r="A35006" s="3">
        <v>41858.687118055554</v>
      </c>
      <c r="B35006" s="6">
        <v>582783.29999999993</v>
      </c>
      <c r="C35006" s="7">
        <f t="shared" si="546"/>
        <v>582.78329999999994</v>
      </c>
      <c r="I35006" s="1"/>
    </row>
    <row r="35007" spans="1:9" x14ac:dyDescent="0.25">
      <c r="A35007" s="3">
        <v>41858.687581018516</v>
      </c>
      <c r="B35007" s="6">
        <v>582799.94999999995</v>
      </c>
      <c r="C35007" s="7">
        <f t="shared" si="546"/>
        <v>582.79994999999997</v>
      </c>
      <c r="I35007" s="1"/>
    </row>
    <row r="35008" spans="1:9" x14ac:dyDescent="0.25">
      <c r="A35008" s="3">
        <v>41858.691261574073</v>
      </c>
      <c r="B35008" s="6">
        <v>582816.6</v>
      </c>
      <c r="C35008" s="7">
        <f t="shared" si="546"/>
        <v>582.81659999999999</v>
      </c>
      <c r="I35008" s="1"/>
    </row>
    <row r="35009" spans="1:9" x14ac:dyDescent="0.25">
      <c r="A35009" s="3">
        <v>41858.692106481481</v>
      </c>
      <c r="B35009" s="6">
        <v>582833.25</v>
      </c>
      <c r="C35009" s="7">
        <f t="shared" si="546"/>
        <v>582.83325000000002</v>
      </c>
      <c r="I35009" s="1"/>
    </row>
    <row r="35010" spans="1:9" x14ac:dyDescent="0.25">
      <c r="A35010" s="3">
        <v>41858.6950462963</v>
      </c>
      <c r="B35010" s="6">
        <v>582849.89999999991</v>
      </c>
      <c r="C35010" s="7">
        <f t="shared" si="546"/>
        <v>582.84989999999993</v>
      </c>
      <c r="I35010" s="1"/>
    </row>
    <row r="35011" spans="1:9" x14ac:dyDescent="0.25">
      <c r="A35011" s="3">
        <v>41858.695173611108</v>
      </c>
      <c r="B35011" s="6">
        <v>582866.54999999993</v>
      </c>
      <c r="C35011" s="7">
        <f t="shared" ref="C35011:C35074" si="547">B35011/1000</f>
        <v>582.86654999999996</v>
      </c>
      <c r="I35011" s="1"/>
    </row>
    <row r="35012" spans="1:9" x14ac:dyDescent="0.25">
      <c r="A35012" s="3">
        <v>41858.69767361111</v>
      </c>
      <c r="B35012" s="6">
        <v>582883.19999999995</v>
      </c>
      <c r="C35012" s="7">
        <f t="shared" si="547"/>
        <v>582.88319999999999</v>
      </c>
      <c r="I35012" s="1"/>
    </row>
    <row r="35013" spans="1:9" x14ac:dyDescent="0.25">
      <c r="A35013" s="3">
        <v>41858.697777777779</v>
      </c>
      <c r="B35013" s="6">
        <v>582899.85</v>
      </c>
      <c r="C35013" s="7">
        <f t="shared" si="547"/>
        <v>582.89985000000001</v>
      </c>
      <c r="I35013" s="1"/>
    </row>
    <row r="35014" spans="1:9" x14ac:dyDescent="0.25">
      <c r="A35014" s="3">
        <v>41858.699386574073</v>
      </c>
      <c r="B35014" s="6">
        <v>582916.5</v>
      </c>
      <c r="C35014" s="7">
        <f t="shared" si="547"/>
        <v>582.91650000000004</v>
      </c>
      <c r="I35014" s="1"/>
    </row>
    <row r="35015" spans="1:9" x14ac:dyDescent="0.25">
      <c r="A35015" s="3">
        <v>41858.699513888889</v>
      </c>
      <c r="B35015" s="6">
        <v>582933.14999999991</v>
      </c>
      <c r="C35015" s="7">
        <f t="shared" si="547"/>
        <v>582.93314999999996</v>
      </c>
      <c r="I35015" s="1"/>
    </row>
    <row r="35016" spans="1:9" x14ac:dyDescent="0.25">
      <c r="A35016" s="3">
        <v>41858.703344907408</v>
      </c>
      <c r="B35016" s="6">
        <v>582949.79999999993</v>
      </c>
      <c r="C35016" s="7">
        <f t="shared" si="547"/>
        <v>582.94979999999998</v>
      </c>
      <c r="I35016" s="1"/>
    </row>
    <row r="35017" spans="1:9" x14ac:dyDescent="0.25">
      <c r="A35017" s="3">
        <v>41858.703599537039</v>
      </c>
      <c r="B35017" s="6">
        <v>582966.44999999995</v>
      </c>
      <c r="C35017" s="7">
        <f t="shared" si="547"/>
        <v>582.96645000000001</v>
      </c>
      <c r="I35017" s="1"/>
    </row>
    <row r="35018" spans="1:9" x14ac:dyDescent="0.25">
      <c r="A35018" s="3">
        <v>41858.707349537035</v>
      </c>
      <c r="B35018" s="6">
        <v>582983.1</v>
      </c>
      <c r="C35018" s="7">
        <f t="shared" si="547"/>
        <v>582.98309999999992</v>
      </c>
      <c r="I35018" s="1"/>
    </row>
    <row r="35019" spans="1:9" x14ac:dyDescent="0.25">
      <c r="A35019" s="3">
        <v>41858.70815972222</v>
      </c>
      <c r="B35019" s="6">
        <v>582999.75</v>
      </c>
      <c r="C35019" s="7">
        <f t="shared" si="547"/>
        <v>582.99974999999995</v>
      </c>
      <c r="I35019" s="1"/>
    </row>
    <row r="35020" spans="1:9" x14ac:dyDescent="0.25">
      <c r="A35020" s="3">
        <v>41858.713530092595</v>
      </c>
      <c r="B35020" s="6">
        <v>583016.39999999991</v>
      </c>
      <c r="C35020" s="7">
        <f t="shared" si="547"/>
        <v>583.01639999999986</v>
      </c>
      <c r="I35020" s="1"/>
    </row>
    <row r="35021" spans="1:9" x14ac:dyDescent="0.25">
      <c r="A35021" s="3">
        <v>41858.713888888888</v>
      </c>
      <c r="B35021" s="6">
        <v>583033.04999999993</v>
      </c>
      <c r="C35021" s="7">
        <f t="shared" si="547"/>
        <v>583.03304999999989</v>
      </c>
      <c r="I35021" s="1"/>
    </row>
    <row r="35022" spans="1:9" x14ac:dyDescent="0.25">
      <c r="A35022" s="3">
        <v>41858.720266203702</v>
      </c>
      <c r="B35022" s="6">
        <v>583049.69999999995</v>
      </c>
      <c r="C35022" s="7">
        <f t="shared" si="547"/>
        <v>583.04969999999992</v>
      </c>
      <c r="I35022" s="1"/>
    </row>
    <row r="35023" spans="1:9" x14ac:dyDescent="0.25">
      <c r="A35023" s="3">
        <v>41858.720405092594</v>
      </c>
      <c r="B35023" s="6">
        <v>583066.35</v>
      </c>
      <c r="C35023" s="7">
        <f t="shared" si="547"/>
        <v>583.06634999999994</v>
      </c>
      <c r="I35023" s="1"/>
    </row>
    <row r="35024" spans="1:9" x14ac:dyDescent="0.25">
      <c r="A35024" s="3">
        <v>41858.725428240738</v>
      </c>
      <c r="B35024" s="6">
        <v>583083</v>
      </c>
      <c r="C35024" s="7">
        <f t="shared" si="547"/>
        <v>583.08299999999997</v>
      </c>
      <c r="I35024" s="1"/>
    </row>
    <row r="35025" spans="1:9" x14ac:dyDescent="0.25">
      <c r="A35025" s="3">
        <v>41858.725555555553</v>
      </c>
      <c r="B35025" s="6">
        <v>583099.64999999991</v>
      </c>
      <c r="C35025" s="7">
        <f t="shared" si="547"/>
        <v>583.09964999999988</v>
      </c>
      <c r="I35025" s="1"/>
    </row>
    <row r="35026" spans="1:9" x14ac:dyDescent="0.25">
      <c r="A35026" s="3">
        <v>41858.729618055557</v>
      </c>
      <c r="B35026" s="6">
        <v>583116.29999999993</v>
      </c>
      <c r="C35026" s="7">
        <f t="shared" si="547"/>
        <v>583.11629999999991</v>
      </c>
      <c r="I35026" s="1"/>
    </row>
    <row r="35027" spans="1:9" x14ac:dyDescent="0.25">
      <c r="A35027" s="3">
        <v>41858.730671296296</v>
      </c>
      <c r="B35027" s="6">
        <v>583132.94999999995</v>
      </c>
      <c r="C35027" s="7">
        <f t="shared" si="547"/>
        <v>583.13294999999994</v>
      </c>
      <c r="I35027" s="1"/>
    </row>
    <row r="35028" spans="1:9" x14ac:dyDescent="0.25">
      <c r="A35028" s="3">
        <v>41858.734722222223</v>
      </c>
      <c r="B35028" s="6">
        <v>583149.6</v>
      </c>
      <c r="C35028" s="7">
        <f t="shared" si="547"/>
        <v>583.14959999999996</v>
      </c>
      <c r="I35028" s="1"/>
    </row>
    <row r="35029" spans="1:9" x14ac:dyDescent="0.25">
      <c r="A35029" s="3">
        <v>41858.734814814816</v>
      </c>
      <c r="B35029" s="6">
        <v>583166.25</v>
      </c>
      <c r="C35029" s="7">
        <f t="shared" si="547"/>
        <v>583.16624999999999</v>
      </c>
      <c r="I35029" s="1"/>
    </row>
    <row r="35030" spans="1:9" x14ac:dyDescent="0.25">
      <c r="A35030" s="3">
        <v>41858.74386574074</v>
      </c>
      <c r="B35030" s="6">
        <v>583182.89999999991</v>
      </c>
      <c r="C35030" s="7">
        <f t="shared" si="547"/>
        <v>583.1828999999999</v>
      </c>
      <c r="I35030" s="1"/>
    </row>
    <row r="35031" spans="1:9" x14ac:dyDescent="0.25">
      <c r="A35031" s="3">
        <v>41858.747534722221</v>
      </c>
      <c r="B35031" s="6">
        <v>583199.54999999993</v>
      </c>
      <c r="C35031" s="7">
        <f t="shared" si="547"/>
        <v>583.19954999999993</v>
      </c>
      <c r="I35031" s="1"/>
    </row>
    <row r="35032" spans="1:9" x14ac:dyDescent="0.25">
      <c r="A35032" s="3">
        <v>41858.771643518521</v>
      </c>
      <c r="B35032" s="6">
        <v>583216.19999999995</v>
      </c>
      <c r="C35032" s="7">
        <f t="shared" si="547"/>
        <v>583.21619999999996</v>
      </c>
      <c r="I35032" s="1"/>
    </row>
    <row r="35033" spans="1:9" x14ac:dyDescent="0.25">
      <c r="A35033" s="3">
        <v>41858.773611111108</v>
      </c>
      <c r="B35033" s="6">
        <v>583232.85</v>
      </c>
      <c r="C35033" s="7">
        <f t="shared" si="547"/>
        <v>583.23284999999998</v>
      </c>
      <c r="I35033" s="1"/>
    </row>
    <row r="35034" spans="1:9" x14ac:dyDescent="0.25">
      <c r="A35034" s="3">
        <v>41858.785358796296</v>
      </c>
      <c r="B35034" s="6">
        <v>583249.5</v>
      </c>
      <c r="C35034" s="7">
        <f t="shared" si="547"/>
        <v>583.24950000000001</v>
      </c>
      <c r="I35034" s="1"/>
    </row>
    <row r="35035" spans="1:9" x14ac:dyDescent="0.25">
      <c r="A35035" s="3">
        <v>41858.787754629629</v>
      </c>
      <c r="B35035" s="6">
        <v>583266.14999999991</v>
      </c>
      <c r="C35035" s="7">
        <f t="shared" si="547"/>
        <v>583.26614999999993</v>
      </c>
      <c r="I35035" s="1"/>
    </row>
    <row r="35036" spans="1:9" x14ac:dyDescent="0.25">
      <c r="A35036" s="3">
        <v>41858.806388888886</v>
      </c>
      <c r="B35036" s="6">
        <v>583282.79999999993</v>
      </c>
      <c r="C35036" s="7">
        <f t="shared" si="547"/>
        <v>583.28279999999995</v>
      </c>
      <c r="I35036" s="1"/>
    </row>
    <row r="35037" spans="1:9" x14ac:dyDescent="0.25">
      <c r="A35037" s="3">
        <v>41858.806516203702</v>
      </c>
      <c r="B35037" s="6">
        <v>583299.44999999995</v>
      </c>
      <c r="C35037" s="7">
        <f t="shared" si="547"/>
        <v>583.29944999999998</v>
      </c>
      <c r="I35037" s="1"/>
    </row>
    <row r="35038" spans="1:9" x14ac:dyDescent="0.25">
      <c r="A35038" s="3">
        <v>41858.822951388887</v>
      </c>
      <c r="B35038" s="6">
        <v>583316.1</v>
      </c>
      <c r="C35038" s="7">
        <f t="shared" si="547"/>
        <v>583.31610000000001</v>
      </c>
      <c r="I35038" s="1"/>
    </row>
    <row r="35039" spans="1:9" x14ac:dyDescent="0.25">
      <c r="A35039" s="3">
        <v>41858.823136574072</v>
      </c>
      <c r="B35039" s="6">
        <v>583332.75</v>
      </c>
      <c r="C35039" s="7">
        <f t="shared" si="547"/>
        <v>583.33275000000003</v>
      </c>
      <c r="I35039" s="1"/>
    </row>
    <row r="35040" spans="1:9" x14ac:dyDescent="0.25">
      <c r="A35040" s="3">
        <v>41858.923333333332</v>
      </c>
      <c r="B35040" s="6">
        <v>583349.39999999991</v>
      </c>
      <c r="C35040" s="7">
        <f t="shared" si="547"/>
        <v>583.34939999999995</v>
      </c>
      <c r="I35040" s="1"/>
    </row>
    <row r="35041" spans="1:9" x14ac:dyDescent="0.25">
      <c r="A35041" s="3">
        <v>41858.923472222225</v>
      </c>
      <c r="B35041" s="6">
        <v>583366.04999999993</v>
      </c>
      <c r="C35041" s="7">
        <f t="shared" si="547"/>
        <v>583.36604999999997</v>
      </c>
      <c r="I35041" s="1"/>
    </row>
    <row r="35042" spans="1:9" x14ac:dyDescent="0.25">
      <c r="A35042" s="3">
        <v>41858.93074074074</v>
      </c>
      <c r="B35042" s="6">
        <v>583382.69999999995</v>
      </c>
      <c r="C35042" s="7">
        <f t="shared" si="547"/>
        <v>583.3827</v>
      </c>
      <c r="I35042" s="1"/>
    </row>
    <row r="35043" spans="1:9" x14ac:dyDescent="0.25">
      <c r="A35043" s="3">
        <v>41858.930833333332</v>
      </c>
      <c r="B35043" s="6">
        <v>583399.35</v>
      </c>
      <c r="C35043" s="7">
        <f t="shared" si="547"/>
        <v>583.39935000000003</v>
      </c>
      <c r="I35043" s="1"/>
    </row>
    <row r="35044" spans="1:9" x14ac:dyDescent="0.25">
      <c r="A35044" s="3">
        <v>41858.933344907404</v>
      </c>
      <c r="B35044" s="6">
        <v>583416</v>
      </c>
      <c r="C35044" s="7">
        <f t="shared" si="547"/>
        <v>583.41600000000005</v>
      </c>
      <c r="I35044" s="1"/>
    </row>
    <row r="35045" spans="1:9" x14ac:dyDescent="0.25">
      <c r="A35045" s="3">
        <v>41858.933472222219</v>
      </c>
      <c r="B35045" s="6">
        <v>583432.64999999991</v>
      </c>
      <c r="C35045" s="7">
        <f t="shared" si="547"/>
        <v>583.43264999999985</v>
      </c>
      <c r="I35045" s="1"/>
    </row>
    <row r="35046" spans="1:9" x14ac:dyDescent="0.25">
      <c r="A35046" s="3">
        <v>41858.934861111113</v>
      </c>
      <c r="B35046" s="6">
        <v>583449.29999999993</v>
      </c>
      <c r="C35046" s="7">
        <f t="shared" si="547"/>
        <v>583.44929999999988</v>
      </c>
      <c r="I35046" s="1"/>
    </row>
    <row r="35047" spans="1:9" x14ac:dyDescent="0.25">
      <c r="A35047" s="3">
        <v>41858.93546296296</v>
      </c>
      <c r="B35047" s="6">
        <v>583465.94999999995</v>
      </c>
      <c r="C35047" s="7">
        <f t="shared" si="547"/>
        <v>583.46594999999991</v>
      </c>
      <c r="I35047" s="1"/>
    </row>
    <row r="35048" spans="1:9" x14ac:dyDescent="0.25">
      <c r="A35048" s="3">
        <v>41858.940196759257</v>
      </c>
      <c r="B35048" s="6">
        <v>583482.6</v>
      </c>
      <c r="C35048" s="7">
        <f t="shared" si="547"/>
        <v>583.48259999999993</v>
      </c>
      <c r="I35048" s="1"/>
    </row>
    <row r="35049" spans="1:9" x14ac:dyDescent="0.25">
      <c r="A35049" s="3">
        <v>41858.945486111108</v>
      </c>
      <c r="B35049" s="6">
        <v>583499.25</v>
      </c>
      <c r="C35049" s="7">
        <f t="shared" si="547"/>
        <v>583.49924999999996</v>
      </c>
      <c r="I35049" s="1"/>
    </row>
    <row r="35050" spans="1:9" x14ac:dyDescent="0.25">
      <c r="A35050" s="3">
        <v>41858.947696759256</v>
      </c>
      <c r="B35050" s="6">
        <v>583515.89999999991</v>
      </c>
      <c r="C35050" s="7">
        <f t="shared" si="547"/>
        <v>583.51589999999987</v>
      </c>
      <c r="I35050" s="1"/>
    </row>
    <row r="35051" spans="1:9" x14ac:dyDescent="0.25">
      <c r="A35051" s="3">
        <v>41889.051099537035</v>
      </c>
      <c r="B35051" s="6">
        <v>583532.54999999993</v>
      </c>
      <c r="C35051" s="7">
        <f t="shared" si="547"/>
        <v>583.5325499999999</v>
      </c>
      <c r="I35051" s="1"/>
    </row>
    <row r="35052" spans="1:9" x14ac:dyDescent="0.25">
      <c r="A35052" s="3">
        <v>41889.095405092594</v>
      </c>
      <c r="B35052" s="6">
        <v>583549.19999999995</v>
      </c>
      <c r="C35052" s="7">
        <f t="shared" si="547"/>
        <v>583.54919999999993</v>
      </c>
      <c r="I35052" s="1"/>
    </row>
    <row r="35053" spans="1:9" x14ac:dyDescent="0.25">
      <c r="A35053" s="3">
        <v>41889.137546296297</v>
      </c>
      <c r="B35053" s="6">
        <v>583565.85</v>
      </c>
      <c r="C35053" s="7">
        <f t="shared" si="547"/>
        <v>583.56584999999995</v>
      </c>
      <c r="I35053" s="1"/>
    </row>
    <row r="35054" spans="1:9" x14ac:dyDescent="0.25">
      <c r="A35054" s="3">
        <v>41889.202499999999</v>
      </c>
      <c r="B35054" s="6">
        <v>583582.5</v>
      </c>
      <c r="C35054" s="7">
        <f t="shared" si="547"/>
        <v>583.58249999999998</v>
      </c>
      <c r="I35054" s="1"/>
    </row>
    <row r="35055" spans="1:9" x14ac:dyDescent="0.25">
      <c r="A35055" s="3">
        <v>41889.202615740738</v>
      </c>
      <c r="B35055" s="6">
        <v>583599.14999999991</v>
      </c>
      <c r="C35055" s="7">
        <f t="shared" si="547"/>
        <v>583.5991499999999</v>
      </c>
      <c r="I35055" s="1"/>
    </row>
    <row r="35056" spans="1:9" x14ac:dyDescent="0.25">
      <c r="A35056" s="3">
        <v>41889.206620370373</v>
      </c>
      <c r="B35056" s="6">
        <v>583615.79999999993</v>
      </c>
      <c r="C35056" s="7">
        <f t="shared" si="547"/>
        <v>583.61579999999992</v>
      </c>
      <c r="I35056" s="1"/>
    </row>
    <row r="35057" spans="1:9" x14ac:dyDescent="0.25">
      <c r="A35057" s="3">
        <v>41889.206817129627</v>
      </c>
      <c r="B35057" s="6">
        <v>583632.44999999995</v>
      </c>
      <c r="C35057" s="7">
        <f t="shared" si="547"/>
        <v>583.63244999999995</v>
      </c>
      <c r="I35057" s="1"/>
    </row>
    <row r="35058" spans="1:9" x14ac:dyDescent="0.25">
      <c r="A35058" s="3">
        <v>41889.210104166668</v>
      </c>
      <c r="B35058" s="6">
        <v>583649.1</v>
      </c>
      <c r="C35058" s="7">
        <f t="shared" si="547"/>
        <v>583.64909999999998</v>
      </c>
      <c r="I35058" s="1"/>
    </row>
    <row r="35059" spans="1:9" x14ac:dyDescent="0.25">
      <c r="A35059" s="3">
        <v>41889.210231481484</v>
      </c>
      <c r="B35059" s="6">
        <v>583665.75</v>
      </c>
      <c r="C35059" s="7">
        <f t="shared" si="547"/>
        <v>583.66575</v>
      </c>
      <c r="I35059" s="1"/>
    </row>
    <row r="35060" spans="1:9" x14ac:dyDescent="0.25">
      <c r="A35060" s="3">
        <v>41889.23165509259</v>
      </c>
      <c r="B35060" s="6">
        <v>583682.39999999991</v>
      </c>
      <c r="C35060" s="7">
        <f t="shared" si="547"/>
        <v>583.68239999999992</v>
      </c>
      <c r="I35060" s="1"/>
    </row>
    <row r="35061" spans="1:9" x14ac:dyDescent="0.25">
      <c r="A35061" s="3">
        <v>41889.232499999998</v>
      </c>
      <c r="B35061" s="6">
        <v>583699.04999999993</v>
      </c>
      <c r="C35061" s="7">
        <f t="shared" si="547"/>
        <v>583.69904999999994</v>
      </c>
      <c r="I35061" s="1"/>
    </row>
    <row r="35062" spans="1:9" x14ac:dyDescent="0.25">
      <c r="A35062" s="3">
        <v>41889.300381944442</v>
      </c>
      <c r="B35062" s="6">
        <v>583715.69999999995</v>
      </c>
      <c r="C35062" s="7">
        <f t="shared" si="547"/>
        <v>583.71569999999997</v>
      </c>
      <c r="I35062" s="1"/>
    </row>
    <row r="35063" spans="1:9" x14ac:dyDescent="0.25">
      <c r="A35063" s="3">
        <v>41889.301087962966</v>
      </c>
      <c r="B35063" s="6">
        <v>583732.35</v>
      </c>
      <c r="C35063" s="7">
        <f t="shared" si="547"/>
        <v>583.73235</v>
      </c>
      <c r="I35063" s="1"/>
    </row>
    <row r="35064" spans="1:9" x14ac:dyDescent="0.25">
      <c r="A35064" s="3">
        <v>41889.381273148145</v>
      </c>
      <c r="B35064" s="6">
        <v>583749</v>
      </c>
      <c r="C35064" s="7">
        <f t="shared" si="547"/>
        <v>583.74900000000002</v>
      </c>
      <c r="I35064" s="1"/>
    </row>
    <row r="35065" spans="1:9" x14ac:dyDescent="0.25">
      <c r="A35065" s="3">
        <v>41889.383680555555</v>
      </c>
      <c r="B35065" s="6">
        <v>583765.64999999991</v>
      </c>
      <c r="C35065" s="7">
        <f t="shared" si="547"/>
        <v>583.76564999999994</v>
      </c>
      <c r="I35065" s="1"/>
    </row>
    <row r="35066" spans="1:9" x14ac:dyDescent="0.25">
      <c r="A35066" s="3">
        <v>41889.411990740744</v>
      </c>
      <c r="B35066" s="6">
        <v>583782.29999999993</v>
      </c>
      <c r="C35066" s="7">
        <f t="shared" si="547"/>
        <v>583.78229999999996</v>
      </c>
      <c r="I35066" s="1"/>
    </row>
    <row r="35067" spans="1:9" x14ac:dyDescent="0.25">
      <c r="A35067" s="3">
        <v>41889.412199074075</v>
      </c>
      <c r="B35067" s="6">
        <v>583798.94999999995</v>
      </c>
      <c r="C35067" s="7">
        <f t="shared" si="547"/>
        <v>583.79894999999999</v>
      </c>
      <c r="I35067" s="1"/>
    </row>
    <row r="35068" spans="1:9" x14ac:dyDescent="0.25">
      <c r="A35068" s="3">
        <v>41889.413472222222</v>
      </c>
      <c r="B35068" s="6">
        <v>583815.6</v>
      </c>
      <c r="C35068" s="7">
        <f t="shared" si="547"/>
        <v>583.81560000000002</v>
      </c>
      <c r="I35068" s="1"/>
    </row>
    <row r="35069" spans="1:9" x14ac:dyDescent="0.25">
      <c r="A35069" s="3">
        <v>41889.4137962963</v>
      </c>
      <c r="B35069" s="6">
        <v>583832.25</v>
      </c>
      <c r="C35069" s="7">
        <f t="shared" si="547"/>
        <v>583.83225000000004</v>
      </c>
      <c r="I35069" s="1"/>
    </row>
    <row r="35070" spans="1:9" x14ac:dyDescent="0.25">
      <c r="A35070" s="3">
        <v>41889.427662037036</v>
      </c>
      <c r="B35070" s="6">
        <v>583848.89999999991</v>
      </c>
      <c r="C35070" s="7">
        <f t="shared" si="547"/>
        <v>583.84889999999996</v>
      </c>
      <c r="I35070" s="1"/>
    </row>
    <row r="35071" spans="1:9" x14ac:dyDescent="0.25">
      <c r="A35071" s="3">
        <v>41889.427812499998</v>
      </c>
      <c r="B35071" s="6">
        <v>583865.54999999993</v>
      </c>
      <c r="C35071" s="7">
        <f t="shared" si="547"/>
        <v>583.86554999999998</v>
      </c>
      <c r="I35071" s="1"/>
    </row>
    <row r="35072" spans="1:9" x14ac:dyDescent="0.25">
      <c r="A35072" s="3">
        <v>41889.472881944443</v>
      </c>
      <c r="B35072" s="6">
        <v>583882.19999999995</v>
      </c>
      <c r="C35072" s="7">
        <f t="shared" si="547"/>
        <v>583.8821999999999</v>
      </c>
      <c r="I35072" s="1"/>
    </row>
    <row r="35073" spans="1:9" x14ac:dyDescent="0.25">
      <c r="A35073" s="3">
        <v>41889.473506944443</v>
      </c>
      <c r="B35073" s="6">
        <v>583898.85</v>
      </c>
      <c r="C35073" s="7">
        <f t="shared" si="547"/>
        <v>583.89884999999992</v>
      </c>
      <c r="I35073" s="1"/>
    </row>
    <row r="35074" spans="1:9" x14ac:dyDescent="0.25">
      <c r="A35074" s="3">
        <v>41889.477164351854</v>
      </c>
      <c r="B35074" s="6">
        <v>583915.5</v>
      </c>
      <c r="C35074" s="7">
        <f t="shared" si="547"/>
        <v>583.91549999999995</v>
      </c>
      <c r="I35074" s="1"/>
    </row>
    <row r="35075" spans="1:9" x14ac:dyDescent="0.25">
      <c r="A35075" s="3">
        <v>41889.477442129632</v>
      </c>
      <c r="B35075" s="6">
        <v>583932.14999999991</v>
      </c>
      <c r="C35075" s="7">
        <f t="shared" ref="C35075:C35138" si="548">B35075/1000</f>
        <v>583.93214999999987</v>
      </c>
      <c r="I35075" s="1"/>
    </row>
    <row r="35076" spans="1:9" x14ac:dyDescent="0.25">
      <c r="A35076" s="3">
        <v>41889.48238425926</v>
      </c>
      <c r="B35076" s="6">
        <v>583948.79999999993</v>
      </c>
      <c r="C35076" s="7">
        <f t="shared" si="548"/>
        <v>583.94879999999989</v>
      </c>
      <c r="I35076" s="1"/>
    </row>
    <row r="35077" spans="1:9" x14ac:dyDescent="0.25">
      <c r="A35077" s="3">
        <v>41889.482627314814</v>
      </c>
      <c r="B35077" s="6">
        <v>583965.44999999995</v>
      </c>
      <c r="C35077" s="7">
        <f t="shared" si="548"/>
        <v>583.96544999999992</v>
      </c>
      <c r="I35077" s="1"/>
    </row>
    <row r="35078" spans="1:9" x14ac:dyDescent="0.25">
      <c r="A35078" s="3">
        <v>41889.489363425928</v>
      </c>
      <c r="B35078" s="6">
        <v>583982.1</v>
      </c>
      <c r="C35078" s="7">
        <f t="shared" si="548"/>
        <v>583.98209999999995</v>
      </c>
      <c r="I35078" s="1"/>
    </row>
    <row r="35079" spans="1:9" x14ac:dyDescent="0.25">
      <c r="A35079" s="3">
        <v>41889.489606481482</v>
      </c>
      <c r="B35079" s="6">
        <v>583998.75</v>
      </c>
      <c r="C35079" s="7">
        <f t="shared" si="548"/>
        <v>583.99874999999997</v>
      </c>
      <c r="I35079" s="1"/>
    </row>
    <row r="35080" spans="1:9" x14ac:dyDescent="0.25">
      <c r="A35080" s="3">
        <v>41889.49355324074</v>
      </c>
      <c r="B35080" s="6">
        <v>584015.39999999991</v>
      </c>
      <c r="C35080" s="7">
        <f t="shared" si="548"/>
        <v>584.01539999999989</v>
      </c>
      <c r="I35080" s="1"/>
    </row>
    <row r="35081" spans="1:9" x14ac:dyDescent="0.25">
      <c r="A35081" s="3">
        <v>41889.493877314817</v>
      </c>
      <c r="B35081" s="6">
        <v>584032.04999999993</v>
      </c>
      <c r="C35081" s="7">
        <f t="shared" si="548"/>
        <v>584.03204999999991</v>
      </c>
      <c r="I35081" s="1"/>
    </row>
    <row r="35082" spans="1:9" x14ac:dyDescent="0.25">
      <c r="A35082" s="3">
        <v>41889.497696759259</v>
      </c>
      <c r="B35082" s="6">
        <v>584048.69999999995</v>
      </c>
      <c r="C35082" s="7">
        <f t="shared" si="548"/>
        <v>584.04869999999994</v>
      </c>
      <c r="I35082" s="1"/>
    </row>
    <row r="35083" spans="1:9" x14ac:dyDescent="0.25">
      <c r="A35083" s="3">
        <v>41889.497835648152</v>
      </c>
      <c r="B35083" s="6">
        <v>584065.35</v>
      </c>
      <c r="C35083" s="7">
        <f t="shared" si="548"/>
        <v>584.06534999999997</v>
      </c>
      <c r="I35083" s="1"/>
    </row>
    <row r="35084" spans="1:9" x14ac:dyDescent="0.25">
      <c r="A35084" s="3">
        <v>41889.503877314812</v>
      </c>
      <c r="B35084" s="6">
        <v>584082</v>
      </c>
      <c r="C35084" s="7">
        <f t="shared" si="548"/>
        <v>584.08199999999999</v>
      </c>
      <c r="I35084" s="1"/>
    </row>
    <row r="35085" spans="1:9" x14ac:dyDescent="0.25">
      <c r="A35085" s="3">
        <v>41889.504050925927</v>
      </c>
      <c r="B35085" s="6">
        <v>584098.64999999991</v>
      </c>
      <c r="C35085" s="7">
        <f t="shared" si="548"/>
        <v>584.09864999999991</v>
      </c>
      <c r="I35085" s="1"/>
    </row>
    <row r="35086" spans="1:9" x14ac:dyDescent="0.25">
      <c r="A35086" s="3">
        <v>41889.506956018522</v>
      </c>
      <c r="B35086" s="6">
        <v>584115.29999999993</v>
      </c>
      <c r="C35086" s="7">
        <f t="shared" si="548"/>
        <v>584.11529999999993</v>
      </c>
      <c r="I35086" s="1"/>
    </row>
    <row r="35087" spans="1:9" x14ac:dyDescent="0.25">
      <c r="A35087" s="3">
        <v>41889.507175925923</v>
      </c>
      <c r="B35087" s="6">
        <v>584131.94999999995</v>
      </c>
      <c r="C35087" s="7">
        <f t="shared" si="548"/>
        <v>584.13194999999996</v>
      </c>
      <c r="I35087" s="1"/>
    </row>
    <row r="35088" spans="1:9" x14ac:dyDescent="0.25">
      <c r="A35088" s="3">
        <v>41889.509328703702</v>
      </c>
      <c r="B35088" s="6">
        <v>584148.6</v>
      </c>
      <c r="C35088" s="7">
        <f t="shared" si="548"/>
        <v>584.14859999999999</v>
      </c>
      <c r="I35088" s="1"/>
    </row>
    <row r="35089" spans="1:9" x14ac:dyDescent="0.25">
      <c r="A35089" s="3">
        <v>41889.509444444448</v>
      </c>
      <c r="B35089" s="6">
        <v>584165.25</v>
      </c>
      <c r="C35089" s="7">
        <f t="shared" si="548"/>
        <v>584.16525000000001</v>
      </c>
      <c r="I35089" s="1"/>
    </row>
    <row r="35090" spans="1:9" x14ac:dyDescent="0.25">
      <c r="A35090" s="3">
        <v>41889.511296296296</v>
      </c>
      <c r="B35090" s="6">
        <v>584181.89999999991</v>
      </c>
      <c r="C35090" s="7">
        <f t="shared" si="548"/>
        <v>584.18189999999993</v>
      </c>
      <c r="I35090" s="1"/>
    </row>
    <row r="35091" spans="1:9" x14ac:dyDescent="0.25">
      <c r="A35091" s="3">
        <v>41889.511458333334</v>
      </c>
      <c r="B35091" s="6">
        <v>584198.54999999993</v>
      </c>
      <c r="C35091" s="7">
        <f t="shared" si="548"/>
        <v>584.19854999999995</v>
      </c>
      <c r="I35091" s="1"/>
    </row>
    <row r="35092" spans="1:9" x14ac:dyDescent="0.25">
      <c r="A35092" s="3">
        <v>41889.515347222223</v>
      </c>
      <c r="B35092" s="6">
        <v>584215.19999999995</v>
      </c>
      <c r="C35092" s="7">
        <f t="shared" si="548"/>
        <v>584.21519999999998</v>
      </c>
      <c r="I35092" s="1"/>
    </row>
    <row r="35093" spans="1:9" x14ac:dyDescent="0.25">
      <c r="A35093" s="3">
        <v>41889.515555555554</v>
      </c>
      <c r="B35093" s="6">
        <v>584231.85</v>
      </c>
      <c r="C35093" s="7">
        <f t="shared" si="548"/>
        <v>584.23185000000001</v>
      </c>
      <c r="I35093" s="1"/>
    </row>
    <row r="35094" spans="1:9" x14ac:dyDescent="0.25">
      <c r="A35094" s="3">
        <v>41889.518472222226</v>
      </c>
      <c r="B35094" s="6">
        <v>584248.5</v>
      </c>
      <c r="C35094" s="7">
        <f t="shared" si="548"/>
        <v>584.24850000000004</v>
      </c>
      <c r="I35094" s="1"/>
    </row>
    <row r="35095" spans="1:9" x14ac:dyDescent="0.25">
      <c r="A35095" s="3">
        <v>41889.518645833334</v>
      </c>
      <c r="B35095" s="6">
        <v>584265.14999999991</v>
      </c>
      <c r="C35095" s="7">
        <f t="shared" si="548"/>
        <v>584.26514999999995</v>
      </c>
      <c r="I35095" s="1"/>
    </row>
    <row r="35096" spans="1:9" x14ac:dyDescent="0.25">
      <c r="A35096" s="3">
        <v>41889.524016203701</v>
      </c>
      <c r="B35096" s="6">
        <v>584281.79999999993</v>
      </c>
      <c r="C35096" s="7">
        <f t="shared" si="548"/>
        <v>584.28179999999998</v>
      </c>
      <c r="I35096" s="1"/>
    </row>
    <row r="35097" spans="1:9" x14ac:dyDescent="0.25">
      <c r="A35097" s="3">
        <v>41889.524756944447</v>
      </c>
      <c r="B35097" s="6">
        <v>584298.44999999995</v>
      </c>
      <c r="C35097" s="7">
        <f t="shared" si="548"/>
        <v>584.29845</v>
      </c>
      <c r="I35097" s="1"/>
    </row>
    <row r="35098" spans="1:9" x14ac:dyDescent="0.25">
      <c r="A35098" s="3">
        <v>41889.527083333334</v>
      </c>
      <c r="B35098" s="6">
        <v>584315.1</v>
      </c>
      <c r="C35098" s="7">
        <f t="shared" si="548"/>
        <v>584.31510000000003</v>
      </c>
      <c r="I35098" s="1"/>
    </row>
    <row r="35099" spans="1:9" x14ac:dyDescent="0.25">
      <c r="A35099" s="3">
        <v>41889.527233796296</v>
      </c>
      <c r="B35099" s="6">
        <v>584331.75</v>
      </c>
      <c r="C35099" s="7">
        <f t="shared" si="548"/>
        <v>584.33175000000006</v>
      </c>
      <c r="I35099" s="1"/>
    </row>
    <row r="35100" spans="1:9" x14ac:dyDescent="0.25">
      <c r="A35100" s="3">
        <v>41889.528229166666</v>
      </c>
      <c r="B35100" s="6">
        <v>584348.39999999991</v>
      </c>
      <c r="C35100" s="7">
        <f t="shared" si="548"/>
        <v>584.34839999999986</v>
      </c>
      <c r="I35100" s="1"/>
    </row>
    <row r="35101" spans="1:9" x14ac:dyDescent="0.25">
      <c r="A35101" s="3">
        <v>41889.528993055559</v>
      </c>
      <c r="B35101" s="6">
        <v>584365.04999999993</v>
      </c>
      <c r="C35101" s="7">
        <f t="shared" si="548"/>
        <v>584.36504999999988</v>
      </c>
      <c r="I35101" s="1"/>
    </row>
    <row r="35102" spans="1:9" x14ac:dyDescent="0.25">
      <c r="A35102" s="3">
        <v>41889.531817129631</v>
      </c>
      <c r="B35102" s="6">
        <v>584381.69999999995</v>
      </c>
      <c r="C35102" s="7">
        <f t="shared" si="548"/>
        <v>584.38169999999991</v>
      </c>
      <c r="I35102" s="1"/>
    </row>
    <row r="35103" spans="1:9" x14ac:dyDescent="0.25">
      <c r="A35103" s="3">
        <v>41889.531944444447</v>
      </c>
      <c r="B35103" s="6">
        <v>584398.35</v>
      </c>
      <c r="C35103" s="7">
        <f t="shared" si="548"/>
        <v>584.39834999999994</v>
      </c>
      <c r="I35103" s="1"/>
    </row>
    <row r="35104" spans="1:9" x14ac:dyDescent="0.25">
      <c r="A35104" s="3">
        <v>41889.534537037034</v>
      </c>
      <c r="B35104" s="6">
        <v>584415</v>
      </c>
      <c r="C35104" s="7">
        <f t="shared" si="548"/>
        <v>584.41499999999996</v>
      </c>
      <c r="I35104" s="1"/>
    </row>
    <row r="35105" spans="1:9" x14ac:dyDescent="0.25">
      <c r="A35105" s="3">
        <v>41889.53466435185</v>
      </c>
      <c r="B35105" s="6">
        <v>584431.64999999991</v>
      </c>
      <c r="C35105" s="7">
        <f t="shared" si="548"/>
        <v>584.43164999999988</v>
      </c>
      <c r="I35105" s="1"/>
    </row>
    <row r="35106" spans="1:9" x14ac:dyDescent="0.25">
      <c r="A35106" s="3">
        <v>41889.536851851852</v>
      </c>
      <c r="B35106" s="6">
        <v>584448.29999999993</v>
      </c>
      <c r="C35106" s="7">
        <f t="shared" si="548"/>
        <v>584.4482999999999</v>
      </c>
      <c r="I35106" s="1"/>
    </row>
    <row r="35107" spans="1:9" x14ac:dyDescent="0.25">
      <c r="A35107" s="3">
        <v>41889.536921296298</v>
      </c>
      <c r="B35107" s="6">
        <v>584464.94999999995</v>
      </c>
      <c r="C35107" s="7">
        <f t="shared" si="548"/>
        <v>584.46494999999993</v>
      </c>
      <c r="I35107" s="1"/>
    </row>
    <row r="35108" spans="1:9" x14ac:dyDescent="0.25">
      <c r="A35108" s="3">
        <v>41889.540127314816</v>
      </c>
      <c r="B35108" s="6">
        <v>584481.6</v>
      </c>
      <c r="C35108" s="7">
        <f t="shared" si="548"/>
        <v>584.48159999999996</v>
      </c>
      <c r="I35108" s="1"/>
    </row>
    <row r="35109" spans="1:9" x14ac:dyDescent="0.25">
      <c r="A35109" s="3">
        <v>41889.540277777778</v>
      </c>
      <c r="B35109" s="6">
        <v>584498.25</v>
      </c>
      <c r="C35109" s="7">
        <f t="shared" si="548"/>
        <v>584.49824999999998</v>
      </c>
      <c r="I35109" s="1"/>
    </row>
    <row r="35110" spans="1:9" x14ac:dyDescent="0.25">
      <c r="A35110" s="3">
        <v>41889.542604166665</v>
      </c>
      <c r="B35110" s="6">
        <v>584514.89999999991</v>
      </c>
      <c r="C35110" s="7">
        <f t="shared" si="548"/>
        <v>584.5148999999999</v>
      </c>
      <c r="I35110" s="1"/>
    </row>
    <row r="35111" spans="1:9" x14ac:dyDescent="0.25">
      <c r="A35111" s="3">
        <v>41889.542766203704</v>
      </c>
      <c r="B35111" s="6">
        <v>584531.54999999993</v>
      </c>
      <c r="C35111" s="7">
        <f t="shared" si="548"/>
        <v>584.53154999999992</v>
      </c>
      <c r="I35111" s="1"/>
    </row>
    <row r="35112" spans="1:9" x14ac:dyDescent="0.25">
      <c r="A35112" s="3">
        <v>41889.546574074076</v>
      </c>
      <c r="B35112" s="6">
        <v>584548.19999999995</v>
      </c>
      <c r="C35112" s="7">
        <f t="shared" si="548"/>
        <v>584.54819999999995</v>
      </c>
      <c r="I35112" s="1"/>
    </row>
    <row r="35113" spans="1:9" x14ac:dyDescent="0.25">
      <c r="A35113" s="3">
        <v>41889.546770833331</v>
      </c>
      <c r="B35113" s="6">
        <v>584564.85</v>
      </c>
      <c r="C35113" s="7">
        <f t="shared" si="548"/>
        <v>584.56484999999998</v>
      </c>
      <c r="I35113" s="1"/>
    </row>
    <row r="35114" spans="1:9" x14ac:dyDescent="0.25">
      <c r="A35114" s="3">
        <v>41889.54792824074</v>
      </c>
      <c r="B35114" s="6">
        <v>584581.5</v>
      </c>
      <c r="C35114" s="7">
        <f t="shared" si="548"/>
        <v>584.58150000000001</v>
      </c>
      <c r="I35114" s="1"/>
    </row>
    <row r="35115" spans="1:9" x14ac:dyDescent="0.25">
      <c r="A35115" s="3">
        <v>41889.548067129632</v>
      </c>
      <c r="B35115" s="6">
        <v>584598.14999999991</v>
      </c>
      <c r="C35115" s="7">
        <f t="shared" si="548"/>
        <v>584.59814999999992</v>
      </c>
      <c r="I35115" s="1"/>
    </row>
    <row r="35116" spans="1:9" x14ac:dyDescent="0.25">
      <c r="A35116" s="3">
        <v>41889.549537037034</v>
      </c>
      <c r="B35116" s="6">
        <v>584614.79999999993</v>
      </c>
      <c r="C35116" s="7">
        <f t="shared" si="548"/>
        <v>584.61479999999995</v>
      </c>
      <c r="I35116" s="1"/>
    </row>
    <row r="35117" spans="1:9" x14ac:dyDescent="0.25">
      <c r="A35117" s="3">
        <v>41889.549895833334</v>
      </c>
      <c r="B35117" s="6">
        <v>584631.44999999995</v>
      </c>
      <c r="C35117" s="7">
        <f t="shared" si="548"/>
        <v>584.63144999999997</v>
      </c>
      <c r="I35117" s="1"/>
    </row>
    <row r="35118" spans="1:9" x14ac:dyDescent="0.25">
      <c r="A35118" s="3">
        <v>41889.551874999997</v>
      </c>
      <c r="B35118" s="6">
        <v>584648.1</v>
      </c>
      <c r="C35118" s="7">
        <f t="shared" si="548"/>
        <v>584.6481</v>
      </c>
      <c r="I35118" s="1"/>
    </row>
    <row r="35119" spans="1:9" x14ac:dyDescent="0.25">
      <c r="A35119" s="3">
        <v>41889.552141203705</v>
      </c>
      <c r="B35119" s="6">
        <v>584664.75</v>
      </c>
      <c r="C35119" s="7">
        <f t="shared" si="548"/>
        <v>584.66475000000003</v>
      </c>
      <c r="I35119" s="1"/>
    </row>
    <row r="35120" spans="1:9" x14ac:dyDescent="0.25">
      <c r="A35120" s="3">
        <v>41889.557569444441</v>
      </c>
      <c r="B35120" s="6">
        <v>584681.39999999991</v>
      </c>
      <c r="C35120" s="7">
        <f t="shared" si="548"/>
        <v>584.68139999999994</v>
      </c>
      <c r="I35120" s="1"/>
    </row>
    <row r="35121" spans="1:9" x14ac:dyDescent="0.25">
      <c r="A35121" s="3">
        <v>41889.557881944442</v>
      </c>
      <c r="B35121" s="6">
        <v>584698.04999999993</v>
      </c>
      <c r="C35121" s="7">
        <f t="shared" si="548"/>
        <v>584.69804999999997</v>
      </c>
      <c r="I35121" s="1"/>
    </row>
    <row r="35122" spans="1:9" x14ac:dyDescent="0.25">
      <c r="A35122" s="3">
        <v>41889.561423611114</v>
      </c>
      <c r="B35122" s="6">
        <v>584714.69999999995</v>
      </c>
      <c r="C35122" s="7">
        <f t="shared" si="548"/>
        <v>584.71469999999999</v>
      </c>
      <c r="I35122" s="1"/>
    </row>
    <row r="35123" spans="1:9" x14ac:dyDescent="0.25">
      <c r="A35123" s="3">
        <v>41889.561539351853</v>
      </c>
      <c r="B35123" s="6">
        <v>584731.35</v>
      </c>
      <c r="C35123" s="7">
        <f t="shared" si="548"/>
        <v>584.73135000000002</v>
      </c>
      <c r="I35123" s="1"/>
    </row>
    <row r="35124" spans="1:9" x14ac:dyDescent="0.25">
      <c r="A35124" s="3">
        <v>41889.565439814818</v>
      </c>
      <c r="B35124" s="6">
        <v>584748</v>
      </c>
      <c r="C35124" s="7">
        <f t="shared" si="548"/>
        <v>584.74800000000005</v>
      </c>
      <c r="I35124" s="1"/>
    </row>
    <row r="35125" spans="1:9" x14ac:dyDescent="0.25">
      <c r="A35125" s="3">
        <v>41889.565810185188</v>
      </c>
      <c r="B35125" s="6">
        <v>584764.64999999991</v>
      </c>
      <c r="C35125" s="7">
        <f t="shared" si="548"/>
        <v>584.76464999999996</v>
      </c>
      <c r="I35125" s="1"/>
    </row>
    <row r="35126" spans="1:9" x14ac:dyDescent="0.25">
      <c r="A35126" s="3">
        <v>41889.568854166668</v>
      </c>
      <c r="B35126" s="6">
        <v>584781.29999999993</v>
      </c>
      <c r="C35126" s="7">
        <f t="shared" si="548"/>
        <v>584.78129999999987</v>
      </c>
      <c r="I35126" s="1"/>
    </row>
    <row r="35127" spans="1:9" x14ac:dyDescent="0.25">
      <c r="A35127" s="3">
        <v>41889.569432870368</v>
      </c>
      <c r="B35127" s="6">
        <v>584797.94999999995</v>
      </c>
      <c r="C35127" s="7">
        <f t="shared" si="548"/>
        <v>584.7979499999999</v>
      </c>
      <c r="I35127" s="1"/>
    </row>
    <row r="35128" spans="1:9" x14ac:dyDescent="0.25">
      <c r="A35128" s="3">
        <v>41889.57435185185</v>
      </c>
      <c r="B35128" s="6">
        <v>584814.6</v>
      </c>
      <c r="C35128" s="7">
        <f t="shared" si="548"/>
        <v>584.81459999999993</v>
      </c>
      <c r="I35128" s="1"/>
    </row>
    <row r="35129" spans="1:9" x14ac:dyDescent="0.25">
      <c r="A35129" s="3">
        <v>41889.574826388889</v>
      </c>
      <c r="B35129" s="6">
        <v>584831.25</v>
      </c>
      <c r="C35129" s="7">
        <f t="shared" si="548"/>
        <v>584.83124999999995</v>
      </c>
      <c r="I35129" s="1"/>
    </row>
    <row r="35130" spans="1:9" x14ac:dyDescent="0.25">
      <c r="A35130" s="3">
        <v>41889.580358796295</v>
      </c>
      <c r="B35130" s="6">
        <v>584847.89999999991</v>
      </c>
      <c r="C35130" s="7">
        <f t="shared" si="548"/>
        <v>584.84789999999987</v>
      </c>
      <c r="I35130" s="1"/>
    </row>
    <row r="35131" spans="1:9" x14ac:dyDescent="0.25">
      <c r="A35131" s="3">
        <v>41889.580451388887</v>
      </c>
      <c r="B35131" s="6">
        <v>584864.54999999993</v>
      </c>
      <c r="C35131" s="7">
        <f t="shared" si="548"/>
        <v>584.86454999999989</v>
      </c>
      <c r="I35131" s="1"/>
    </row>
    <row r="35132" spans="1:9" x14ac:dyDescent="0.25">
      <c r="A35132" s="3">
        <v>41889.581770833334</v>
      </c>
      <c r="B35132" s="6">
        <v>584881.19999999995</v>
      </c>
      <c r="C35132" s="7">
        <f t="shared" si="548"/>
        <v>584.88119999999992</v>
      </c>
      <c r="I35132" s="1"/>
    </row>
    <row r="35133" spans="1:9" x14ac:dyDescent="0.25">
      <c r="A35133" s="3">
        <v>41889.58189814815</v>
      </c>
      <c r="B35133" s="6">
        <v>584897.85</v>
      </c>
      <c r="C35133" s="7">
        <f t="shared" si="548"/>
        <v>584.89784999999995</v>
      </c>
      <c r="I35133" s="1"/>
    </row>
    <row r="35134" spans="1:9" x14ac:dyDescent="0.25">
      <c r="A35134" s="3">
        <v>41889.586180555554</v>
      </c>
      <c r="B35134" s="6">
        <v>584914.5</v>
      </c>
      <c r="C35134" s="7">
        <f t="shared" si="548"/>
        <v>584.91449999999998</v>
      </c>
      <c r="I35134" s="1"/>
    </row>
    <row r="35135" spans="1:9" x14ac:dyDescent="0.25">
      <c r="A35135" s="3">
        <v>41889.586388888885</v>
      </c>
      <c r="B35135" s="6">
        <v>584931.14999999991</v>
      </c>
      <c r="C35135" s="7">
        <f t="shared" si="548"/>
        <v>584.93114999999989</v>
      </c>
      <c r="I35135" s="1"/>
    </row>
    <row r="35136" spans="1:9" x14ac:dyDescent="0.25">
      <c r="A35136" s="3">
        <v>41889.58865740741</v>
      </c>
      <c r="B35136" s="6">
        <v>584947.79999999993</v>
      </c>
      <c r="C35136" s="7">
        <f t="shared" si="548"/>
        <v>584.94779999999992</v>
      </c>
      <c r="I35136" s="1"/>
    </row>
    <row r="35137" spans="1:9" x14ac:dyDescent="0.25">
      <c r="A35137" s="3">
        <v>41889.588750000003</v>
      </c>
      <c r="B35137" s="6">
        <v>584964.44999999995</v>
      </c>
      <c r="C35137" s="7">
        <f t="shared" si="548"/>
        <v>584.96444999999994</v>
      </c>
      <c r="I35137" s="1"/>
    </row>
    <row r="35138" spans="1:9" x14ac:dyDescent="0.25">
      <c r="A35138" s="3">
        <v>41889.593993055554</v>
      </c>
      <c r="B35138" s="6">
        <v>584981.1</v>
      </c>
      <c r="C35138" s="7">
        <f t="shared" si="548"/>
        <v>584.98109999999997</v>
      </c>
      <c r="I35138" s="1"/>
    </row>
    <row r="35139" spans="1:9" x14ac:dyDescent="0.25">
      <c r="A35139" s="3">
        <v>41889.594143518516</v>
      </c>
      <c r="B35139" s="6">
        <v>584997.75</v>
      </c>
      <c r="C35139" s="7">
        <f t="shared" ref="C35139:C35202" si="549">B35139/1000</f>
        <v>584.99775</v>
      </c>
      <c r="I35139" s="1"/>
    </row>
    <row r="35140" spans="1:9" x14ac:dyDescent="0.25">
      <c r="A35140" s="3">
        <v>41889.596631944441</v>
      </c>
      <c r="B35140" s="6">
        <v>585014.39999999991</v>
      </c>
      <c r="C35140" s="7">
        <f t="shared" si="549"/>
        <v>585.01439999999991</v>
      </c>
      <c r="I35140" s="1"/>
    </row>
    <row r="35141" spans="1:9" x14ac:dyDescent="0.25">
      <c r="A35141" s="3">
        <v>41889.596701388888</v>
      </c>
      <c r="B35141" s="6">
        <v>585031.04999999993</v>
      </c>
      <c r="C35141" s="7">
        <f t="shared" si="549"/>
        <v>585.03104999999994</v>
      </c>
      <c r="I35141" s="1"/>
    </row>
    <row r="35142" spans="1:9" x14ac:dyDescent="0.25">
      <c r="A35142" s="3">
        <v>41889.59920138889</v>
      </c>
      <c r="B35142" s="6">
        <v>585047.69999999995</v>
      </c>
      <c r="C35142" s="7">
        <f t="shared" si="549"/>
        <v>585.04769999999996</v>
      </c>
      <c r="I35142" s="1"/>
    </row>
    <row r="35143" spans="1:9" x14ac:dyDescent="0.25">
      <c r="A35143" s="3">
        <v>41889.599305555559</v>
      </c>
      <c r="B35143" s="6">
        <v>585064.35</v>
      </c>
      <c r="C35143" s="7">
        <f t="shared" si="549"/>
        <v>585.06434999999999</v>
      </c>
      <c r="I35143" s="1"/>
    </row>
    <row r="35144" spans="1:9" x14ac:dyDescent="0.25">
      <c r="A35144" s="3">
        <v>41889.600995370369</v>
      </c>
      <c r="B35144" s="6">
        <v>585081</v>
      </c>
      <c r="C35144" s="7">
        <f t="shared" si="549"/>
        <v>585.08100000000002</v>
      </c>
      <c r="I35144" s="1"/>
    </row>
    <row r="35145" spans="1:9" x14ac:dyDescent="0.25">
      <c r="A35145" s="3">
        <v>41889.601689814815</v>
      </c>
      <c r="B35145" s="6">
        <v>585097.64999999991</v>
      </c>
      <c r="C35145" s="7">
        <f t="shared" si="549"/>
        <v>585.09764999999993</v>
      </c>
      <c r="I35145" s="1"/>
    </row>
    <row r="35146" spans="1:9" x14ac:dyDescent="0.25">
      <c r="A35146" s="3">
        <v>41889.603564814817</v>
      </c>
      <c r="B35146" s="6">
        <v>585114.29999999993</v>
      </c>
      <c r="C35146" s="7">
        <f t="shared" si="549"/>
        <v>585.11429999999996</v>
      </c>
      <c r="I35146" s="1"/>
    </row>
    <row r="35147" spans="1:9" x14ac:dyDescent="0.25">
      <c r="A35147" s="3">
        <v>41889.603912037041</v>
      </c>
      <c r="B35147" s="6">
        <v>585130.94999999995</v>
      </c>
      <c r="C35147" s="7">
        <f t="shared" si="549"/>
        <v>585.13094999999998</v>
      </c>
      <c r="I35147" s="1"/>
    </row>
    <row r="35148" spans="1:9" x14ac:dyDescent="0.25">
      <c r="A35148" s="3">
        <v>41889.605717592596</v>
      </c>
      <c r="B35148" s="6">
        <v>585147.6</v>
      </c>
      <c r="C35148" s="7">
        <f t="shared" si="549"/>
        <v>585.14760000000001</v>
      </c>
      <c r="I35148" s="1"/>
    </row>
    <row r="35149" spans="1:9" x14ac:dyDescent="0.25">
      <c r="A35149" s="3">
        <v>41889.606180555558</v>
      </c>
      <c r="B35149" s="6">
        <v>585164.25</v>
      </c>
      <c r="C35149" s="7">
        <f t="shared" si="549"/>
        <v>585.16425000000004</v>
      </c>
      <c r="I35149" s="1"/>
    </row>
    <row r="35150" spans="1:9" x14ac:dyDescent="0.25">
      <c r="A35150" s="3">
        <v>41889.609803240739</v>
      </c>
      <c r="B35150" s="6">
        <v>585180.89999999991</v>
      </c>
      <c r="C35150" s="7">
        <f t="shared" si="549"/>
        <v>585.18089999999995</v>
      </c>
      <c r="I35150" s="1"/>
    </row>
    <row r="35151" spans="1:9" x14ac:dyDescent="0.25">
      <c r="A35151" s="3">
        <v>41889.610046296293</v>
      </c>
      <c r="B35151" s="6">
        <v>585197.54999999993</v>
      </c>
      <c r="C35151" s="7">
        <f t="shared" si="549"/>
        <v>585.19754999999998</v>
      </c>
      <c r="I35151" s="1"/>
    </row>
    <row r="35152" spans="1:9" x14ac:dyDescent="0.25">
      <c r="A35152" s="3">
        <v>41889.610520833332</v>
      </c>
      <c r="B35152" s="6">
        <v>585214.19999999995</v>
      </c>
      <c r="C35152" s="7">
        <f t="shared" si="549"/>
        <v>585.21420000000001</v>
      </c>
      <c r="I35152" s="1"/>
    </row>
    <row r="35153" spans="1:9" x14ac:dyDescent="0.25">
      <c r="A35153" s="3">
        <v>41889.610601851855</v>
      </c>
      <c r="B35153" s="6">
        <v>585230.85</v>
      </c>
      <c r="C35153" s="7">
        <f t="shared" si="549"/>
        <v>585.23085000000003</v>
      </c>
      <c r="I35153" s="1"/>
    </row>
    <row r="35154" spans="1:9" x14ac:dyDescent="0.25">
      <c r="A35154" s="3">
        <v>41889.611331018517</v>
      </c>
      <c r="B35154" s="6">
        <v>585247.5</v>
      </c>
      <c r="C35154" s="7">
        <f t="shared" si="549"/>
        <v>585.24749999999995</v>
      </c>
      <c r="I35154" s="1"/>
    </row>
    <row r="35155" spans="1:9" x14ac:dyDescent="0.25">
      <c r="A35155" s="3">
        <v>41889.611435185187</v>
      </c>
      <c r="B35155" s="6">
        <v>585264.14999999991</v>
      </c>
      <c r="C35155" s="7">
        <f t="shared" si="549"/>
        <v>585.26414999999986</v>
      </c>
      <c r="I35155" s="1"/>
    </row>
    <row r="35156" spans="1:9" x14ac:dyDescent="0.25">
      <c r="A35156" s="3">
        <v>41889.616597222222</v>
      </c>
      <c r="B35156" s="6">
        <v>585280.79999999993</v>
      </c>
      <c r="C35156" s="7">
        <f t="shared" si="549"/>
        <v>585.28079999999989</v>
      </c>
      <c r="I35156" s="1"/>
    </row>
    <row r="35157" spans="1:9" x14ac:dyDescent="0.25">
      <c r="A35157" s="3">
        <v>41889.616689814815</v>
      </c>
      <c r="B35157" s="6">
        <v>585297.44999999995</v>
      </c>
      <c r="C35157" s="7">
        <f t="shared" si="549"/>
        <v>585.29744999999991</v>
      </c>
      <c r="I35157" s="1"/>
    </row>
    <row r="35158" spans="1:9" x14ac:dyDescent="0.25">
      <c r="A35158" s="3">
        <v>41889.617662037039</v>
      </c>
      <c r="B35158" s="6">
        <v>585314.1</v>
      </c>
      <c r="C35158" s="7">
        <f t="shared" si="549"/>
        <v>585.31409999999994</v>
      </c>
      <c r="I35158" s="1"/>
    </row>
    <row r="35159" spans="1:9" x14ac:dyDescent="0.25">
      <c r="A35159" s="3">
        <v>41889.617719907408</v>
      </c>
      <c r="B35159" s="6">
        <v>585330.75</v>
      </c>
      <c r="C35159" s="7">
        <f t="shared" si="549"/>
        <v>585.33074999999997</v>
      </c>
      <c r="I35159" s="1"/>
    </row>
    <row r="35160" spans="1:9" x14ac:dyDescent="0.25">
      <c r="A35160" s="3">
        <v>41889.618622685186</v>
      </c>
      <c r="B35160" s="6">
        <v>585347.39999999991</v>
      </c>
      <c r="C35160" s="7">
        <f t="shared" si="549"/>
        <v>585.34739999999988</v>
      </c>
      <c r="I35160" s="1"/>
    </row>
    <row r="35161" spans="1:9" x14ac:dyDescent="0.25">
      <c r="A35161" s="3">
        <v>41889.618680555555</v>
      </c>
      <c r="B35161" s="6">
        <v>585364.04999999993</v>
      </c>
      <c r="C35161" s="7">
        <f t="shared" si="549"/>
        <v>585.36404999999991</v>
      </c>
      <c r="I35161" s="1"/>
    </row>
    <row r="35162" spans="1:9" x14ac:dyDescent="0.25">
      <c r="A35162" s="3">
        <v>41889.619131944448</v>
      </c>
      <c r="B35162" s="6">
        <v>585380.69999999995</v>
      </c>
      <c r="C35162" s="7">
        <f t="shared" si="549"/>
        <v>585.38069999999993</v>
      </c>
      <c r="I35162" s="1"/>
    </row>
    <row r="35163" spans="1:9" x14ac:dyDescent="0.25">
      <c r="A35163" s="3">
        <v>41889.619201388887</v>
      </c>
      <c r="B35163" s="6">
        <v>585397.35</v>
      </c>
      <c r="C35163" s="7">
        <f t="shared" si="549"/>
        <v>585.39734999999996</v>
      </c>
      <c r="I35163" s="1"/>
    </row>
    <row r="35164" spans="1:9" x14ac:dyDescent="0.25">
      <c r="A35164" s="3">
        <v>41889.620324074072</v>
      </c>
      <c r="B35164" s="6">
        <v>585414</v>
      </c>
      <c r="C35164" s="7">
        <f t="shared" si="549"/>
        <v>585.41399999999999</v>
      </c>
      <c r="I35164" s="1"/>
    </row>
    <row r="35165" spans="1:9" x14ac:dyDescent="0.25">
      <c r="A35165" s="3">
        <v>41889.620370370372</v>
      </c>
      <c r="B35165" s="6">
        <v>585430.64999999991</v>
      </c>
      <c r="C35165" s="7">
        <f t="shared" si="549"/>
        <v>585.4306499999999</v>
      </c>
      <c r="I35165" s="1"/>
    </row>
    <row r="35166" spans="1:9" x14ac:dyDescent="0.25">
      <c r="A35166" s="3">
        <v>41889.620752314811</v>
      </c>
      <c r="B35166" s="6">
        <v>585447.29999999993</v>
      </c>
      <c r="C35166" s="7">
        <f t="shared" si="549"/>
        <v>585.44729999999993</v>
      </c>
      <c r="I35166" s="1"/>
    </row>
    <row r="35167" spans="1:9" x14ac:dyDescent="0.25">
      <c r="A35167" s="3">
        <v>41889.620810185188</v>
      </c>
      <c r="B35167" s="6">
        <v>585463.94999999995</v>
      </c>
      <c r="C35167" s="7">
        <f t="shared" si="549"/>
        <v>585.46394999999995</v>
      </c>
      <c r="I35167" s="1"/>
    </row>
    <row r="35168" spans="1:9" x14ac:dyDescent="0.25">
      <c r="A35168" s="3">
        <v>41889.621446759258</v>
      </c>
      <c r="B35168" s="6">
        <v>585480.6</v>
      </c>
      <c r="C35168" s="7">
        <f t="shared" si="549"/>
        <v>585.48059999999998</v>
      </c>
      <c r="I35168" s="1"/>
    </row>
    <row r="35169" spans="1:9" x14ac:dyDescent="0.25">
      <c r="A35169" s="3">
        <v>41889.621516203704</v>
      </c>
      <c r="B35169" s="6">
        <v>585497.25</v>
      </c>
      <c r="C35169" s="7">
        <f t="shared" si="549"/>
        <v>585.49725000000001</v>
      </c>
      <c r="I35169" s="1"/>
    </row>
    <row r="35170" spans="1:9" x14ac:dyDescent="0.25">
      <c r="A35170" s="3">
        <v>41889.622384259259</v>
      </c>
      <c r="B35170" s="6">
        <v>585513.89999999991</v>
      </c>
      <c r="C35170" s="7">
        <f t="shared" si="549"/>
        <v>585.51389999999992</v>
      </c>
      <c r="I35170" s="1"/>
    </row>
    <row r="35171" spans="1:9" x14ac:dyDescent="0.25">
      <c r="A35171" s="3">
        <v>41889.622442129628</v>
      </c>
      <c r="B35171" s="6">
        <v>585530.54999999993</v>
      </c>
      <c r="C35171" s="7">
        <f t="shared" si="549"/>
        <v>585.53054999999995</v>
      </c>
      <c r="I35171" s="1"/>
    </row>
    <row r="35172" spans="1:9" x14ac:dyDescent="0.25">
      <c r="A35172" s="3">
        <v>41889.623263888891</v>
      </c>
      <c r="B35172" s="6">
        <v>585547.19999999995</v>
      </c>
      <c r="C35172" s="7">
        <f t="shared" si="549"/>
        <v>585.54719999999998</v>
      </c>
      <c r="I35172" s="1"/>
    </row>
    <row r="35173" spans="1:9" x14ac:dyDescent="0.25">
      <c r="A35173" s="3">
        <v>41889.623391203706</v>
      </c>
      <c r="B35173" s="6">
        <v>585563.85</v>
      </c>
      <c r="C35173" s="7">
        <f t="shared" si="549"/>
        <v>585.56385</v>
      </c>
      <c r="I35173" s="1"/>
    </row>
    <row r="35174" spans="1:9" x14ac:dyDescent="0.25">
      <c r="A35174" s="3">
        <v>41889.623784722222</v>
      </c>
      <c r="B35174" s="6">
        <v>585580.5</v>
      </c>
      <c r="C35174" s="7">
        <f t="shared" si="549"/>
        <v>585.58050000000003</v>
      </c>
      <c r="I35174" s="1"/>
    </row>
    <row r="35175" spans="1:9" x14ac:dyDescent="0.25">
      <c r="A35175" s="3">
        <v>41889.623831018522</v>
      </c>
      <c r="B35175" s="6">
        <v>585597.14999999991</v>
      </c>
      <c r="C35175" s="7">
        <f t="shared" si="549"/>
        <v>585.59714999999994</v>
      </c>
      <c r="I35175" s="1"/>
    </row>
    <row r="35176" spans="1:9" x14ac:dyDescent="0.25">
      <c r="A35176" s="3">
        <v>41889.624293981484</v>
      </c>
      <c r="B35176" s="6">
        <v>585613.79999999993</v>
      </c>
      <c r="C35176" s="7">
        <f t="shared" si="549"/>
        <v>585.61379999999997</v>
      </c>
      <c r="I35176" s="1"/>
    </row>
    <row r="35177" spans="1:9" x14ac:dyDescent="0.25">
      <c r="A35177" s="3">
        <v>41889.6247337963</v>
      </c>
      <c r="B35177" s="6">
        <v>585630.44999999995</v>
      </c>
      <c r="C35177" s="7">
        <f t="shared" si="549"/>
        <v>585.63045</v>
      </c>
      <c r="I35177" s="1"/>
    </row>
    <row r="35178" spans="1:9" x14ac:dyDescent="0.25">
      <c r="A35178" s="3">
        <v>41889.626863425925</v>
      </c>
      <c r="B35178" s="6">
        <v>585647.1</v>
      </c>
      <c r="C35178" s="7">
        <f t="shared" si="549"/>
        <v>585.64710000000002</v>
      </c>
      <c r="I35178" s="1"/>
    </row>
    <row r="35179" spans="1:9" x14ac:dyDescent="0.25">
      <c r="A35179" s="3">
        <v>41889.626932870371</v>
      </c>
      <c r="B35179" s="6">
        <v>585663.75</v>
      </c>
      <c r="C35179" s="7">
        <f t="shared" si="549"/>
        <v>585.66375000000005</v>
      </c>
      <c r="I35179" s="1"/>
    </row>
    <row r="35180" spans="1:9" x14ac:dyDescent="0.25">
      <c r="A35180" s="3">
        <v>41889.628009259257</v>
      </c>
      <c r="B35180" s="6">
        <v>585680.39999999991</v>
      </c>
      <c r="C35180" s="7">
        <f t="shared" si="549"/>
        <v>585.68039999999996</v>
      </c>
      <c r="I35180" s="1"/>
    </row>
    <row r="35181" spans="1:9" x14ac:dyDescent="0.25">
      <c r="A35181" s="3">
        <v>41889.62809027778</v>
      </c>
      <c r="B35181" s="6">
        <v>585697.04999999993</v>
      </c>
      <c r="C35181" s="7">
        <f t="shared" si="549"/>
        <v>585.69704999999988</v>
      </c>
      <c r="I35181" s="1"/>
    </row>
    <row r="35182" spans="1:9" x14ac:dyDescent="0.25">
      <c r="A35182" s="3">
        <v>41889.628981481481</v>
      </c>
      <c r="B35182" s="6">
        <v>585713.69999999995</v>
      </c>
      <c r="C35182" s="7">
        <f t="shared" si="549"/>
        <v>585.7136999999999</v>
      </c>
      <c r="I35182" s="1"/>
    </row>
    <row r="35183" spans="1:9" x14ac:dyDescent="0.25">
      <c r="A35183" s="3">
        <v>41889.629062499997</v>
      </c>
      <c r="B35183" s="6">
        <v>585730.35</v>
      </c>
      <c r="C35183" s="7">
        <f t="shared" si="549"/>
        <v>585.73034999999993</v>
      </c>
      <c r="I35183" s="1"/>
    </row>
    <row r="35184" spans="1:9" x14ac:dyDescent="0.25">
      <c r="A35184" s="3">
        <v>41889.629652777781</v>
      </c>
      <c r="B35184" s="6">
        <v>585747</v>
      </c>
      <c r="C35184" s="7">
        <f t="shared" si="549"/>
        <v>585.74699999999996</v>
      </c>
      <c r="I35184" s="1"/>
    </row>
    <row r="35185" spans="1:9" x14ac:dyDescent="0.25">
      <c r="A35185" s="3">
        <v>41889.629699074074</v>
      </c>
      <c r="B35185" s="6">
        <v>585763.64999999991</v>
      </c>
      <c r="C35185" s="7">
        <f t="shared" si="549"/>
        <v>585.76364999999987</v>
      </c>
      <c r="I35185" s="1"/>
    </row>
    <row r="35186" spans="1:9" x14ac:dyDescent="0.25">
      <c r="A35186" s="3">
        <v>41889.63071759259</v>
      </c>
      <c r="B35186" s="6">
        <v>585780.29999999993</v>
      </c>
      <c r="C35186" s="7">
        <f t="shared" si="549"/>
        <v>585.7802999999999</v>
      </c>
      <c r="I35186" s="1"/>
    </row>
    <row r="35187" spans="1:9" x14ac:dyDescent="0.25">
      <c r="A35187" s="3">
        <v>41889.630902777775</v>
      </c>
      <c r="B35187" s="6">
        <v>585796.94999999995</v>
      </c>
      <c r="C35187" s="7">
        <f t="shared" si="549"/>
        <v>585.79694999999992</v>
      </c>
      <c r="I35187" s="1"/>
    </row>
    <row r="35188" spans="1:9" x14ac:dyDescent="0.25">
      <c r="A35188" s="3">
        <v>41889.632210648146</v>
      </c>
      <c r="B35188" s="6">
        <v>585813.6</v>
      </c>
      <c r="C35188" s="7">
        <f t="shared" si="549"/>
        <v>585.81359999999995</v>
      </c>
      <c r="I35188" s="1"/>
    </row>
    <row r="35189" spans="1:9" x14ac:dyDescent="0.25">
      <c r="A35189" s="3">
        <v>41889.632256944446</v>
      </c>
      <c r="B35189" s="6">
        <v>585830.25</v>
      </c>
      <c r="C35189" s="7">
        <f t="shared" si="549"/>
        <v>585.83024999999998</v>
      </c>
      <c r="I35189" s="1"/>
    </row>
    <row r="35190" spans="1:9" x14ac:dyDescent="0.25">
      <c r="A35190" s="3">
        <v>41889.632928240739</v>
      </c>
      <c r="B35190" s="6">
        <v>585846.89999999991</v>
      </c>
      <c r="C35190" s="7">
        <f t="shared" si="549"/>
        <v>585.84689999999989</v>
      </c>
      <c r="I35190" s="1"/>
    </row>
    <row r="35191" spans="1:9" x14ac:dyDescent="0.25">
      <c r="A35191" s="3">
        <v>41889.632986111108</v>
      </c>
      <c r="B35191" s="6">
        <v>585863.54999999993</v>
      </c>
      <c r="C35191" s="7">
        <f t="shared" si="549"/>
        <v>585.86354999999992</v>
      </c>
      <c r="I35191" s="1"/>
    </row>
    <row r="35192" spans="1:9" x14ac:dyDescent="0.25">
      <c r="A35192" s="3">
        <v>41889.634456018517</v>
      </c>
      <c r="B35192" s="6">
        <v>585880.19999999995</v>
      </c>
      <c r="C35192" s="7">
        <f t="shared" si="549"/>
        <v>585.88019999999995</v>
      </c>
      <c r="I35192" s="1"/>
    </row>
    <row r="35193" spans="1:9" x14ac:dyDescent="0.25">
      <c r="A35193" s="3">
        <v>41889.634571759256</v>
      </c>
      <c r="B35193" s="6">
        <v>585896.85</v>
      </c>
      <c r="C35193" s="7">
        <f t="shared" si="549"/>
        <v>585.89684999999997</v>
      </c>
      <c r="I35193" s="1"/>
    </row>
    <row r="35194" spans="1:9" x14ac:dyDescent="0.25">
      <c r="A35194" s="3">
        <v>41889.635081018518</v>
      </c>
      <c r="B35194" s="6">
        <v>585913.5</v>
      </c>
      <c r="C35194" s="7">
        <f t="shared" si="549"/>
        <v>585.9135</v>
      </c>
      <c r="I35194" s="1"/>
    </row>
    <row r="35195" spans="1:9" x14ac:dyDescent="0.25">
      <c r="A35195" s="3">
        <v>41889.63521990741</v>
      </c>
      <c r="B35195" s="6">
        <v>585930.14999999991</v>
      </c>
      <c r="C35195" s="7">
        <f t="shared" si="549"/>
        <v>585.93014999999991</v>
      </c>
      <c r="I35195" s="1"/>
    </row>
    <row r="35196" spans="1:9" x14ac:dyDescent="0.25">
      <c r="A35196" s="3">
        <v>41889.635960648149</v>
      </c>
      <c r="B35196" s="6">
        <v>585946.79999999993</v>
      </c>
      <c r="C35196" s="7">
        <f t="shared" si="549"/>
        <v>585.94679999999994</v>
      </c>
      <c r="I35196" s="1"/>
    </row>
    <row r="35197" spans="1:9" x14ac:dyDescent="0.25">
      <c r="A35197" s="3">
        <v>41889.636006944442</v>
      </c>
      <c r="B35197" s="6">
        <v>585963.44999999995</v>
      </c>
      <c r="C35197" s="7">
        <f t="shared" si="549"/>
        <v>585.96344999999997</v>
      </c>
      <c r="I35197" s="1"/>
    </row>
    <row r="35198" spans="1:9" x14ac:dyDescent="0.25">
      <c r="A35198" s="3">
        <v>41889.63658564815</v>
      </c>
      <c r="B35198" s="6">
        <v>585980.1</v>
      </c>
      <c r="C35198" s="7">
        <f t="shared" si="549"/>
        <v>585.98009999999999</v>
      </c>
      <c r="I35198" s="1"/>
    </row>
    <row r="35199" spans="1:9" x14ac:dyDescent="0.25">
      <c r="A35199" s="3">
        <v>41889.636712962965</v>
      </c>
      <c r="B35199" s="6">
        <v>585996.75</v>
      </c>
      <c r="C35199" s="7">
        <f t="shared" si="549"/>
        <v>585.99675000000002</v>
      </c>
      <c r="I35199" s="1"/>
    </row>
    <row r="35200" spans="1:9" x14ac:dyDescent="0.25">
      <c r="A35200" s="3">
        <v>41889.639108796298</v>
      </c>
      <c r="B35200" s="6">
        <v>586013.39999999991</v>
      </c>
      <c r="C35200" s="7">
        <f t="shared" si="549"/>
        <v>586.01339999999993</v>
      </c>
      <c r="I35200" s="1"/>
    </row>
    <row r="35201" spans="1:9" x14ac:dyDescent="0.25">
      <c r="A35201" s="3">
        <v>41889.639166666668</v>
      </c>
      <c r="B35201" s="6">
        <v>586030.04999999993</v>
      </c>
      <c r="C35201" s="7">
        <f t="shared" si="549"/>
        <v>586.03004999999996</v>
      </c>
      <c r="I35201" s="1"/>
    </row>
    <row r="35202" spans="1:9" x14ac:dyDescent="0.25">
      <c r="A35202" s="3">
        <v>41889.641226851854</v>
      </c>
      <c r="B35202" s="6">
        <v>586046.69999999995</v>
      </c>
      <c r="C35202" s="7">
        <f t="shared" si="549"/>
        <v>586.04669999999999</v>
      </c>
      <c r="I35202" s="1"/>
    </row>
    <row r="35203" spans="1:9" x14ac:dyDescent="0.25">
      <c r="A35203" s="3">
        <v>41889.641527777778</v>
      </c>
      <c r="B35203" s="6">
        <v>586063.35</v>
      </c>
      <c r="C35203" s="7">
        <f t="shared" ref="C35203:C35266" si="550">B35203/1000</f>
        <v>586.06335000000001</v>
      </c>
      <c r="I35203" s="1"/>
    </row>
    <row r="35204" spans="1:9" x14ac:dyDescent="0.25">
      <c r="A35204" s="3">
        <v>41889.643009259256</v>
      </c>
      <c r="B35204" s="6">
        <v>586080</v>
      </c>
      <c r="C35204" s="7">
        <f t="shared" si="550"/>
        <v>586.08000000000004</v>
      </c>
      <c r="I35204" s="1"/>
    </row>
    <row r="35205" spans="1:9" x14ac:dyDescent="0.25">
      <c r="A35205" s="3">
        <v>41889.643067129633</v>
      </c>
      <c r="B35205" s="6">
        <v>586096.64999999991</v>
      </c>
      <c r="C35205" s="7">
        <f t="shared" si="550"/>
        <v>586.09664999999995</v>
      </c>
      <c r="I35205" s="1"/>
    </row>
    <row r="35206" spans="1:9" x14ac:dyDescent="0.25">
      <c r="A35206" s="3">
        <v>41889.644953703704</v>
      </c>
      <c r="B35206" s="6">
        <v>586113.29999999993</v>
      </c>
      <c r="C35206" s="7">
        <f t="shared" si="550"/>
        <v>586.11329999999998</v>
      </c>
      <c r="I35206" s="1"/>
    </row>
    <row r="35207" spans="1:9" x14ac:dyDescent="0.25">
      <c r="A35207" s="3">
        <v>41889.64502314815</v>
      </c>
      <c r="B35207" s="6">
        <v>586129.94999999995</v>
      </c>
      <c r="C35207" s="7">
        <f t="shared" si="550"/>
        <v>586.12995000000001</v>
      </c>
      <c r="I35207" s="1"/>
    </row>
    <row r="35208" spans="1:9" x14ac:dyDescent="0.25">
      <c r="A35208" s="3">
        <v>41889.64570601852</v>
      </c>
      <c r="B35208" s="6">
        <v>586146.6</v>
      </c>
      <c r="C35208" s="7">
        <f t="shared" si="550"/>
        <v>586.14659999999992</v>
      </c>
      <c r="I35208" s="1"/>
    </row>
    <row r="35209" spans="1:9" x14ac:dyDescent="0.25">
      <c r="A35209" s="3">
        <v>41889.645821759259</v>
      </c>
      <c r="B35209" s="6">
        <v>586163.25</v>
      </c>
      <c r="C35209" s="7">
        <f t="shared" si="550"/>
        <v>586.16324999999995</v>
      </c>
      <c r="I35209" s="1"/>
    </row>
    <row r="35210" spans="1:9" x14ac:dyDescent="0.25">
      <c r="A35210" s="3">
        <v>41889.648275462961</v>
      </c>
      <c r="B35210" s="6">
        <v>586179.89999999991</v>
      </c>
      <c r="C35210" s="7">
        <f t="shared" si="550"/>
        <v>586.17989999999986</v>
      </c>
      <c r="I35210" s="1"/>
    </row>
    <row r="35211" spans="1:9" x14ac:dyDescent="0.25">
      <c r="A35211" s="3">
        <v>41889.648425925923</v>
      </c>
      <c r="B35211" s="6">
        <v>586196.54999999993</v>
      </c>
      <c r="C35211" s="7">
        <f t="shared" si="550"/>
        <v>586.19654999999989</v>
      </c>
      <c r="I35211" s="1"/>
    </row>
    <row r="35212" spans="1:9" x14ac:dyDescent="0.25">
      <c r="A35212" s="3">
        <v>41889.651342592595</v>
      </c>
      <c r="B35212" s="6">
        <v>586213.19999999995</v>
      </c>
      <c r="C35212" s="7">
        <f t="shared" si="550"/>
        <v>586.21319999999992</v>
      </c>
      <c r="I35212" s="1"/>
    </row>
    <row r="35213" spans="1:9" x14ac:dyDescent="0.25">
      <c r="A35213" s="3">
        <v>41889.65152777778</v>
      </c>
      <c r="B35213" s="6">
        <v>586229.85</v>
      </c>
      <c r="C35213" s="7">
        <f t="shared" si="550"/>
        <v>586.22984999999994</v>
      </c>
      <c r="I35213" s="1"/>
    </row>
    <row r="35214" spans="1:9" x14ac:dyDescent="0.25">
      <c r="A35214" s="3">
        <v>41889.652685185189</v>
      </c>
      <c r="B35214" s="6">
        <v>586246.5</v>
      </c>
      <c r="C35214" s="7">
        <f t="shared" si="550"/>
        <v>586.24649999999997</v>
      </c>
      <c r="I35214" s="1"/>
    </row>
    <row r="35215" spans="1:9" x14ac:dyDescent="0.25">
      <c r="A35215" s="3">
        <v>41889.653344907405</v>
      </c>
      <c r="B35215" s="6">
        <v>586263.14999999991</v>
      </c>
      <c r="C35215" s="7">
        <f t="shared" si="550"/>
        <v>586.26314999999988</v>
      </c>
      <c r="I35215" s="1"/>
    </row>
    <row r="35216" spans="1:9" x14ac:dyDescent="0.25">
      <c r="A35216" s="3">
        <v>41889.654918981483</v>
      </c>
      <c r="B35216" s="6">
        <v>586279.79999999993</v>
      </c>
      <c r="C35216" s="7">
        <f t="shared" si="550"/>
        <v>586.27979999999991</v>
      </c>
      <c r="I35216" s="1"/>
    </row>
    <row r="35217" spans="1:9" x14ac:dyDescent="0.25">
      <c r="A35217" s="3">
        <v>41889.654976851853</v>
      </c>
      <c r="B35217" s="6">
        <v>586296.44999999995</v>
      </c>
      <c r="C35217" s="7">
        <f t="shared" si="550"/>
        <v>586.29644999999994</v>
      </c>
      <c r="I35217" s="1"/>
    </row>
    <row r="35218" spans="1:9" x14ac:dyDescent="0.25">
      <c r="A35218" s="3">
        <v>41889.655925925923</v>
      </c>
      <c r="B35218" s="6">
        <v>586313.1</v>
      </c>
      <c r="C35218" s="7">
        <f t="shared" si="550"/>
        <v>586.31309999999996</v>
      </c>
      <c r="I35218" s="1"/>
    </row>
    <row r="35219" spans="1:9" x14ac:dyDescent="0.25">
      <c r="A35219" s="3">
        <v>41889.656018518515</v>
      </c>
      <c r="B35219" s="6">
        <v>586329.75</v>
      </c>
      <c r="C35219" s="7">
        <f t="shared" si="550"/>
        <v>586.32974999999999</v>
      </c>
      <c r="I35219" s="1"/>
    </row>
    <row r="35220" spans="1:9" x14ac:dyDescent="0.25">
      <c r="A35220" s="3">
        <v>41889.657268518517</v>
      </c>
      <c r="B35220" s="6">
        <v>586346.39999999991</v>
      </c>
      <c r="C35220" s="7">
        <f t="shared" si="550"/>
        <v>586.3463999999999</v>
      </c>
      <c r="I35220" s="1"/>
    </row>
    <row r="35221" spans="1:9" x14ac:dyDescent="0.25">
      <c r="A35221" s="3">
        <v>41889.657418981478</v>
      </c>
      <c r="B35221" s="6">
        <v>586363.04999999993</v>
      </c>
      <c r="C35221" s="7">
        <f t="shared" si="550"/>
        <v>586.36304999999993</v>
      </c>
      <c r="I35221" s="1"/>
    </row>
    <row r="35222" spans="1:9" x14ac:dyDescent="0.25">
      <c r="A35222" s="3">
        <v>41889.658217592594</v>
      </c>
      <c r="B35222" s="6">
        <v>586379.69999999995</v>
      </c>
      <c r="C35222" s="7">
        <f t="shared" si="550"/>
        <v>586.37969999999996</v>
      </c>
      <c r="I35222" s="1"/>
    </row>
    <row r="35223" spans="1:9" x14ac:dyDescent="0.25">
      <c r="A35223" s="3">
        <v>41889.658449074072</v>
      </c>
      <c r="B35223" s="6">
        <v>586396.35</v>
      </c>
      <c r="C35223" s="7">
        <f t="shared" si="550"/>
        <v>586.39634999999998</v>
      </c>
      <c r="I35223" s="1"/>
    </row>
    <row r="35224" spans="1:9" x14ac:dyDescent="0.25">
      <c r="A35224" s="3">
        <v>41889.659166666665</v>
      </c>
      <c r="B35224" s="6">
        <v>586413</v>
      </c>
      <c r="C35224" s="7">
        <f t="shared" si="550"/>
        <v>586.41300000000001</v>
      </c>
      <c r="I35224" s="1"/>
    </row>
    <row r="35225" spans="1:9" x14ac:dyDescent="0.25">
      <c r="A35225" s="3">
        <v>41889.659247685187</v>
      </c>
      <c r="B35225" s="6">
        <v>586429.64999999991</v>
      </c>
      <c r="C35225" s="7">
        <f t="shared" si="550"/>
        <v>586.42964999999992</v>
      </c>
      <c r="I35225" s="1"/>
    </row>
    <row r="35226" spans="1:9" x14ac:dyDescent="0.25">
      <c r="A35226" s="3">
        <v>41889.662245370368</v>
      </c>
      <c r="B35226" s="6">
        <v>586446.29999999993</v>
      </c>
      <c r="C35226" s="7">
        <f t="shared" si="550"/>
        <v>586.44629999999995</v>
      </c>
      <c r="I35226" s="1"/>
    </row>
    <row r="35227" spans="1:9" x14ac:dyDescent="0.25">
      <c r="A35227" s="3">
        <v>41889.662303240744</v>
      </c>
      <c r="B35227" s="6">
        <v>586462.94999999995</v>
      </c>
      <c r="C35227" s="7">
        <f t="shared" si="550"/>
        <v>586.46294999999998</v>
      </c>
      <c r="I35227" s="1"/>
    </row>
    <row r="35228" spans="1:9" x14ac:dyDescent="0.25">
      <c r="A35228" s="3">
        <v>41889.664155092592</v>
      </c>
      <c r="B35228" s="6">
        <v>586479.6</v>
      </c>
      <c r="C35228" s="7">
        <f t="shared" si="550"/>
        <v>586.4796</v>
      </c>
      <c r="I35228" s="1"/>
    </row>
    <row r="35229" spans="1:9" x14ac:dyDescent="0.25">
      <c r="A35229" s="3">
        <v>41889.664282407408</v>
      </c>
      <c r="B35229" s="6">
        <v>586496.25</v>
      </c>
      <c r="C35229" s="7">
        <f t="shared" si="550"/>
        <v>586.49625000000003</v>
      </c>
      <c r="I35229" s="1"/>
    </row>
    <row r="35230" spans="1:9" x14ac:dyDescent="0.25">
      <c r="A35230" s="3">
        <v>41889.677118055559</v>
      </c>
      <c r="B35230" s="6">
        <v>586512.89999999991</v>
      </c>
      <c r="C35230" s="7">
        <f t="shared" si="550"/>
        <v>586.51289999999995</v>
      </c>
      <c r="I35230" s="1"/>
    </row>
    <row r="35231" spans="1:9" x14ac:dyDescent="0.25">
      <c r="A35231" s="3">
        <v>41889.677314814813</v>
      </c>
      <c r="B35231" s="6">
        <v>586529.54999999993</v>
      </c>
      <c r="C35231" s="7">
        <f t="shared" si="550"/>
        <v>586.52954999999997</v>
      </c>
      <c r="I35231" s="1"/>
    </row>
    <row r="35232" spans="1:9" x14ac:dyDescent="0.25">
      <c r="A35232" s="3">
        <v>41889.687789351854</v>
      </c>
      <c r="B35232" s="6">
        <v>586546.19999999995</v>
      </c>
      <c r="C35232" s="7">
        <f t="shared" si="550"/>
        <v>586.5462</v>
      </c>
      <c r="I35232" s="1"/>
    </row>
    <row r="35233" spans="1:9" x14ac:dyDescent="0.25">
      <c r="A35233" s="3">
        <v>41889.687893518516</v>
      </c>
      <c r="B35233" s="6">
        <v>586562.85</v>
      </c>
      <c r="C35233" s="7">
        <f t="shared" si="550"/>
        <v>586.56285000000003</v>
      </c>
      <c r="I35233" s="1"/>
    </row>
    <row r="35234" spans="1:9" x14ac:dyDescent="0.25">
      <c r="A35234" s="3">
        <v>41889.690960648149</v>
      </c>
      <c r="B35234" s="6">
        <v>586579.5</v>
      </c>
      <c r="C35234" s="7">
        <f t="shared" si="550"/>
        <v>586.57950000000005</v>
      </c>
      <c r="I35234" s="1"/>
    </row>
    <row r="35235" spans="1:9" x14ac:dyDescent="0.25">
      <c r="A35235" s="3">
        <v>41889.693865740737</v>
      </c>
      <c r="B35235" s="6">
        <v>586596.14999999991</v>
      </c>
      <c r="C35235" s="7">
        <f t="shared" si="550"/>
        <v>586.59614999999985</v>
      </c>
      <c r="I35235" s="1"/>
    </row>
    <row r="35236" spans="1:9" x14ac:dyDescent="0.25">
      <c r="A35236" s="3">
        <v>41889.706689814811</v>
      </c>
      <c r="B35236" s="6">
        <v>586612.79999999993</v>
      </c>
      <c r="C35236" s="7">
        <f t="shared" si="550"/>
        <v>586.61279999999988</v>
      </c>
      <c r="I35236" s="1"/>
    </row>
    <row r="35237" spans="1:9" x14ac:dyDescent="0.25">
      <c r="A35237" s="3">
        <v>41889.706805555557</v>
      </c>
      <c r="B35237" s="6">
        <v>586629.44999999995</v>
      </c>
      <c r="C35237" s="7">
        <f t="shared" si="550"/>
        <v>586.62944999999991</v>
      </c>
      <c r="I35237" s="1"/>
    </row>
    <row r="35238" spans="1:9" x14ac:dyDescent="0.25">
      <c r="A35238" s="3">
        <v>41889.710219907407</v>
      </c>
      <c r="B35238" s="6">
        <v>586646.1</v>
      </c>
      <c r="C35238" s="7">
        <f t="shared" si="550"/>
        <v>586.64609999999993</v>
      </c>
      <c r="I35238" s="1"/>
    </row>
    <row r="35239" spans="1:9" x14ac:dyDescent="0.25">
      <c r="A35239" s="3">
        <v>41889.710335648146</v>
      </c>
      <c r="B35239" s="6">
        <v>586662.75</v>
      </c>
      <c r="C35239" s="7">
        <f t="shared" si="550"/>
        <v>586.66274999999996</v>
      </c>
      <c r="I35239" s="1"/>
    </row>
    <row r="35240" spans="1:9" x14ac:dyDescent="0.25">
      <c r="A35240" s="3">
        <v>41889.712048611109</v>
      </c>
      <c r="B35240" s="6">
        <v>586679.39999999991</v>
      </c>
      <c r="C35240" s="7">
        <f t="shared" si="550"/>
        <v>586.67939999999987</v>
      </c>
      <c r="I35240" s="1"/>
    </row>
    <row r="35241" spans="1:9" x14ac:dyDescent="0.25">
      <c r="A35241" s="3">
        <v>41889.712233796294</v>
      </c>
      <c r="B35241" s="6">
        <v>586696.04999999993</v>
      </c>
      <c r="C35241" s="7">
        <f t="shared" si="550"/>
        <v>586.6960499999999</v>
      </c>
      <c r="I35241" s="1"/>
    </row>
    <row r="35242" spans="1:9" x14ac:dyDescent="0.25">
      <c r="A35242" s="3">
        <v>41889.714560185188</v>
      </c>
      <c r="B35242" s="6">
        <v>586712.69999999995</v>
      </c>
      <c r="C35242" s="7">
        <f t="shared" si="550"/>
        <v>586.71269999999993</v>
      </c>
      <c r="I35242" s="1"/>
    </row>
    <row r="35243" spans="1:9" x14ac:dyDescent="0.25">
      <c r="A35243" s="3">
        <v>41889.714756944442</v>
      </c>
      <c r="B35243" s="6">
        <v>586729.35</v>
      </c>
      <c r="C35243" s="7">
        <f t="shared" si="550"/>
        <v>586.72934999999995</v>
      </c>
      <c r="I35243" s="1"/>
    </row>
    <row r="35244" spans="1:9" x14ac:dyDescent="0.25">
      <c r="A35244" s="3">
        <v>41889.717210648145</v>
      </c>
      <c r="B35244" s="6">
        <v>586746</v>
      </c>
      <c r="C35244" s="7">
        <f t="shared" si="550"/>
        <v>586.74599999999998</v>
      </c>
      <c r="I35244" s="1"/>
    </row>
    <row r="35245" spans="1:9" x14ac:dyDescent="0.25">
      <c r="A35245" s="3">
        <v>41889.719930555555</v>
      </c>
      <c r="B35245" s="6">
        <v>586762.64999999991</v>
      </c>
      <c r="C35245" s="7">
        <f t="shared" si="550"/>
        <v>586.76264999999989</v>
      </c>
      <c r="I35245" s="1"/>
    </row>
    <row r="35246" spans="1:9" x14ac:dyDescent="0.25">
      <c r="A35246" s="3">
        <v>41889.724016203705</v>
      </c>
      <c r="B35246" s="6">
        <v>586779.29999999993</v>
      </c>
      <c r="C35246" s="7">
        <f t="shared" si="550"/>
        <v>586.77929999999992</v>
      </c>
      <c r="I35246" s="1"/>
    </row>
    <row r="35247" spans="1:9" x14ac:dyDescent="0.25">
      <c r="A35247" s="3">
        <v>41889.72415509259</v>
      </c>
      <c r="B35247" s="6">
        <v>586795.94999999995</v>
      </c>
      <c r="C35247" s="7">
        <f t="shared" si="550"/>
        <v>586.79594999999995</v>
      </c>
      <c r="I35247" s="1"/>
    </row>
    <row r="35248" spans="1:9" x14ac:dyDescent="0.25">
      <c r="A35248" s="3">
        <v>41889.733298611114</v>
      </c>
      <c r="B35248" s="6">
        <v>586812.6</v>
      </c>
      <c r="C35248" s="7">
        <f t="shared" si="550"/>
        <v>586.81259999999997</v>
      </c>
      <c r="I35248" s="1"/>
    </row>
    <row r="35249" spans="1:9" x14ac:dyDescent="0.25">
      <c r="A35249" s="3">
        <v>41889.733900462961</v>
      </c>
      <c r="B35249" s="6">
        <v>586829.25</v>
      </c>
      <c r="C35249" s="7">
        <f t="shared" si="550"/>
        <v>586.82925</v>
      </c>
      <c r="I35249" s="1"/>
    </row>
    <row r="35250" spans="1:9" x14ac:dyDescent="0.25">
      <c r="A35250" s="3">
        <v>41889.738356481481</v>
      </c>
      <c r="B35250" s="6">
        <v>586845.89999999991</v>
      </c>
      <c r="C35250" s="7">
        <f t="shared" si="550"/>
        <v>586.84589999999992</v>
      </c>
      <c r="I35250" s="1"/>
    </row>
    <row r="35251" spans="1:9" x14ac:dyDescent="0.25">
      <c r="A35251" s="3">
        <v>41889.738449074073</v>
      </c>
      <c r="B35251" s="6">
        <v>586862.54999999993</v>
      </c>
      <c r="C35251" s="7">
        <f t="shared" si="550"/>
        <v>586.86254999999994</v>
      </c>
      <c r="I35251" s="1"/>
    </row>
    <row r="35252" spans="1:9" x14ac:dyDescent="0.25">
      <c r="A35252" s="3">
        <v>41889.741979166669</v>
      </c>
      <c r="B35252" s="6">
        <v>586879.19999999995</v>
      </c>
      <c r="C35252" s="7">
        <f t="shared" si="550"/>
        <v>586.87919999999997</v>
      </c>
      <c r="I35252" s="1"/>
    </row>
    <row r="35253" spans="1:9" x14ac:dyDescent="0.25">
      <c r="A35253" s="3">
        <v>41889.7421412037</v>
      </c>
      <c r="B35253" s="6">
        <v>586895.85</v>
      </c>
      <c r="C35253" s="7">
        <f t="shared" si="550"/>
        <v>586.89585</v>
      </c>
      <c r="I35253" s="1"/>
    </row>
    <row r="35254" spans="1:9" x14ac:dyDescent="0.25">
      <c r="A35254" s="3">
        <v>41889.745081018518</v>
      </c>
      <c r="B35254" s="6">
        <v>586912.5</v>
      </c>
      <c r="C35254" s="7">
        <f t="shared" si="550"/>
        <v>586.91250000000002</v>
      </c>
      <c r="I35254" s="1"/>
    </row>
    <row r="35255" spans="1:9" x14ac:dyDescent="0.25">
      <c r="A35255" s="3">
        <v>41889.746157407404</v>
      </c>
      <c r="B35255" s="6">
        <v>586929.14999999991</v>
      </c>
      <c r="C35255" s="7">
        <f t="shared" si="550"/>
        <v>586.92914999999994</v>
      </c>
      <c r="I35255" s="1"/>
    </row>
    <row r="35256" spans="1:9" x14ac:dyDescent="0.25">
      <c r="A35256" s="3">
        <v>41889.74795138889</v>
      </c>
      <c r="B35256" s="6">
        <v>586945.79999999993</v>
      </c>
      <c r="C35256" s="7">
        <f t="shared" si="550"/>
        <v>586.94579999999996</v>
      </c>
      <c r="I35256" s="1"/>
    </row>
    <row r="35257" spans="1:9" x14ac:dyDescent="0.25">
      <c r="A35257" s="3">
        <v>41889.748090277775</v>
      </c>
      <c r="B35257" s="6">
        <v>586962.44999999995</v>
      </c>
      <c r="C35257" s="7">
        <f t="shared" si="550"/>
        <v>586.96244999999999</v>
      </c>
      <c r="I35257" s="1"/>
    </row>
    <row r="35258" spans="1:9" x14ac:dyDescent="0.25">
      <c r="A35258" s="3">
        <v>41889.751446759263</v>
      </c>
      <c r="B35258" s="6">
        <v>586979.1</v>
      </c>
      <c r="C35258" s="7">
        <f t="shared" si="550"/>
        <v>586.97910000000002</v>
      </c>
      <c r="I35258" s="1"/>
    </row>
    <row r="35259" spans="1:9" x14ac:dyDescent="0.25">
      <c r="A35259" s="3">
        <v>41889.752141203702</v>
      </c>
      <c r="B35259" s="6">
        <v>586995.75</v>
      </c>
      <c r="C35259" s="7">
        <f t="shared" si="550"/>
        <v>586.99575000000004</v>
      </c>
      <c r="I35259" s="1"/>
    </row>
    <row r="35260" spans="1:9" x14ac:dyDescent="0.25">
      <c r="A35260" s="3">
        <v>41889.754918981482</v>
      </c>
      <c r="B35260" s="6">
        <v>587012.39999999991</v>
      </c>
      <c r="C35260" s="7">
        <f t="shared" si="550"/>
        <v>587.01239999999996</v>
      </c>
      <c r="I35260" s="1"/>
    </row>
    <row r="35261" spans="1:9" x14ac:dyDescent="0.25">
      <c r="A35261" s="3">
        <v>41889.755300925928</v>
      </c>
      <c r="B35261" s="6">
        <v>587029.04999999993</v>
      </c>
      <c r="C35261" s="7">
        <f t="shared" si="550"/>
        <v>587.02904999999998</v>
      </c>
      <c r="I35261" s="1"/>
    </row>
    <row r="35262" spans="1:9" x14ac:dyDescent="0.25">
      <c r="A35262" s="3">
        <v>41889.757233796299</v>
      </c>
      <c r="B35262" s="6">
        <v>587045.69999999995</v>
      </c>
      <c r="C35262" s="7">
        <f t="shared" si="550"/>
        <v>587.0456999999999</v>
      </c>
      <c r="I35262" s="1"/>
    </row>
    <row r="35263" spans="1:9" x14ac:dyDescent="0.25">
      <c r="A35263" s="3">
        <v>41889.762488425928</v>
      </c>
      <c r="B35263" s="6">
        <v>587062.35</v>
      </c>
      <c r="C35263" s="7">
        <f t="shared" si="550"/>
        <v>587.06234999999992</v>
      </c>
      <c r="I35263" s="1"/>
    </row>
    <row r="35264" spans="1:9" x14ac:dyDescent="0.25">
      <c r="A35264" s="3">
        <v>41889.763460648152</v>
      </c>
      <c r="B35264" s="6">
        <v>587079</v>
      </c>
      <c r="C35264" s="7">
        <f t="shared" si="550"/>
        <v>587.07899999999995</v>
      </c>
      <c r="I35264" s="1"/>
    </row>
    <row r="35265" spans="1:9" x14ac:dyDescent="0.25">
      <c r="A35265" s="3">
        <v>41889.763564814813</v>
      </c>
      <c r="B35265" s="6">
        <v>587095.64999999991</v>
      </c>
      <c r="C35265" s="7">
        <f t="shared" si="550"/>
        <v>587.09564999999986</v>
      </c>
      <c r="I35265" s="1"/>
    </row>
    <row r="35266" spans="1:9" x14ac:dyDescent="0.25">
      <c r="A35266" s="3">
        <v>41889.764513888891</v>
      </c>
      <c r="B35266" s="6">
        <v>587112.29999999993</v>
      </c>
      <c r="C35266" s="7">
        <f t="shared" si="550"/>
        <v>587.11229999999989</v>
      </c>
      <c r="I35266" s="1"/>
    </row>
    <row r="35267" spans="1:9" x14ac:dyDescent="0.25">
      <c r="A35267" s="3">
        <v>41889.764710648145</v>
      </c>
      <c r="B35267" s="6">
        <v>587128.94999999995</v>
      </c>
      <c r="C35267" s="7">
        <f t="shared" ref="C35267:C35330" si="551">B35267/1000</f>
        <v>587.12894999999992</v>
      </c>
      <c r="I35267" s="1"/>
    </row>
    <row r="35268" spans="1:9" x14ac:dyDescent="0.25">
      <c r="A35268" s="3">
        <v>41889.791041666664</v>
      </c>
      <c r="B35268" s="6">
        <v>587145.6</v>
      </c>
      <c r="C35268" s="7">
        <f t="shared" si="551"/>
        <v>587.14559999999994</v>
      </c>
      <c r="I35268" s="1"/>
    </row>
    <row r="35269" spans="1:9" x14ac:dyDescent="0.25">
      <c r="A35269" s="3">
        <v>41889.791631944441</v>
      </c>
      <c r="B35269" s="6">
        <v>587162.25</v>
      </c>
      <c r="C35269" s="7">
        <f t="shared" si="551"/>
        <v>587.16224999999997</v>
      </c>
      <c r="I35269" s="1"/>
    </row>
    <row r="35270" spans="1:9" x14ac:dyDescent="0.25">
      <c r="A35270" s="3">
        <v>41889.885405092595</v>
      </c>
      <c r="B35270" s="6">
        <v>587178.89999999991</v>
      </c>
      <c r="C35270" s="7">
        <f t="shared" si="551"/>
        <v>587.17889999999989</v>
      </c>
      <c r="I35270" s="1"/>
    </row>
    <row r="35271" spans="1:9" x14ac:dyDescent="0.25">
      <c r="A35271" s="3">
        <v>41889.887939814813</v>
      </c>
      <c r="B35271" s="6">
        <v>587195.54999999993</v>
      </c>
      <c r="C35271" s="7">
        <f t="shared" si="551"/>
        <v>587.19554999999991</v>
      </c>
      <c r="I35271" s="1"/>
    </row>
    <row r="35272" spans="1:9" x14ac:dyDescent="0.25">
      <c r="A35272" s="3">
        <v>41919.091851851852</v>
      </c>
      <c r="B35272" s="6">
        <v>587212.19999999995</v>
      </c>
      <c r="C35272" s="7">
        <f t="shared" si="551"/>
        <v>587.21219999999994</v>
      </c>
      <c r="I35272" s="1"/>
    </row>
    <row r="35273" spans="1:9" x14ac:dyDescent="0.25">
      <c r="A35273" s="3">
        <v>41919.094027777777</v>
      </c>
      <c r="B35273" s="6">
        <v>587228.85</v>
      </c>
      <c r="C35273" s="7">
        <f t="shared" si="551"/>
        <v>587.22884999999997</v>
      </c>
      <c r="I35273" s="1"/>
    </row>
    <row r="35274" spans="1:9" x14ac:dyDescent="0.25">
      <c r="A35274" s="3">
        <v>41919.102418981478</v>
      </c>
      <c r="B35274" s="6">
        <v>587245.5</v>
      </c>
      <c r="C35274" s="7">
        <f t="shared" si="551"/>
        <v>587.24549999999999</v>
      </c>
      <c r="I35274" s="1"/>
    </row>
    <row r="35275" spans="1:9" x14ac:dyDescent="0.25">
      <c r="A35275" s="3">
        <v>41919.103425925925</v>
      </c>
      <c r="B35275" s="6">
        <v>587262.14999999991</v>
      </c>
      <c r="C35275" s="7">
        <f t="shared" si="551"/>
        <v>587.26214999999991</v>
      </c>
      <c r="I35275" s="1"/>
    </row>
    <row r="35276" spans="1:9" x14ac:dyDescent="0.25">
      <c r="A35276" s="3">
        <v>41919.111377314817</v>
      </c>
      <c r="B35276" s="6">
        <v>587278.79999999993</v>
      </c>
      <c r="C35276" s="7">
        <f t="shared" si="551"/>
        <v>587.27879999999993</v>
      </c>
      <c r="I35276" s="1"/>
    </row>
    <row r="35277" spans="1:9" x14ac:dyDescent="0.25">
      <c r="A35277" s="3">
        <v>41919.111550925925</v>
      </c>
      <c r="B35277" s="6">
        <v>587295.44999999995</v>
      </c>
      <c r="C35277" s="7">
        <f t="shared" si="551"/>
        <v>587.29544999999996</v>
      </c>
      <c r="I35277" s="1"/>
    </row>
    <row r="35278" spans="1:9" x14ac:dyDescent="0.25">
      <c r="A35278" s="3">
        <v>41919.117731481485</v>
      </c>
      <c r="B35278" s="6">
        <v>587312.1</v>
      </c>
      <c r="C35278" s="7">
        <f t="shared" si="551"/>
        <v>587.31209999999999</v>
      </c>
      <c r="I35278" s="1"/>
    </row>
    <row r="35279" spans="1:9" x14ac:dyDescent="0.25">
      <c r="A35279" s="3">
        <v>41919.121076388888</v>
      </c>
      <c r="B35279" s="6">
        <v>587328.75</v>
      </c>
      <c r="C35279" s="7">
        <f t="shared" si="551"/>
        <v>587.32875000000001</v>
      </c>
      <c r="I35279" s="1"/>
    </row>
    <row r="35280" spans="1:9" x14ac:dyDescent="0.25">
      <c r="A35280" s="3">
        <v>41919.137754629628</v>
      </c>
      <c r="B35280" s="6">
        <v>587345.39999999991</v>
      </c>
      <c r="C35280" s="7">
        <f t="shared" si="551"/>
        <v>587.34539999999993</v>
      </c>
      <c r="I35280" s="1"/>
    </row>
    <row r="35281" spans="1:9" x14ac:dyDescent="0.25">
      <c r="A35281" s="3">
        <v>41919.151990740742</v>
      </c>
      <c r="B35281" s="6">
        <v>587362.04999999993</v>
      </c>
      <c r="C35281" s="7">
        <f t="shared" si="551"/>
        <v>587.36204999999995</v>
      </c>
      <c r="I35281" s="1"/>
    </row>
    <row r="35282" spans="1:9" x14ac:dyDescent="0.25">
      <c r="A35282" s="3">
        <v>41919.271331018521</v>
      </c>
      <c r="B35282" s="6">
        <v>587378.69999999995</v>
      </c>
      <c r="C35282" s="7">
        <f t="shared" si="551"/>
        <v>587.37869999999998</v>
      </c>
      <c r="I35282" s="1"/>
    </row>
    <row r="35283" spans="1:9" x14ac:dyDescent="0.25">
      <c r="A35283" s="3">
        <v>41919.271481481483</v>
      </c>
      <c r="B35283" s="6">
        <v>587395.35</v>
      </c>
      <c r="C35283" s="7">
        <f t="shared" si="551"/>
        <v>587.39535000000001</v>
      </c>
      <c r="I35283" s="1"/>
    </row>
    <row r="35284" spans="1:9" x14ac:dyDescent="0.25">
      <c r="A35284" s="3">
        <v>41919.324942129628</v>
      </c>
      <c r="B35284" s="6">
        <v>587412</v>
      </c>
      <c r="C35284" s="7">
        <f t="shared" si="551"/>
        <v>587.41200000000003</v>
      </c>
      <c r="I35284" s="1"/>
    </row>
    <row r="35285" spans="1:9" x14ac:dyDescent="0.25">
      <c r="A35285" s="3">
        <v>41919.328703703701</v>
      </c>
      <c r="B35285" s="6">
        <v>587428.64999999991</v>
      </c>
      <c r="C35285" s="7">
        <f t="shared" si="551"/>
        <v>587.42864999999995</v>
      </c>
      <c r="I35285" s="1"/>
    </row>
    <row r="35286" spans="1:9" x14ac:dyDescent="0.25">
      <c r="A35286" s="3">
        <v>41919.366736111115</v>
      </c>
      <c r="B35286" s="6">
        <v>587445.29999999993</v>
      </c>
      <c r="C35286" s="7">
        <f t="shared" si="551"/>
        <v>587.44529999999997</v>
      </c>
      <c r="I35286" s="1"/>
    </row>
    <row r="35287" spans="1:9" x14ac:dyDescent="0.25">
      <c r="A35287" s="3">
        <v>41919.372662037036</v>
      </c>
      <c r="B35287" s="6">
        <v>587461.94999999995</v>
      </c>
      <c r="C35287" s="7">
        <f t="shared" si="551"/>
        <v>587.46195</v>
      </c>
      <c r="I35287" s="1"/>
    </row>
    <row r="35288" spans="1:9" x14ac:dyDescent="0.25">
      <c r="A35288" s="3">
        <v>41919.381944444445</v>
      </c>
      <c r="B35288" s="6">
        <v>587478.6</v>
      </c>
      <c r="C35288" s="7">
        <f t="shared" si="551"/>
        <v>587.47860000000003</v>
      </c>
      <c r="I35288" s="1"/>
    </row>
    <row r="35289" spans="1:9" x14ac:dyDescent="0.25">
      <c r="A35289" s="3">
        <v>41919.383796296293</v>
      </c>
      <c r="B35289" s="6">
        <v>587495.25</v>
      </c>
      <c r="C35289" s="7">
        <f t="shared" si="551"/>
        <v>587.49525000000006</v>
      </c>
      <c r="I35289" s="1"/>
    </row>
    <row r="35290" spans="1:9" x14ac:dyDescent="0.25">
      <c r="A35290" s="3">
        <v>41919.392094907409</v>
      </c>
      <c r="B35290" s="6">
        <v>587511.89999999991</v>
      </c>
      <c r="C35290" s="7">
        <f t="shared" si="551"/>
        <v>587.51189999999986</v>
      </c>
      <c r="I35290" s="1"/>
    </row>
    <row r="35291" spans="1:9" x14ac:dyDescent="0.25">
      <c r="A35291" s="3">
        <v>41919.392233796294</v>
      </c>
      <c r="B35291" s="6">
        <v>587528.54999999993</v>
      </c>
      <c r="C35291" s="7">
        <f t="shared" si="551"/>
        <v>587.52854999999988</v>
      </c>
      <c r="I35291" s="1"/>
    </row>
    <row r="35292" spans="1:9" x14ac:dyDescent="0.25">
      <c r="A35292" s="3">
        <v>41919.395729166667</v>
      </c>
      <c r="B35292" s="6">
        <v>587545.19999999995</v>
      </c>
      <c r="C35292" s="7">
        <f t="shared" si="551"/>
        <v>587.54519999999991</v>
      </c>
      <c r="I35292" s="1"/>
    </row>
    <row r="35293" spans="1:9" x14ac:dyDescent="0.25">
      <c r="A35293" s="3">
        <v>41919.395902777775</v>
      </c>
      <c r="B35293" s="6">
        <v>587561.85</v>
      </c>
      <c r="C35293" s="7">
        <f t="shared" si="551"/>
        <v>587.56184999999994</v>
      </c>
      <c r="I35293" s="1"/>
    </row>
    <row r="35294" spans="1:9" x14ac:dyDescent="0.25">
      <c r="A35294" s="3">
        <v>41919.411851851852</v>
      </c>
      <c r="B35294" s="6">
        <v>587578.5</v>
      </c>
      <c r="C35294" s="7">
        <f t="shared" si="551"/>
        <v>587.57849999999996</v>
      </c>
      <c r="I35294" s="1"/>
    </row>
    <row r="35295" spans="1:9" x14ac:dyDescent="0.25">
      <c r="A35295" s="3">
        <v>41919.411990740744</v>
      </c>
      <c r="B35295" s="6">
        <v>587595.14999999991</v>
      </c>
      <c r="C35295" s="7">
        <f t="shared" si="551"/>
        <v>587.59514999999988</v>
      </c>
      <c r="I35295" s="1"/>
    </row>
    <row r="35296" spans="1:9" x14ac:dyDescent="0.25">
      <c r="A35296" s="3">
        <v>41919.414699074077</v>
      </c>
      <c r="B35296" s="6">
        <v>587611.79999999993</v>
      </c>
      <c r="C35296" s="7">
        <f t="shared" si="551"/>
        <v>587.6117999999999</v>
      </c>
      <c r="I35296" s="1"/>
    </row>
    <row r="35297" spans="1:9" x14ac:dyDescent="0.25">
      <c r="A35297" s="3">
        <v>41919.414826388886</v>
      </c>
      <c r="B35297" s="6">
        <v>587628.44999999995</v>
      </c>
      <c r="C35297" s="7">
        <f t="shared" si="551"/>
        <v>587.62844999999993</v>
      </c>
      <c r="I35297" s="1"/>
    </row>
    <row r="35298" spans="1:9" x14ac:dyDescent="0.25">
      <c r="A35298" s="3">
        <v>41919.41673611111</v>
      </c>
      <c r="B35298" s="6">
        <v>587645.1</v>
      </c>
      <c r="C35298" s="7">
        <f t="shared" si="551"/>
        <v>587.64509999999996</v>
      </c>
      <c r="I35298" s="1"/>
    </row>
    <row r="35299" spans="1:9" x14ac:dyDescent="0.25">
      <c r="A35299" s="3">
        <v>41919.416898148149</v>
      </c>
      <c r="B35299" s="6">
        <v>587661.75</v>
      </c>
      <c r="C35299" s="7">
        <f t="shared" si="551"/>
        <v>587.66174999999998</v>
      </c>
      <c r="I35299" s="1"/>
    </row>
    <row r="35300" spans="1:9" x14ac:dyDescent="0.25">
      <c r="A35300" s="3">
        <v>41919.439560185187</v>
      </c>
      <c r="B35300" s="6">
        <v>587678.39999999991</v>
      </c>
      <c r="C35300" s="7">
        <f t="shared" si="551"/>
        <v>587.6783999999999</v>
      </c>
      <c r="I35300" s="1"/>
    </row>
    <row r="35301" spans="1:9" x14ac:dyDescent="0.25">
      <c r="A35301" s="3">
        <v>41919.439756944441</v>
      </c>
      <c r="B35301" s="6">
        <v>587695.04999999993</v>
      </c>
      <c r="C35301" s="7">
        <f t="shared" si="551"/>
        <v>587.69504999999992</v>
      </c>
      <c r="I35301" s="1"/>
    </row>
    <row r="35302" spans="1:9" x14ac:dyDescent="0.25">
      <c r="A35302" s="3">
        <v>41919.4452662037</v>
      </c>
      <c r="B35302" s="6">
        <v>587711.69999999995</v>
      </c>
      <c r="C35302" s="7">
        <f t="shared" si="551"/>
        <v>587.71169999999995</v>
      </c>
      <c r="I35302" s="1"/>
    </row>
    <row r="35303" spans="1:9" x14ac:dyDescent="0.25">
      <c r="A35303" s="3">
        <v>41919.453599537039</v>
      </c>
      <c r="B35303" s="6">
        <v>587728.35</v>
      </c>
      <c r="C35303" s="7">
        <f t="shared" si="551"/>
        <v>587.72834999999998</v>
      </c>
      <c r="I35303" s="1"/>
    </row>
    <row r="35304" spans="1:9" x14ac:dyDescent="0.25">
      <c r="A35304" s="3">
        <v>41919.469467592593</v>
      </c>
      <c r="B35304" s="6">
        <v>587745</v>
      </c>
      <c r="C35304" s="7">
        <f t="shared" si="551"/>
        <v>587.745</v>
      </c>
      <c r="I35304" s="1"/>
    </row>
    <row r="35305" spans="1:9" x14ac:dyDescent="0.25">
      <c r="A35305" s="3">
        <v>41919.469768518517</v>
      </c>
      <c r="B35305" s="6">
        <v>587761.64999999991</v>
      </c>
      <c r="C35305" s="7">
        <f t="shared" si="551"/>
        <v>587.76164999999992</v>
      </c>
      <c r="I35305" s="1"/>
    </row>
    <row r="35306" spans="1:9" x14ac:dyDescent="0.25">
      <c r="A35306" s="3">
        <v>41919.472407407404</v>
      </c>
      <c r="B35306" s="6">
        <v>587778.29999999993</v>
      </c>
      <c r="C35306" s="7">
        <f t="shared" si="551"/>
        <v>587.77829999999994</v>
      </c>
      <c r="I35306" s="1"/>
    </row>
    <row r="35307" spans="1:9" x14ac:dyDescent="0.25">
      <c r="A35307" s="3">
        <v>41919.472604166665</v>
      </c>
      <c r="B35307" s="6">
        <v>587794.94999999995</v>
      </c>
      <c r="C35307" s="7">
        <f t="shared" si="551"/>
        <v>587.79494999999997</v>
      </c>
      <c r="I35307" s="1"/>
    </row>
    <row r="35308" spans="1:9" x14ac:dyDescent="0.25">
      <c r="A35308" s="3">
        <v>41919.479305555556</v>
      </c>
      <c r="B35308" s="6">
        <v>587811.6</v>
      </c>
      <c r="C35308" s="7">
        <f t="shared" si="551"/>
        <v>587.8116</v>
      </c>
      <c r="I35308" s="1"/>
    </row>
    <row r="35309" spans="1:9" x14ac:dyDescent="0.25">
      <c r="A35309" s="3">
        <v>41919.479398148149</v>
      </c>
      <c r="B35309" s="6">
        <v>587828.25</v>
      </c>
      <c r="C35309" s="7">
        <f t="shared" si="551"/>
        <v>587.82825000000003</v>
      </c>
      <c r="I35309" s="1"/>
    </row>
    <row r="35310" spans="1:9" x14ac:dyDescent="0.25">
      <c r="A35310" s="3">
        <v>41919.481157407405</v>
      </c>
      <c r="B35310" s="6">
        <v>587844.89999999991</v>
      </c>
      <c r="C35310" s="7">
        <f t="shared" si="551"/>
        <v>587.84489999999994</v>
      </c>
      <c r="I35310" s="1"/>
    </row>
    <row r="35311" spans="1:9" x14ac:dyDescent="0.25">
      <c r="A35311" s="3">
        <v>41919.481261574074</v>
      </c>
      <c r="B35311" s="6">
        <v>587861.54999999993</v>
      </c>
      <c r="C35311" s="7">
        <f t="shared" si="551"/>
        <v>587.86154999999997</v>
      </c>
      <c r="I35311" s="1"/>
    </row>
    <row r="35312" spans="1:9" x14ac:dyDescent="0.25">
      <c r="A35312" s="3">
        <v>41919.482708333337</v>
      </c>
      <c r="B35312" s="6">
        <v>587878.19999999995</v>
      </c>
      <c r="C35312" s="7">
        <f t="shared" si="551"/>
        <v>587.87819999999999</v>
      </c>
      <c r="I35312" s="1"/>
    </row>
    <row r="35313" spans="1:9" x14ac:dyDescent="0.25">
      <c r="A35313" s="3">
        <v>41919.485324074078</v>
      </c>
      <c r="B35313" s="6">
        <v>587894.85</v>
      </c>
      <c r="C35313" s="7">
        <f t="shared" si="551"/>
        <v>587.89485000000002</v>
      </c>
      <c r="I35313" s="1"/>
    </row>
    <row r="35314" spans="1:9" x14ac:dyDescent="0.25">
      <c r="A35314" s="3">
        <v>41919.488043981481</v>
      </c>
      <c r="B35314" s="6">
        <v>587911.5</v>
      </c>
      <c r="C35314" s="7">
        <f t="shared" si="551"/>
        <v>587.91150000000005</v>
      </c>
      <c r="I35314" s="1"/>
    </row>
    <row r="35315" spans="1:9" x14ac:dyDescent="0.25">
      <c r="A35315" s="3">
        <v>41919.489421296297</v>
      </c>
      <c r="B35315" s="6">
        <v>587928.14999999991</v>
      </c>
      <c r="C35315" s="7">
        <f t="shared" si="551"/>
        <v>587.92814999999996</v>
      </c>
      <c r="I35315" s="1"/>
    </row>
    <row r="35316" spans="1:9" x14ac:dyDescent="0.25">
      <c r="A35316" s="3">
        <v>41919.495138888888</v>
      </c>
      <c r="B35316" s="6">
        <v>587944.79999999993</v>
      </c>
      <c r="C35316" s="7">
        <f t="shared" si="551"/>
        <v>587.94479999999999</v>
      </c>
      <c r="I35316" s="1"/>
    </row>
    <row r="35317" spans="1:9" x14ac:dyDescent="0.25">
      <c r="A35317" s="3">
        <v>41919.495509259257</v>
      </c>
      <c r="B35317" s="6">
        <v>587961.44999999995</v>
      </c>
      <c r="C35317" s="7">
        <f t="shared" si="551"/>
        <v>587.9614499999999</v>
      </c>
      <c r="I35317" s="1"/>
    </row>
    <row r="35318" spans="1:9" x14ac:dyDescent="0.25">
      <c r="A35318" s="3">
        <v>41919.502708333333</v>
      </c>
      <c r="B35318" s="6">
        <v>587978.1</v>
      </c>
      <c r="C35318" s="7">
        <f t="shared" si="551"/>
        <v>587.97809999999993</v>
      </c>
      <c r="I35318" s="1"/>
    </row>
    <row r="35319" spans="1:9" x14ac:dyDescent="0.25">
      <c r="A35319" s="3">
        <v>41919.503333333334</v>
      </c>
      <c r="B35319" s="6">
        <v>587994.75</v>
      </c>
      <c r="C35319" s="7">
        <f t="shared" si="551"/>
        <v>587.99474999999995</v>
      </c>
      <c r="I35319" s="1"/>
    </row>
    <row r="35320" spans="1:9" x14ac:dyDescent="0.25">
      <c r="A35320" s="3">
        <v>41919.507002314815</v>
      </c>
      <c r="B35320" s="6">
        <v>588011.39999999991</v>
      </c>
      <c r="C35320" s="7">
        <f t="shared" si="551"/>
        <v>588.01139999999987</v>
      </c>
      <c r="I35320" s="1"/>
    </row>
    <row r="35321" spans="1:9" x14ac:dyDescent="0.25">
      <c r="A35321" s="3">
        <v>41919.507141203707</v>
      </c>
      <c r="B35321" s="6">
        <v>588028.04999999993</v>
      </c>
      <c r="C35321" s="7">
        <f t="shared" si="551"/>
        <v>588.02804999999989</v>
      </c>
      <c r="I35321" s="1"/>
    </row>
    <row r="35322" spans="1:9" x14ac:dyDescent="0.25">
      <c r="A35322" s="3">
        <v>41919.509722222225</v>
      </c>
      <c r="B35322" s="6">
        <v>588044.69999999995</v>
      </c>
      <c r="C35322" s="7">
        <f t="shared" si="551"/>
        <v>588.04469999999992</v>
      </c>
      <c r="I35322" s="1"/>
    </row>
    <row r="35323" spans="1:9" x14ac:dyDescent="0.25">
      <c r="A35323" s="3">
        <v>41919.509965277779</v>
      </c>
      <c r="B35323" s="6">
        <v>588061.35</v>
      </c>
      <c r="C35323" s="7">
        <f t="shared" si="551"/>
        <v>588.06134999999995</v>
      </c>
      <c r="I35323" s="1"/>
    </row>
    <row r="35324" spans="1:9" x14ac:dyDescent="0.25">
      <c r="A35324" s="3">
        <v>41919.514768518522</v>
      </c>
      <c r="B35324" s="6">
        <v>588078</v>
      </c>
      <c r="C35324" s="7">
        <f t="shared" si="551"/>
        <v>588.07799999999997</v>
      </c>
      <c r="I35324" s="1"/>
    </row>
    <row r="35325" spans="1:9" x14ac:dyDescent="0.25">
      <c r="A35325" s="3">
        <v>41919.516643518517</v>
      </c>
      <c r="B35325" s="6">
        <v>588094.64999999991</v>
      </c>
      <c r="C35325" s="7">
        <f t="shared" si="551"/>
        <v>588.09464999999989</v>
      </c>
      <c r="I35325" s="1"/>
    </row>
    <row r="35326" spans="1:9" x14ac:dyDescent="0.25">
      <c r="A35326" s="3">
        <v>41919.519884259258</v>
      </c>
      <c r="B35326" s="6">
        <v>588111.29999999993</v>
      </c>
      <c r="C35326" s="7">
        <f t="shared" si="551"/>
        <v>588.11129999999991</v>
      </c>
      <c r="I35326" s="1"/>
    </row>
    <row r="35327" spans="1:9" x14ac:dyDescent="0.25">
      <c r="A35327" s="3">
        <v>41919.520011574074</v>
      </c>
      <c r="B35327" s="6">
        <v>588127.94999999995</v>
      </c>
      <c r="C35327" s="7">
        <f t="shared" si="551"/>
        <v>588.12794999999994</v>
      </c>
      <c r="I35327" s="1"/>
    </row>
    <row r="35328" spans="1:9" x14ac:dyDescent="0.25">
      <c r="A35328" s="3">
        <v>41919.525300925925</v>
      </c>
      <c r="B35328" s="6">
        <v>588144.6</v>
      </c>
      <c r="C35328" s="7">
        <f t="shared" si="551"/>
        <v>588.14459999999997</v>
      </c>
      <c r="I35328" s="1"/>
    </row>
    <row r="35329" spans="1:9" x14ac:dyDescent="0.25">
      <c r="A35329" s="3">
        <v>41919.525995370372</v>
      </c>
      <c r="B35329" s="6">
        <v>588161.25</v>
      </c>
      <c r="C35329" s="7">
        <f t="shared" si="551"/>
        <v>588.16125</v>
      </c>
      <c r="I35329" s="1"/>
    </row>
    <row r="35330" spans="1:9" x14ac:dyDescent="0.25">
      <c r="A35330" s="3">
        <v>41919.527673611112</v>
      </c>
      <c r="B35330" s="6">
        <v>588177.89999999991</v>
      </c>
      <c r="C35330" s="7">
        <f t="shared" si="551"/>
        <v>588.17789999999991</v>
      </c>
      <c r="I35330" s="1"/>
    </row>
    <row r="35331" spans="1:9" x14ac:dyDescent="0.25">
      <c r="A35331" s="3">
        <v>41919.527789351851</v>
      </c>
      <c r="B35331" s="6">
        <v>588194.54999999993</v>
      </c>
      <c r="C35331" s="7">
        <f t="shared" ref="C35331:C35394" si="552">B35331/1000</f>
        <v>588.19454999999994</v>
      </c>
      <c r="I35331" s="1"/>
    </row>
    <row r="35332" spans="1:9" x14ac:dyDescent="0.25">
      <c r="A35332" s="3">
        <v>41919.532314814816</v>
      </c>
      <c r="B35332" s="6">
        <v>588211.19999999995</v>
      </c>
      <c r="C35332" s="7">
        <f t="shared" si="552"/>
        <v>588.21119999999996</v>
      </c>
      <c r="I35332" s="1"/>
    </row>
    <row r="35333" spans="1:9" x14ac:dyDescent="0.25">
      <c r="A35333" s="3">
        <v>41919.532476851855</v>
      </c>
      <c r="B35333" s="6">
        <v>588227.85</v>
      </c>
      <c r="C35333" s="7">
        <f t="shared" si="552"/>
        <v>588.22784999999999</v>
      </c>
      <c r="I35333" s="1"/>
    </row>
    <row r="35334" spans="1:9" x14ac:dyDescent="0.25">
      <c r="A35334" s="3">
        <v>41919.535034722219</v>
      </c>
      <c r="B35334" s="6">
        <v>588244.5</v>
      </c>
      <c r="C35334" s="7">
        <f t="shared" si="552"/>
        <v>588.24450000000002</v>
      </c>
      <c r="I35334" s="1"/>
    </row>
    <row r="35335" spans="1:9" x14ac:dyDescent="0.25">
      <c r="A35335" s="3">
        <v>41919.535162037035</v>
      </c>
      <c r="B35335" s="6">
        <v>588261.14999999991</v>
      </c>
      <c r="C35335" s="7">
        <f t="shared" si="552"/>
        <v>588.26114999999993</v>
      </c>
      <c r="I35335" s="1"/>
    </row>
    <row r="35336" spans="1:9" x14ac:dyDescent="0.25">
      <c r="A35336" s="3">
        <v>41919.542048611111</v>
      </c>
      <c r="B35336" s="6">
        <v>588277.79999999993</v>
      </c>
      <c r="C35336" s="7">
        <f t="shared" si="552"/>
        <v>588.27779999999996</v>
      </c>
      <c r="I35336" s="1"/>
    </row>
    <row r="35337" spans="1:9" x14ac:dyDescent="0.25">
      <c r="A35337" s="3">
        <v>41919.54210648148</v>
      </c>
      <c r="B35337" s="6">
        <v>588294.44999999995</v>
      </c>
      <c r="C35337" s="7">
        <f t="shared" si="552"/>
        <v>588.29444999999998</v>
      </c>
      <c r="I35337" s="1"/>
    </row>
    <row r="35338" spans="1:9" x14ac:dyDescent="0.25">
      <c r="A35338" s="3">
        <v>41919.543287037035</v>
      </c>
      <c r="B35338" s="6">
        <v>588311.1</v>
      </c>
      <c r="C35338" s="7">
        <f t="shared" si="552"/>
        <v>588.31110000000001</v>
      </c>
      <c r="I35338" s="1"/>
    </row>
    <row r="35339" spans="1:9" x14ac:dyDescent="0.25">
      <c r="A35339" s="3">
        <v>41919.543402777781</v>
      </c>
      <c r="B35339" s="6">
        <v>588327.75</v>
      </c>
      <c r="C35339" s="7">
        <f t="shared" si="552"/>
        <v>588.32775000000004</v>
      </c>
      <c r="I35339" s="1"/>
    </row>
    <row r="35340" spans="1:9" x14ac:dyDescent="0.25">
      <c r="A35340" s="3">
        <v>41919.5471412037</v>
      </c>
      <c r="B35340" s="6">
        <v>588344.39999999991</v>
      </c>
      <c r="C35340" s="7">
        <f t="shared" si="552"/>
        <v>588.34439999999995</v>
      </c>
      <c r="I35340" s="1"/>
    </row>
    <row r="35341" spans="1:9" x14ac:dyDescent="0.25">
      <c r="A35341" s="3">
        <v>41919.547256944446</v>
      </c>
      <c r="B35341" s="6">
        <v>588361.04999999993</v>
      </c>
      <c r="C35341" s="7">
        <f t="shared" si="552"/>
        <v>588.36104999999998</v>
      </c>
      <c r="I35341" s="1"/>
    </row>
    <row r="35342" spans="1:9" x14ac:dyDescent="0.25">
      <c r="A35342" s="3">
        <v>41919.556689814817</v>
      </c>
      <c r="B35342" s="6">
        <v>588377.69999999995</v>
      </c>
      <c r="C35342" s="7">
        <f t="shared" si="552"/>
        <v>588.3777</v>
      </c>
      <c r="I35342" s="1"/>
    </row>
    <row r="35343" spans="1:9" x14ac:dyDescent="0.25">
      <c r="A35343" s="3">
        <v>41919.556793981479</v>
      </c>
      <c r="B35343" s="6">
        <v>588394.35</v>
      </c>
      <c r="C35343" s="7">
        <f t="shared" si="552"/>
        <v>588.39435000000003</v>
      </c>
      <c r="I35343" s="1"/>
    </row>
    <row r="35344" spans="1:9" x14ac:dyDescent="0.25">
      <c r="A35344" s="3">
        <v>41919.559756944444</v>
      </c>
      <c r="B35344" s="6">
        <v>588411</v>
      </c>
      <c r="C35344" s="7">
        <f t="shared" si="552"/>
        <v>588.41099999999994</v>
      </c>
      <c r="I35344" s="1"/>
    </row>
    <row r="35345" spans="1:9" x14ac:dyDescent="0.25">
      <c r="A35345" s="3">
        <v>41919.559837962966</v>
      </c>
      <c r="B35345" s="6">
        <v>588427.64999999991</v>
      </c>
      <c r="C35345" s="7">
        <f t="shared" si="552"/>
        <v>588.42764999999986</v>
      </c>
      <c r="I35345" s="1"/>
    </row>
    <row r="35346" spans="1:9" x14ac:dyDescent="0.25">
      <c r="A35346" s="3">
        <v>41919.560983796298</v>
      </c>
      <c r="B35346" s="6">
        <v>588444.29999999993</v>
      </c>
      <c r="C35346" s="7">
        <f t="shared" si="552"/>
        <v>588.44429999999988</v>
      </c>
      <c r="I35346" s="1"/>
    </row>
    <row r="35347" spans="1:9" x14ac:dyDescent="0.25">
      <c r="A35347" s="3">
        <v>41919.561111111114</v>
      </c>
      <c r="B35347" s="6">
        <v>588460.94999999995</v>
      </c>
      <c r="C35347" s="7">
        <f t="shared" si="552"/>
        <v>588.46094999999991</v>
      </c>
      <c r="I35347" s="1"/>
    </row>
    <row r="35348" spans="1:9" x14ac:dyDescent="0.25">
      <c r="A35348" s="3">
        <v>41919.564953703702</v>
      </c>
      <c r="B35348" s="6">
        <v>588477.6</v>
      </c>
      <c r="C35348" s="7">
        <f t="shared" si="552"/>
        <v>588.47759999999994</v>
      </c>
      <c r="I35348" s="1"/>
    </row>
    <row r="35349" spans="1:9" x14ac:dyDescent="0.25">
      <c r="A35349" s="3">
        <v>41919.565150462964</v>
      </c>
      <c r="B35349" s="6">
        <v>588494.25</v>
      </c>
      <c r="C35349" s="7">
        <f t="shared" si="552"/>
        <v>588.49424999999997</v>
      </c>
      <c r="I35349" s="1"/>
    </row>
    <row r="35350" spans="1:9" x14ac:dyDescent="0.25">
      <c r="A35350" s="3">
        <v>41919.5703587963</v>
      </c>
      <c r="B35350" s="6">
        <v>588510.89999999991</v>
      </c>
      <c r="C35350" s="7">
        <f t="shared" si="552"/>
        <v>588.51089999999988</v>
      </c>
      <c r="I35350" s="1"/>
    </row>
    <row r="35351" spans="1:9" x14ac:dyDescent="0.25">
      <c r="A35351" s="3">
        <v>41919.570752314816</v>
      </c>
      <c r="B35351" s="6">
        <v>588527.54999999993</v>
      </c>
      <c r="C35351" s="7">
        <f t="shared" si="552"/>
        <v>588.52754999999991</v>
      </c>
      <c r="I35351" s="1"/>
    </row>
    <row r="35352" spans="1:9" x14ac:dyDescent="0.25">
      <c r="A35352" s="3">
        <v>41919.574074074073</v>
      </c>
      <c r="B35352" s="6">
        <v>588544.19999999995</v>
      </c>
      <c r="C35352" s="7">
        <f t="shared" si="552"/>
        <v>588.54419999999993</v>
      </c>
      <c r="I35352" s="1"/>
    </row>
    <row r="35353" spans="1:9" x14ac:dyDescent="0.25">
      <c r="A35353" s="3">
        <v>41919.574236111112</v>
      </c>
      <c r="B35353" s="6">
        <v>588560.85</v>
      </c>
      <c r="C35353" s="7">
        <f t="shared" si="552"/>
        <v>588.56084999999996</v>
      </c>
      <c r="I35353" s="1"/>
    </row>
    <row r="35354" spans="1:9" x14ac:dyDescent="0.25">
      <c r="A35354" s="3">
        <v>41919.576053240744</v>
      </c>
      <c r="B35354" s="6">
        <v>588577.5</v>
      </c>
      <c r="C35354" s="7">
        <f t="shared" si="552"/>
        <v>588.57749999999999</v>
      </c>
      <c r="I35354" s="1"/>
    </row>
    <row r="35355" spans="1:9" x14ac:dyDescent="0.25">
      <c r="A35355" s="3">
        <v>41919.576215277775</v>
      </c>
      <c r="B35355" s="6">
        <v>588594.14999999991</v>
      </c>
      <c r="C35355" s="7">
        <f t="shared" si="552"/>
        <v>588.5941499999999</v>
      </c>
      <c r="I35355" s="1"/>
    </row>
    <row r="35356" spans="1:9" x14ac:dyDescent="0.25">
      <c r="A35356" s="3">
        <v>41919.580300925925</v>
      </c>
      <c r="B35356" s="6">
        <v>588610.79999999993</v>
      </c>
      <c r="C35356" s="7">
        <f t="shared" si="552"/>
        <v>588.61079999999993</v>
      </c>
      <c r="I35356" s="1"/>
    </row>
    <row r="35357" spans="1:9" x14ac:dyDescent="0.25">
      <c r="A35357" s="3">
        <v>41919.580520833333</v>
      </c>
      <c r="B35357" s="6">
        <v>588627.44999999995</v>
      </c>
      <c r="C35357" s="7">
        <f t="shared" si="552"/>
        <v>588.62744999999995</v>
      </c>
      <c r="I35357" s="1"/>
    </row>
    <row r="35358" spans="1:9" x14ac:dyDescent="0.25">
      <c r="A35358" s="3">
        <v>41919.588877314818</v>
      </c>
      <c r="B35358" s="6">
        <v>588644.1</v>
      </c>
      <c r="C35358" s="7">
        <f t="shared" si="552"/>
        <v>588.64409999999998</v>
      </c>
      <c r="I35358" s="1"/>
    </row>
    <row r="35359" spans="1:9" x14ac:dyDescent="0.25">
      <c r="A35359" s="3">
        <v>41919.589305555557</v>
      </c>
      <c r="B35359" s="6">
        <v>588660.75</v>
      </c>
      <c r="C35359" s="7">
        <f t="shared" si="552"/>
        <v>588.66075000000001</v>
      </c>
      <c r="I35359" s="1"/>
    </row>
    <row r="35360" spans="1:9" x14ac:dyDescent="0.25">
      <c r="A35360" s="3">
        <v>41919.597314814811</v>
      </c>
      <c r="B35360" s="6">
        <v>588677.39999999991</v>
      </c>
      <c r="C35360" s="7">
        <f t="shared" si="552"/>
        <v>588.67739999999992</v>
      </c>
      <c r="I35360" s="1"/>
    </row>
    <row r="35361" spans="1:9" x14ac:dyDescent="0.25">
      <c r="A35361" s="3">
        <v>41919.597453703704</v>
      </c>
      <c r="B35361" s="6">
        <v>588694.04999999993</v>
      </c>
      <c r="C35361" s="7">
        <f t="shared" si="552"/>
        <v>588.69404999999995</v>
      </c>
      <c r="I35361" s="1"/>
    </row>
    <row r="35362" spans="1:9" x14ac:dyDescent="0.25">
      <c r="A35362" s="3">
        <v>41919.60628472222</v>
      </c>
      <c r="B35362" s="6">
        <v>588710.69999999995</v>
      </c>
      <c r="C35362" s="7">
        <f t="shared" si="552"/>
        <v>588.71069999999997</v>
      </c>
      <c r="I35362" s="1"/>
    </row>
    <row r="35363" spans="1:9" x14ac:dyDescent="0.25">
      <c r="A35363" s="3">
        <v>41919.606446759259</v>
      </c>
      <c r="B35363" s="6">
        <v>588727.35</v>
      </c>
      <c r="C35363" s="7">
        <f t="shared" si="552"/>
        <v>588.72735</v>
      </c>
      <c r="I35363" s="1"/>
    </row>
    <row r="35364" spans="1:9" x14ac:dyDescent="0.25">
      <c r="A35364" s="3">
        <v>41919.612592592595</v>
      </c>
      <c r="B35364" s="6">
        <v>588744</v>
      </c>
      <c r="C35364" s="7">
        <f t="shared" si="552"/>
        <v>588.74400000000003</v>
      </c>
      <c r="I35364" s="1"/>
    </row>
    <row r="35365" spans="1:9" x14ac:dyDescent="0.25">
      <c r="A35365" s="3">
        <v>41919.612812500003</v>
      </c>
      <c r="B35365" s="6">
        <v>588760.64999999991</v>
      </c>
      <c r="C35365" s="7">
        <f t="shared" si="552"/>
        <v>588.76064999999994</v>
      </c>
      <c r="I35365" s="1"/>
    </row>
    <row r="35366" spans="1:9" x14ac:dyDescent="0.25">
      <c r="A35366" s="3">
        <v>41919.615300925929</v>
      </c>
      <c r="B35366" s="6">
        <v>588777.29999999993</v>
      </c>
      <c r="C35366" s="7">
        <f t="shared" si="552"/>
        <v>588.77729999999997</v>
      </c>
      <c r="I35366" s="1"/>
    </row>
    <row r="35367" spans="1:9" x14ac:dyDescent="0.25">
      <c r="A35367" s="3">
        <v>41919.615520833337</v>
      </c>
      <c r="B35367" s="6">
        <v>588793.94999999995</v>
      </c>
      <c r="C35367" s="7">
        <f t="shared" si="552"/>
        <v>588.79395</v>
      </c>
      <c r="I35367" s="1"/>
    </row>
    <row r="35368" spans="1:9" x14ac:dyDescent="0.25">
      <c r="A35368" s="3">
        <v>41919.62059027778</v>
      </c>
      <c r="B35368" s="6">
        <v>588810.6</v>
      </c>
      <c r="C35368" s="7">
        <f t="shared" si="552"/>
        <v>588.81060000000002</v>
      </c>
      <c r="I35368" s="1"/>
    </row>
    <row r="35369" spans="1:9" x14ac:dyDescent="0.25">
      <c r="A35369" s="3">
        <v>41919.620717592596</v>
      </c>
      <c r="B35369" s="6">
        <v>588827.25</v>
      </c>
      <c r="C35369" s="7">
        <f t="shared" si="552"/>
        <v>588.82725000000005</v>
      </c>
      <c r="I35369" s="1"/>
    </row>
    <row r="35370" spans="1:9" x14ac:dyDescent="0.25">
      <c r="A35370" s="3">
        <v>41919.63045138889</v>
      </c>
      <c r="B35370" s="6">
        <v>588843.89999999991</v>
      </c>
      <c r="C35370" s="7">
        <f t="shared" si="552"/>
        <v>588.84389999999996</v>
      </c>
      <c r="I35370" s="1"/>
    </row>
    <row r="35371" spans="1:9" x14ac:dyDescent="0.25">
      <c r="A35371" s="3">
        <v>41919.630543981482</v>
      </c>
      <c r="B35371" s="6">
        <v>588860.54999999993</v>
      </c>
      <c r="C35371" s="7">
        <f t="shared" si="552"/>
        <v>588.86054999999988</v>
      </c>
      <c r="I35371" s="1"/>
    </row>
    <row r="35372" spans="1:9" x14ac:dyDescent="0.25">
      <c r="A35372" s="3">
        <v>41919.635763888888</v>
      </c>
      <c r="B35372" s="6">
        <v>588877.19999999995</v>
      </c>
      <c r="C35372" s="7">
        <f t="shared" si="552"/>
        <v>588.8771999999999</v>
      </c>
      <c r="I35372" s="1"/>
    </row>
    <row r="35373" spans="1:9" x14ac:dyDescent="0.25">
      <c r="A35373" s="3">
        <v>41919.636736111112</v>
      </c>
      <c r="B35373" s="6">
        <v>588893.85</v>
      </c>
      <c r="C35373" s="7">
        <f t="shared" si="552"/>
        <v>588.89384999999993</v>
      </c>
      <c r="I35373" s="1"/>
    </row>
    <row r="35374" spans="1:9" x14ac:dyDescent="0.25">
      <c r="A35374" s="3">
        <v>41919.641041666669</v>
      </c>
      <c r="B35374" s="6">
        <v>588910.5</v>
      </c>
      <c r="C35374" s="7">
        <f t="shared" si="552"/>
        <v>588.91049999999996</v>
      </c>
      <c r="I35374" s="1"/>
    </row>
    <row r="35375" spans="1:9" x14ac:dyDescent="0.25">
      <c r="A35375" s="3">
        <v>41919.641250000001</v>
      </c>
      <c r="B35375" s="6">
        <v>588927.14999999991</v>
      </c>
      <c r="C35375" s="7">
        <f t="shared" si="552"/>
        <v>588.92714999999987</v>
      </c>
      <c r="I35375" s="1"/>
    </row>
    <row r="35376" spans="1:9" x14ac:dyDescent="0.25">
      <c r="A35376" s="3">
        <v>41919.645972222221</v>
      </c>
      <c r="B35376" s="6">
        <v>588943.79999999993</v>
      </c>
      <c r="C35376" s="7">
        <f t="shared" si="552"/>
        <v>588.9437999999999</v>
      </c>
      <c r="I35376" s="1"/>
    </row>
    <row r="35377" spans="1:9" x14ac:dyDescent="0.25">
      <c r="A35377" s="3">
        <v>41919.64739583333</v>
      </c>
      <c r="B35377" s="6">
        <v>588960.44999999995</v>
      </c>
      <c r="C35377" s="7">
        <f t="shared" si="552"/>
        <v>588.96044999999992</v>
      </c>
      <c r="I35377" s="1"/>
    </row>
    <row r="35378" spans="1:9" x14ac:dyDescent="0.25">
      <c r="A35378" s="3">
        <v>41919.656875000001</v>
      </c>
      <c r="B35378" s="6">
        <v>588977.1</v>
      </c>
      <c r="C35378" s="7">
        <f t="shared" si="552"/>
        <v>588.97709999999995</v>
      </c>
      <c r="I35378" s="1"/>
    </row>
    <row r="35379" spans="1:9" x14ac:dyDescent="0.25">
      <c r="A35379" s="3">
        <v>41919.657094907408</v>
      </c>
      <c r="B35379" s="6">
        <v>588993.75</v>
      </c>
      <c r="C35379" s="7">
        <f t="shared" si="552"/>
        <v>588.99374999999998</v>
      </c>
      <c r="I35379" s="1"/>
    </row>
    <row r="35380" spans="1:9" x14ac:dyDescent="0.25">
      <c r="A35380" s="3">
        <v>41919.664224537039</v>
      </c>
      <c r="B35380" s="6">
        <v>589010.39999999991</v>
      </c>
      <c r="C35380" s="7">
        <f t="shared" si="552"/>
        <v>589.01039999999989</v>
      </c>
      <c r="I35380" s="1"/>
    </row>
    <row r="35381" spans="1:9" x14ac:dyDescent="0.25">
      <c r="A35381" s="3">
        <v>41919.665914351855</v>
      </c>
      <c r="B35381" s="6">
        <v>589027.04999999993</v>
      </c>
      <c r="C35381" s="7">
        <f t="shared" si="552"/>
        <v>589.02704999999992</v>
      </c>
      <c r="I35381" s="1"/>
    </row>
    <row r="35382" spans="1:9" x14ac:dyDescent="0.25">
      <c r="A35382" s="3">
        <v>41919.712222222224</v>
      </c>
      <c r="B35382" s="6">
        <v>589043.69999999995</v>
      </c>
      <c r="C35382" s="7">
        <f t="shared" si="552"/>
        <v>589.04369999999994</v>
      </c>
      <c r="I35382" s="1"/>
    </row>
    <row r="35383" spans="1:9" x14ac:dyDescent="0.25">
      <c r="A35383" s="3">
        <v>41919.716412037036</v>
      </c>
      <c r="B35383" s="6">
        <v>589060.35</v>
      </c>
      <c r="C35383" s="7">
        <f t="shared" si="552"/>
        <v>589.06034999999997</v>
      </c>
      <c r="I35383" s="1"/>
    </row>
    <row r="35384" spans="1:9" x14ac:dyDescent="0.25">
      <c r="A35384" s="3">
        <v>41919.721018518518</v>
      </c>
      <c r="B35384" s="6">
        <v>589077</v>
      </c>
      <c r="C35384" s="7">
        <f t="shared" si="552"/>
        <v>589.077</v>
      </c>
      <c r="I35384" s="1"/>
    </row>
    <row r="35385" spans="1:9" x14ac:dyDescent="0.25">
      <c r="A35385" s="3">
        <v>41919.72115740741</v>
      </c>
      <c r="B35385" s="6">
        <v>589093.64999999991</v>
      </c>
      <c r="C35385" s="7">
        <f t="shared" si="552"/>
        <v>589.09364999999991</v>
      </c>
      <c r="I35385" s="1"/>
    </row>
    <row r="35386" spans="1:9" x14ac:dyDescent="0.25">
      <c r="A35386" s="3">
        <v>41919.727696759262</v>
      </c>
      <c r="B35386" s="6">
        <v>589110.29999999993</v>
      </c>
      <c r="C35386" s="7">
        <f t="shared" si="552"/>
        <v>589.11029999999994</v>
      </c>
      <c r="I35386" s="1"/>
    </row>
    <row r="35387" spans="1:9" x14ac:dyDescent="0.25">
      <c r="A35387" s="3">
        <v>41919.727835648147</v>
      </c>
      <c r="B35387" s="6">
        <v>589126.94999999995</v>
      </c>
      <c r="C35387" s="7">
        <f t="shared" si="552"/>
        <v>589.12694999999997</v>
      </c>
      <c r="I35387" s="1"/>
    </row>
    <row r="35388" spans="1:9" x14ac:dyDescent="0.25">
      <c r="A35388" s="3">
        <v>41919.745567129627</v>
      </c>
      <c r="B35388" s="6">
        <v>589143.6</v>
      </c>
      <c r="C35388" s="7">
        <f t="shared" si="552"/>
        <v>589.14359999999999</v>
      </c>
      <c r="I35388" s="1"/>
    </row>
    <row r="35389" spans="1:9" x14ac:dyDescent="0.25">
      <c r="A35389" s="3">
        <v>41919.745949074073</v>
      </c>
      <c r="B35389" s="6">
        <v>589160.25</v>
      </c>
      <c r="C35389" s="7">
        <f t="shared" si="552"/>
        <v>589.16025000000002</v>
      </c>
      <c r="I35389" s="1"/>
    </row>
    <row r="35390" spans="1:9" x14ac:dyDescent="0.25">
      <c r="A35390" s="3">
        <v>41919.747870370367</v>
      </c>
      <c r="B35390" s="6">
        <v>589176.89999999991</v>
      </c>
      <c r="C35390" s="7">
        <f t="shared" si="552"/>
        <v>589.17689999999993</v>
      </c>
      <c r="I35390" s="1"/>
    </row>
    <row r="35391" spans="1:9" x14ac:dyDescent="0.25">
      <c r="A35391" s="3">
        <v>41919.747986111113</v>
      </c>
      <c r="B35391" s="6">
        <v>589193.54999999993</v>
      </c>
      <c r="C35391" s="7">
        <f t="shared" si="552"/>
        <v>589.19354999999996</v>
      </c>
      <c r="I35391" s="1"/>
    </row>
    <row r="35392" spans="1:9" x14ac:dyDescent="0.25">
      <c r="A35392" s="3">
        <v>41919.757291666669</v>
      </c>
      <c r="B35392" s="6">
        <v>589210.19999999995</v>
      </c>
      <c r="C35392" s="7">
        <f t="shared" si="552"/>
        <v>589.21019999999999</v>
      </c>
      <c r="I35392" s="1"/>
    </row>
    <row r="35393" spans="1:9" x14ac:dyDescent="0.25">
      <c r="A35393" s="3">
        <v>41919.75744212963</v>
      </c>
      <c r="B35393" s="6">
        <v>589226.85</v>
      </c>
      <c r="C35393" s="7">
        <f t="shared" si="552"/>
        <v>589.22685000000001</v>
      </c>
      <c r="I35393" s="1"/>
    </row>
    <row r="35394" spans="1:9" x14ac:dyDescent="0.25">
      <c r="A35394" s="3">
        <v>41919.762025462966</v>
      </c>
      <c r="B35394" s="6">
        <v>589243.5</v>
      </c>
      <c r="C35394" s="7">
        <f t="shared" si="552"/>
        <v>589.24350000000004</v>
      </c>
      <c r="I35394" s="1"/>
    </row>
    <row r="35395" spans="1:9" x14ac:dyDescent="0.25">
      <c r="A35395" s="3">
        <v>41919.762199074074</v>
      </c>
      <c r="B35395" s="6">
        <v>589260.14999999991</v>
      </c>
      <c r="C35395" s="7">
        <f t="shared" ref="C35395:C35458" si="553">B35395/1000</f>
        <v>589.26014999999995</v>
      </c>
      <c r="I35395" s="1"/>
    </row>
    <row r="35396" spans="1:9" x14ac:dyDescent="0.25">
      <c r="A35396" s="3">
        <v>41919.774722222224</v>
      </c>
      <c r="B35396" s="6">
        <v>589276.79999999993</v>
      </c>
      <c r="C35396" s="7">
        <f t="shared" si="553"/>
        <v>589.27679999999998</v>
      </c>
      <c r="I35396" s="1"/>
    </row>
    <row r="35397" spans="1:9" x14ac:dyDescent="0.25">
      <c r="A35397" s="3">
        <v>41919.776030092595</v>
      </c>
      <c r="B35397" s="6">
        <v>589293.44999999995</v>
      </c>
      <c r="C35397" s="7">
        <f t="shared" si="553"/>
        <v>589.29345000000001</v>
      </c>
      <c r="I35397" s="1"/>
    </row>
    <row r="35398" spans="1:9" x14ac:dyDescent="0.25">
      <c r="A35398" s="3">
        <v>41919.829618055555</v>
      </c>
      <c r="B35398" s="6">
        <v>589310.1</v>
      </c>
      <c r="C35398" s="7">
        <f t="shared" si="553"/>
        <v>589.31009999999992</v>
      </c>
      <c r="I35398" s="1"/>
    </row>
    <row r="35399" spans="1:9" x14ac:dyDescent="0.25">
      <c r="A35399" s="3">
        <v>41919.829872685186</v>
      </c>
      <c r="B35399" s="6">
        <v>589326.75</v>
      </c>
      <c r="C35399" s="7">
        <f t="shared" si="553"/>
        <v>589.32674999999995</v>
      </c>
      <c r="I35399" s="1"/>
    </row>
    <row r="35400" spans="1:9" x14ac:dyDescent="0.25">
      <c r="A35400" s="3">
        <v>41950.356851851851</v>
      </c>
      <c r="B35400" s="6">
        <v>589343.39999999991</v>
      </c>
      <c r="C35400" s="7">
        <f t="shared" si="553"/>
        <v>589.34339999999986</v>
      </c>
      <c r="I35400" s="1"/>
    </row>
    <row r="35401" spans="1:9" x14ac:dyDescent="0.25">
      <c r="A35401" s="3">
        <v>41950.361712962964</v>
      </c>
      <c r="B35401" s="6">
        <v>589360.04999999993</v>
      </c>
      <c r="C35401" s="7">
        <f t="shared" si="553"/>
        <v>589.36004999999989</v>
      </c>
      <c r="I35401" s="1"/>
    </row>
    <row r="35402" spans="1:9" x14ac:dyDescent="0.25">
      <c r="A35402" s="3">
        <v>41950.379965277774</v>
      </c>
      <c r="B35402" s="6">
        <v>589376.69999999995</v>
      </c>
      <c r="C35402" s="7">
        <f t="shared" si="553"/>
        <v>589.37669999999991</v>
      </c>
      <c r="I35402" s="1"/>
    </row>
    <row r="35403" spans="1:9" x14ac:dyDescent="0.25">
      <c r="A35403" s="3">
        <v>41950.380439814813</v>
      </c>
      <c r="B35403" s="6">
        <v>589393.35</v>
      </c>
      <c r="C35403" s="7">
        <f t="shared" si="553"/>
        <v>589.39334999999994</v>
      </c>
      <c r="I35403" s="1"/>
    </row>
    <row r="35404" spans="1:9" x14ac:dyDescent="0.25">
      <c r="A35404" s="3">
        <v>41950.386331018519</v>
      </c>
      <c r="B35404" s="6">
        <v>589410</v>
      </c>
      <c r="C35404" s="7">
        <f t="shared" si="553"/>
        <v>589.41</v>
      </c>
      <c r="I35404" s="1"/>
    </row>
    <row r="35405" spans="1:9" x14ac:dyDescent="0.25">
      <c r="A35405" s="3">
        <v>41950.388564814813</v>
      </c>
      <c r="B35405" s="6">
        <v>589426.64999999991</v>
      </c>
      <c r="C35405" s="7">
        <f t="shared" si="553"/>
        <v>589.42664999999988</v>
      </c>
      <c r="I35405" s="1"/>
    </row>
    <row r="35406" spans="1:9" x14ac:dyDescent="0.25">
      <c r="A35406" s="3">
        <v>41950.399212962962</v>
      </c>
      <c r="B35406" s="6">
        <v>589443.29999999993</v>
      </c>
      <c r="C35406" s="7">
        <f t="shared" si="553"/>
        <v>589.44329999999991</v>
      </c>
      <c r="I35406" s="1"/>
    </row>
    <row r="35407" spans="1:9" x14ac:dyDescent="0.25">
      <c r="A35407" s="3">
        <v>41950.400567129633</v>
      </c>
      <c r="B35407" s="6">
        <v>589459.94999999995</v>
      </c>
      <c r="C35407" s="7">
        <f t="shared" si="553"/>
        <v>589.45994999999994</v>
      </c>
      <c r="I35407" s="1"/>
    </row>
    <row r="35408" spans="1:9" x14ac:dyDescent="0.25">
      <c r="A35408" s="3">
        <v>41950.402499999997</v>
      </c>
      <c r="B35408" s="6">
        <v>589476.6</v>
      </c>
      <c r="C35408" s="7">
        <f t="shared" si="553"/>
        <v>589.47659999999996</v>
      </c>
      <c r="I35408" s="1"/>
    </row>
    <row r="35409" spans="1:9" x14ac:dyDescent="0.25">
      <c r="A35409" s="3">
        <v>41950.402662037035</v>
      </c>
      <c r="B35409" s="6">
        <v>589493.25</v>
      </c>
      <c r="C35409" s="7">
        <f t="shared" si="553"/>
        <v>589.49324999999999</v>
      </c>
      <c r="I35409" s="1"/>
    </row>
    <row r="35410" spans="1:9" x14ac:dyDescent="0.25">
      <c r="A35410" s="3">
        <v>41950.403634259259</v>
      </c>
      <c r="B35410" s="6">
        <v>589509.89999999991</v>
      </c>
      <c r="C35410" s="7">
        <f t="shared" si="553"/>
        <v>589.5098999999999</v>
      </c>
      <c r="I35410" s="1"/>
    </row>
    <row r="35411" spans="1:9" x14ac:dyDescent="0.25">
      <c r="A35411" s="3">
        <v>41950.403749999998</v>
      </c>
      <c r="B35411" s="6">
        <v>589526.54999999993</v>
      </c>
      <c r="C35411" s="7">
        <f t="shared" si="553"/>
        <v>589.52654999999993</v>
      </c>
      <c r="I35411" s="1"/>
    </row>
    <row r="35412" spans="1:9" x14ac:dyDescent="0.25">
      <c r="A35412" s="3">
        <v>41950.406412037039</v>
      </c>
      <c r="B35412" s="6">
        <v>589543.19999999995</v>
      </c>
      <c r="C35412" s="7">
        <f t="shared" si="553"/>
        <v>589.54319999999996</v>
      </c>
      <c r="I35412" s="1"/>
    </row>
    <row r="35413" spans="1:9" x14ac:dyDescent="0.25">
      <c r="A35413" s="3">
        <v>41950.406631944446</v>
      </c>
      <c r="B35413" s="6">
        <v>589559.85</v>
      </c>
      <c r="C35413" s="7">
        <f t="shared" si="553"/>
        <v>589.55984999999998</v>
      </c>
      <c r="I35413" s="1"/>
    </row>
    <row r="35414" spans="1:9" x14ac:dyDescent="0.25">
      <c r="A35414" s="3">
        <v>41950.412245370368</v>
      </c>
      <c r="B35414" s="6">
        <v>589576.5</v>
      </c>
      <c r="C35414" s="7">
        <f t="shared" si="553"/>
        <v>589.57650000000001</v>
      </c>
      <c r="I35414" s="1"/>
    </row>
    <row r="35415" spans="1:9" x14ac:dyDescent="0.25">
      <c r="A35415" s="3">
        <v>41950.412604166668</v>
      </c>
      <c r="B35415" s="6">
        <v>589593.14999999991</v>
      </c>
      <c r="C35415" s="7">
        <f t="shared" si="553"/>
        <v>589.59314999999992</v>
      </c>
      <c r="I35415" s="1"/>
    </row>
    <row r="35416" spans="1:9" x14ac:dyDescent="0.25">
      <c r="A35416" s="3">
        <v>41950.421238425923</v>
      </c>
      <c r="B35416" s="6">
        <v>589609.79999999993</v>
      </c>
      <c r="C35416" s="7">
        <f t="shared" si="553"/>
        <v>589.60979999999995</v>
      </c>
      <c r="I35416" s="1"/>
    </row>
    <row r="35417" spans="1:9" x14ac:dyDescent="0.25">
      <c r="A35417" s="3">
        <v>41950.425138888888</v>
      </c>
      <c r="B35417" s="6">
        <v>589626.44999999995</v>
      </c>
      <c r="C35417" s="7">
        <f t="shared" si="553"/>
        <v>589.62644999999998</v>
      </c>
      <c r="I35417" s="1"/>
    </row>
    <row r="35418" spans="1:9" x14ac:dyDescent="0.25">
      <c r="A35418" s="3">
        <v>41950.430069444446</v>
      </c>
      <c r="B35418" s="6">
        <v>589643.1</v>
      </c>
      <c r="C35418" s="7">
        <f t="shared" si="553"/>
        <v>589.6431</v>
      </c>
      <c r="I35418" s="1"/>
    </row>
    <row r="35419" spans="1:9" x14ac:dyDescent="0.25">
      <c r="A35419" s="3">
        <v>41950.430162037039</v>
      </c>
      <c r="B35419" s="6">
        <v>589659.75</v>
      </c>
      <c r="C35419" s="7">
        <f t="shared" si="553"/>
        <v>589.65975000000003</v>
      </c>
      <c r="I35419" s="1"/>
    </row>
    <row r="35420" spans="1:9" x14ac:dyDescent="0.25">
      <c r="A35420" s="3">
        <v>41950.434062499997</v>
      </c>
      <c r="B35420" s="6">
        <v>589676.39999999991</v>
      </c>
      <c r="C35420" s="7">
        <f t="shared" si="553"/>
        <v>589.67639999999994</v>
      </c>
      <c r="I35420" s="1"/>
    </row>
    <row r="35421" spans="1:9" x14ac:dyDescent="0.25">
      <c r="A35421" s="3">
        <v>41950.434340277781</v>
      </c>
      <c r="B35421" s="6">
        <v>589693.04999999993</v>
      </c>
      <c r="C35421" s="7">
        <f t="shared" si="553"/>
        <v>589.69304999999997</v>
      </c>
      <c r="I35421" s="1"/>
    </row>
    <row r="35422" spans="1:9" x14ac:dyDescent="0.25">
      <c r="A35422" s="3">
        <v>41950.436574074076</v>
      </c>
      <c r="B35422" s="6">
        <v>589709.69999999995</v>
      </c>
      <c r="C35422" s="7">
        <f t="shared" si="553"/>
        <v>589.7097</v>
      </c>
      <c r="I35422" s="1"/>
    </row>
    <row r="35423" spans="1:9" x14ac:dyDescent="0.25">
      <c r="A35423" s="3">
        <v>41950.436701388891</v>
      </c>
      <c r="B35423" s="6">
        <v>589726.35</v>
      </c>
      <c r="C35423" s="7">
        <f t="shared" si="553"/>
        <v>589.72635000000002</v>
      </c>
      <c r="I35423" s="1"/>
    </row>
    <row r="35424" spans="1:9" x14ac:dyDescent="0.25">
      <c r="A35424" s="3">
        <v>41950.437847222223</v>
      </c>
      <c r="B35424" s="6">
        <v>589743</v>
      </c>
      <c r="C35424" s="7">
        <f t="shared" si="553"/>
        <v>589.74300000000005</v>
      </c>
      <c r="I35424" s="1"/>
    </row>
    <row r="35425" spans="1:9" x14ac:dyDescent="0.25">
      <c r="A35425" s="3">
        <v>41950.437939814816</v>
      </c>
      <c r="B35425" s="6">
        <v>589759.64999999991</v>
      </c>
      <c r="C35425" s="7">
        <f t="shared" si="553"/>
        <v>589.75964999999985</v>
      </c>
      <c r="I35425" s="1"/>
    </row>
    <row r="35426" spans="1:9" x14ac:dyDescent="0.25">
      <c r="A35426" s="3">
        <v>41950.447106481479</v>
      </c>
      <c r="B35426" s="6">
        <v>589776.29999999993</v>
      </c>
      <c r="C35426" s="7">
        <f t="shared" si="553"/>
        <v>589.77629999999988</v>
      </c>
      <c r="I35426" s="1"/>
    </row>
    <row r="35427" spans="1:9" x14ac:dyDescent="0.25">
      <c r="A35427" s="3">
        <v>41950.449907407405</v>
      </c>
      <c r="B35427" s="6">
        <v>589792.94999999995</v>
      </c>
      <c r="C35427" s="7">
        <f t="shared" si="553"/>
        <v>589.79294999999991</v>
      </c>
      <c r="I35427" s="1"/>
    </row>
    <row r="35428" spans="1:9" x14ac:dyDescent="0.25">
      <c r="A35428" s="3">
        <v>41950.459548611114</v>
      </c>
      <c r="B35428" s="6">
        <v>589809.6</v>
      </c>
      <c r="C35428" s="7">
        <f t="shared" si="553"/>
        <v>589.80959999999993</v>
      </c>
      <c r="I35428" s="1"/>
    </row>
    <row r="35429" spans="1:9" x14ac:dyDescent="0.25">
      <c r="A35429" s="3">
        <v>41950.462905092594</v>
      </c>
      <c r="B35429" s="6">
        <v>589826.25</v>
      </c>
      <c r="C35429" s="7">
        <f t="shared" si="553"/>
        <v>589.82624999999996</v>
      </c>
      <c r="I35429" s="1"/>
    </row>
    <row r="35430" spans="1:9" x14ac:dyDescent="0.25">
      <c r="A35430" s="3">
        <v>41950.475983796299</v>
      </c>
      <c r="B35430" s="6">
        <v>589842.89999999991</v>
      </c>
      <c r="C35430" s="7">
        <f t="shared" si="553"/>
        <v>589.84289999999987</v>
      </c>
      <c r="I35430" s="1"/>
    </row>
    <row r="35431" spans="1:9" x14ac:dyDescent="0.25">
      <c r="A35431" s="3">
        <v>41950.476238425923</v>
      </c>
      <c r="B35431" s="6">
        <v>589859.54999999993</v>
      </c>
      <c r="C35431" s="7">
        <f t="shared" si="553"/>
        <v>589.8595499999999</v>
      </c>
      <c r="I35431" s="1"/>
    </row>
    <row r="35432" spans="1:9" x14ac:dyDescent="0.25">
      <c r="A35432" s="3">
        <v>41950.485474537039</v>
      </c>
      <c r="B35432" s="6">
        <v>589876.19999999995</v>
      </c>
      <c r="C35432" s="7">
        <f t="shared" si="553"/>
        <v>589.87619999999993</v>
      </c>
      <c r="I35432" s="1"/>
    </row>
    <row r="35433" spans="1:9" x14ac:dyDescent="0.25">
      <c r="A35433" s="3">
        <v>41950.487638888888</v>
      </c>
      <c r="B35433" s="6">
        <v>589892.85</v>
      </c>
      <c r="C35433" s="7">
        <f t="shared" si="553"/>
        <v>589.89284999999995</v>
      </c>
      <c r="I35433" s="1"/>
    </row>
    <row r="35434" spans="1:9" x14ac:dyDescent="0.25">
      <c r="A35434" s="3">
        <v>41950.493703703702</v>
      </c>
      <c r="B35434" s="6">
        <v>589909.5</v>
      </c>
      <c r="C35434" s="7">
        <f t="shared" si="553"/>
        <v>589.90949999999998</v>
      </c>
      <c r="I35434" s="1"/>
    </row>
    <row r="35435" spans="1:9" x14ac:dyDescent="0.25">
      <c r="A35435" s="3">
        <v>41950.493923611109</v>
      </c>
      <c r="B35435" s="6">
        <v>589926.14999999991</v>
      </c>
      <c r="C35435" s="7">
        <f t="shared" si="553"/>
        <v>589.92614999999989</v>
      </c>
      <c r="I35435" s="1"/>
    </row>
    <row r="35436" spans="1:9" x14ac:dyDescent="0.25">
      <c r="A35436" s="3">
        <v>41950.498749999999</v>
      </c>
      <c r="B35436" s="6">
        <v>589942.79999999993</v>
      </c>
      <c r="C35436" s="7">
        <f t="shared" si="553"/>
        <v>589.94279999999992</v>
      </c>
      <c r="I35436" s="1"/>
    </row>
    <row r="35437" spans="1:9" x14ac:dyDescent="0.25">
      <c r="A35437" s="3">
        <v>41950.499537037038</v>
      </c>
      <c r="B35437" s="6">
        <v>589959.44999999995</v>
      </c>
      <c r="C35437" s="7">
        <f t="shared" si="553"/>
        <v>589.95944999999995</v>
      </c>
      <c r="I35437" s="1"/>
    </row>
    <row r="35438" spans="1:9" x14ac:dyDescent="0.25">
      <c r="A35438" s="3">
        <v>41950.510648148149</v>
      </c>
      <c r="B35438" s="6">
        <v>589976.1</v>
      </c>
      <c r="C35438" s="7">
        <f t="shared" si="553"/>
        <v>589.97609999999997</v>
      </c>
      <c r="I35438" s="1"/>
    </row>
    <row r="35439" spans="1:9" x14ac:dyDescent="0.25">
      <c r="A35439" s="3">
        <v>41950.514537037037</v>
      </c>
      <c r="B35439" s="6">
        <v>589992.75</v>
      </c>
      <c r="C35439" s="7">
        <f t="shared" si="553"/>
        <v>589.99275</v>
      </c>
      <c r="I35439" s="1"/>
    </row>
    <row r="35440" spans="1:9" x14ac:dyDescent="0.25">
      <c r="A35440" s="3">
        <v>41950.51666666667</v>
      </c>
      <c r="B35440" s="6">
        <v>590009.39999999991</v>
      </c>
      <c r="C35440" s="7">
        <f t="shared" si="553"/>
        <v>590.00939999999991</v>
      </c>
      <c r="I35440" s="1"/>
    </row>
    <row r="35441" spans="1:9" x14ac:dyDescent="0.25">
      <c r="A35441" s="3">
        <v>41950.517407407409</v>
      </c>
      <c r="B35441" s="6">
        <v>590026.04999999993</v>
      </c>
      <c r="C35441" s="7">
        <f t="shared" si="553"/>
        <v>590.02604999999994</v>
      </c>
      <c r="I35441" s="1"/>
    </row>
    <row r="35442" spans="1:9" x14ac:dyDescent="0.25">
      <c r="A35442" s="3">
        <v>41950.520115740743</v>
      </c>
      <c r="B35442" s="6">
        <v>590042.69999999995</v>
      </c>
      <c r="C35442" s="7">
        <f t="shared" si="553"/>
        <v>590.04269999999997</v>
      </c>
      <c r="I35442" s="1"/>
    </row>
    <row r="35443" spans="1:9" x14ac:dyDescent="0.25">
      <c r="A35443" s="3">
        <v>41950.520266203705</v>
      </c>
      <c r="B35443" s="6">
        <v>590059.35</v>
      </c>
      <c r="C35443" s="7">
        <f t="shared" si="553"/>
        <v>590.05934999999999</v>
      </c>
      <c r="I35443" s="1"/>
    </row>
    <row r="35444" spans="1:9" x14ac:dyDescent="0.25">
      <c r="A35444" s="3">
        <v>41950.52484953704</v>
      </c>
      <c r="B35444" s="6">
        <v>590076</v>
      </c>
      <c r="C35444" s="7">
        <f t="shared" si="553"/>
        <v>590.07600000000002</v>
      </c>
      <c r="I35444" s="1"/>
    </row>
    <row r="35445" spans="1:9" x14ac:dyDescent="0.25">
      <c r="A35445" s="3">
        <v>41950.525185185186</v>
      </c>
      <c r="B35445" s="6">
        <v>590092.64999999991</v>
      </c>
      <c r="C35445" s="7">
        <f t="shared" si="553"/>
        <v>590.09264999999994</v>
      </c>
      <c r="I35445" s="1"/>
    </row>
    <row r="35446" spans="1:9" x14ac:dyDescent="0.25">
      <c r="A35446" s="3">
        <v>41950.528796296298</v>
      </c>
      <c r="B35446" s="6">
        <v>590109.29999999993</v>
      </c>
      <c r="C35446" s="7">
        <f t="shared" si="553"/>
        <v>590.10929999999996</v>
      </c>
      <c r="I35446" s="1"/>
    </row>
    <row r="35447" spans="1:9" x14ac:dyDescent="0.25">
      <c r="A35447" s="3">
        <v>41950.529074074075</v>
      </c>
      <c r="B35447" s="6">
        <v>590125.94999999995</v>
      </c>
      <c r="C35447" s="7">
        <f t="shared" si="553"/>
        <v>590.12594999999999</v>
      </c>
      <c r="I35447" s="1"/>
    </row>
    <row r="35448" spans="1:9" x14ac:dyDescent="0.25">
      <c r="A35448" s="3">
        <v>41950.530509259261</v>
      </c>
      <c r="B35448" s="6">
        <v>590142.6</v>
      </c>
      <c r="C35448" s="7">
        <f t="shared" si="553"/>
        <v>590.14260000000002</v>
      </c>
      <c r="I35448" s="1"/>
    </row>
    <row r="35449" spans="1:9" x14ac:dyDescent="0.25">
      <c r="A35449" s="3">
        <v>41950.530636574076</v>
      </c>
      <c r="B35449" s="6">
        <v>590159.25</v>
      </c>
      <c r="C35449" s="7">
        <f t="shared" si="553"/>
        <v>590.15925000000004</v>
      </c>
      <c r="I35449" s="1"/>
    </row>
    <row r="35450" spans="1:9" x14ac:dyDescent="0.25">
      <c r="A35450" s="3">
        <v>41950.532326388886</v>
      </c>
      <c r="B35450" s="6">
        <v>590175.89999999991</v>
      </c>
      <c r="C35450" s="7">
        <f t="shared" si="553"/>
        <v>590.17589999999996</v>
      </c>
      <c r="I35450" s="1"/>
    </row>
    <row r="35451" spans="1:9" x14ac:dyDescent="0.25">
      <c r="A35451" s="3">
        <v>41950.532442129632</v>
      </c>
      <c r="B35451" s="6">
        <v>590192.54999999993</v>
      </c>
      <c r="C35451" s="7">
        <f t="shared" si="553"/>
        <v>590.19254999999998</v>
      </c>
      <c r="I35451" s="1"/>
    </row>
    <row r="35452" spans="1:9" x14ac:dyDescent="0.25">
      <c r="A35452" s="3">
        <v>41950.538935185185</v>
      </c>
      <c r="B35452" s="6">
        <v>590209.19999999995</v>
      </c>
      <c r="C35452" s="7">
        <f t="shared" si="553"/>
        <v>590.20920000000001</v>
      </c>
      <c r="I35452" s="1"/>
    </row>
    <row r="35453" spans="1:9" x14ac:dyDescent="0.25">
      <c r="A35453" s="3">
        <v>41950.5390625</v>
      </c>
      <c r="B35453" s="6">
        <v>590225.85</v>
      </c>
      <c r="C35453" s="7">
        <f t="shared" si="553"/>
        <v>590.22584999999992</v>
      </c>
      <c r="I35453" s="1"/>
    </row>
    <row r="35454" spans="1:9" x14ac:dyDescent="0.25">
      <c r="A35454" s="3">
        <v>41950.546435185184</v>
      </c>
      <c r="B35454" s="6">
        <v>590242.5</v>
      </c>
      <c r="C35454" s="7">
        <f t="shared" si="553"/>
        <v>590.24249999999995</v>
      </c>
      <c r="I35454" s="1"/>
    </row>
    <row r="35455" spans="1:9" x14ac:dyDescent="0.25">
      <c r="A35455" s="3">
        <v>41950.546527777777</v>
      </c>
      <c r="B35455" s="6">
        <v>590259.14999999991</v>
      </c>
      <c r="C35455" s="7">
        <f t="shared" si="553"/>
        <v>590.25914999999986</v>
      </c>
      <c r="I35455" s="1"/>
    </row>
    <row r="35456" spans="1:9" x14ac:dyDescent="0.25">
      <c r="A35456" s="3">
        <v>41950.55091435185</v>
      </c>
      <c r="B35456" s="6">
        <v>590275.79999999993</v>
      </c>
      <c r="C35456" s="7">
        <f t="shared" si="553"/>
        <v>590.27579999999989</v>
      </c>
      <c r="I35456" s="1"/>
    </row>
    <row r="35457" spans="1:9" x14ac:dyDescent="0.25">
      <c r="A35457" s="3">
        <v>41950.551122685189</v>
      </c>
      <c r="B35457" s="6">
        <v>590292.44999999995</v>
      </c>
      <c r="C35457" s="7">
        <f t="shared" si="553"/>
        <v>590.29244999999992</v>
      </c>
      <c r="I35457" s="1"/>
    </row>
    <row r="35458" spans="1:9" x14ac:dyDescent="0.25">
      <c r="A35458" s="3">
        <v>41950.554270833331</v>
      </c>
      <c r="B35458" s="6">
        <v>590309.1</v>
      </c>
      <c r="C35458" s="7">
        <f t="shared" si="553"/>
        <v>590.30909999999994</v>
      </c>
      <c r="I35458" s="1"/>
    </row>
    <row r="35459" spans="1:9" x14ac:dyDescent="0.25">
      <c r="A35459" s="3">
        <v>41950.554409722223</v>
      </c>
      <c r="B35459" s="6">
        <v>590325.75</v>
      </c>
      <c r="C35459" s="7">
        <f t="shared" ref="C35459:C35522" si="554">B35459/1000</f>
        <v>590.32574999999997</v>
      </c>
      <c r="I35459" s="1"/>
    </row>
    <row r="35460" spans="1:9" x14ac:dyDescent="0.25">
      <c r="A35460" s="3">
        <v>41950.560532407406</v>
      </c>
      <c r="B35460" s="6">
        <v>590342.39999999991</v>
      </c>
      <c r="C35460" s="7">
        <f t="shared" si="554"/>
        <v>590.34239999999988</v>
      </c>
      <c r="I35460" s="1"/>
    </row>
    <row r="35461" spans="1:9" x14ac:dyDescent="0.25">
      <c r="A35461" s="3">
        <v>41950.560763888891</v>
      </c>
      <c r="B35461" s="6">
        <v>590359.04999999993</v>
      </c>
      <c r="C35461" s="7">
        <f t="shared" si="554"/>
        <v>590.35904999999991</v>
      </c>
      <c r="I35461" s="1"/>
    </row>
    <row r="35462" spans="1:9" x14ac:dyDescent="0.25">
      <c r="A35462" s="3">
        <v>41950.566851851851</v>
      </c>
      <c r="B35462" s="6">
        <v>590375.69999999995</v>
      </c>
      <c r="C35462" s="7">
        <f t="shared" si="554"/>
        <v>590.37569999999994</v>
      </c>
      <c r="I35462" s="1"/>
    </row>
    <row r="35463" spans="1:9" x14ac:dyDescent="0.25">
      <c r="A35463" s="3">
        <v>41950.568090277775</v>
      </c>
      <c r="B35463" s="6">
        <v>590392.35</v>
      </c>
      <c r="C35463" s="7">
        <f t="shared" si="554"/>
        <v>590.39234999999996</v>
      </c>
      <c r="I35463" s="1"/>
    </row>
    <row r="35464" spans="1:9" x14ac:dyDescent="0.25">
      <c r="A35464" s="3">
        <v>41950.57371527778</v>
      </c>
      <c r="B35464" s="6">
        <v>590409</v>
      </c>
      <c r="C35464" s="7">
        <f t="shared" si="554"/>
        <v>590.40899999999999</v>
      </c>
      <c r="I35464" s="1"/>
    </row>
    <row r="35465" spans="1:9" x14ac:dyDescent="0.25">
      <c r="A35465" s="3">
        <v>41950.575266203705</v>
      </c>
      <c r="B35465" s="6">
        <v>590425.64999999991</v>
      </c>
      <c r="C35465" s="7">
        <f t="shared" si="554"/>
        <v>590.42564999999991</v>
      </c>
      <c r="I35465" s="1"/>
    </row>
    <row r="35466" spans="1:9" x14ac:dyDescent="0.25">
      <c r="A35466" s="3">
        <v>41950.581817129627</v>
      </c>
      <c r="B35466" s="6">
        <v>590442.29999999993</v>
      </c>
      <c r="C35466" s="7">
        <f t="shared" si="554"/>
        <v>590.44229999999993</v>
      </c>
      <c r="I35466" s="1"/>
    </row>
    <row r="35467" spans="1:9" x14ac:dyDescent="0.25">
      <c r="A35467" s="3">
        <v>41950.582002314812</v>
      </c>
      <c r="B35467" s="6">
        <v>590458.94999999995</v>
      </c>
      <c r="C35467" s="7">
        <f t="shared" si="554"/>
        <v>590.45894999999996</v>
      </c>
      <c r="I35467" s="1"/>
    </row>
    <row r="35468" spans="1:9" x14ac:dyDescent="0.25">
      <c r="A35468" s="3">
        <v>41950.59003472222</v>
      </c>
      <c r="B35468" s="6">
        <v>590475.6</v>
      </c>
      <c r="C35468" s="7">
        <f t="shared" si="554"/>
        <v>590.47559999999999</v>
      </c>
      <c r="I35468" s="1"/>
    </row>
    <row r="35469" spans="1:9" x14ac:dyDescent="0.25">
      <c r="A35469" s="3">
        <v>41950.590185185189</v>
      </c>
      <c r="B35469" s="6">
        <v>590492.25</v>
      </c>
      <c r="C35469" s="7">
        <f t="shared" si="554"/>
        <v>590.49225000000001</v>
      </c>
      <c r="I35469" s="1"/>
    </row>
    <row r="35470" spans="1:9" x14ac:dyDescent="0.25">
      <c r="A35470" s="3">
        <v>41950.602037037039</v>
      </c>
      <c r="B35470" s="6">
        <v>590508.89999999991</v>
      </c>
      <c r="C35470" s="7">
        <f t="shared" si="554"/>
        <v>590.50889999999993</v>
      </c>
      <c r="I35470" s="1"/>
    </row>
    <row r="35471" spans="1:9" x14ac:dyDescent="0.25">
      <c r="A35471" s="3">
        <v>41950.602314814816</v>
      </c>
      <c r="B35471" s="6">
        <v>590525.54999999993</v>
      </c>
      <c r="C35471" s="7">
        <f t="shared" si="554"/>
        <v>590.52554999999995</v>
      </c>
      <c r="I35471" s="1"/>
    </row>
    <row r="35472" spans="1:9" x14ac:dyDescent="0.25">
      <c r="A35472" s="3">
        <v>41950.605671296296</v>
      </c>
      <c r="B35472" s="6">
        <v>590542.19999999995</v>
      </c>
      <c r="C35472" s="7">
        <f t="shared" si="554"/>
        <v>590.54219999999998</v>
      </c>
      <c r="I35472" s="1"/>
    </row>
    <row r="35473" spans="1:9" x14ac:dyDescent="0.25">
      <c r="A35473" s="3">
        <v>41950.605775462966</v>
      </c>
      <c r="B35473" s="6">
        <v>590558.85</v>
      </c>
      <c r="C35473" s="7">
        <f t="shared" si="554"/>
        <v>590.55885000000001</v>
      </c>
      <c r="I35473" s="1"/>
    </row>
    <row r="35474" spans="1:9" x14ac:dyDescent="0.25">
      <c r="A35474" s="3">
        <v>41950.608425925922</v>
      </c>
      <c r="B35474" s="6">
        <v>590575.5</v>
      </c>
      <c r="C35474" s="7">
        <f t="shared" si="554"/>
        <v>590.57550000000003</v>
      </c>
      <c r="I35474" s="1"/>
    </row>
    <row r="35475" spans="1:9" x14ac:dyDescent="0.25">
      <c r="A35475" s="3">
        <v>41950.608576388891</v>
      </c>
      <c r="B35475" s="6">
        <v>590592.14999999991</v>
      </c>
      <c r="C35475" s="7">
        <f t="shared" si="554"/>
        <v>590.59214999999995</v>
      </c>
      <c r="I35475" s="1"/>
    </row>
    <row r="35476" spans="1:9" x14ac:dyDescent="0.25">
      <c r="A35476" s="3">
        <v>41950.609537037039</v>
      </c>
      <c r="B35476" s="6">
        <v>590608.79999999993</v>
      </c>
      <c r="C35476" s="7">
        <f t="shared" si="554"/>
        <v>590.60879999999997</v>
      </c>
      <c r="I35476" s="1"/>
    </row>
    <row r="35477" spans="1:9" x14ac:dyDescent="0.25">
      <c r="A35477" s="3">
        <v>41950.609733796293</v>
      </c>
      <c r="B35477" s="6">
        <v>590625.44999999995</v>
      </c>
      <c r="C35477" s="7">
        <f t="shared" si="554"/>
        <v>590.62545</v>
      </c>
      <c r="I35477" s="1"/>
    </row>
    <row r="35478" spans="1:9" x14ac:dyDescent="0.25">
      <c r="A35478" s="3">
        <v>41950.611979166664</v>
      </c>
      <c r="B35478" s="6">
        <v>590642.1</v>
      </c>
      <c r="C35478" s="7">
        <f t="shared" si="554"/>
        <v>590.64210000000003</v>
      </c>
      <c r="I35478" s="1"/>
    </row>
    <row r="35479" spans="1:9" x14ac:dyDescent="0.25">
      <c r="A35479" s="3">
        <v>41950.613645833335</v>
      </c>
      <c r="B35479" s="6">
        <v>590658.75</v>
      </c>
      <c r="C35479" s="7">
        <f t="shared" si="554"/>
        <v>590.65875000000005</v>
      </c>
      <c r="I35479" s="1"/>
    </row>
    <row r="35480" spans="1:9" x14ac:dyDescent="0.25">
      <c r="A35480" s="3">
        <v>41950.617337962962</v>
      </c>
      <c r="B35480" s="6">
        <v>590675.39999999991</v>
      </c>
      <c r="C35480" s="7">
        <f t="shared" si="554"/>
        <v>590.67539999999985</v>
      </c>
      <c r="I35480" s="1"/>
    </row>
    <row r="35481" spans="1:9" x14ac:dyDescent="0.25">
      <c r="A35481" s="3">
        <v>41950.617569444446</v>
      </c>
      <c r="B35481" s="6">
        <v>590692.04999999993</v>
      </c>
      <c r="C35481" s="7">
        <f t="shared" si="554"/>
        <v>590.69204999999988</v>
      </c>
      <c r="I35481" s="1"/>
    </row>
    <row r="35482" spans="1:9" x14ac:dyDescent="0.25">
      <c r="A35482" s="3">
        <v>41950.619895833333</v>
      </c>
      <c r="B35482" s="6">
        <v>590708.69999999995</v>
      </c>
      <c r="C35482" s="7">
        <f t="shared" si="554"/>
        <v>590.70869999999991</v>
      </c>
      <c r="I35482" s="1"/>
    </row>
    <row r="35483" spans="1:9" x14ac:dyDescent="0.25">
      <c r="A35483" s="3">
        <v>41950.620312500003</v>
      </c>
      <c r="B35483" s="6">
        <v>590725.35</v>
      </c>
      <c r="C35483" s="7">
        <f t="shared" si="554"/>
        <v>590.72534999999993</v>
      </c>
      <c r="I35483" s="1"/>
    </row>
    <row r="35484" spans="1:9" x14ac:dyDescent="0.25">
      <c r="A35484" s="3">
        <v>41950.626875000002</v>
      </c>
      <c r="B35484" s="6">
        <v>590742</v>
      </c>
      <c r="C35484" s="7">
        <f t="shared" si="554"/>
        <v>590.74199999999996</v>
      </c>
      <c r="I35484" s="1"/>
    </row>
    <row r="35485" spans="1:9" x14ac:dyDescent="0.25">
      <c r="A35485" s="3">
        <v>41950.627083333333</v>
      </c>
      <c r="B35485" s="6">
        <v>590758.64999999991</v>
      </c>
      <c r="C35485" s="7">
        <f t="shared" si="554"/>
        <v>590.75864999999988</v>
      </c>
      <c r="I35485" s="1"/>
    </row>
    <row r="35486" spans="1:9" x14ac:dyDescent="0.25">
      <c r="A35486" s="3">
        <v>41950.630104166667</v>
      </c>
      <c r="B35486" s="6">
        <v>590775.29999999993</v>
      </c>
      <c r="C35486" s="7">
        <f t="shared" si="554"/>
        <v>590.7752999999999</v>
      </c>
      <c r="I35486" s="1"/>
    </row>
    <row r="35487" spans="1:9" x14ac:dyDescent="0.25">
      <c r="A35487" s="3">
        <v>41950.630231481482</v>
      </c>
      <c r="B35487" s="6">
        <v>590791.94999999995</v>
      </c>
      <c r="C35487" s="7">
        <f t="shared" si="554"/>
        <v>590.79194999999993</v>
      </c>
      <c r="I35487" s="1"/>
    </row>
    <row r="35488" spans="1:9" x14ac:dyDescent="0.25">
      <c r="A35488" s="3">
        <v>41950.63652777778</v>
      </c>
      <c r="B35488" s="6">
        <v>590808.6</v>
      </c>
      <c r="C35488" s="7">
        <f t="shared" si="554"/>
        <v>590.80859999999996</v>
      </c>
      <c r="I35488" s="1"/>
    </row>
    <row r="35489" spans="1:9" x14ac:dyDescent="0.25">
      <c r="A35489" s="3">
        <v>41950.636759259258</v>
      </c>
      <c r="B35489" s="6">
        <v>590825.25</v>
      </c>
      <c r="C35489" s="7">
        <f t="shared" si="554"/>
        <v>590.82524999999998</v>
      </c>
      <c r="I35489" s="1"/>
    </row>
    <row r="35490" spans="1:9" x14ac:dyDescent="0.25">
      <c r="A35490" s="3">
        <v>41950.648634259262</v>
      </c>
      <c r="B35490" s="6">
        <v>590841.89999999991</v>
      </c>
      <c r="C35490" s="7">
        <f t="shared" si="554"/>
        <v>590.8418999999999</v>
      </c>
      <c r="I35490" s="1"/>
    </row>
    <row r="35491" spans="1:9" x14ac:dyDescent="0.25">
      <c r="A35491" s="3">
        <v>41950.649421296293</v>
      </c>
      <c r="B35491" s="6">
        <v>590858.54999999993</v>
      </c>
      <c r="C35491" s="7">
        <f t="shared" si="554"/>
        <v>590.85854999999992</v>
      </c>
      <c r="I35491" s="1"/>
    </row>
    <row r="35492" spans="1:9" x14ac:dyDescent="0.25">
      <c r="A35492" s="3">
        <v>41950.671446759261</v>
      </c>
      <c r="B35492" s="6">
        <v>590875.19999999995</v>
      </c>
      <c r="C35492" s="7">
        <f t="shared" si="554"/>
        <v>590.87519999999995</v>
      </c>
      <c r="I35492" s="1"/>
    </row>
    <row r="35493" spans="1:9" x14ac:dyDescent="0.25">
      <c r="A35493" s="3">
        <v>41950.673680555556</v>
      </c>
      <c r="B35493" s="6">
        <v>590891.85</v>
      </c>
      <c r="C35493" s="7">
        <f t="shared" si="554"/>
        <v>590.89184999999998</v>
      </c>
      <c r="I35493" s="1"/>
    </row>
    <row r="35494" spans="1:9" x14ac:dyDescent="0.25">
      <c r="A35494" s="3">
        <v>41950.686712962961</v>
      </c>
      <c r="B35494" s="6">
        <v>590908.5</v>
      </c>
      <c r="C35494" s="7">
        <f t="shared" si="554"/>
        <v>590.9085</v>
      </c>
      <c r="I35494" s="1"/>
    </row>
    <row r="35495" spans="1:9" x14ac:dyDescent="0.25">
      <c r="A35495" s="3">
        <v>41950.686909722222</v>
      </c>
      <c r="B35495" s="6">
        <v>590925.14999999991</v>
      </c>
      <c r="C35495" s="7">
        <f t="shared" si="554"/>
        <v>590.92514999999992</v>
      </c>
      <c r="I35495" s="1"/>
    </row>
    <row r="35496" spans="1:9" x14ac:dyDescent="0.25">
      <c r="A35496" s="3">
        <v>41950.689722222225</v>
      </c>
      <c r="B35496" s="6">
        <v>590941.79999999993</v>
      </c>
      <c r="C35496" s="7">
        <f t="shared" si="554"/>
        <v>590.94179999999994</v>
      </c>
      <c r="I35496" s="1"/>
    </row>
    <row r="35497" spans="1:9" x14ac:dyDescent="0.25">
      <c r="A35497" s="3">
        <v>41950.689826388887</v>
      </c>
      <c r="B35497" s="6">
        <v>590958.44999999995</v>
      </c>
      <c r="C35497" s="7">
        <f t="shared" si="554"/>
        <v>590.95844999999997</v>
      </c>
      <c r="I35497" s="1"/>
    </row>
    <row r="35498" spans="1:9" x14ac:dyDescent="0.25">
      <c r="A35498" s="3">
        <v>41950.695972222224</v>
      </c>
      <c r="B35498" s="6">
        <v>590975.1</v>
      </c>
      <c r="C35498" s="7">
        <f t="shared" si="554"/>
        <v>590.9751</v>
      </c>
      <c r="I35498" s="1"/>
    </row>
    <row r="35499" spans="1:9" x14ac:dyDescent="0.25">
      <c r="A35499" s="3">
        <v>41950.696226851855</v>
      </c>
      <c r="B35499" s="6">
        <v>590991.75</v>
      </c>
      <c r="C35499" s="7">
        <f t="shared" si="554"/>
        <v>590.99175000000002</v>
      </c>
      <c r="I35499" s="1"/>
    </row>
    <row r="35500" spans="1:9" x14ac:dyDescent="0.25">
      <c r="A35500" s="3">
        <v>41950.706157407411</v>
      </c>
      <c r="B35500" s="6">
        <v>591008.39999999991</v>
      </c>
      <c r="C35500" s="7">
        <f t="shared" si="554"/>
        <v>591.00839999999994</v>
      </c>
      <c r="I35500" s="1"/>
    </row>
    <row r="35501" spans="1:9" x14ac:dyDescent="0.25">
      <c r="A35501" s="3">
        <v>41950.708043981482</v>
      </c>
      <c r="B35501" s="6">
        <v>591025.04999999993</v>
      </c>
      <c r="C35501" s="7">
        <f t="shared" si="554"/>
        <v>591.02504999999996</v>
      </c>
      <c r="I35501" s="1"/>
    </row>
    <row r="35502" spans="1:9" x14ac:dyDescent="0.25">
      <c r="A35502" s="3">
        <v>41950.710509259261</v>
      </c>
      <c r="B35502" s="6">
        <v>591041.69999999995</v>
      </c>
      <c r="C35502" s="7">
        <f t="shared" si="554"/>
        <v>591.04169999999999</v>
      </c>
      <c r="I35502" s="1"/>
    </row>
    <row r="35503" spans="1:9" x14ac:dyDescent="0.25">
      <c r="A35503" s="3">
        <v>41950.710601851853</v>
      </c>
      <c r="B35503" s="6">
        <v>591058.35</v>
      </c>
      <c r="C35503" s="7">
        <f t="shared" si="554"/>
        <v>591.05835000000002</v>
      </c>
      <c r="I35503" s="1"/>
    </row>
    <row r="35504" spans="1:9" x14ac:dyDescent="0.25">
      <c r="A35504" s="3">
        <v>41950.712280092594</v>
      </c>
      <c r="B35504" s="6">
        <v>591075</v>
      </c>
      <c r="C35504" s="7">
        <f t="shared" si="554"/>
        <v>591.07500000000005</v>
      </c>
      <c r="I35504" s="1"/>
    </row>
    <row r="35505" spans="1:9" x14ac:dyDescent="0.25">
      <c r="A35505" s="3">
        <v>41950.712442129632</v>
      </c>
      <c r="B35505" s="6">
        <v>591091.64999999991</v>
      </c>
      <c r="C35505" s="7">
        <f t="shared" si="554"/>
        <v>591.09164999999996</v>
      </c>
      <c r="I35505" s="1"/>
    </row>
    <row r="35506" spans="1:9" x14ac:dyDescent="0.25">
      <c r="A35506" s="3">
        <v>41950.721354166664</v>
      </c>
      <c r="B35506" s="6">
        <v>591108.29999999993</v>
      </c>
      <c r="C35506" s="7">
        <f t="shared" si="554"/>
        <v>591.10829999999999</v>
      </c>
      <c r="I35506" s="1"/>
    </row>
    <row r="35507" spans="1:9" x14ac:dyDescent="0.25">
      <c r="A35507" s="3">
        <v>41950.724374999998</v>
      </c>
      <c r="B35507" s="6">
        <v>591124.94999999995</v>
      </c>
      <c r="C35507" s="7">
        <f t="shared" si="554"/>
        <v>591.1249499999999</v>
      </c>
      <c r="I35507" s="1"/>
    </row>
    <row r="35508" spans="1:9" x14ac:dyDescent="0.25">
      <c r="A35508" s="3">
        <v>41950.738333333335</v>
      </c>
      <c r="B35508" s="6">
        <v>591141.6</v>
      </c>
      <c r="C35508" s="7">
        <f t="shared" si="554"/>
        <v>591.14159999999993</v>
      </c>
      <c r="I35508" s="1"/>
    </row>
    <row r="35509" spans="1:9" x14ac:dyDescent="0.25">
      <c r="A35509" s="3">
        <v>41950.739976851852</v>
      </c>
      <c r="B35509" s="6">
        <v>591158.25</v>
      </c>
      <c r="C35509" s="7">
        <f t="shared" si="554"/>
        <v>591.15824999999995</v>
      </c>
      <c r="I35509" s="1"/>
    </row>
    <row r="35510" spans="1:9" x14ac:dyDescent="0.25">
      <c r="A35510" s="3">
        <v>41950.744143518517</v>
      </c>
      <c r="B35510" s="6">
        <v>591174.89999999991</v>
      </c>
      <c r="C35510" s="7">
        <f t="shared" si="554"/>
        <v>591.17489999999987</v>
      </c>
      <c r="I35510" s="1"/>
    </row>
    <row r="35511" spans="1:9" x14ac:dyDescent="0.25">
      <c r="A35511" s="3">
        <v>41950.744317129633</v>
      </c>
      <c r="B35511" s="6">
        <v>591191.54999999993</v>
      </c>
      <c r="C35511" s="7">
        <f t="shared" si="554"/>
        <v>591.19154999999989</v>
      </c>
      <c r="I35511" s="1"/>
    </row>
    <row r="35512" spans="1:9" x14ac:dyDescent="0.25">
      <c r="A35512" s="3">
        <v>41950.754895833335</v>
      </c>
      <c r="B35512" s="6">
        <v>591208.19999999995</v>
      </c>
      <c r="C35512" s="7">
        <f t="shared" si="554"/>
        <v>591.20819999999992</v>
      </c>
      <c r="I35512" s="1"/>
    </row>
    <row r="35513" spans="1:9" x14ac:dyDescent="0.25">
      <c r="A35513" s="3">
        <v>41950.754953703705</v>
      </c>
      <c r="B35513" s="6">
        <v>591224.85</v>
      </c>
      <c r="C35513" s="7">
        <f t="shared" si="554"/>
        <v>591.22484999999995</v>
      </c>
      <c r="I35513" s="1"/>
    </row>
    <row r="35514" spans="1:9" x14ac:dyDescent="0.25">
      <c r="A35514" s="3">
        <v>41950.75708333333</v>
      </c>
      <c r="B35514" s="6">
        <v>591241.5</v>
      </c>
      <c r="C35514" s="7">
        <f t="shared" si="554"/>
        <v>591.24149999999997</v>
      </c>
      <c r="I35514" s="1"/>
    </row>
    <row r="35515" spans="1:9" x14ac:dyDescent="0.25">
      <c r="A35515" s="3">
        <v>41950.757199074076</v>
      </c>
      <c r="B35515" s="6">
        <v>591258.14999999991</v>
      </c>
      <c r="C35515" s="7">
        <f t="shared" si="554"/>
        <v>591.25814999999989</v>
      </c>
      <c r="I35515" s="1"/>
    </row>
    <row r="35516" spans="1:9" x14ac:dyDescent="0.25">
      <c r="A35516" s="3">
        <v>41950.757905092592</v>
      </c>
      <c r="B35516" s="6">
        <v>591274.79999999993</v>
      </c>
      <c r="C35516" s="7">
        <f t="shared" si="554"/>
        <v>591.27479999999991</v>
      </c>
      <c r="I35516" s="1"/>
    </row>
    <row r="35517" spans="1:9" x14ac:dyDescent="0.25">
      <c r="A35517" s="3">
        <v>41950.757986111108</v>
      </c>
      <c r="B35517" s="6">
        <v>591291.44999999995</v>
      </c>
      <c r="C35517" s="7">
        <f t="shared" si="554"/>
        <v>591.29144999999994</v>
      </c>
      <c r="I35517" s="1"/>
    </row>
    <row r="35518" spans="1:9" x14ac:dyDescent="0.25">
      <c r="A35518" s="3">
        <v>41950.761412037034</v>
      </c>
      <c r="B35518" s="6">
        <v>591308.1</v>
      </c>
      <c r="C35518" s="7">
        <f t="shared" si="554"/>
        <v>591.30809999999997</v>
      </c>
      <c r="I35518" s="1"/>
    </row>
    <row r="35519" spans="1:9" x14ac:dyDescent="0.25">
      <c r="A35519" s="3">
        <v>41950.761516203704</v>
      </c>
      <c r="B35519" s="6">
        <v>591324.75</v>
      </c>
      <c r="C35519" s="7">
        <f t="shared" si="554"/>
        <v>591.32474999999999</v>
      </c>
      <c r="I35519" s="1"/>
    </row>
    <row r="35520" spans="1:9" x14ac:dyDescent="0.25">
      <c r="A35520" s="3">
        <v>41950.762615740743</v>
      </c>
      <c r="B35520" s="6">
        <v>591341.39999999991</v>
      </c>
      <c r="C35520" s="7">
        <f t="shared" si="554"/>
        <v>591.34139999999991</v>
      </c>
      <c r="I35520" s="1"/>
    </row>
    <row r="35521" spans="1:9" x14ac:dyDescent="0.25">
      <c r="A35521" s="3">
        <v>41950.762939814813</v>
      </c>
      <c r="B35521" s="6">
        <v>591358.04999999993</v>
      </c>
      <c r="C35521" s="7">
        <f t="shared" si="554"/>
        <v>591.35804999999993</v>
      </c>
      <c r="I35521" s="1"/>
    </row>
    <row r="35522" spans="1:9" x14ac:dyDescent="0.25">
      <c r="A35522" s="3">
        <v>41950.764363425929</v>
      </c>
      <c r="B35522" s="6">
        <v>591374.69999999995</v>
      </c>
      <c r="C35522" s="7">
        <f t="shared" si="554"/>
        <v>591.37469999999996</v>
      </c>
      <c r="I35522" s="1"/>
    </row>
    <row r="35523" spans="1:9" x14ac:dyDescent="0.25">
      <c r="A35523" s="3">
        <v>41950.76630787037</v>
      </c>
      <c r="B35523" s="6">
        <v>591391.35</v>
      </c>
      <c r="C35523" s="7">
        <f t="shared" ref="C35523:C35586" si="555">B35523/1000</f>
        <v>591.39134999999999</v>
      </c>
      <c r="I35523" s="1"/>
    </row>
    <row r="35524" spans="1:9" x14ac:dyDescent="0.25">
      <c r="A35524" s="3">
        <v>41950.767708333333</v>
      </c>
      <c r="B35524" s="6">
        <v>591408</v>
      </c>
      <c r="C35524" s="7">
        <f t="shared" si="555"/>
        <v>591.40800000000002</v>
      </c>
      <c r="I35524" s="1"/>
    </row>
    <row r="35525" spans="1:9" x14ac:dyDescent="0.25">
      <c r="A35525" s="3">
        <v>41950.767870370371</v>
      </c>
      <c r="B35525" s="6">
        <v>591424.64999999991</v>
      </c>
      <c r="C35525" s="7">
        <f t="shared" si="555"/>
        <v>591.42464999999993</v>
      </c>
      <c r="I35525" s="1"/>
    </row>
    <row r="35526" spans="1:9" x14ac:dyDescent="0.25">
      <c r="A35526" s="3">
        <v>41950.76935185185</v>
      </c>
      <c r="B35526" s="6">
        <v>591441.29999999993</v>
      </c>
      <c r="C35526" s="7">
        <f t="shared" si="555"/>
        <v>591.44129999999996</v>
      </c>
      <c r="I35526" s="1"/>
    </row>
    <row r="35527" spans="1:9" x14ac:dyDescent="0.25">
      <c r="A35527" s="3">
        <v>41950.769467592596</v>
      </c>
      <c r="B35527" s="6">
        <v>591457.94999999995</v>
      </c>
      <c r="C35527" s="7">
        <f t="shared" si="555"/>
        <v>591.45794999999998</v>
      </c>
      <c r="I35527" s="1"/>
    </row>
    <row r="35528" spans="1:9" x14ac:dyDescent="0.25">
      <c r="A35528" s="3">
        <v>41950.771898148145</v>
      </c>
      <c r="B35528" s="6">
        <v>591474.6</v>
      </c>
      <c r="C35528" s="7">
        <f t="shared" si="555"/>
        <v>591.47460000000001</v>
      </c>
      <c r="I35528" s="1"/>
    </row>
    <row r="35529" spans="1:9" x14ac:dyDescent="0.25">
      <c r="A35529" s="3">
        <v>41950.772349537037</v>
      </c>
      <c r="B35529" s="6">
        <v>591491.25</v>
      </c>
      <c r="C35529" s="7">
        <f t="shared" si="555"/>
        <v>591.49125000000004</v>
      </c>
      <c r="I35529" s="1"/>
    </row>
    <row r="35530" spans="1:9" x14ac:dyDescent="0.25">
      <c r="A35530" s="3">
        <v>41950.775891203702</v>
      </c>
      <c r="B35530" s="6">
        <v>591507.89999999991</v>
      </c>
      <c r="C35530" s="7">
        <f t="shared" si="555"/>
        <v>591.50789999999995</v>
      </c>
      <c r="I35530" s="1"/>
    </row>
    <row r="35531" spans="1:9" x14ac:dyDescent="0.25">
      <c r="A35531" s="3">
        <v>41950.77616898148</v>
      </c>
      <c r="B35531" s="6">
        <v>591524.54999999993</v>
      </c>
      <c r="C35531" s="7">
        <f t="shared" si="555"/>
        <v>591.52454999999998</v>
      </c>
      <c r="I35531" s="1"/>
    </row>
    <row r="35532" spans="1:9" x14ac:dyDescent="0.25">
      <c r="A35532" s="3">
        <v>41950.779143518521</v>
      </c>
      <c r="B35532" s="6">
        <v>591541.19999999995</v>
      </c>
      <c r="C35532" s="7">
        <f t="shared" si="555"/>
        <v>591.5412</v>
      </c>
      <c r="I35532" s="1"/>
    </row>
    <row r="35533" spans="1:9" x14ac:dyDescent="0.25">
      <c r="A35533" s="3">
        <v>41950.779270833336</v>
      </c>
      <c r="B35533" s="6">
        <v>591557.85</v>
      </c>
      <c r="C35533" s="7">
        <f t="shared" si="555"/>
        <v>591.55785000000003</v>
      </c>
      <c r="I35533" s="1"/>
    </row>
    <row r="35534" spans="1:9" x14ac:dyDescent="0.25">
      <c r="A35534" s="3">
        <v>41950.786539351851</v>
      </c>
      <c r="B35534" s="6">
        <v>591574.5</v>
      </c>
      <c r="C35534" s="7">
        <f t="shared" si="555"/>
        <v>591.57449999999994</v>
      </c>
      <c r="I35534" s="1"/>
    </row>
    <row r="35535" spans="1:9" x14ac:dyDescent="0.25">
      <c r="A35535" s="3">
        <v>41950.786782407406</v>
      </c>
      <c r="B35535" s="6">
        <v>591591.14999999991</v>
      </c>
      <c r="C35535" s="7">
        <f t="shared" si="555"/>
        <v>591.59114999999986</v>
      </c>
      <c r="I35535" s="1"/>
    </row>
    <row r="35536" spans="1:9" x14ac:dyDescent="0.25">
      <c r="A35536" s="3">
        <v>41950.792812500003</v>
      </c>
      <c r="B35536" s="6">
        <v>591607.79999999993</v>
      </c>
      <c r="C35536" s="7">
        <f t="shared" si="555"/>
        <v>591.60779999999988</v>
      </c>
      <c r="I35536" s="1"/>
    </row>
    <row r="35537" spans="1:9" x14ac:dyDescent="0.25">
      <c r="A35537" s="3">
        <v>41950.796585648146</v>
      </c>
      <c r="B35537" s="6">
        <v>591624.44999999995</v>
      </c>
      <c r="C35537" s="7">
        <f t="shared" si="555"/>
        <v>591.62444999999991</v>
      </c>
      <c r="I35537" s="1"/>
    </row>
    <row r="35538" spans="1:9" x14ac:dyDescent="0.25">
      <c r="A35538" s="3">
        <v>41950.81417824074</v>
      </c>
      <c r="B35538" s="6">
        <v>591641.1</v>
      </c>
      <c r="C35538" s="7">
        <f t="shared" si="555"/>
        <v>591.64109999999994</v>
      </c>
      <c r="I35538" s="1"/>
    </row>
    <row r="35539" spans="1:9" x14ac:dyDescent="0.25">
      <c r="A35539" s="3">
        <v>41950.816608796296</v>
      </c>
      <c r="B35539" s="6">
        <v>591657.75</v>
      </c>
      <c r="C35539" s="7">
        <f t="shared" si="555"/>
        <v>591.65774999999996</v>
      </c>
      <c r="I35539" s="1"/>
    </row>
    <row r="35540" spans="1:9" x14ac:dyDescent="0.25">
      <c r="A35540" s="3">
        <v>41950.835416666669</v>
      </c>
      <c r="B35540" s="6">
        <v>591674.39999999991</v>
      </c>
      <c r="C35540" s="7">
        <f t="shared" si="555"/>
        <v>591.67439999999988</v>
      </c>
      <c r="I35540" s="1"/>
    </row>
    <row r="35541" spans="1:9" x14ac:dyDescent="0.25">
      <c r="A35541" s="3">
        <v>41950.835578703707</v>
      </c>
      <c r="B35541" s="6">
        <v>591691.04999999993</v>
      </c>
      <c r="C35541" s="7">
        <f t="shared" si="555"/>
        <v>591.6910499999999</v>
      </c>
      <c r="I35541" s="1"/>
    </row>
    <row r="35542" spans="1:9" x14ac:dyDescent="0.25">
      <c r="A35542" s="3">
        <v>41980.300543981481</v>
      </c>
      <c r="B35542" s="6">
        <v>591707.69999999995</v>
      </c>
      <c r="C35542" s="7">
        <f t="shared" si="555"/>
        <v>591.70769999999993</v>
      </c>
      <c r="I35542" s="1"/>
    </row>
    <row r="35543" spans="1:9" x14ac:dyDescent="0.25">
      <c r="A35543" s="3">
        <v>41980.300833333335</v>
      </c>
      <c r="B35543" s="6">
        <v>591724.35</v>
      </c>
      <c r="C35543" s="7">
        <f t="shared" si="555"/>
        <v>591.72434999999996</v>
      </c>
      <c r="I35543" s="1"/>
    </row>
    <row r="35544" spans="1:9" x14ac:dyDescent="0.25">
      <c r="A35544" s="3">
        <v>41980.321956018517</v>
      </c>
      <c r="B35544" s="6">
        <v>591741</v>
      </c>
      <c r="C35544" s="7">
        <f t="shared" si="555"/>
        <v>591.74099999999999</v>
      </c>
      <c r="I35544" s="1"/>
    </row>
    <row r="35545" spans="1:9" x14ac:dyDescent="0.25">
      <c r="A35545" s="3">
        <v>41980.322766203702</v>
      </c>
      <c r="B35545" s="6">
        <v>591757.64999999991</v>
      </c>
      <c r="C35545" s="7">
        <f t="shared" si="555"/>
        <v>591.7576499999999</v>
      </c>
      <c r="I35545" s="1"/>
    </row>
    <row r="35546" spans="1:9" x14ac:dyDescent="0.25">
      <c r="A35546" s="3">
        <v>41980.325879629629</v>
      </c>
      <c r="B35546" s="6">
        <v>591774.29999999993</v>
      </c>
      <c r="C35546" s="7">
        <f t="shared" si="555"/>
        <v>591.77429999999993</v>
      </c>
      <c r="I35546" s="1"/>
    </row>
    <row r="35547" spans="1:9" x14ac:dyDescent="0.25">
      <c r="A35547" s="3">
        <v>41980.326064814813</v>
      </c>
      <c r="B35547" s="6">
        <v>591790.94999999995</v>
      </c>
      <c r="C35547" s="7">
        <f t="shared" si="555"/>
        <v>591.79094999999995</v>
      </c>
      <c r="I35547" s="1"/>
    </row>
    <row r="35548" spans="1:9" x14ac:dyDescent="0.25">
      <c r="A35548" s="3">
        <v>41980.337442129632</v>
      </c>
      <c r="B35548" s="6">
        <v>591807.6</v>
      </c>
      <c r="C35548" s="7">
        <f t="shared" si="555"/>
        <v>591.80759999999998</v>
      </c>
      <c r="I35548" s="1"/>
    </row>
    <row r="35549" spans="1:9" x14ac:dyDescent="0.25">
      <c r="A35549" s="3">
        <v>41980.337696759256</v>
      </c>
      <c r="B35549" s="6">
        <v>591824.25</v>
      </c>
      <c r="C35549" s="7">
        <f t="shared" si="555"/>
        <v>591.82425000000001</v>
      </c>
      <c r="I35549" s="1"/>
    </row>
    <row r="35550" spans="1:9" x14ac:dyDescent="0.25">
      <c r="A35550" s="3">
        <v>41980.340763888889</v>
      </c>
      <c r="B35550" s="6">
        <v>591840.89999999991</v>
      </c>
      <c r="C35550" s="7">
        <f t="shared" si="555"/>
        <v>591.84089999999992</v>
      </c>
      <c r="I35550" s="1"/>
    </row>
    <row r="35551" spans="1:9" x14ac:dyDescent="0.25">
      <c r="A35551" s="3">
        <v>41980.340995370374</v>
      </c>
      <c r="B35551" s="6">
        <v>591857.54999999993</v>
      </c>
      <c r="C35551" s="7">
        <f t="shared" si="555"/>
        <v>591.85754999999995</v>
      </c>
      <c r="I35551" s="1"/>
    </row>
    <row r="35552" spans="1:9" x14ac:dyDescent="0.25">
      <c r="A35552" s="3">
        <v>41980.343564814815</v>
      </c>
      <c r="B35552" s="6">
        <v>591874.19999999995</v>
      </c>
      <c r="C35552" s="7">
        <f t="shared" si="555"/>
        <v>591.87419999999997</v>
      </c>
      <c r="I35552" s="1"/>
    </row>
    <row r="35553" spans="1:9" x14ac:dyDescent="0.25">
      <c r="A35553" s="3">
        <v>41980.343668981484</v>
      </c>
      <c r="B35553" s="6">
        <v>591890.85</v>
      </c>
      <c r="C35553" s="7">
        <f t="shared" si="555"/>
        <v>591.89085</v>
      </c>
      <c r="I35553" s="1"/>
    </row>
    <row r="35554" spans="1:9" x14ac:dyDescent="0.25">
      <c r="A35554" s="3">
        <v>41980.344756944447</v>
      </c>
      <c r="B35554" s="6">
        <v>591907.5</v>
      </c>
      <c r="C35554" s="7">
        <f t="shared" si="555"/>
        <v>591.90750000000003</v>
      </c>
      <c r="I35554" s="1"/>
    </row>
    <row r="35555" spans="1:9" x14ac:dyDescent="0.25">
      <c r="A35555" s="3">
        <v>41980.345729166664</v>
      </c>
      <c r="B35555" s="6">
        <v>591924.14999999991</v>
      </c>
      <c r="C35555" s="7">
        <f t="shared" si="555"/>
        <v>591.92414999999994</v>
      </c>
      <c r="I35555" s="1"/>
    </row>
    <row r="35556" spans="1:9" x14ac:dyDescent="0.25">
      <c r="A35556" s="3">
        <v>41980.355798611112</v>
      </c>
      <c r="B35556" s="6">
        <v>591940.79999999993</v>
      </c>
      <c r="C35556" s="7">
        <f t="shared" si="555"/>
        <v>591.94079999999997</v>
      </c>
      <c r="I35556" s="1"/>
    </row>
    <row r="35557" spans="1:9" x14ac:dyDescent="0.25">
      <c r="A35557" s="3">
        <v>41980.35596064815</v>
      </c>
      <c r="B35557" s="6">
        <v>591957.44999999995</v>
      </c>
      <c r="C35557" s="7">
        <f t="shared" si="555"/>
        <v>591.95744999999999</v>
      </c>
      <c r="I35557" s="1"/>
    </row>
    <row r="35558" spans="1:9" x14ac:dyDescent="0.25">
      <c r="A35558" s="3">
        <v>41980.358263888891</v>
      </c>
      <c r="B35558" s="6">
        <v>591974.1</v>
      </c>
      <c r="C35558" s="7">
        <f t="shared" si="555"/>
        <v>591.97410000000002</v>
      </c>
      <c r="I35558" s="1"/>
    </row>
    <row r="35559" spans="1:9" x14ac:dyDescent="0.25">
      <c r="A35559" s="3">
        <v>41980.358460648145</v>
      </c>
      <c r="B35559" s="6">
        <v>591990.75</v>
      </c>
      <c r="C35559" s="7">
        <f t="shared" si="555"/>
        <v>591.99075000000005</v>
      </c>
      <c r="I35559" s="1"/>
    </row>
    <row r="35560" spans="1:9" x14ac:dyDescent="0.25">
      <c r="A35560" s="3">
        <v>41980.369305555556</v>
      </c>
      <c r="B35560" s="6">
        <v>592007.39999999991</v>
      </c>
      <c r="C35560" s="7">
        <f t="shared" si="555"/>
        <v>592.00739999999996</v>
      </c>
      <c r="I35560" s="1"/>
    </row>
    <row r="35561" spans="1:9" x14ac:dyDescent="0.25">
      <c r="A35561" s="3">
        <v>41980.369560185187</v>
      </c>
      <c r="B35561" s="6">
        <v>592024.04999999993</v>
      </c>
      <c r="C35561" s="7">
        <f t="shared" si="555"/>
        <v>592.02404999999987</v>
      </c>
      <c r="I35561" s="1"/>
    </row>
    <row r="35562" spans="1:9" x14ac:dyDescent="0.25">
      <c r="A35562" s="3">
        <v>41980.376527777778</v>
      </c>
      <c r="B35562" s="6">
        <v>592040.69999999995</v>
      </c>
      <c r="C35562" s="7">
        <f t="shared" si="555"/>
        <v>592.0406999999999</v>
      </c>
      <c r="I35562" s="1"/>
    </row>
    <row r="35563" spans="1:9" x14ac:dyDescent="0.25">
      <c r="A35563" s="3">
        <v>41980.376643518517</v>
      </c>
      <c r="B35563" s="6">
        <v>592057.35</v>
      </c>
      <c r="C35563" s="7">
        <f t="shared" si="555"/>
        <v>592.05734999999993</v>
      </c>
      <c r="I35563" s="1"/>
    </row>
    <row r="35564" spans="1:9" x14ac:dyDescent="0.25">
      <c r="A35564" s="3">
        <v>41980.381655092591</v>
      </c>
      <c r="B35564" s="6">
        <v>592074</v>
      </c>
      <c r="C35564" s="7">
        <f t="shared" si="555"/>
        <v>592.07399999999996</v>
      </c>
      <c r="I35564" s="1"/>
    </row>
    <row r="35565" spans="1:9" x14ac:dyDescent="0.25">
      <c r="A35565" s="3">
        <v>41980.383090277777</v>
      </c>
      <c r="B35565" s="6">
        <v>592090.64999999991</v>
      </c>
      <c r="C35565" s="7">
        <f t="shared" si="555"/>
        <v>592.09064999999987</v>
      </c>
      <c r="I35565" s="1"/>
    </row>
    <row r="35566" spans="1:9" x14ac:dyDescent="0.25">
      <c r="A35566" s="3">
        <v>41980.38925925926</v>
      </c>
      <c r="B35566" s="6">
        <v>592107.29999999993</v>
      </c>
      <c r="C35566" s="7">
        <f t="shared" si="555"/>
        <v>592.1072999999999</v>
      </c>
      <c r="I35566" s="1"/>
    </row>
    <row r="35567" spans="1:9" x14ac:dyDescent="0.25">
      <c r="A35567" s="3">
        <v>41980.389409722222</v>
      </c>
      <c r="B35567" s="6">
        <v>592123.94999999995</v>
      </c>
      <c r="C35567" s="7">
        <f t="shared" si="555"/>
        <v>592.12394999999992</v>
      </c>
      <c r="I35567" s="1"/>
    </row>
    <row r="35568" spans="1:9" x14ac:dyDescent="0.25">
      <c r="A35568" s="3">
        <v>41980.390983796293</v>
      </c>
      <c r="B35568" s="6">
        <v>592140.6</v>
      </c>
      <c r="C35568" s="7">
        <f t="shared" si="555"/>
        <v>592.14059999999995</v>
      </c>
      <c r="I35568" s="1"/>
    </row>
    <row r="35569" spans="1:9" x14ac:dyDescent="0.25">
      <c r="A35569" s="3">
        <v>41980.391122685185</v>
      </c>
      <c r="B35569" s="6">
        <v>592157.25</v>
      </c>
      <c r="C35569" s="7">
        <f t="shared" si="555"/>
        <v>592.15724999999998</v>
      </c>
      <c r="I35569" s="1"/>
    </row>
    <row r="35570" spans="1:9" x14ac:dyDescent="0.25">
      <c r="A35570" s="3">
        <v>41980.394687499997</v>
      </c>
      <c r="B35570" s="6">
        <v>592173.89999999991</v>
      </c>
      <c r="C35570" s="7">
        <f t="shared" si="555"/>
        <v>592.17389999999989</v>
      </c>
      <c r="I35570" s="1"/>
    </row>
    <row r="35571" spans="1:9" x14ac:dyDescent="0.25">
      <c r="A35571" s="3">
        <v>41980.394907407404</v>
      </c>
      <c r="B35571" s="6">
        <v>592190.54999999993</v>
      </c>
      <c r="C35571" s="7">
        <f t="shared" si="555"/>
        <v>592.19054999999992</v>
      </c>
      <c r="I35571" s="1"/>
    </row>
    <row r="35572" spans="1:9" x14ac:dyDescent="0.25">
      <c r="A35572" s="3">
        <v>41980.401250000003</v>
      </c>
      <c r="B35572" s="6">
        <v>592207.19999999995</v>
      </c>
      <c r="C35572" s="7">
        <f t="shared" si="555"/>
        <v>592.20719999999994</v>
      </c>
      <c r="I35572" s="1"/>
    </row>
    <row r="35573" spans="1:9" x14ac:dyDescent="0.25">
      <c r="A35573" s="3">
        <v>41980.401331018518</v>
      </c>
      <c r="B35573" s="6">
        <v>592223.85</v>
      </c>
      <c r="C35573" s="7">
        <f t="shared" si="555"/>
        <v>592.22384999999997</v>
      </c>
      <c r="I35573" s="1"/>
    </row>
    <row r="35574" spans="1:9" x14ac:dyDescent="0.25">
      <c r="A35574" s="3">
        <v>41980.402696759258</v>
      </c>
      <c r="B35574" s="6">
        <v>592240.5</v>
      </c>
      <c r="C35574" s="7">
        <f t="shared" si="555"/>
        <v>592.2405</v>
      </c>
      <c r="I35574" s="1"/>
    </row>
    <row r="35575" spans="1:9" x14ac:dyDescent="0.25">
      <c r="A35575" s="3">
        <v>41980.40284722222</v>
      </c>
      <c r="B35575" s="6">
        <v>592257.14999999991</v>
      </c>
      <c r="C35575" s="7">
        <f t="shared" si="555"/>
        <v>592.25714999999991</v>
      </c>
      <c r="I35575" s="1"/>
    </row>
    <row r="35576" spans="1:9" x14ac:dyDescent="0.25">
      <c r="A35576" s="3">
        <v>41980.426435185182</v>
      </c>
      <c r="B35576" s="6">
        <v>592273.79999999993</v>
      </c>
      <c r="C35576" s="7">
        <f t="shared" si="555"/>
        <v>592.27379999999994</v>
      </c>
      <c r="I35576" s="1"/>
    </row>
    <row r="35577" spans="1:9" x14ac:dyDescent="0.25">
      <c r="A35577" s="3">
        <v>41980.426678240743</v>
      </c>
      <c r="B35577" s="6">
        <v>592290.44999999995</v>
      </c>
      <c r="C35577" s="7">
        <f t="shared" si="555"/>
        <v>592.29044999999996</v>
      </c>
      <c r="I35577" s="1"/>
    </row>
    <row r="35578" spans="1:9" x14ac:dyDescent="0.25">
      <c r="A35578" s="3">
        <v>41980.430925925924</v>
      </c>
      <c r="B35578" s="6">
        <v>592307.1</v>
      </c>
      <c r="C35578" s="7">
        <f t="shared" si="555"/>
        <v>592.30709999999999</v>
      </c>
      <c r="I35578" s="1"/>
    </row>
    <row r="35579" spans="1:9" x14ac:dyDescent="0.25">
      <c r="A35579" s="3">
        <v>41980.431018518517</v>
      </c>
      <c r="B35579" s="6">
        <v>592323.75</v>
      </c>
      <c r="C35579" s="7">
        <f t="shared" si="555"/>
        <v>592.32375000000002</v>
      </c>
      <c r="I35579" s="1"/>
    </row>
    <row r="35580" spans="1:9" x14ac:dyDescent="0.25">
      <c r="A35580" s="3">
        <v>41980.432430555556</v>
      </c>
      <c r="B35580" s="6">
        <v>592340.39999999991</v>
      </c>
      <c r="C35580" s="7">
        <f t="shared" si="555"/>
        <v>592.34039999999993</v>
      </c>
      <c r="I35580" s="1"/>
    </row>
    <row r="35581" spans="1:9" x14ac:dyDescent="0.25">
      <c r="A35581" s="3">
        <v>41980.432557870372</v>
      </c>
      <c r="B35581" s="6">
        <v>592357.04999999993</v>
      </c>
      <c r="C35581" s="7">
        <f t="shared" si="555"/>
        <v>592.35704999999996</v>
      </c>
      <c r="I35581" s="1"/>
    </row>
    <row r="35582" spans="1:9" x14ac:dyDescent="0.25">
      <c r="A35582" s="3">
        <v>41980.43408564815</v>
      </c>
      <c r="B35582" s="6">
        <v>592373.69999999995</v>
      </c>
      <c r="C35582" s="7">
        <f t="shared" si="555"/>
        <v>592.37369999999999</v>
      </c>
      <c r="I35582" s="1"/>
    </row>
    <row r="35583" spans="1:9" x14ac:dyDescent="0.25">
      <c r="A35583" s="3">
        <v>41980.434189814812</v>
      </c>
      <c r="B35583" s="6">
        <v>592390.35</v>
      </c>
      <c r="C35583" s="7">
        <f t="shared" si="555"/>
        <v>592.39035000000001</v>
      </c>
      <c r="I35583" s="1"/>
    </row>
    <row r="35584" spans="1:9" x14ac:dyDescent="0.25">
      <c r="A35584" s="3">
        <v>41980.435081018521</v>
      </c>
      <c r="B35584" s="6">
        <v>592407</v>
      </c>
      <c r="C35584" s="7">
        <f t="shared" si="555"/>
        <v>592.40700000000004</v>
      </c>
      <c r="I35584" s="1"/>
    </row>
    <row r="35585" spans="1:9" x14ac:dyDescent="0.25">
      <c r="A35585" s="3">
        <v>41980.435162037036</v>
      </c>
      <c r="B35585" s="6">
        <v>592423.64999999991</v>
      </c>
      <c r="C35585" s="7">
        <f t="shared" si="555"/>
        <v>592.42364999999995</v>
      </c>
      <c r="I35585" s="1"/>
    </row>
    <row r="35586" spans="1:9" x14ac:dyDescent="0.25">
      <c r="A35586" s="3">
        <v>41980.437627314815</v>
      </c>
      <c r="B35586" s="6">
        <v>592440.29999999993</v>
      </c>
      <c r="C35586" s="7">
        <f t="shared" si="555"/>
        <v>592.44029999999998</v>
      </c>
      <c r="I35586" s="1"/>
    </row>
    <row r="35587" spans="1:9" x14ac:dyDescent="0.25">
      <c r="A35587" s="3">
        <v>41980.437905092593</v>
      </c>
      <c r="B35587" s="6">
        <v>592456.94999999995</v>
      </c>
      <c r="C35587" s="7">
        <f t="shared" ref="C35587:C35650" si="556">B35587/1000</f>
        <v>592.45695000000001</v>
      </c>
      <c r="I35587" s="1"/>
    </row>
    <row r="35588" spans="1:9" x14ac:dyDescent="0.25">
      <c r="A35588" s="3">
        <v>41980.439074074071</v>
      </c>
      <c r="B35588" s="6">
        <v>592473.59999999998</v>
      </c>
      <c r="C35588" s="7">
        <f t="shared" si="556"/>
        <v>592.47360000000003</v>
      </c>
      <c r="I35588" s="1"/>
    </row>
    <row r="35589" spans="1:9" x14ac:dyDescent="0.25">
      <c r="A35589" s="3">
        <v>41980.43922453704</v>
      </c>
      <c r="B35589" s="6">
        <v>592490.25</v>
      </c>
      <c r="C35589" s="7">
        <f t="shared" si="556"/>
        <v>592.49024999999995</v>
      </c>
      <c r="I35589" s="1"/>
    </row>
    <row r="35590" spans="1:9" x14ac:dyDescent="0.25">
      <c r="A35590" s="3">
        <v>41980.441527777781</v>
      </c>
      <c r="B35590" s="6">
        <v>592506.89999999991</v>
      </c>
      <c r="C35590" s="7">
        <f t="shared" si="556"/>
        <v>592.50689999999986</v>
      </c>
      <c r="I35590" s="1"/>
    </row>
    <row r="35591" spans="1:9" x14ac:dyDescent="0.25">
      <c r="A35591" s="3">
        <v>41980.441724537035</v>
      </c>
      <c r="B35591" s="6">
        <v>592523.54999999993</v>
      </c>
      <c r="C35591" s="7">
        <f t="shared" si="556"/>
        <v>592.52354999999989</v>
      </c>
      <c r="I35591" s="1"/>
    </row>
    <row r="35592" spans="1:9" x14ac:dyDescent="0.25">
      <c r="A35592" s="3">
        <v>41980.449814814812</v>
      </c>
      <c r="B35592" s="6">
        <v>592540.19999999995</v>
      </c>
      <c r="C35592" s="7">
        <f t="shared" si="556"/>
        <v>592.54019999999991</v>
      </c>
      <c r="I35592" s="1"/>
    </row>
    <row r="35593" spans="1:9" x14ac:dyDescent="0.25">
      <c r="A35593" s="3">
        <v>41980.449965277781</v>
      </c>
      <c r="B35593" s="6">
        <v>592556.85</v>
      </c>
      <c r="C35593" s="7">
        <f t="shared" si="556"/>
        <v>592.55684999999994</v>
      </c>
      <c r="I35593" s="1"/>
    </row>
    <row r="35594" spans="1:9" x14ac:dyDescent="0.25">
      <c r="A35594" s="3">
        <v>41980.450914351852</v>
      </c>
      <c r="B35594" s="6">
        <v>592573.5</v>
      </c>
      <c r="C35594" s="7">
        <f t="shared" si="556"/>
        <v>592.57349999999997</v>
      </c>
      <c r="I35594" s="1"/>
    </row>
    <row r="35595" spans="1:9" x14ac:dyDescent="0.25">
      <c r="A35595" s="3">
        <v>41980.45103009259</v>
      </c>
      <c r="B35595" s="6">
        <v>592590.14999999991</v>
      </c>
      <c r="C35595" s="7">
        <f t="shared" si="556"/>
        <v>592.59014999999988</v>
      </c>
      <c r="I35595" s="1"/>
    </row>
    <row r="35596" spans="1:9" x14ac:dyDescent="0.25">
      <c r="A35596" s="3">
        <v>41980.454861111109</v>
      </c>
      <c r="B35596" s="6">
        <v>592606.79999999993</v>
      </c>
      <c r="C35596" s="7">
        <f t="shared" si="556"/>
        <v>592.60679999999991</v>
      </c>
      <c r="I35596" s="1"/>
    </row>
    <row r="35597" spans="1:9" x14ac:dyDescent="0.25">
      <c r="A35597" s="3">
        <v>41980.454965277779</v>
      </c>
      <c r="B35597" s="6">
        <v>592623.44999999995</v>
      </c>
      <c r="C35597" s="7">
        <f t="shared" si="556"/>
        <v>592.62344999999993</v>
      </c>
      <c r="I35597" s="1"/>
    </row>
    <row r="35598" spans="1:9" x14ac:dyDescent="0.25">
      <c r="A35598" s="3">
        <v>41980.45590277778</v>
      </c>
      <c r="B35598" s="6">
        <v>592640.1</v>
      </c>
      <c r="C35598" s="7">
        <f t="shared" si="556"/>
        <v>592.64009999999996</v>
      </c>
      <c r="I35598" s="1"/>
    </row>
    <row r="35599" spans="1:9" x14ac:dyDescent="0.25">
      <c r="A35599" s="3">
        <v>41980.456145833334</v>
      </c>
      <c r="B35599" s="6">
        <v>592656.75</v>
      </c>
      <c r="C35599" s="7">
        <f t="shared" si="556"/>
        <v>592.65674999999999</v>
      </c>
      <c r="I35599" s="1"/>
    </row>
    <row r="35600" spans="1:9" x14ac:dyDescent="0.25">
      <c r="A35600" s="3">
        <v>41980.457777777781</v>
      </c>
      <c r="B35600" s="6">
        <v>592673.39999999991</v>
      </c>
      <c r="C35600" s="7">
        <f t="shared" si="556"/>
        <v>592.6733999999999</v>
      </c>
      <c r="I35600" s="1"/>
    </row>
    <row r="35601" spans="1:9" x14ac:dyDescent="0.25">
      <c r="A35601" s="3">
        <v>41980.457974537036</v>
      </c>
      <c r="B35601" s="6">
        <v>592690.04999999993</v>
      </c>
      <c r="C35601" s="7">
        <f t="shared" si="556"/>
        <v>592.69004999999993</v>
      </c>
      <c r="I35601" s="1"/>
    </row>
    <row r="35602" spans="1:9" x14ac:dyDescent="0.25">
      <c r="A35602" s="3">
        <v>41980.463576388887</v>
      </c>
      <c r="B35602" s="6">
        <v>592706.69999999995</v>
      </c>
      <c r="C35602" s="7">
        <f t="shared" si="556"/>
        <v>592.70669999999996</v>
      </c>
      <c r="I35602" s="1"/>
    </row>
    <row r="35603" spans="1:9" x14ac:dyDescent="0.25">
      <c r="A35603" s="3">
        <v>41980.464965277781</v>
      </c>
      <c r="B35603" s="6">
        <v>592723.35</v>
      </c>
      <c r="C35603" s="7">
        <f t="shared" si="556"/>
        <v>592.72334999999998</v>
      </c>
      <c r="I35603" s="1"/>
    </row>
    <row r="35604" spans="1:9" x14ac:dyDescent="0.25">
      <c r="A35604" s="3">
        <v>41980.466782407406</v>
      </c>
      <c r="B35604" s="6">
        <v>592740</v>
      </c>
      <c r="C35604" s="7">
        <f t="shared" si="556"/>
        <v>592.74</v>
      </c>
      <c r="I35604" s="1"/>
    </row>
    <row r="35605" spans="1:9" x14ac:dyDescent="0.25">
      <c r="A35605" s="3">
        <v>41980.466886574075</v>
      </c>
      <c r="B35605" s="6">
        <v>592756.64999999991</v>
      </c>
      <c r="C35605" s="7">
        <f t="shared" si="556"/>
        <v>592.75664999999992</v>
      </c>
      <c r="I35605" s="1"/>
    </row>
    <row r="35606" spans="1:9" x14ac:dyDescent="0.25">
      <c r="A35606" s="3">
        <v>41980.473194444443</v>
      </c>
      <c r="B35606" s="6">
        <v>592773.29999999993</v>
      </c>
      <c r="C35606" s="7">
        <f t="shared" si="556"/>
        <v>592.77329999999995</v>
      </c>
      <c r="I35606" s="1"/>
    </row>
    <row r="35607" spans="1:9" x14ac:dyDescent="0.25">
      <c r="A35607" s="3">
        <v>41980.473344907405</v>
      </c>
      <c r="B35607" s="6">
        <v>592789.94999999995</v>
      </c>
      <c r="C35607" s="7">
        <f t="shared" si="556"/>
        <v>592.78994999999998</v>
      </c>
      <c r="I35607" s="1"/>
    </row>
    <row r="35608" spans="1:9" x14ac:dyDescent="0.25">
      <c r="A35608" s="3">
        <v>41980.474768518521</v>
      </c>
      <c r="B35608" s="6">
        <v>592806.6</v>
      </c>
      <c r="C35608" s="7">
        <f t="shared" si="556"/>
        <v>592.8066</v>
      </c>
      <c r="I35608" s="1"/>
    </row>
    <row r="35609" spans="1:9" x14ac:dyDescent="0.25">
      <c r="A35609" s="3">
        <v>41980.474872685183</v>
      </c>
      <c r="B35609" s="6">
        <v>592823.25</v>
      </c>
      <c r="C35609" s="7">
        <f t="shared" si="556"/>
        <v>592.82325000000003</v>
      </c>
      <c r="I35609" s="1"/>
    </row>
    <row r="35610" spans="1:9" x14ac:dyDescent="0.25">
      <c r="A35610" s="3">
        <v>41980.4762962963</v>
      </c>
      <c r="B35610" s="6">
        <v>592839.89999999991</v>
      </c>
      <c r="C35610" s="7">
        <f t="shared" si="556"/>
        <v>592.83989999999994</v>
      </c>
      <c r="I35610" s="1"/>
    </row>
    <row r="35611" spans="1:9" x14ac:dyDescent="0.25">
      <c r="A35611" s="3">
        <v>41980.476423611108</v>
      </c>
      <c r="B35611" s="6">
        <v>592856.54999999993</v>
      </c>
      <c r="C35611" s="7">
        <f t="shared" si="556"/>
        <v>592.85654999999997</v>
      </c>
      <c r="I35611" s="1"/>
    </row>
    <row r="35612" spans="1:9" x14ac:dyDescent="0.25">
      <c r="A35612" s="3">
        <v>41980.478587962964</v>
      </c>
      <c r="B35612" s="6">
        <v>592873.19999999995</v>
      </c>
      <c r="C35612" s="7">
        <f t="shared" si="556"/>
        <v>592.8732</v>
      </c>
      <c r="I35612" s="1"/>
    </row>
    <row r="35613" spans="1:9" x14ac:dyDescent="0.25">
      <c r="A35613" s="3">
        <v>41980.478703703702</v>
      </c>
      <c r="B35613" s="6">
        <v>592889.85</v>
      </c>
      <c r="C35613" s="7">
        <f t="shared" si="556"/>
        <v>592.88985000000002</v>
      </c>
      <c r="I35613" s="1"/>
    </row>
    <row r="35614" spans="1:9" x14ac:dyDescent="0.25">
      <c r="A35614" s="3">
        <v>41980.480729166666</v>
      </c>
      <c r="B35614" s="6">
        <v>592906.5</v>
      </c>
      <c r="C35614" s="7">
        <f t="shared" si="556"/>
        <v>592.90650000000005</v>
      </c>
      <c r="I35614" s="1"/>
    </row>
    <row r="35615" spans="1:9" x14ac:dyDescent="0.25">
      <c r="A35615" s="3">
        <v>41980.480787037035</v>
      </c>
      <c r="B35615" s="6">
        <v>592923.14999999991</v>
      </c>
      <c r="C35615" s="7">
        <f t="shared" si="556"/>
        <v>592.92314999999985</v>
      </c>
      <c r="I35615" s="1"/>
    </row>
    <row r="35616" spans="1:9" x14ac:dyDescent="0.25">
      <c r="A35616" s="3">
        <v>41980.482303240744</v>
      </c>
      <c r="B35616" s="6">
        <v>592939.79999999993</v>
      </c>
      <c r="C35616" s="7">
        <f t="shared" si="556"/>
        <v>592.93979999999988</v>
      </c>
      <c r="I35616" s="1"/>
    </row>
    <row r="35617" spans="1:9" x14ac:dyDescent="0.25">
      <c r="A35617" s="3">
        <v>41980.482418981483</v>
      </c>
      <c r="B35617" s="6">
        <v>592956.44999999995</v>
      </c>
      <c r="C35617" s="7">
        <f t="shared" si="556"/>
        <v>592.9564499999999</v>
      </c>
      <c r="I35617" s="1"/>
    </row>
    <row r="35618" spans="1:9" x14ac:dyDescent="0.25">
      <c r="A35618" s="3">
        <v>41980.483206018522</v>
      </c>
      <c r="B35618" s="6">
        <v>592973.1</v>
      </c>
      <c r="C35618" s="7">
        <f t="shared" si="556"/>
        <v>592.97309999999993</v>
      </c>
      <c r="I35618" s="1"/>
    </row>
    <row r="35619" spans="1:9" x14ac:dyDescent="0.25">
      <c r="A35619" s="3">
        <v>41980.483298611114</v>
      </c>
      <c r="B35619" s="6">
        <v>592989.75</v>
      </c>
      <c r="C35619" s="7">
        <f t="shared" si="556"/>
        <v>592.98974999999996</v>
      </c>
      <c r="I35619" s="1"/>
    </row>
    <row r="35620" spans="1:9" x14ac:dyDescent="0.25">
      <c r="A35620" s="3">
        <v>41980.484305555554</v>
      </c>
      <c r="B35620" s="6">
        <v>593006.39999999991</v>
      </c>
      <c r="C35620" s="7">
        <f t="shared" si="556"/>
        <v>593.00639999999987</v>
      </c>
      <c r="I35620" s="1"/>
    </row>
    <row r="35621" spans="1:9" x14ac:dyDescent="0.25">
      <c r="A35621" s="3">
        <v>41980.484386574077</v>
      </c>
      <c r="B35621" s="6">
        <v>593023.04999999993</v>
      </c>
      <c r="C35621" s="7">
        <f t="shared" si="556"/>
        <v>593.0230499999999</v>
      </c>
      <c r="I35621" s="1"/>
    </row>
    <row r="35622" spans="1:9" x14ac:dyDescent="0.25">
      <c r="A35622" s="3">
        <v>41980.485879629632</v>
      </c>
      <c r="B35622" s="6">
        <v>593039.69999999995</v>
      </c>
      <c r="C35622" s="7">
        <f t="shared" si="556"/>
        <v>593.03969999999993</v>
      </c>
      <c r="I35622" s="1"/>
    </row>
    <row r="35623" spans="1:9" x14ac:dyDescent="0.25">
      <c r="A35623" s="3">
        <v>41980.486643518518</v>
      </c>
      <c r="B35623" s="6">
        <v>593056.35</v>
      </c>
      <c r="C35623" s="7">
        <f t="shared" si="556"/>
        <v>593.05634999999995</v>
      </c>
      <c r="I35623" s="1"/>
    </row>
    <row r="35624" spans="1:9" x14ac:dyDescent="0.25">
      <c r="A35624" s="3">
        <v>41980.490312499998</v>
      </c>
      <c r="B35624" s="6">
        <v>593073</v>
      </c>
      <c r="C35624" s="7">
        <f t="shared" si="556"/>
        <v>593.07299999999998</v>
      </c>
      <c r="I35624" s="1"/>
    </row>
    <row r="35625" spans="1:9" x14ac:dyDescent="0.25">
      <c r="A35625" s="3">
        <v>41980.490393518521</v>
      </c>
      <c r="B35625" s="6">
        <v>593089.64999999991</v>
      </c>
      <c r="C35625" s="7">
        <f t="shared" si="556"/>
        <v>593.08964999999989</v>
      </c>
      <c r="I35625" s="1"/>
    </row>
    <row r="35626" spans="1:9" x14ac:dyDescent="0.25">
      <c r="A35626" s="3">
        <v>41980.491493055553</v>
      </c>
      <c r="B35626" s="6">
        <v>593106.29999999993</v>
      </c>
      <c r="C35626" s="7">
        <f t="shared" si="556"/>
        <v>593.10629999999992</v>
      </c>
      <c r="I35626" s="1"/>
    </row>
    <row r="35627" spans="1:9" x14ac:dyDescent="0.25">
      <c r="A35627" s="3">
        <v>41980.491678240738</v>
      </c>
      <c r="B35627" s="6">
        <v>593122.94999999995</v>
      </c>
      <c r="C35627" s="7">
        <f t="shared" si="556"/>
        <v>593.12294999999995</v>
      </c>
      <c r="I35627" s="1"/>
    </row>
    <row r="35628" spans="1:9" x14ac:dyDescent="0.25">
      <c r="A35628" s="3">
        <v>41980.49491898148</v>
      </c>
      <c r="B35628" s="6">
        <v>593139.6</v>
      </c>
      <c r="C35628" s="7">
        <f t="shared" si="556"/>
        <v>593.13959999999997</v>
      </c>
      <c r="I35628" s="1"/>
    </row>
    <row r="35629" spans="1:9" x14ac:dyDescent="0.25">
      <c r="A35629" s="3">
        <v>41980.49523148148</v>
      </c>
      <c r="B35629" s="6">
        <v>593156.25</v>
      </c>
      <c r="C35629" s="7">
        <f t="shared" si="556"/>
        <v>593.15625</v>
      </c>
      <c r="I35629" s="1"/>
    </row>
    <row r="35630" spans="1:9" x14ac:dyDescent="0.25">
      <c r="A35630" s="3">
        <v>41980.498055555552</v>
      </c>
      <c r="B35630" s="6">
        <v>593172.89999999991</v>
      </c>
      <c r="C35630" s="7">
        <f t="shared" si="556"/>
        <v>593.17289999999991</v>
      </c>
      <c r="I35630" s="1"/>
    </row>
    <row r="35631" spans="1:9" x14ac:dyDescent="0.25">
      <c r="A35631" s="3">
        <v>41980.498344907406</v>
      </c>
      <c r="B35631" s="6">
        <v>593189.54999999993</v>
      </c>
      <c r="C35631" s="7">
        <f t="shared" si="556"/>
        <v>593.18954999999994</v>
      </c>
      <c r="I35631" s="1"/>
    </row>
    <row r="35632" spans="1:9" x14ac:dyDescent="0.25">
      <c r="A35632" s="3">
        <v>41980.500069444446</v>
      </c>
      <c r="B35632" s="6">
        <v>593206.19999999995</v>
      </c>
      <c r="C35632" s="7">
        <f t="shared" si="556"/>
        <v>593.20619999999997</v>
      </c>
      <c r="I35632" s="1"/>
    </row>
    <row r="35633" spans="1:9" x14ac:dyDescent="0.25">
      <c r="A35633" s="3">
        <v>41980.500173611108</v>
      </c>
      <c r="B35633" s="6">
        <v>593222.85</v>
      </c>
      <c r="C35633" s="7">
        <f t="shared" si="556"/>
        <v>593.22284999999999</v>
      </c>
      <c r="I35633" s="1"/>
    </row>
    <row r="35634" spans="1:9" x14ac:dyDescent="0.25">
      <c r="A35634" s="3">
        <v>41980.501423611109</v>
      </c>
      <c r="B35634" s="6">
        <v>593239.5</v>
      </c>
      <c r="C35634" s="7">
        <f t="shared" si="556"/>
        <v>593.23950000000002</v>
      </c>
      <c r="I35634" s="1"/>
    </row>
    <row r="35635" spans="1:9" x14ac:dyDescent="0.25">
      <c r="A35635" s="3">
        <v>41980.501539351855</v>
      </c>
      <c r="B35635" s="6">
        <v>593256.14999999991</v>
      </c>
      <c r="C35635" s="7">
        <f t="shared" si="556"/>
        <v>593.25614999999993</v>
      </c>
      <c r="I35635" s="1"/>
    </row>
    <row r="35636" spans="1:9" x14ac:dyDescent="0.25">
      <c r="A35636" s="3">
        <v>41980.502418981479</v>
      </c>
      <c r="B35636" s="6">
        <v>593272.79999999993</v>
      </c>
      <c r="C35636" s="7">
        <f t="shared" si="556"/>
        <v>593.27279999999996</v>
      </c>
      <c r="I35636" s="1"/>
    </row>
    <row r="35637" spans="1:9" x14ac:dyDescent="0.25">
      <c r="A35637" s="3">
        <v>41980.502511574072</v>
      </c>
      <c r="B35637" s="6">
        <v>593289.44999999995</v>
      </c>
      <c r="C35637" s="7">
        <f t="shared" si="556"/>
        <v>593.28944999999999</v>
      </c>
      <c r="I35637" s="1"/>
    </row>
    <row r="35638" spans="1:9" x14ac:dyDescent="0.25">
      <c r="A35638" s="3">
        <v>41980.504004629627</v>
      </c>
      <c r="B35638" s="6">
        <v>593306.1</v>
      </c>
      <c r="C35638" s="7">
        <f t="shared" si="556"/>
        <v>593.30610000000001</v>
      </c>
      <c r="I35638" s="1"/>
    </row>
    <row r="35639" spans="1:9" x14ac:dyDescent="0.25">
      <c r="A35639" s="3">
        <v>41980.504201388889</v>
      </c>
      <c r="B35639" s="6">
        <v>593322.75</v>
      </c>
      <c r="C35639" s="7">
        <f t="shared" si="556"/>
        <v>593.32275000000004</v>
      </c>
      <c r="I35639" s="1"/>
    </row>
    <row r="35640" spans="1:9" x14ac:dyDescent="0.25">
      <c r="A35640" s="3">
        <v>41980.505567129629</v>
      </c>
      <c r="B35640" s="6">
        <v>593339.39999999991</v>
      </c>
      <c r="C35640" s="7">
        <f t="shared" si="556"/>
        <v>593.33939999999996</v>
      </c>
      <c r="I35640" s="1"/>
    </row>
    <row r="35641" spans="1:9" x14ac:dyDescent="0.25">
      <c r="A35641" s="3">
        <v>41980.505740740744</v>
      </c>
      <c r="B35641" s="6">
        <v>593356.04999999993</v>
      </c>
      <c r="C35641" s="7">
        <f t="shared" si="556"/>
        <v>593.35604999999998</v>
      </c>
      <c r="I35641" s="1"/>
    </row>
    <row r="35642" spans="1:9" x14ac:dyDescent="0.25">
      <c r="A35642" s="3">
        <v>41980.507245370369</v>
      </c>
      <c r="B35642" s="6">
        <v>593372.69999999995</v>
      </c>
      <c r="C35642" s="7">
        <f t="shared" si="556"/>
        <v>593.37270000000001</v>
      </c>
      <c r="I35642" s="1"/>
    </row>
    <row r="35643" spans="1:9" x14ac:dyDescent="0.25">
      <c r="A35643" s="3">
        <v>41980.507465277777</v>
      </c>
      <c r="B35643" s="6">
        <v>593389.35</v>
      </c>
      <c r="C35643" s="7">
        <f t="shared" si="556"/>
        <v>593.38934999999992</v>
      </c>
      <c r="I35643" s="1"/>
    </row>
    <row r="35644" spans="1:9" x14ac:dyDescent="0.25">
      <c r="A35644" s="3">
        <v>41980.511412037034</v>
      </c>
      <c r="B35644" s="6">
        <v>593406</v>
      </c>
      <c r="C35644" s="7">
        <f t="shared" si="556"/>
        <v>593.40599999999995</v>
      </c>
      <c r="I35644" s="1"/>
    </row>
    <row r="35645" spans="1:9" x14ac:dyDescent="0.25">
      <c r="A35645" s="3">
        <v>41980.511678240742</v>
      </c>
      <c r="B35645" s="6">
        <v>593422.64999999991</v>
      </c>
      <c r="C35645" s="7">
        <f t="shared" si="556"/>
        <v>593.42264999999986</v>
      </c>
      <c r="I35645" s="1"/>
    </row>
    <row r="35646" spans="1:9" x14ac:dyDescent="0.25">
      <c r="A35646" s="3">
        <v>41980.51357638889</v>
      </c>
      <c r="B35646" s="6">
        <v>593439.29999999993</v>
      </c>
      <c r="C35646" s="7">
        <f t="shared" si="556"/>
        <v>593.43929999999989</v>
      </c>
      <c r="I35646" s="1"/>
    </row>
    <row r="35647" spans="1:9" x14ac:dyDescent="0.25">
      <c r="A35647" s="3">
        <v>41980.513715277775</v>
      </c>
      <c r="B35647" s="6">
        <v>593455.94999999995</v>
      </c>
      <c r="C35647" s="7">
        <f t="shared" si="556"/>
        <v>593.45594999999992</v>
      </c>
      <c r="I35647" s="1"/>
    </row>
    <row r="35648" spans="1:9" x14ac:dyDescent="0.25">
      <c r="A35648" s="3">
        <v>41980.515405092592</v>
      </c>
      <c r="B35648" s="6">
        <v>593472.6</v>
      </c>
      <c r="C35648" s="7">
        <f t="shared" si="556"/>
        <v>593.47259999999994</v>
      </c>
      <c r="I35648" s="1"/>
    </row>
    <row r="35649" spans="1:9" x14ac:dyDescent="0.25">
      <c r="A35649" s="3">
        <v>41980.515532407408</v>
      </c>
      <c r="B35649" s="6">
        <v>593489.25</v>
      </c>
      <c r="C35649" s="7">
        <f t="shared" si="556"/>
        <v>593.48924999999997</v>
      </c>
      <c r="I35649" s="1"/>
    </row>
    <row r="35650" spans="1:9" x14ac:dyDescent="0.25">
      <c r="A35650" s="3">
        <v>41980.516782407409</v>
      </c>
      <c r="B35650" s="6">
        <v>593505.89999999991</v>
      </c>
      <c r="C35650" s="7">
        <f t="shared" si="556"/>
        <v>593.50589999999988</v>
      </c>
      <c r="I35650" s="1"/>
    </row>
    <row r="35651" spans="1:9" x14ac:dyDescent="0.25">
      <c r="A35651" s="3">
        <v>41980.516875000001</v>
      </c>
      <c r="B35651" s="6">
        <v>593522.54999999993</v>
      </c>
      <c r="C35651" s="7">
        <f t="shared" ref="C35651:C35714" si="557">B35651/1000</f>
        <v>593.52254999999991</v>
      </c>
      <c r="I35651" s="1"/>
    </row>
    <row r="35652" spans="1:9" x14ac:dyDescent="0.25">
      <c r="A35652" s="3">
        <v>41980.51829861111</v>
      </c>
      <c r="B35652" s="6">
        <v>593539.19999999995</v>
      </c>
      <c r="C35652" s="7">
        <f t="shared" si="557"/>
        <v>593.53919999999994</v>
      </c>
      <c r="I35652" s="1"/>
    </row>
    <row r="35653" spans="1:9" x14ac:dyDescent="0.25">
      <c r="A35653" s="3">
        <v>41980.518425925926</v>
      </c>
      <c r="B35653" s="6">
        <v>593555.85</v>
      </c>
      <c r="C35653" s="7">
        <f t="shared" si="557"/>
        <v>593.55584999999996</v>
      </c>
      <c r="I35653" s="1"/>
    </row>
    <row r="35654" spans="1:9" x14ac:dyDescent="0.25">
      <c r="A35654" s="3">
        <v>41980.519490740742</v>
      </c>
      <c r="B35654" s="6">
        <v>593572.5</v>
      </c>
      <c r="C35654" s="7">
        <f t="shared" si="557"/>
        <v>593.57249999999999</v>
      </c>
      <c r="I35654" s="1"/>
    </row>
    <row r="35655" spans="1:9" x14ac:dyDescent="0.25">
      <c r="A35655" s="3">
        <v>41980.519606481481</v>
      </c>
      <c r="B35655" s="6">
        <v>593589.14999999991</v>
      </c>
      <c r="C35655" s="7">
        <f t="shared" si="557"/>
        <v>593.5891499999999</v>
      </c>
      <c r="I35655" s="1"/>
    </row>
    <row r="35656" spans="1:9" x14ac:dyDescent="0.25">
      <c r="A35656" s="3">
        <v>41980.520787037036</v>
      </c>
      <c r="B35656" s="6">
        <v>593605.79999999993</v>
      </c>
      <c r="C35656" s="7">
        <f t="shared" si="557"/>
        <v>593.60579999999993</v>
      </c>
      <c r="I35656" s="1"/>
    </row>
    <row r="35657" spans="1:9" x14ac:dyDescent="0.25">
      <c r="A35657" s="3">
        <v>41980.520937499998</v>
      </c>
      <c r="B35657" s="6">
        <v>593622.44999999995</v>
      </c>
      <c r="C35657" s="7">
        <f t="shared" si="557"/>
        <v>593.62244999999996</v>
      </c>
      <c r="I35657" s="1"/>
    </row>
    <row r="35658" spans="1:9" x14ac:dyDescent="0.25">
      <c r="A35658" s="3">
        <v>41980.52380787037</v>
      </c>
      <c r="B35658" s="6">
        <v>593639.1</v>
      </c>
      <c r="C35658" s="7">
        <f t="shared" si="557"/>
        <v>593.63909999999998</v>
      </c>
      <c r="I35658" s="1"/>
    </row>
    <row r="35659" spans="1:9" x14ac:dyDescent="0.25">
      <c r="A35659" s="3">
        <v>41980.523981481485</v>
      </c>
      <c r="B35659" s="6">
        <v>593655.75</v>
      </c>
      <c r="C35659" s="7">
        <f t="shared" si="557"/>
        <v>593.65575000000001</v>
      </c>
      <c r="I35659" s="1"/>
    </row>
    <row r="35660" spans="1:9" x14ac:dyDescent="0.25">
      <c r="A35660" s="3">
        <v>41980.525300925925</v>
      </c>
      <c r="B35660" s="6">
        <v>593672.39999999991</v>
      </c>
      <c r="C35660" s="7">
        <f t="shared" si="557"/>
        <v>593.67239999999993</v>
      </c>
      <c r="I35660" s="1"/>
    </row>
    <row r="35661" spans="1:9" x14ac:dyDescent="0.25">
      <c r="A35661" s="3">
        <v>41980.525416666664</v>
      </c>
      <c r="B35661" s="6">
        <v>593689.04999999993</v>
      </c>
      <c r="C35661" s="7">
        <f t="shared" si="557"/>
        <v>593.68904999999995</v>
      </c>
      <c r="I35661" s="1"/>
    </row>
    <row r="35662" spans="1:9" x14ac:dyDescent="0.25">
      <c r="A35662" s="3">
        <v>41980.528483796297</v>
      </c>
      <c r="B35662" s="6">
        <v>593705.69999999995</v>
      </c>
      <c r="C35662" s="7">
        <f t="shared" si="557"/>
        <v>593.70569999999998</v>
      </c>
      <c r="I35662" s="1"/>
    </row>
    <row r="35663" spans="1:9" x14ac:dyDescent="0.25">
      <c r="A35663" s="3">
        <v>41980.528749999998</v>
      </c>
      <c r="B35663" s="6">
        <v>593722.35</v>
      </c>
      <c r="C35663" s="7">
        <f t="shared" si="557"/>
        <v>593.72235000000001</v>
      </c>
      <c r="I35663" s="1"/>
    </row>
    <row r="35664" spans="1:9" x14ac:dyDescent="0.25">
      <c r="A35664" s="3">
        <v>41980.531747685185</v>
      </c>
      <c r="B35664" s="6">
        <v>593739</v>
      </c>
      <c r="C35664" s="7">
        <f t="shared" si="557"/>
        <v>593.73900000000003</v>
      </c>
      <c r="I35664" s="1"/>
    </row>
    <row r="35665" spans="1:9" x14ac:dyDescent="0.25">
      <c r="A35665" s="3">
        <v>41980.531851851854</v>
      </c>
      <c r="B35665" s="6">
        <v>593755.64999999991</v>
      </c>
      <c r="C35665" s="7">
        <f t="shared" si="557"/>
        <v>593.75564999999995</v>
      </c>
      <c r="I35665" s="1"/>
    </row>
    <row r="35666" spans="1:9" x14ac:dyDescent="0.25">
      <c r="A35666" s="3">
        <v>41980.534687500003</v>
      </c>
      <c r="B35666" s="6">
        <v>593772.29999999993</v>
      </c>
      <c r="C35666" s="7">
        <f t="shared" si="557"/>
        <v>593.77229999999997</v>
      </c>
      <c r="I35666" s="1"/>
    </row>
    <row r="35667" spans="1:9" x14ac:dyDescent="0.25">
      <c r="A35667" s="3">
        <v>41980.536099537036</v>
      </c>
      <c r="B35667" s="6">
        <v>593788.94999999995</v>
      </c>
      <c r="C35667" s="7">
        <f t="shared" si="557"/>
        <v>593.78895</v>
      </c>
      <c r="I35667" s="1"/>
    </row>
    <row r="35668" spans="1:9" x14ac:dyDescent="0.25">
      <c r="A35668" s="3">
        <v>41980.542627314811</v>
      </c>
      <c r="B35668" s="6">
        <v>593805.6</v>
      </c>
      <c r="C35668" s="7">
        <f t="shared" si="557"/>
        <v>593.80560000000003</v>
      </c>
      <c r="I35668" s="1"/>
    </row>
    <row r="35669" spans="1:9" x14ac:dyDescent="0.25">
      <c r="A35669" s="3">
        <v>41980.54310185185</v>
      </c>
      <c r="B35669" s="6">
        <v>593822.25</v>
      </c>
      <c r="C35669" s="7">
        <f t="shared" si="557"/>
        <v>593.82225000000005</v>
      </c>
      <c r="I35669" s="1"/>
    </row>
    <row r="35670" spans="1:9" x14ac:dyDescent="0.25">
      <c r="A35670" s="3">
        <v>41980.543923611112</v>
      </c>
      <c r="B35670" s="6">
        <v>593838.89999999991</v>
      </c>
      <c r="C35670" s="7">
        <f t="shared" si="557"/>
        <v>593.83889999999985</v>
      </c>
      <c r="I35670" s="1"/>
    </row>
    <row r="35671" spans="1:9" x14ac:dyDescent="0.25">
      <c r="A35671" s="3">
        <v>41980.544074074074</v>
      </c>
      <c r="B35671" s="6">
        <v>593855.54999999993</v>
      </c>
      <c r="C35671" s="7">
        <f t="shared" si="557"/>
        <v>593.85554999999988</v>
      </c>
      <c r="I35671" s="1"/>
    </row>
    <row r="35672" spans="1:9" x14ac:dyDescent="0.25">
      <c r="A35672" s="3">
        <v>41980.545682870368</v>
      </c>
      <c r="B35672" s="6">
        <v>593872.19999999995</v>
      </c>
      <c r="C35672" s="7">
        <f t="shared" si="557"/>
        <v>593.87219999999991</v>
      </c>
      <c r="I35672" s="1"/>
    </row>
    <row r="35673" spans="1:9" x14ac:dyDescent="0.25">
      <c r="A35673" s="3">
        <v>41980.545856481483</v>
      </c>
      <c r="B35673" s="6">
        <v>593888.85</v>
      </c>
      <c r="C35673" s="7">
        <f t="shared" si="557"/>
        <v>593.88884999999993</v>
      </c>
      <c r="I35673" s="1"/>
    </row>
    <row r="35674" spans="1:9" x14ac:dyDescent="0.25">
      <c r="A35674" s="3">
        <v>41980.549953703703</v>
      </c>
      <c r="B35674" s="6">
        <v>593905.5</v>
      </c>
      <c r="C35674" s="7">
        <f t="shared" si="557"/>
        <v>593.90549999999996</v>
      </c>
      <c r="I35674" s="1"/>
    </row>
    <row r="35675" spans="1:9" x14ac:dyDescent="0.25">
      <c r="A35675" s="3">
        <v>41980.550057870372</v>
      </c>
      <c r="B35675" s="6">
        <v>593922.14999999991</v>
      </c>
      <c r="C35675" s="7">
        <f t="shared" si="557"/>
        <v>593.92214999999987</v>
      </c>
      <c r="I35675" s="1"/>
    </row>
    <row r="35676" spans="1:9" x14ac:dyDescent="0.25">
      <c r="A35676" s="3">
        <v>41980.553726851853</v>
      </c>
      <c r="B35676" s="6">
        <v>593938.79999999993</v>
      </c>
      <c r="C35676" s="7">
        <f t="shared" si="557"/>
        <v>593.9387999999999</v>
      </c>
      <c r="I35676" s="1"/>
    </row>
    <row r="35677" spans="1:9" x14ac:dyDescent="0.25">
      <c r="A35677" s="3">
        <v>41980.553854166668</v>
      </c>
      <c r="B35677" s="6">
        <v>593955.44999999995</v>
      </c>
      <c r="C35677" s="7">
        <f t="shared" si="557"/>
        <v>593.95544999999993</v>
      </c>
      <c r="I35677" s="1"/>
    </row>
    <row r="35678" spans="1:9" x14ac:dyDescent="0.25">
      <c r="A35678" s="3">
        <v>41980.554884259262</v>
      </c>
      <c r="B35678" s="6">
        <v>593972.1</v>
      </c>
      <c r="C35678" s="7">
        <f t="shared" si="557"/>
        <v>593.97209999999995</v>
      </c>
      <c r="I35678" s="1"/>
    </row>
    <row r="35679" spans="1:9" x14ac:dyDescent="0.25">
      <c r="A35679" s="3">
        <v>41980.555856481478</v>
      </c>
      <c r="B35679" s="6">
        <v>593988.75</v>
      </c>
      <c r="C35679" s="7">
        <f t="shared" si="557"/>
        <v>593.98874999999998</v>
      </c>
      <c r="I35679" s="1"/>
    </row>
    <row r="35680" spans="1:9" x14ac:dyDescent="0.25">
      <c r="A35680" s="3">
        <v>41980.556875000002</v>
      </c>
      <c r="B35680" s="6">
        <v>594005.39999999991</v>
      </c>
      <c r="C35680" s="7">
        <f t="shared" si="557"/>
        <v>594.0053999999999</v>
      </c>
      <c r="I35680" s="1"/>
    </row>
    <row r="35681" spans="1:9" x14ac:dyDescent="0.25">
      <c r="A35681" s="3">
        <v>41980.556967592594</v>
      </c>
      <c r="B35681" s="6">
        <v>594022.04999999993</v>
      </c>
      <c r="C35681" s="7">
        <f t="shared" si="557"/>
        <v>594.02204999999992</v>
      </c>
      <c r="I35681" s="1"/>
    </row>
    <row r="35682" spans="1:9" x14ac:dyDescent="0.25">
      <c r="A35682" s="3">
        <v>41980.557881944442</v>
      </c>
      <c r="B35682" s="6">
        <v>594038.69999999995</v>
      </c>
      <c r="C35682" s="7">
        <f t="shared" si="557"/>
        <v>594.03869999999995</v>
      </c>
      <c r="I35682" s="1"/>
    </row>
    <row r="35683" spans="1:9" x14ac:dyDescent="0.25">
      <c r="A35683" s="3">
        <v>41980.557974537034</v>
      </c>
      <c r="B35683" s="6">
        <v>594055.35</v>
      </c>
      <c r="C35683" s="7">
        <f t="shared" si="557"/>
        <v>594.05534999999998</v>
      </c>
      <c r="I35683" s="1"/>
    </row>
    <row r="35684" spans="1:9" x14ac:dyDescent="0.25">
      <c r="A35684" s="3">
        <v>41980.55878472222</v>
      </c>
      <c r="B35684" s="6">
        <v>594072</v>
      </c>
      <c r="C35684" s="7">
        <f t="shared" si="557"/>
        <v>594.072</v>
      </c>
      <c r="I35684" s="1"/>
    </row>
    <row r="35685" spans="1:9" x14ac:dyDescent="0.25">
      <c r="A35685" s="3">
        <v>41980.558865740742</v>
      </c>
      <c r="B35685" s="6">
        <v>594088.64999999991</v>
      </c>
      <c r="C35685" s="7">
        <f t="shared" si="557"/>
        <v>594.08864999999992</v>
      </c>
      <c r="I35685" s="1"/>
    </row>
    <row r="35686" spans="1:9" x14ac:dyDescent="0.25">
      <c r="A35686" s="3">
        <v>41980.560995370368</v>
      </c>
      <c r="B35686" s="6">
        <v>594105.29999999993</v>
      </c>
      <c r="C35686" s="7">
        <f t="shared" si="557"/>
        <v>594.10529999999994</v>
      </c>
      <c r="I35686" s="1"/>
    </row>
    <row r="35687" spans="1:9" x14ac:dyDescent="0.25">
      <c r="A35687" s="3">
        <v>41980.563206018516</v>
      </c>
      <c r="B35687" s="6">
        <v>594121.94999999995</v>
      </c>
      <c r="C35687" s="7">
        <f t="shared" si="557"/>
        <v>594.12194999999997</v>
      </c>
      <c r="I35687" s="1"/>
    </row>
    <row r="35688" spans="1:9" x14ac:dyDescent="0.25">
      <c r="A35688" s="3">
        <v>41980.571967592594</v>
      </c>
      <c r="B35688" s="6">
        <v>594138.6</v>
      </c>
      <c r="C35688" s="7">
        <f t="shared" si="557"/>
        <v>594.1386</v>
      </c>
      <c r="I35688" s="1"/>
    </row>
    <row r="35689" spans="1:9" x14ac:dyDescent="0.25">
      <c r="A35689" s="3">
        <v>41980.572175925925</v>
      </c>
      <c r="B35689" s="6">
        <v>594155.25</v>
      </c>
      <c r="C35689" s="7">
        <f t="shared" si="557"/>
        <v>594.15525000000002</v>
      </c>
      <c r="I35689" s="1"/>
    </row>
    <row r="35690" spans="1:9" x14ac:dyDescent="0.25">
      <c r="A35690" s="3">
        <v>41980.578483796293</v>
      </c>
      <c r="B35690" s="6">
        <v>594171.89999999991</v>
      </c>
      <c r="C35690" s="7">
        <f t="shared" si="557"/>
        <v>594.17189999999994</v>
      </c>
      <c r="I35690" s="1"/>
    </row>
    <row r="35691" spans="1:9" x14ac:dyDescent="0.25">
      <c r="A35691" s="3">
        <v>41980.578553240739</v>
      </c>
      <c r="B35691" s="6">
        <v>594188.54999999993</v>
      </c>
      <c r="C35691" s="7">
        <f t="shared" si="557"/>
        <v>594.18854999999996</v>
      </c>
      <c r="I35691" s="1"/>
    </row>
    <row r="35692" spans="1:9" x14ac:dyDescent="0.25">
      <c r="A35692" s="3">
        <v>41980.579895833333</v>
      </c>
      <c r="B35692" s="6">
        <v>594205.19999999995</v>
      </c>
      <c r="C35692" s="7">
        <f t="shared" si="557"/>
        <v>594.20519999999999</v>
      </c>
      <c r="I35692" s="1"/>
    </row>
    <row r="35693" spans="1:9" x14ac:dyDescent="0.25">
      <c r="A35693" s="3">
        <v>41980.58</v>
      </c>
      <c r="B35693" s="6">
        <v>594221.85</v>
      </c>
      <c r="C35693" s="7">
        <f t="shared" si="557"/>
        <v>594.22185000000002</v>
      </c>
      <c r="I35693" s="1"/>
    </row>
    <row r="35694" spans="1:9" x14ac:dyDescent="0.25">
      <c r="A35694" s="3">
        <v>41980.583020833335</v>
      </c>
      <c r="B35694" s="6">
        <v>594238.5</v>
      </c>
      <c r="C35694" s="7">
        <f t="shared" si="557"/>
        <v>594.23850000000004</v>
      </c>
      <c r="I35694" s="1"/>
    </row>
    <row r="35695" spans="1:9" x14ac:dyDescent="0.25">
      <c r="A35695" s="3">
        <v>41980.583090277774</v>
      </c>
      <c r="B35695" s="6">
        <v>594255.14999999991</v>
      </c>
      <c r="C35695" s="7">
        <f t="shared" si="557"/>
        <v>594.25514999999996</v>
      </c>
      <c r="I35695" s="1"/>
    </row>
    <row r="35696" spans="1:9" x14ac:dyDescent="0.25">
      <c r="A35696" s="3">
        <v>41980.59</v>
      </c>
      <c r="B35696" s="6">
        <v>594271.79999999993</v>
      </c>
      <c r="C35696" s="7">
        <f t="shared" si="557"/>
        <v>594.27179999999998</v>
      </c>
      <c r="I35696" s="1"/>
    </row>
    <row r="35697" spans="1:9" x14ac:dyDescent="0.25">
      <c r="A35697" s="3">
        <v>41980.590138888889</v>
      </c>
      <c r="B35697" s="6">
        <v>594288.44999999995</v>
      </c>
      <c r="C35697" s="7">
        <f t="shared" si="557"/>
        <v>594.2884499999999</v>
      </c>
      <c r="I35697" s="1"/>
    </row>
    <row r="35698" spans="1:9" x14ac:dyDescent="0.25">
      <c r="A35698" s="3">
        <v>41980.598854166667</v>
      </c>
      <c r="B35698" s="6">
        <v>594305.1</v>
      </c>
      <c r="C35698" s="7">
        <f t="shared" si="557"/>
        <v>594.30509999999992</v>
      </c>
      <c r="I35698" s="1"/>
    </row>
    <row r="35699" spans="1:9" x14ac:dyDescent="0.25">
      <c r="A35699" s="3">
        <v>41980.599062499998</v>
      </c>
      <c r="B35699" s="6">
        <v>594321.75</v>
      </c>
      <c r="C35699" s="7">
        <f t="shared" si="557"/>
        <v>594.32174999999995</v>
      </c>
      <c r="I35699" s="1"/>
    </row>
    <row r="35700" spans="1:9" x14ac:dyDescent="0.25">
      <c r="A35700" s="3">
        <v>41980.621180555558</v>
      </c>
      <c r="B35700" s="6">
        <v>594338.39999999991</v>
      </c>
      <c r="C35700" s="7">
        <f t="shared" si="557"/>
        <v>594.33839999999987</v>
      </c>
      <c r="I35700" s="1"/>
    </row>
    <row r="35701" spans="1:9" x14ac:dyDescent="0.25">
      <c r="A35701" s="3">
        <v>41980.621296296296</v>
      </c>
      <c r="B35701" s="6">
        <v>594355.04999999993</v>
      </c>
      <c r="C35701" s="7">
        <f t="shared" si="557"/>
        <v>594.35504999999989</v>
      </c>
      <c r="I35701" s="1"/>
    </row>
    <row r="35702" spans="1:9" x14ac:dyDescent="0.25">
      <c r="A35702" s="3">
        <v>41980.626388888886</v>
      </c>
      <c r="B35702" s="6">
        <v>594371.69999999995</v>
      </c>
      <c r="C35702" s="7">
        <f t="shared" si="557"/>
        <v>594.37169999999992</v>
      </c>
      <c r="I35702" s="1"/>
    </row>
    <row r="35703" spans="1:9" x14ac:dyDescent="0.25">
      <c r="A35703" s="3">
        <v>41980.626574074071</v>
      </c>
      <c r="B35703" s="6">
        <v>594388.35</v>
      </c>
      <c r="C35703" s="7">
        <f t="shared" si="557"/>
        <v>594.38834999999995</v>
      </c>
      <c r="I35703" s="1"/>
    </row>
    <row r="35704" spans="1:9" x14ac:dyDescent="0.25">
      <c r="A35704" s="3">
        <v>41980.628807870373</v>
      </c>
      <c r="B35704" s="6">
        <v>594405</v>
      </c>
      <c r="C35704" s="7">
        <f t="shared" si="557"/>
        <v>594.40499999999997</v>
      </c>
      <c r="I35704" s="1"/>
    </row>
    <row r="35705" spans="1:9" x14ac:dyDescent="0.25">
      <c r="A35705" s="3">
        <v>41980.629293981481</v>
      </c>
      <c r="B35705" s="6">
        <v>594421.64999999991</v>
      </c>
      <c r="C35705" s="7">
        <f t="shared" si="557"/>
        <v>594.42164999999989</v>
      </c>
      <c r="I35705" s="1"/>
    </row>
    <row r="35706" spans="1:9" x14ac:dyDescent="0.25">
      <c r="A35706" s="3">
        <v>41980.631006944444</v>
      </c>
      <c r="B35706" s="6">
        <v>594438.29999999993</v>
      </c>
      <c r="C35706" s="7">
        <f t="shared" si="557"/>
        <v>594.43829999999991</v>
      </c>
      <c r="I35706" s="1"/>
    </row>
    <row r="35707" spans="1:9" x14ac:dyDescent="0.25">
      <c r="A35707" s="3">
        <v>41980.631597222222</v>
      </c>
      <c r="B35707" s="6">
        <v>594454.94999999995</v>
      </c>
      <c r="C35707" s="7">
        <f t="shared" si="557"/>
        <v>594.45494999999994</v>
      </c>
      <c r="I35707" s="1"/>
    </row>
    <row r="35708" spans="1:9" x14ac:dyDescent="0.25">
      <c r="A35708" s="3">
        <v>41980.638692129629</v>
      </c>
      <c r="B35708" s="6">
        <v>594471.6</v>
      </c>
      <c r="C35708" s="7">
        <f t="shared" si="557"/>
        <v>594.47159999999997</v>
      </c>
      <c r="I35708" s="1"/>
    </row>
    <row r="35709" spans="1:9" x14ac:dyDescent="0.25">
      <c r="A35709" s="3">
        <v>41980.63890046296</v>
      </c>
      <c r="B35709" s="6">
        <v>594488.25</v>
      </c>
      <c r="C35709" s="7">
        <f t="shared" si="557"/>
        <v>594.48824999999999</v>
      </c>
      <c r="I35709" s="1"/>
    </row>
    <row r="35710" spans="1:9" x14ac:dyDescent="0.25">
      <c r="A35710" s="3">
        <v>41980.639780092592</v>
      </c>
      <c r="B35710" s="6">
        <v>594504.89999999991</v>
      </c>
      <c r="C35710" s="7">
        <f t="shared" si="557"/>
        <v>594.50489999999991</v>
      </c>
      <c r="I35710" s="1"/>
    </row>
    <row r="35711" spans="1:9" x14ac:dyDescent="0.25">
      <c r="A35711" s="3">
        <v>41980.639884259261</v>
      </c>
      <c r="B35711" s="6">
        <v>594521.54999999993</v>
      </c>
      <c r="C35711" s="7">
        <f t="shared" si="557"/>
        <v>594.52154999999993</v>
      </c>
      <c r="I35711" s="1"/>
    </row>
    <row r="35712" spans="1:9" x14ac:dyDescent="0.25">
      <c r="A35712" s="3">
        <v>41980.644641203704</v>
      </c>
      <c r="B35712" s="6">
        <v>594538.19999999995</v>
      </c>
      <c r="C35712" s="7">
        <f t="shared" si="557"/>
        <v>594.53819999999996</v>
      </c>
      <c r="I35712" s="1"/>
    </row>
    <row r="35713" spans="1:9" x14ac:dyDescent="0.25">
      <c r="A35713" s="3">
        <v>41980.644814814812</v>
      </c>
      <c r="B35713" s="6">
        <v>594554.85</v>
      </c>
      <c r="C35713" s="7">
        <f t="shared" si="557"/>
        <v>594.55484999999999</v>
      </c>
      <c r="I35713" s="1"/>
    </row>
    <row r="35714" spans="1:9" x14ac:dyDescent="0.25">
      <c r="A35714" s="3">
        <v>41980.661053240743</v>
      </c>
      <c r="B35714" s="6">
        <v>594571.5</v>
      </c>
      <c r="C35714" s="7">
        <f t="shared" si="557"/>
        <v>594.57150000000001</v>
      </c>
      <c r="I35714" s="1"/>
    </row>
    <row r="35715" spans="1:9" x14ac:dyDescent="0.25">
      <c r="A35715" s="3">
        <v>41980.661909722221</v>
      </c>
      <c r="B35715" s="6">
        <v>594588.14999999991</v>
      </c>
      <c r="C35715" s="7">
        <f t="shared" ref="C35715:C35778" si="558">B35715/1000</f>
        <v>594.58814999999993</v>
      </c>
      <c r="I35715" s="1"/>
    </row>
    <row r="35716" spans="1:9" x14ac:dyDescent="0.25">
      <c r="A35716" s="3">
        <v>41980.668819444443</v>
      </c>
      <c r="B35716" s="6">
        <v>594604.79999999993</v>
      </c>
      <c r="C35716" s="7">
        <f t="shared" si="558"/>
        <v>594.60479999999995</v>
      </c>
      <c r="I35716" s="1"/>
    </row>
    <row r="35717" spans="1:9" x14ac:dyDescent="0.25">
      <c r="A35717" s="3">
        <v>41980.671620370369</v>
      </c>
      <c r="B35717" s="6">
        <v>594621.44999999995</v>
      </c>
      <c r="C35717" s="7">
        <f t="shared" si="558"/>
        <v>594.62144999999998</v>
      </c>
      <c r="I35717" s="1"/>
    </row>
    <row r="35718" spans="1:9" x14ac:dyDescent="0.25">
      <c r="A35718" s="3">
        <v>41980.67800925926</v>
      </c>
      <c r="B35718" s="6">
        <v>594638.1</v>
      </c>
      <c r="C35718" s="7">
        <f t="shared" si="558"/>
        <v>594.63810000000001</v>
      </c>
      <c r="I35718" s="1"/>
    </row>
    <row r="35719" spans="1:9" x14ac:dyDescent="0.25">
      <c r="A35719" s="3">
        <v>41980.683425925927</v>
      </c>
      <c r="B35719" s="6">
        <v>594654.75</v>
      </c>
      <c r="C35719" s="7">
        <f t="shared" si="558"/>
        <v>594.65475000000004</v>
      </c>
      <c r="I35719" s="1"/>
    </row>
    <row r="35720" spans="1:9" x14ac:dyDescent="0.25">
      <c r="A35720" s="3">
        <v>41980.701608796298</v>
      </c>
      <c r="B35720" s="6">
        <v>594671.39999999991</v>
      </c>
      <c r="C35720" s="7">
        <f t="shared" si="558"/>
        <v>594.67139999999995</v>
      </c>
      <c r="I35720" s="1"/>
    </row>
    <row r="35721" spans="1:9" x14ac:dyDescent="0.25">
      <c r="A35721" s="3">
        <v>41980.701793981483</v>
      </c>
      <c r="B35721" s="6">
        <v>594688.04999999993</v>
      </c>
      <c r="C35721" s="7">
        <f t="shared" si="558"/>
        <v>594.68804999999998</v>
      </c>
      <c r="I35721" s="1"/>
    </row>
    <row r="35722" spans="1:9" x14ac:dyDescent="0.25">
      <c r="A35722" s="3">
        <v>41980.704548611109</v>
      </c>
      <c r="B35722" s="6">
        <v>594704.69999999995</v>
      </c>
      <c r="C35722" s="7">
        <f t="shared" si="558"/>
        <v>594.7047</v>
      </c>
      <c r="I35722" s="1"/>
    </row>
    <row r="35723" spans="1:9" x14ac:dyDescent="0.25">
      <c r="A35723" s="3">
        <v>41980.704629629632</v>
      </c>
      <c r="B35723" s="6">
        <v>594721.35</v>
      </c>
      <c r="C35723" s="7">
        <f t="shared" si="558"/>
        <v>594.72135000000003</v>
      </c>
      <c r="I35723" s="1"/>
    </row>
    <row r="35724" spans="1:9" x14ac:dyDescent="0.25">
      <c r="A35724" s="3">
        <v>41980.904768518521</v>
      </c>
      <c r="B35724" s="6">
        <v>594738</v>
      </c>
      <c r="C35724" s="7">
        <f t="shared" si="558"/>
        <v>594.73800000000006</v>
      </c>
      <c r="I35724" s="1"/>
    </row>
    <row r="35725" spans="1:9" x14ac:dyDescent="0.25">
      <c r="A35725" s="3">
        <v>41980.904976851853</v>
      </c>
      <c r="B35725" s="6">
        <v>594754.64999999991</v>
      </c>
      <c r="C35725" s="7">
        <f t="shared" si="558"/>
        <v>594.75464999999986</v>
      </c>
      <c r="I35725" s="1"/>
    </row>
    <row r="35726" spans="1:9" x14ac:dyDescent="0.25">
      <c r="A35726" s="2" t="s">
        <v>20963</v>
      </c>
      <c r="B35726" s="6">
        <v>594771.29999999993</v>
      </c>
      <c r="C35726" s="7">
        <f t="shared" si="558"/>
        <v>594.77129999999988</v>
      </c>
    </row>
    <row r="35727" spans="1:9" x14ac:dyDescent="0.25">
      <c r="A35727" s="2" t="s">
        <v>20964</v>
      </c>
      <c r="B35727" s="6">
        <v>594787.94999999995</v>
      </c>
      <c r="C35727" s="7">
        <f t="shared" si="558"/>
        <v>594.78794999999991</v>
      </c>
    </row>
    <row r="35728" spans="1:9" x14ac:dyDescent="0.25">
      <c r="A35728" s="2" t="s">
        <v>20965</v>
      </c>
      <c r="B35728" s="6">
        <v>594804.6</v>
      </c>
      <c r="C35728" s="7">
        <f t="shared" si="558"/>
        <v>594.80459999999994</v>
      </c>
    </row>
    <row r="35729" spans="1:3" x14ac:dyDescent="0.25">
      <c r="A35729" s="2" t="s">
        <v>20966</v>
      </c>
      <c r="B35729" s="6">
        <v>594821.25</v>
      </c>
      <c r="C35729" s="7">
        <f t="shared" si="558"/>
        <v>594.82124999999996</v>
      </c>
    </row>
    <row r="35730" spans="1:3" x14ac:dyDescent="0.25">
      <c r="A35730" s="2" t="s">
        <v>20967</v>
      </c>
      <c r="B35730" s="6">
        <v>594837.89999999991</v>
      </c>
      <c r="C35730" s="7">
        <f t="shared" si="558"/>
        <v>594.83789999999988</v>
      </c>
    </row>
    <row r="35731" spans="1:3" x14ac:dyDescent="0.25">
      <c r="A35731" s="2" t="s">
        <v>20968</v>
      </c>
      <c r="B35731" s="6">
        <v>594854.54999999993</v>
      </c>
      <c r="C35731" s="7">
        <f t="shared" si="558"/>
        <v>594.8545499999999</v>
      </c>
    </row>
    <row r="35732" spans="1:3" x14ac:dyDescent="0.25">
      <c r="A35732" s="2" t="s">
        <v>20969</v>
      </c>
      <c r="B35732" s="6">
        <v>594871.19999999995</v>
      </c>
      <c r="C35732" s="7">
        <f t="shared" si="558"/>
        <v>594.87119999999993</v>
      </c>
    </row>
    <row r="35733" spans="1:3" x14ac:dyDescent="0.25">
      <c r="A35733" s="2" t="s">
        <v>20970</v>
      </c>
      <c r="B35733" s="6">
        <v>594887.85</v>
      </c>
      <c r="C35733" s="7">
        <f t="shared" si="558"/>
        <v>594.88784999999996</v>
      </c>
    </row>
    <row r="35734" spans="1:3" x14ac:dyDescent="0.25">
      <c r="A35734" s="2" t="s">
        <v>20971</v>
      </c>
      <c r="B35734" s="6">
        <v>594904.5</v>
      </c>
      <c r="C35734" s="7">
        <f t="shared" si="558"/>
        <v>594.90449999999998</v>
      </c>
    </row>
    <row r="35735" spans="1:3" x14ac:dyDescent="0.25">
      <c r="A35735" s="2" t="s">
        <v>20972</v>
      </c>
      <c r="B35735" s="6">
        <v>594921.14999999991</v>
      </c>
      <c r="C35735" s="7">
        <f t="shared" si="558"/>
        <v>594.9211499999999</v>
      </c>
    </row>
    <row r="35736" spans="1:3" x14ac:dyDescent="0.25">
      <c r="A35736" s="2" t="s">
        <v>20973</v>
      </c>
      <c r="B35736" s="6">
        <v>594937.79999999993</v>
      </c>
      <c r="C35736" s="7">
        <f t="shared" si="558"/>
        <v>594.93779999999992</v>
      </c>
    </row>
    <row r="35737" spans="1:3" x14ac:dyDescent="0.25">
      <c r="A35737" s="2" t="s">
        <v>20974</v>
      </c>
      <c r="B35737" s="6">
        <v>594954.44999999995</v>
      </c>
      <c r="C35737" s="7">
        <f t="shared" si="558"/>
        <v>594.95444999999995</v>
      </c>
    </row>
    <row r="35738" spans="1:3" x14ac:dyDescent="0.25">
      <c r="A35738" s="2" t="s">
        <v>20975</v>
      </c>
      <c r="B35738" s="6">
        <v>594971.1</v>
      </c>
      <c r="C35738" s="7">
        <f t="shared" si="558"/>
        <v>594.97109999999998</v>
      </c>
    </row>
    <row r="35739" spans="1:3" x14ac:dyDescent="0.25">
      <c r="A35739" s="2" t="s">
        <v>20976</v>
      </c>
      <c r="B35739" s="6">
        <v>594987.75</v>
      </c>
      <c r="C35739" s="7">
        <f t="shared" si="558"/>
        <v>594.98775000000001</v>
      </c>
    </row>
    <row r="35740" spans="1:3" x14ac:dyDescent="0.25">
      <c r="A35740" s="2" t="s">
        <v>20977</v>
      </c>
      <c r="B35740" s="6">
        <v>595004.39999999991</v>
      </c>
      <c r="C35740" s="7">
        <f t="shared" si="558"/>
        <v>595.00439999999992</v>
      </c>
    </row>
    <row r="35741" spans="1:3" x14ac:dyDescent="0.25">
      <c r="A35741" s="2" t="s">
        <v>20978</v>
      </c>
      <c r="B35741" s="6">
        <v>595021.04999999993</v>
      </c>
      <c r="C35741" s="7">
        <f t="shared" si="558"/>
        <v>595.02104999999995</v>
      </c>
    </row>
    <row r="35742" spans="1:3" x14ac:dyDescent="0.25">
      <c r="A35742" s="2" t="s">
        <v>20979</v>
      </c>
      <c r="B35742" s="6">
        <v>595037.69999999995</v>
      </c>
      <c r="C35742" s="7">
        <f t="shared" si="558"/>
        <v>595.03769999999997</v>
      </c>
    </row>
    <row r="35743" spans="1:3" x14ac:dyDescent="0.25">
      <c r="A35743" s="2" t="s">
        <v>20980</v>
      </c>
      <c r="B35743" s="6">
        <v>595054.35</v>
      </c>
      <c r="C35743" s="7">
        <f t="shared" si="558"/>
        <v>595.05435</v>
      </c>
    </row>
    <row r="35744" spans="1:3" x14ac:dyDescent="0.25">
      <c r="A35744" s="2" t="s">
        <v>20981</v>
      </c>
      <c r="B35744" s="6">
        <v>595071</v>
      </c>
      <c r="C35744" s="7">
        <f t="shared" si="558"/>
        <v>595.07100000000003</v>
      </c>
    </row>
    <row r="35745" spans="1:3" x14ac:dyDescent="0.25">
      <c r="A35745" s="2" t="s">
        <v>20982</v>
      </c>
      <c r="B35745" s="6">
        <v>595087.64999999991</v>
      </c>
      <c r="C35745" s="7">
        <f t="shared" si="558"/>
        <v>595.08764999999994</v>
      </c>
    </row>
    <row r="35746" spans="1:3" x14ac:dyDescent="0.25">
      <c r="A35746" s="2" t="s">
        <v>20983</v>
      </c>
      <c r="B35746" s="6">
        <v>595104.29999999993</v>
      </c>
      <c r="C35746" s="7">
        <f t="shared" si="558"/>
        <v>595.10429999999997</v>
      </c>
    </row>
    <row r="35747" spans="1:3" x14ac:dyDescent="0.25">
      <c r="A35747" s="2" t="s">
        <v>20984</v>
      </c>
      <c r="B35747" s="6">
        <v>595120.94999999995</v>
      </c>
      <c r="C35747" s="7">
        <f t="shared" si="558"/>
        <v>595.12094999999999</v>
      </c>
    </row>
    <row r="35748" spans="1:3" x14ac:dyDescent="0.25">
      <c r="A35748" s="2" t="s">
        <v>20985</v>
      </c>
      <c r="B35748" s="6">
        <v>595137.6</v>
      </c>
      <c r="C35748" s="7">
        <f t="shared" si="558"/>
        <v>595.13760000000002</v>
      </c>
    </row>
    <row r="35749" spans="1:3" x14ac:dyDescent="0.25">
      <c r="A35749" s="2" t="s">
        <v>20986</v>
      </c>
      <c r="B35749" s="6">
        <v>595154.25</v>
      </c>
      <c r="C35749" s="7">
        <f t="shared" si="558"/>
        <v>595.15425000000005</v>
      </c>
    </row>
    <row r="35750" spans="1:3" x14ac:dyDescent="0.25">
      <c r="A35750" s="2" t="s">
        <v>20987</v>
      </c>
      <c r="B35750" s="6">
        <v>595170.89999999991</v>
      </c>
      <c r="C35750" s="7">
        <f t="shared" si="558"/>
        <v>595.17089999999996</v>
      </c>
    </row>
    <row r="35751" spans="1:3" x14ac:dyDescent="0.25">
      <c r="A35751" s="2" t="s">
        <v>20988</v>
      </c>
      <c r="B35751" s="6">
        <v>595187.54999999993</v>
      </c>
      <c r="C35751" s="7">
        <f t="shared" si="558"/>
        <v>595.18754999999987</v>
      </c>
    </row>
    <row r="35752" spans="1:3" x14ac:dyDescent="0.25">
      <c r="A35752" s="2" t="s">
        <v>20989</v>
      </c>
      <c r="B35752" s="6">
        <v>595204.19999999995</v>
      </c>
      <c r="C35752" s="7">
        <f t="shared" si="558"/>
        <v>595.2041999999999</v>
      </c>
    </row>
    <row r="35753" spans="1:3" x14ac:dyDescent="0.25">
      <c r="A35753" s="2" t="s">
        <v>20990</v>
      </c>
      <c r="B35753" s="6">
        <v>595220.85</v>
      </c>
      <c r="C35753" s="7">
        <f t="shared" si="558"/>
        <v>595.22084999999993</v>
      </c>
    </row>
    <row r="35754" spans="1:3" x14ac:dyDescent="0.25">
      <c r="A35754" s="2" t="s">
        <v>20991</v>
      </c>
      <c r="B35754" s="6">
        <v>595237.5</v>
      </c>
      <c r="C35754" s="7">
        <f t="shared" si="558"/>
        <v>595.23749999999995</v>
      </c>
    </row>
    <row r="35755" spans="1:3" x14ac:dyDescent="0.25">
      <c r="A35755" s="2" t="s">
        <v>20992</v>
      </c>
      <c r="B35755" s="6">
        <v>595254.14999999991</v>
      </c>
      <c r="C35755" s="7">
        <f t="shared" si="558"/>
        <v>595.25414999999987</v>
      </c>
    </row>
    <row r="35756" spans="1:3" x14ac:dyDescent="0.25">
      <c r="A35756" s="2" t="s">
        <v>20993</v>
      </c>
      <c r="B35756" s="6">
        <v>595270.79999999993</v>
      </c>
      <c r="C35756" s="7">
        <f t="shared" si="558"/>
        <v>595.27079999999989</v>
      </c>
    </row>
    <row r="35757" spans="1:3" x14ac:dyDescent="0.25">
      <c r="A35757" s="2" t="s">
        <v>20994</v>
      </c>
      <c r="B35757" s="6">
        <v>595287.44999999995</v>
      </c>
      <c r="C35757" s="7">
        <f t="shared" si="558"/>
        <v>595.28744999999992</v>
      </c>
    </row>
    <row r="35758" spans="1:3" x14ac:dyDescent="0.25">
      <c r="A35758" s="2" t="s">
        <v>20995</v>
      </c>
      <c r="B35758" s="6">
        <v>595304.1</v>
      </c>
      <c r="C35758" s="7">
        <f t="shared" si="558"/>
        <v>595.30409999999995</v>
      </c>
    </row>
    <row r="35759" spans="1:3" x14ac:dyDescent="0.25">
      <c r="A35759" s="2" t="s">
        <v>20996</v>
      </c>
      <c r="B35759" s="6">
        <v>595320.75</v>
      </c>
      <c r="C35759" s="7">
        <f t="shared" si="558"/>
        <v>595.32074999999998</v>
      </c>
    </row>
    <row r="35760" spans="1:3" x14ac:dyDescent="0.25">
      <c r="A35760" s="2" t="s">
        <v>20997</v>
      </c>
      <c r="B35760" s="6">
        <v>595337.39999999991</v>
      </c>
      <c r="C35760" s="7">
        <f t="shared" si="558"/>
        <v>595.33739999999989</v>
      </c>
    </row>
    <row r="35761" spans="1:3" x14ac:dyDescent="0.25">
      <c r="A35761" s="2" t="s">
        <v>20998</v>
      </c>
      <c r="B35761" s="6">
        <v>595354.04999999993</v>
      </c>
      <c r="C35761" s="7">
        <f t="shared" si="558"/>
        <v>595.35404999999992</v>
      </c>
    </row>
    <row r="35762" spans="1:3" x14ac:dyDescent="0.25">
      <c r="A35762" s="2" t="s">
        <v>20999</v>
      </c>
      <c r="B35762" s="6">
        <v>595370.69999999995</v>
      </c>
      <c r="C35762" s="7">
        <f t="shared" si="558"/>
        <v>595.37069999999994</v>
      </c>
    </row>
    <row r="35763" spans="1:3" x14ac:dyDescent="0.25">
      <c r="A35763" s="2" t="s">
        <v>21000</v>
      </c>
      <c r="B35763" s="6">
        <v>595387.35</v>
      </c>
      <c r="C35763" s="7">
        <f t="shared" si="558"/>
        <v>595.38734999999997</v>
      </c>
    </row>
    <row r="35764" spans="1:3" x14ac:dyDescent="0.25">
      <c r="A35764" s="2" t="s">
        <v>21001</v>
      </c>
      <c r="B35764" s="6">
        <v>595404</v>
      </c>
      <c r="C35764" s="7">
        <f t="shared" si="558"/>
        <v>595.404</v>
      </c>
    </row>
    <row r="35765" spans="1:3" x14ac:dyDescent="0.25">
      <c r="A35765" s="2" t="s">
        <v>21002</v>
      </c>
      <c r="B35765" s="6">
        <v>595420.64999999991</v>
      </c>
      <c r="C35765" s="7">
        <f t="shared" si="558"/>
        <v>595.42064999999991</v>
      </c>
    </row>
    <row r="35766" spans="1:3" x14ac:dyDescent="0.25">
      <c r="A35766" s="2" t="s">
        <v>21003</v>
      </c>
      <c r="B35766" s="6">
        <v>595437.29999999993</v>
      </c>
      <c r="C35766" s="7">
        <f t="shared" si="558"/>
        <v>595.43729999999994</v>
      </c>
    </row>
    <row r="35767" spans="1:3" x14ac:dyDescent="0.25">
      <c r="A35767" s="2" t="s">
        <v>21004</v>
      </c>
      <c r="B35767" s="6">
        <v>595453.94999999995</v>
      </c>
      <c r="C35767" s="7">
        <f t="shared" si="558"/>
        <v>595.45394999999996</v>
      </c>
    </row>
    <row r="35768" spans="1:3" x14ac:dyDescent="0.25">
      <c r="A35768" s="2" t="s">
        <v>21005</v>
      </c>
      <c r="B35768" s="6">
        <v>595470.6</v>
      </c>
      <c r="C35768" s="7">
        <f t="shared" si="558"/>
        <v>595.47059999999999</v>
      </c>
    </row>
    <row r="35769" spans="1:3" x14ac:dyDescent="0.25">
      <c r="A35769" s="2" t="s">
        <v>21006</v>
      </c>
      <c r="B35769" s="6">
        <v>595487.25</v>
      </c>
      <c r="C35769" s="7">
        <f t="shared" si="558"/>
        <v>595.48725000000002</v>
      </c>
    </row>
    <row r="35770" spans="1:3" x14ac:dyDescent="0.25">
      <c r="A35770" s="2" t="s">
        <v>21007</v>
      </c>
      <c r="B35770" s="6">
        <v>595503.89999999991</v>
      </c>
      <c r="C35770" s="7">
        <f t="shared" si="558"/>
        <v>595.50389999999993</v>
      </c>
    </row>
    <row r="35771" spans="1:3" x14ac:dyDescent="0.25">
      <c r="A35771" s="2" t="s">
        <v>21008</v>
      </c>
      <c r="B35771" s="6">
        <v>595520.54999999993</v>
      </c>
      <c r="C35771" s="7">
        <f t="shared" si="558"/>
        <v>595.52054999999996</v>
      </c>
    </row>
    <row r="35772" spans="1:3" x14ac:dyDescent="0.25">
      <c r="A35772" s="2" t="s">
        <v>21009</v>
      </c>
      <c r="B35772" s="6">
        <v>595537.19999999995</v>
      </c>
      <c r="C35772" s="7">
        <f t="shared" si="558"/>
        <v>595.53719999999998</v>
      </c>
    </row>
    <row r="35773" spans="1:3" x14ac:dyDescent="0.25">
      <c r="A35773" s="2" t="s">
        <v>21010</v>
      </c>
      <c r="B35773" s="6">
        <v>595553.85</v>
      </c>
      <c r="C35773" s="7">
        <f t="shared" si="558"/>
        <v>595.55385000000001</v>
      </c>
    </row>
    <row r="35774" spans="1:3" x14ac:dyDescent="0.25">
      <c r="A35774" s="2" t="s">
        <v>21011</v>
      </c>
      <c r="B35774" s="6">
        <v>595570.5</v>
      </c>
      <c r="C35774" s="7">
        <f t="shared" si="558"/>
        <v>595.57050000000004</v>
      </c>
    </row>
    <row r="35775" spans="1:3" x14ac:dyDescent="0.25">
      <c r="A35775" s="2" t="s">
        <v>21012</v>
      </c>
      <c r="B35775" s="6">
        <v>595587.14999999991</v>
      </c>
      <c r="C35775" s="7">
        <f t="shared" si="558"/>
        <v>595.58714999999995</v>
      </c>
    </row>
    <row r="35776" spans="1:3" x14ac:dyDescent="0.25">
      <c r="A35776" s="2" t="s">
        <v>21013</v>
      </c>
      <c r="B35776" s="6">
        <v>595603.79999999993</v>
      </c>
      <c r="C35776" s="7">
        <f t="shared" si="558"/>
        <v>595.60379999999998</v>
      </c>
    </row>
    <row r="35777" spans="1:3" x14ac:dyDescent="0.25">
      <c r="A35777" s="2" t="s">
        <v>21014</v>
      </c>
      <c r="B35777" s="6">
        <v>595620.44999999995</v>
      </c>
      <c r="C35777" s="7">
        <f t="shared" si="558"/>
        <v>595.62045000000001</v>
      </c>
    </row>
    <row r="35778" spans="1:3" x14ac:dyDescent="0.25">
      <c r="A35778" s="2" t="s">
        <v>21015</v>
      </c>
      <c r="B35778" s="6">
        <v>595637.1</v>
      </c>
      <c r="C35778" s="7">
        <f t="shared" si="558"/>
        <v>595.63710000000003</v>
      </c>
    </row>
    <row r="35779" spans="1:3" x14ac:dyDescent="0.25">
      <c r="A35779" s="2" t="s">
        <v>21016</v>
      </c>
      <c r="B35779" s="6">
        <v>595653.75</v>
      </c>
      <c r="C35779" s="7">
        <f t="shared" ref="C35779:C35842" si="559">B35779/1000</f>
        <v>595.65374999999995</v>
      </c>
    </row>
    <row r="35780" spans="1:3" x14ac:dyDescent="0.25">
      <c r="A35780" s="2" t="s">
        <v>21017</v>
      </c>
      <c r="B35780" s="6">
        <v>595670.39999999991</v>
      </c>
      <c r="C35780" s="7">
        <f t="shared" si="559"/>
        <v>595.67039999999986</v>
      </c>
    </row>
    <row r="35781" spans="1:3" x14ac:dyDescent="0.25">
      <c r="A35781" s="2" t="s">
        <v>21018</v>
      </c>
      <c r="B35781" s="6">
        <v>595687.04999999993</v>
      </c>
      <c r="C35781" s="7">
        <f t="shared" si="559"/>
        <v>595.68704999999989</v>
      </c>
    </row>
    <row r="35782" spans="1:3" x14ac:dyDescent="0.25">
      <c r="A35782" s="2" t="s">
        <v>21019</v>
      </c>
      <c r="B35782" s="6">
        <v>595703.69999999995</v>
      </c>
      <c r="C35782" s="7">
        <f t="shared" si="559"/>
        <v>595.70369999999991</v>
      </c>
    </row>
    <row r="35783" spans="1:3" x14ac:dyDescent="0.25">
      <c r="A35783" s="2" t="s">
        <v>21020</v>
      </c>
      <c r="B35783" s="6">
        <v>595720.35</v>
      </c>
      <c r="C35783" s="7">
        <f t="shared" si="559"/>
        <v>595.72034999999994</v>
      </c>
    </row>
    <row r="35784" spans="1:3" x14ac:dyDescent="0.25">
      <c r="A35784" s="2" t="s">
        <v>21021</v>
      </c>
      <c r="B35784" s="6">
        <v>595737</v>
      </c>
      <c r="C35784" s="7">
        <f t="shared" si="559"/>
        <v>595.73699999999997</v>
      </c>
    </row>
    <row r="35785" spans="1:3" x14ac:dyDescent="0.25">
      <c r="A35785" s="2" t="s">
        <v>21022</v>
      </c>
      <c r="B35785" s="6">
        <v>595753.64999999991</v>
      </c>
      <c r="C35785" s="7">
        <f t="shared" si="559"/>
        <v>595.75364999999988</v>
      </c>
    </row>
    <row r="35786" spans="1:3" x14ac:dyDescent="0.25">
      <c r="A35786" s="2" t="s">
        <v>21023</v>
      </c>
      <c r="B35786" s="6">
        <v>595770.29999999993</v>
      </c>
      <c r="C35786" s="7">
        <f t="shared" si="559"/>
        <v>595.77029999999991</v>
      </c>
    </row>
    <row r="35787" spans="1:3" x14ac:dyDescent="0.25">
      <c r="A35787" s="2" t="s">
        <v>21024</v>
      </c>
      <c r="B35787" s="6">
        <v>595786.94999999995</v>
      </c>
      <c r="C35787" s="7">
        <f t="shared" si="559"/>
        <v>595.78694999999993</v>
      </c>
    </row>
    <row r="35788" spans="1:3" x14ac:dyDescent="0.25">
      <c r="A35788" s="2" t="s">
        <v>21025</v>
      </c>
      <c r="B35788" s="6">
        <v>595803.6</v>
      </c>
      <c r="C35788" s="7">
        <f t="shared" si="559"/>
        <v>595.80359999999996</v>
      </c>
    </row>
    <row r="35789" spans="1:3" x14ac:dyDescent="0.25">
      <c r="A35789" s="2" t="s">
        <v>21026</v>
      </c>
      <c r="B35789" s="6">
        <v>595820.25</v>
      </c>
      <c r="C35789" s="7">
        <f t="shared" si="559"/>
        <v>595.82024999999999</v>
      </c>
    </row>
    <row r="35790" spans="1:3" x14ac:dyDescent="0.25">
      <c r="A35790" s="2" t="s">
        <v>21027</v>
      </c>
      <c r="B35790" s="6">
        <v>595836.89999999991</v>
      </c>
      <c r="C35790" s="7">
        <f t="shared" si="559"/>
        <v>595.8368999999999</v>
      </c>
    </row>
    <row r="35791" spans="1:3" x14ac:dyDescent="0.25">
      <c r="A35791" s="2" t="s">
        <v>21028</v>
      </c>
      <c r="B35791" s="6">
        <v>595853.54999999993</v>
      </c>
      <c r="C35791" s="7">
        <f t="shared" si="559"/>
        <v>595.85354999999993</v>
      </c>
    </row>
    <row r="35792" spans="1:3" x14ac:dyDescent="0.25">
      <c r="A35792" s="2" t="s">
        <v>21029</v>
      </c>
      <c r="B35792" s="6">
        <v>595870.19999999995</v>
      </c>
      <c r="C35792" s="7">
        <f t="shared" si="559"/>
        <v>595.87019999999995</v>
      </c>
    </row>
    <row r="35793" spans="1:3" x14ac:dyDescent="0.25">
      <c r="A35793" s="2" t="s">
        <v>21030</v>
      </c>
      <c r="B35793" s="6">
        <v>595886.85</v>
      </c>
      <c r="C35793" s="7">
        <f t="shared" si="559"/>
        <v>595.88684999999998</v>
      </c>
    </row>
    <row r="35794" spans="1:3" x14ac:dyDescent="0.25">
      <c r="A35794" s="2" t="s">
        <v>21031</v>
      </c>
      <c r="B35794" s="6">
        <v>595903.5</v>
      </c>
      <c r="C35794" s="7">
        <f t="shared" si="559"/>
        <v>595.90350000000001</v>
      </c>
    </row>
    <row r="35795" spans="1:3" x14ac:dyDescent="0.25">
      <c r="A35795" s="2" t="s">
        <v>21032</v>
      </c>
      <c r="B35795" s="6">
        <v>595920.14999999991</v>
      </c>
      <c r="C35795" s="7">
        <f t="shared" si="559"/>
        <v>595.92014999999992</v>
      </c>
    </row>
    <row r="35796" spans="1:3" x14ac:dyDescent="0.25">
      <c r="A35796" s="2" t="s">
        <v>21033</v>
      </c>
      <c r="B35796" s="6">
        <v>595936.79999999993</v>
      </c>
      <c r="C35796" s="7">
        <f t="shared" si="559"/>
        <v>595.93679999999995</v>
      </c>
    </row>
    <row r="35797" spans="1:3" x14ac:dyDescent="0.25">
      <c r="A35797" s="2" t="s">
        <v>21034</v>
      </c>
      <c r="B35797" s="6">
        <v>595953.44999999995</v>
      </c>
      <c r="C35797" s="7">
        <f t="shared" si="559"/>
        <v>595.95344999999998</v>
      </c>
    </row>
    <row r="35798" spans="1:3" x14ac:dyDescent="0.25">
      <c r="A35798" s="2" t="s">
        <v>21035</v>
      </c>
      <c r="B35798" s="6">
        <v>595970.1</v>
      </c>
      <c r="C35798" s="7">
        <f t="shared" si="559"/>
        <v>595.9701</v>
      </c>
    </row>
    <row r="35799" spans="1:3" x14ac:dyDescent="0.25">
      <c r="A35799" s="2" t="s">
        <v>21036</v>
      </c>
      <c r="B35799" s="6">
        <v>595986.75</v>
      </c>
      <c r="C35799" s="7">
        <f t="shared" si="559"/>
        <v>595.98675000000003</v>
      </c>
    </row>
    <row r="35800" spans="1:3" x14ac:dyDescent="0.25">
      <c r="A35800" s="2" t="s">
        <v>21037</v>
      </c>
      <c r="B35800" s="6">
        <v>596003.39999999991</v>
      </c>
      <c r="C35800" s="7">
        <f t="shared" si="559"/>
        <v>596.00339999999994</v>
      </c>
    </row>
    <row r="35801" spans="1:3" x14ac:dyDescent="0.25">
      <c r="A35801" s="2" t="s">
        <v>21038</v>
      </c>
      <c r="B35801" s="6">
        <v>596020.04999999993</v>
      </c>
      <c r="C35801" s="7">
        <f t="shared" si="559"/>
        <v>596.02004999999997</v>
      </c>
    </row>
    <row r="35802" spans="1:3" x14ac:dyDescent="0.25">
      <c r="A35802" s="2" t="s">
        <v>21039</v>
      </c>
      <c r="B35802" s="6">
        <v>596036.69999999995</v>
      </c>
      <c r="C35802" s="7">
        <f t="shared" si="559"/>
        <v>596.0367</v>
      </c>
    </row>
    <row r="35803" spans="1:3" x14ac:dyDescent="0.25">
      <c r="A35803" s="2" t="s">
        <v>21040</v>
      </c>
      <c r="B35803" s="6">
        <v>596053.35</v>
      </c>
      <c r="C35803" s="7">
        <f t="shared" si="559"/>
        <v>596.05335000000002</v>
      </c>
    </row>
    <row r="35804" spans="1:3" x14ac:dyDescent="0.25">
      <c r="A35804" s="2" t="s">
        <v>21041</v>
      </c>
      <c r="B35804" s="6">
        <v>596070</v>
      </c>
      <c r="C35804" s="7">
        <f t="shared" si="559"/>
        <v>596.07000000000005</v>
      </c>
    </row>
    <row r="35805" spans="1:3" x14ac:dyDescent="0.25">
      <c r="A35805" s="2" t="s">
        <v>21042</v>
      </c>
      <c r="B35805" s="6">
        <v>596086.64999999991</v>
      </c>
      <c r="C35805" s="7">
        <f t="shared" si="559"/>
        <v>596.08664999999996</v>
      </c>
    </row>
    <row r="35806" spans="1:3" x14ac:dyDescent="0.25">
      <c r="A35806" s="2" t="s">
        <v>21043</v>
      </c>
      <c r="B35806" s="6">
        <v>596103.29999999993</v>
      </c>
      <c r="C35806" s="7">
        <f t="shared" si="559"/>
        <v>596.10329999999988</v>
      </c>
    </row>
    <row r="35807" spans="1:3" x14ac:dyDescent="0.25">
      <c r="A35807" s="2" t="s">
        <v>21044</v>
      </c>
      <c r="B35807" s="6">
        <v>596119.94999999995</v>
      </c>
      <c r="C35807" s="7">
        <f t="shared" si="559"/>
        <v>596.1199499999999</v>
      </c>
    </row>
    <row r="35808" spans="1:3" x14ac:dyDescent="0.25">
      <c r="A35808" s="2" t="s">
        <v>21045</v>
      </c>
      <c r="B35808" s="6">
        <v>596136.6</v>
      </c>
      <c r="C35808" s="7">
        <f t="shared" si="559"/>
        <v>596.13659999999993</v>
      </c>
    </row>
    <row r="35809" spans="1:3" x14ac:dyDescent="0.25">
      <c r="A35809" s="2" t="s">
        <v>21046</v>
      </c>
      <c r="B35809" s="6">
        <v>596153.25</v>
      </c>
      <c r="C35809" s="7">
        <f t="shared" si="559"/>
        <v>596.15324999999996</v>
      </c>
    </row>
    <row r="35810" spans="1:3" x14ac:dyDescent="0.25">
      <c r="A35810" s="2" t="s">
        <v>21047</v>
      </c>
      <c r="B35810" s="6">
        <v>596169.89999999991</v>
      </c>
      <c r="C35810" s="7">
        <f t="shared" si="559"/>
        <v>596.16989999999987</v>
      </c>
    </row>
    <row r="35811" spans="1:3" x14ac:dyDescent="0.25">
      <c r="A35811" s="2" t="s">
        <v>21048</v>
      </c>
      <c r="B35811" s="6">
        <v>596186.54999999993</v>
      </c>
      <c r="C35811" s="7">
        <f t="shared" si="559"/>
        <v>596.1865499999999</v>
      </c>
    </row>
    <row r="35812" spans="1:3" x14ac:dyDescent="0.25">
      <c r="A35812" s="2" t="s">
        <v>21049</v>
      </c>
      <c r="B35812" s="6">
        <v>596203.19999999995</v>
      </c>
      <c r="C35812" s="7">
        <f t="shared" si="559"/>
        <v>596.20319999999992</v>
      </c>
    </row>
    <row r="35813" spans="1:3" x14ac:dyDescent="0.25">
      <c r="A35813" s="2" t="s">
        <v>21050</v>
      </c>
      <c r="B35813" s="6">
        <v>596219.85</v>
      </c>
      <c r="C35813" s="7">
        <f t="shared" si="559"/>
        <v>596.21984999999995</v>
      </c>
    </row>
    <row r="35814" spans="1:3" x14ac:dyDescent="0.25">
      <c r="A35814" s="2" t="s">
        <v>21051</v>
      </c>
      <c r="B35814" s="6">
        <v>596236.5</v>
      </c>
      <c r="C35814" s="7">
        <f t="shared" si="559"/>
        <v>596.23649999999998</v>
      </c>
    </row>
    <row r="35815" spans="1:3" x14ac:dyDescent="0.25">
      <c r="A35815" s="2" t="s">
        <v>21052</v>
      </c>
      <c r="B35815" s="6">
        <v>596253.14999999991</v>
      </c>
      <c r="C35815" s="7">
        <f t="shared" si="559"/>
        <v>596.25314999999989</v>
      </c>
    </row>
    <row r="35816" spans="1:3" x14ac:dyDescent="0.25">
      <c r="A35816" s="2" t="s">
        <v>21053</v>
      </c>
      <c r="B35816" s="6">
        <v>596269.79999999993</v>
      </c>
      <c r="C35816" s="7">
        <f t="shared" si="559"/>
        <v>596.26979999999992</v>
      </c>
    </row>
    <row r="35817" spans="1:3" x14ac:dyDescent="0.25">
      <c r="A35817" s="2" t="s">
        <v>21054</v>
      </c>
      <c r="B35817" s="6">
        <v>596286.44999999995</v>
      </c>
      <c r="C35817" s="7">
        <f t="shared" si="559"/>
        <v>596.28644999999995</v>
      </c>
    </row>
    <row r="35818" spans="1:3" x14ac:dyDescent="0.25">
      <c r="A35818" s="2" t="s">
        <v>21055</v>
      </c>
      <c r="B35818" s="6">
        <v>596303.1</v>
      </c>
      <c r="C35818" s="7">
        <f t="shared" si="559"/>
        <v>596.30309999999997</v>
      </c>
    </row>
    <row r="35819" spans="1:3" x14ac:dyDescent="0.25">
      <c r="A35819" s="2" t="s">
        <v>21056</v>
      </c>
      <c r="B35819" s="6">
        <v>596319.75</v>
      </c>
      <c r="C35819" s="7">
        <f t="shared" si="559"/>
        <v>596.31975</v>
      </c>
    </row>
    <row r="35820" spans="1:3" x14ac:dyDescent="0.25">
      <c r="A35820" s="2" t="s">
        <v>21057</v>
      </c>
      <c r="B35820" s="6">
        <v>596336.39999999991</v>
      </c>
      <c r="C35820" s="7">
        <f t="shared" si="559"/>
        <v>596.33639999999991</v>
      </c>
    </row>
    <row r="35821" spans="1:3" x14ac:dyDescent="0.25">
      <c r="A35821" s="2" t="s">
        <v>21058</v>
      </c>
      <c r="B35821" s="6">
        <v>596353.04999999993</v>
      </c>
      <c r="C35821" s="7">
        <f t="shared" si="559"/>
        <v>596.35304999999994</v>
      </c>
    </row>
    <row r="35822" spans="1:3" x14ac:dyDescent="0.25">
      <c r="A35822" s="2" t="s">
        <v>21059</v>
      </c>
      <c r="B35822" s="6">
        <v>596369.69999999995</v>
      </c>
      <c r="C35822" s="7">
        <f t="shared" si="559"/>
        <v>596.36969999999997</v>
      </c>
    </row>
    <row r="35823" spans="1:3" x14ac:dyDescent="0.25">
      <c r="A35823" s="2" t="s">
        <v>21060</v>
      </c>
      <c r="B35823" s="6">
        <v>596386.35</v>
      </c>
      <c r="C35823" s="7">
        <f t="shared" si="559"/>
        <v>596.38634999999999</v>
      </c>
    </row>
    <row r="35824" spans="1:3" x14ac:dyDescent="0.25">
      <c r="A35824" s="2" t="s">
        <v>21061</v>
      </c>
      <c r="B35824" s="6">
        <v>596403</v>
      </c>
      <c r="C35824" s="7">
        <f t="shared" si="559"/>
        <v>596.40300000000002</v>
      </c>
    </row>
    <row r="35825" spans="1:3" x14ac:dyDescent="0.25">
      <c r="A35825" s="2" t="s">
        <v>21062</v>
      </c>
      <c r="B35825" s="6">
        <v>596419.64999999991</v>
      </c>
      <c r="C35825" s="7">
        <f t="shared" si="559"/>
        <v>596.41964999999993</v>
      </c>
    </row>
    <row r="35826" spans="1:3" x14ac:dyDescent="0.25">
      <c r="A35826" s="2" t="s">
        <v>21063</v>
      </c>
      <c r="B35826" s="6">
        <v>596436.29999999993</v>
      </c>
      <c r="C35826" s="7">
        <f t="shared" si="559"/>
        <v>596.43629999999996</v>
      </c>
    </row>
    <row r="35827" spans="1:3" x14ac:dyDescent="0.25">
      <c r="A35827" s="2" t="s">
        <v>21064</v>
      </c>
      <c r="B35827" s="6">
        <v>596452.94999999995</v>
      </c>
      <c r="C35827" s="7">
        <f t="shared" si="559"/>
        <v>596.45294999999999</v>
      </c>
    </row>
    <row r="35828" spans="1:3" x14ac:dyDescent="0.25">
      <c r="A35828" s="2" t="s">
        <v>21065</v>
      </c>
      <c r="B35828" s="6">
        <v>596469.6</v>
      </c>
      <c r="C35828" s="7">
        <f t="shared" si="559"/>
        <v>596.46960000000001</v>
      </c>
    </row>
    <row r="35829" spans="1:3" x14ac:dyDescent="0.25">
      <c r="A35829" s="2" t="s">
        <v>21066</v>
      </c>
      <c r="B35829" s="6">
        <v>596486.25</v>
      </c>
      <c r="C35829" s="7">
        <f t="shared" si="559"/>
        <v>596.48625000000004</v>
      </c>
    </row>
    <row r="35830" spans="1:3" x14ac:dyDescent="0.25">
      <c r="A35830" s="2" t="s">
        <v>21067</v>
      </c>
      <c r="B35830" s="6">
        <v>596502.89999999991</v>
      </c>
      <c r="C35830" s="7">
        <f t="shared" si="559"/>
        <v>596.50289999999995</v>
      </c>
    </row>
    <row r="35831" spans="1:3" x14ac:dyDescent="0.25">
      <c r="A35831" s="2" t="s">
        <v>21068</v>
      </c>
      <c r="B35831" s="6">
        <v>596519.54999999993</v>
      </c>
      <c r="C35831" s="7">
        <f t="shared" si="559"/>
        <v>596.51954999999998</v>
      </c>
    </row>
    <row r="35832" spans="1:3" x14ac:dyDescent="0.25">
      <c r="A35832" s="2" t="s">
        <v>21069</v>
      </c>
      <c r="B35832" s="6">
        <v>596536.19999999995</v>
      </c>
      <c r="C35832" s="7">
        <f t="shared" si="559"/>
        <v>596.53620000000001</v>
      </c>
    </row>
    <row r="35833" spans="1:3" x14ac:dyDescent="0.25">
      <c r="A35833" s="2" t="s">
        <v>21070</v>
      </c>
      <c r="B35833" s="6">
        <v>596552.85</v>
      </c>
      <c r="C35833" s="7">
        <f t="shared" si="559"/>
        <v>596.55284999999992</v>
      </c>
    </row>
    <row r="35834" spans="1:3" x14ac:dyDescent="0.25">
      <c r="A35834" s="2" t="s">
        <v>21071</v>
      </c>
      <c r="B35834" s="6">
        <v>596569.5</v>
      </c>
      <c r="C35834" s="7">
        <f t="shared" si="559"/>
        <v>596.56949999999995</v>
      </c>
    </row>
    <row r="35835" spans="1:3" x14ac:dyDescent="0.25">
      <c r="A35835" s="2" t="s">
        <v>21072</v>
      </c>
      <c r="B35835" s="6">
        <v>596586.14999999991</v>
      </c>
      <c r="C35835" s="7">
        <f t="shared" si="559"/>
        <v>596.58614999999986</v>
      </c>
    </row>
    <row r="35836" spans="1:3" x14ac:dyDescent="0.25">
      <c r="A35836" s="2" t="s">
        <v>21073</v>
      </c>
      <c r="B35836" s="6">
        <v>596602.79999999993</v>
      </c>
      <c r="C35836" s="7">
        <f t="shared" si="559"/>
        <v>596.60279999999989</v>
      </c>
    </row>
    <row r="35837" spans="1:3" x14ac:dyDescent="0.25">
      <c r="A35837" s="2" t="s">
        <v>21074</v>
      </c>
      <c r="B35837" s="6">
        <v>596619.44999999995</v>
      </c>
      <c r="C35837" s="7">
        <f t="shared" si="559"/>
        <v>596.61944999999992</v>
      </c>
    </row>
    <row r="35838" spans="1:3" x14ac:dyDescent="0.25">
      <c r="A35838" s="2" t="s">
        <v>21075</v>
      </c>
      <c r="B35838" s="6">
        <v>596636.1</v>
      </c>
      <c r="C35838" s="7">
        <f t="shared" si="559"/>
        <v>596.63609999999994</v>
      </c>
    </row>
    <row r="35839" spans="1:3" x14ac:dyDescent="0.25">
      <c r="A35839" s="2" t="s">
        <v>21076</v>
      </c>
      <c r="B35839" s="6">
        <v>596652.75</v>
      </c>
      <c r="C35839" s="7">
        <f t="shared" si="559"/>
        <v>596.65274999999997</v>
      </c>
    </row>
    <row r="35840" spans="1:3" x14ac:dyDescent="0.25">
      <c r="A35840" s="2" t="s">
        <v>21077</v>
      </c>
      <c r="B35840" s="6">
        <v>596669.39999999991</v>
      </c>
      <c r="C35840" s="7">
        <f t="shared" si="559"/>
        <v>596.66939999999988</v>
      </c>
    </row>
    <row r="35841" spans="1:3" x14ac:dyDescent="0.25">
      <c r="A35841" s="2" t="s">
        <v>21078</v>
      </c>
      <c r="B35841" s="6">
        <v>596686.04999999993</v>
      </c>
      <c r="C35841" s="7">
        <f t="shared" si="559"/>
        <v>596.68604999999991</v>
      </c>
    </row>
    <row r="35842" spans="1:3" x14ac:dyDescent="0.25">
      <c r="A35842" s="2" t="s">
        <v>21079</v>
      </c>
      <c r="B35842" s="6">
        <v>596702.69999999995</v>
      </c>
      <c r="C35842" s="7">
        <f t="shared" si="559"/>
        <v>596.70269999999994</v>
      </c>
    </row>
    <row r="35843" spans="1:3" x14ac:dyDescent="0.25">
      <c r="A35843" s="2" t="s">
        <v>21080</v>
      </c>
      <c r="B35843" s="6">
        <v>596719.35</v>
      </c>
      <c r="C35843" s="7">
        <f t="shared" ref="C35843:C35906" si="560">B35843/1000</f>
        <v>596.71934999999996</v>
      </c>
    </row>
    <row r="35844" spans="1:3" x14ac:dyDescent="0.25">
      <c r="A35844" s="2" t="s">
        <v>21081</v>
      </c>
      <c r="B35844" s="6">
        <v>596736</v>
      </c>
      <c r="C35844" s="7">
        <f t="shared" si="560"/>
        <v>596.73599999999999</v>
      </c>
    </row>
    <row r="35845" spans="1:3" x14ac:dyDescent="0.25">
      <c r="A35845" s="2" t="s">
        <v>21082</v>
      </c>
      <c r="B35845" s="6">
        <v>596752.64999999991</v>
      </c>
      <c r="C35845" s="7">
        <f t="shared" si="560"/>
        <v>596.7526499999999</v>
      </c>
    </row>
    <row r="35846" spans="1:3" x14ac:dyDescent="0.25">
      <c r="A35846" s="2" t="s">
        <v>21083</v>
      </c>
      <c r="B35846" s="6">
        <v>596769.29999999993</v>
      </c>
      <c r="C35846" s="7">
        <f t="shared" si="560"/>
        <v>596.76929999999993</v>
      </c>
    </row>
    <row r="35847" spans="1:3" x14ac:dyDescent="0.25">
      <c r="A35847" s="2" t="s">
        <v>21084</v>
      </c>
      <c r="B35847" s="6">
        <v>596785.94999999995</v>
      </c>
      <c r="C35847" s="7">
        <f t="shared" si="560"/>
        <v>596.78594999999996</v>
      </c>
    </row>
    <row r="35848" spans="1:3" x14ac:dyDescent="0.25">
      <c r="A35848" s="2" t="s">
        <v>21085</v>
      </c>
      <c r="B35848" s="6">
        <v>596802.6</v>
      </c>
      <c r="C35848" s="7">
        <f t="shared" si="560"/>
        <v>596.80259999999998</v>
      </c>
    </row>
    <row r="35849" spans="1:3" x14ac:dyDescent="0.25">
      <c r="A35849" s="2" t="s">
        <v>21086</v>
      </c>
      <c r="B35849" s="6">
        <v>596819.25</v>
      </c>
      <c r="C35849" s="7">
        <f t="shared" si="560"/>
        <v>596.81925000000001</v>
      </c>
    </row>
    <row r="35850" spans="1:3" x14ac:dyDescent="0.25">
      <c r="A35850" s="2" t="s">
        <v>21087</v>
      </c>
      <c r="B35850" s="6">
        <v>596835.89999999991</v>
      </c>
      <c r="C35850" s="7">
        <f t="shared" si="560"/>
        <v>596.83589999999992</v>
      </c>
    </row>
    <row r="35851" spans="1:3" x14ac:dyDescent="0.25">
      <c r="A35851" s="2" t="s">
        <v>21088</v>
      </c>
      <c r="B35851" s="6">
        <v>596852.54999999993</v>
      </c>
      <c r="C35851" s="7">
        <f t="shared" si="560"/>
        <v>596.85254999999995</v>
      </c>
    </row>
    <row r="35852" spans="1:3" x14ac:dyDescent="0.25">
      <c r="A35852" s="2" t="s">
        <v>21089</v>
      </c>
      <c r="B35852" s="6">
        <v>596869.19999999995</v>
      </c>
      <c r="C35852" s="7">
        <f t="shared" si="560"/>
        <v>596.86919999999998</v>
      </c>
    </row>
    <row r="35853" spans="1:3" x14ac:dyDescent="0.25">
      <c r="A35853" s="2" t="s">
        <v>21090</v>
      </c>
      <c r="B35853" s="6">
        <v>596885.85</v>
      </c>
      <c r="C35853" s="7">
        <f t="shared" si="560"/>
        <v>596.88585</v>
      </c>
    </row>
    <row r="35854" spans="1:3" x14ac:dyDescent="0.25">
      <c r="A35854" s="2" t="s">
        <v>21091</v>
      </c>
      <c r="B35854" s="6">
        <v>596902.5</v>
      </c>
      <c r="C35854" s="7">
        <f t="shared" si="560"/>
        <v>596.90250000000003</v>
      </c>
    </row>
    <row r="35855" spans="1:3" x14ac:dyDescent="0.25">
      <c r="A35855" s="2" t="s">
        <v>21092</v>
      </c>
      <c r="B35855" s="6">
        <v>596919.14999999991</v>
      </c>
      <c r="C35855" s="7">
        <f t="shared" si="560"/>
        <v>596.91914999999995</v>
      </c>
    </row>
    <row r="35856" spans="1:3" x14ac:dyDescent="0.25">
      <c r="A35856" s="2" t="s">
        <v>21093</v>
      </c>
      <c r="B35856" s="6">
        <v>596935.79999999993</v>
      </c>
      <c r="C35856" s="7">
        <f t="shared" si="560"/>
        <v>596.93579999999997</v>
      </c>
    </row>
    <row r="35857" spans="1:3" x14ac:dyDescent="0.25">
      <c r="A35857" s="2" t="s">
        <v>21094</v>
      </c>
      <c r="B35857" s="6">
        <v>596952.44999999995</v>
      </c>
      <c r="C35857" s="7">
        <f t="shared" si="560"/>
        <v>596.95245</v>
      </c>
    </row>
    <row r="35858" spans="1:3" x14ac:dyDescent="0.25">
      <c r="A35858" s="2" t="s">
        <v>21095</v>
      </c>
      <c r="B35858" s="6">
        <v>596969.1</v>
      </c>
      <c r="C35858" s="7">
        <f t="shared" si="560"/>
        <v>596.96910000000003</v>
      </c>
    </row>
    <row r="35859" spans="1:3" x14ac:dyDescent="0.25">
      <c r="A35859" s="2" t="s">
        <v>21096</v>
      </c>
      <c r="B35859" s="6">
        <v>596985.75</v>
      </c>
      <c r="C35859" s="7">
        <f t="shared" si="560"/>
        <v>596.98575000000005</v>
      </c>
    </row>
    <row r="35860" spans="1:3" x14ac:dyDescent="0.25">
      <c r="A35860" s="2" t="s">
        <v>21097</v>
      </c>
      <c r="B35860" s="6">
        <v>597002.39999999991</v>
      </c>
      <c r="C35860" s="7">
        <f t="shared" si="560"/>
        <v>597.00239999999985</v>
      </c>
    </row>
    <row r="35861" spans="1:3" x14ac:dyDescent="0.25">
      <c r="A35861" s="2" t="s">
        <v>21098</v>
      </c>
      <c r="B35861" s="6">
        <v>597019.04999999993</v>
      </c>
      <c r="C35861" s="7">
        <f t="shared" si="560"/>
        <v>597.01904999999988</v>
      </c>
    </row>
    <row r="35862" spans="1:3" x14ac:dyDescent="0.25">
      <c r="A35862" s="2" t="s">
        <v>21099</v>
      </c>
      <c r="B35862" s="6">
        <v>597035.69999999995</v>
      </c>
      <c r="C35862" s="7">
        <f t="shared" si="560"/>
        <v>597.03569999999991</v>
      </c>
    </row>
    <row r="35863" spans="1:3" x14ac:dyDescent="0.25">
      <c r="A35863" s="2" t="s">
        <v>21100</v>
      </c>
      <c r="B35863" s="6">
        <v>597052.35</v>
      </c>
      <c r="C35863" s="7">
        <f t="shared" si="560"/>
        <v>597.05234999999993</v>
      </c>
    </row>
    <row r="35864" spans="1:3" x14ac:dyDescent="0.25">
      <c r="A35864" s="2" t="s">
        <v>21101</v>
      </c>
      <c r="B35864" s="6">
        <v>597069</v>
      </c>
      <c r="C35864" s="7">
        <f t="shared" si="560"/>
        <v>597.06899999999996</v>
      </c>
    </row>
    <row r="35865" spans="1:3" x14ac:dyDescent="0.25">
      <c r="A35865" s="2" t="s">
        <v>21102</v>
      </c>
      <c r="B35865" s="6">
        <v>597085.64999999991</v>
      </c>
      <c r="C35865" s="7">
        <f t="shared" si="560"/>
        <v>597.08564999999987</v>
      </c>
    </row>
    <row r="35866" spans="1:3" x14ac:dyDescent="0.25">
      <c r="A35866" s="2" t="s">
        <v>21103</v>
      </c>
      <c r="B35866" s="6">
        <v>597102.29999999993</v>
      </c>
      <c r="C35866" s="7">
        <f t="shared" si="560"/>
        <v>597.1022999999999</v>
      </c>
    </row>
    <row r="35867" spans="1:3" x14ac:dyDescent="0.25">
      <c r="A35867" s="2" t="s">
        <v>21104</v>
      </c>
      <c r="B35867" s="6">
        <v>597118.94999999995</v>
      </c>
      <c r="C35867" s="7">
        <f t="shared" si="560"/>
        <v>597.11894999999993</v>
      </c>
    </row>
    <row r="35868" spans="1:3" x14ac:dyDescent="0.25">
      <c r="A35868" s="2" t="s">
        <v>21105</v>
      </c>
      <c r="B35868" s="6">
        <v>597135.6</v>
      </c>
      <c r="C35868" s="7">
        <f t="shared" si="560"/>
        <v>597.13559999999995</v>
      </c>
    </row>
    <row r="35869" spans="1:3" x14ac:dyDescent="0.25">
      <c r="A35869" s="2" t="s">
        <v>21106</v>
      </c>
      <c r="B35869" s="6">
        <v>597152.25</v>
      </c>
      <c r="C35869" s="7">
        <f t="shared" si="560"/>
        <v>597.15224999999998</v>
      </c>
    </row>
    <row r="35870" spans="1:3" x14ac:dyDescent="0.25">
      <c r="A35870" s="2" t="s">
        <v>21107</v>
      </c>
      <c r="B35870" s="6">
        <v>597168.89999999991</v>
      </c>
      <c r="C35870" s="7">
        <f t="shared" si="560"/>
        <v>597.16889999999989</v>
      </c>
    </row>
    <row r="35871" spans="1:3" x14ac:dyDescent="0.25">
      <c r="A35871" s="2" t="s">
        <v>21108</v>
      </c>
      <c r="B35871" s="6">
        <v>597185.54999999993</v>
      </c>
      <c r="C35871" s="7">
        <f t="shared" si="560"/>
        <v>597.18554999999992</v>
      </c>
    </row>
    <row r="35872" spans="1:3" x14ac:dyDescent="0.25">
      <c r="A35872" s="2" t="s">
        <v>21109</v>
      </c>
      <c r="B35872" s="6">
        <v>597202.19999999995</v>
      </c>
      <c r="C35872" s="7">
        <f t="shared" si="560"/>
        <v>597.20219999999995</v>
      </c>
    </row>
    <row r="35873" spans="1:3" x14ac:dyDescent="0.25">
      <c r="A35873" s="2" t="s">
        <v>21110</v>
      </c>
      <c r="B35873" s="6">
        <v>597218.85</v>
      </c>
      <c r="C35873" s="7">
        <f t="shared" si="560"/>
        <v>597.21884999999997</v>
      </c>
    </row>
    <row r="35874" spans="1:3" x14ac:dyDescent="0.25">
      <c r="A35874" s="2" t="s">
        <v>21111</v>
      </c>
      <c r="B35874" s="6">
        <v>597235.5</v>
      </c>
      <c r="C35874" s="7">
        <f t="shared" si="560"/>
        <v>597.2355</v>
      </c>
    </row>
    <row r="35875" spans="1:3" x14ac:dyDescent="0.25">
      <c r="A35875" s="2" t="s">
        <v>21112</v>
      </c>
      <c r="B35875" s="6">
        <v>597252.14999999991</v>
      </c>
      <c r="C35875" s="7">
        <f t="shared" si="560"/>
        <v>597.25214999999992</v>
      </c>
    </row>
    <row r="35876" spans="1:3" x14ac:dyDescent="0.25">
      <c r="A35876" s="2" t="s">
        <v>21113</v>
      </c>
      <c r="B35876" s="6">
        <v>597268.79999999993</v>
      </c>
      <c r="C35876" s="7">
        <f t="shared" si="560"/>
        <v>597.26879999999994</v>
      </c>
    </row>
    <row r="35877" spans="1:3" x14ac:dyDescent="0.25">
      <c r="A35877" s="2" t="s">
        <v>21114</v>
      </c>
      <c r="B35877" s="6">
        <v>597285.44999999995</v>
      </c>
      <c r="C35877" s="7">
        <f t="shared" si="560"/>
        <v>597.28544999999997</v>
      </c>
    </row>
    <row r="35878" spans="1:3" x14ac:dyDescent="0.25">
      <c r="A35878" s="2" t="s">
        <v>21115</v>
      </c>
      <c r="B35878" s="6">
        <v>597302.1</v>
      </c>
      <c r="C35878" s="7">
        <f t="shared" si="560"/>
        <v>597.3021</v>
      </c>
    </row>
    <row r="35879" spans="1:3" x14ac:dyDescent="0.25">
      <c r="A35879" s="2" t="s">
        <v>21116</v>
      </c>
      <c r="B35879" s="6">
        <v>597318.75</v>
      </c>
      <c r="C35879" s="7">
        <f t="shared" si="560"/>
        <v>597.31875000000002</v>
      </c>
    </row>
    <row r="35880" spans="1:3" x14ac:dyDescent="0.25">
      <c r="A35880" s="2" t="s">
        <v>21117</v>
      </c>
      <c r="B35880" s="6">
        <v>597335.39999999991</v>
      </c>
      <c r="C35880" s="7">
        <f t="shared" si="560"/>
        <v>597.33539999999994</v>
      </c>
    </row>
    <row r="35881" spans="1:3" x14ac:dyDescent="0.25">
      <c r="A35881" s="2" t="s">
        <v>21118</v>
      </c>
      <c r="B35881" s="6">
        <v>597352.04999999993</v>
      </c>
      <c r="C35881" s="7">
        <f t="shared" si="560"/>
        <v>597.35204999999996</v>
      </c>
    </row>
    <row r="35882" spans="1:3" x14ac:dyDescent="0.25">
      <c r="A35882" s="2" t="s">
        <v>21119</v>
      </c>
      <c r="B35882" s="6">
        <v>597368.69999999995</v>
      </c>
      <c r="C35882" s="7">
        <f t="shared" si="560"/>
        <v>597.36869999999999</v>
      </c>
    </row>
    <row r="35883" spans="1:3" x14ac:dyDescent="0.25">
      <c r="A35883" s="2" t="s">
        <v>21120</v>
      </c>
      <c r="B35883" s="6">
        <v>597385.35</v>
      </c>
      <c r="C35883" s="7">
        <f t="shared" si="560"/>
        <v>597.38535000000002</v>
      </c>
    </row>
    <row r="35884" spans="1:3" x14ac:dyDescent="0.25">
      <c r="A35884" s="2" t="s">
        <v>21121</v>
      </c>
      <c r="B35884" s="6">
        <v>597402</v>
      </c>
      <c r="C35884" s="7">
        <f t="shared" si="560"/>
        <v>597.40200000000004</v>
      </c>
    </row>
    <row r="35885" spans="1:3" x14ac:dyDescent="0.25">
      <c r="A35885" s="2" t="s">
        <v>21122</v>
      </c>
      <c r="B35885" s="6">
        <v>597418.64999999991</v>
      </c>
      <c r="C35885" s="7">
        <f t="shared" si="560"/>
        <v>597.41864999999996</v>
      </c>
    </row>
    <row r="35886" spans="1:3" x14ac:dyDescent="0.25">
      <c r="A35886" s="2" t="s">
        <v>21123</v>
      </c>
      <c r="B35886" s="6">
        <v>597435.29999999993</v>
      </c>
      <c r="C35886" s="7">
        <f t="shared" si="560"/>
        <v>597.43529999999998</v>
      </c>
    </row>
    <row r="35887" spans="1:3" x14ac:dyDescent="0.25">
      <c r="A35887" s="2" t="s">
        <v>21124</v>
      </c>
      <c r="B35887" s="6">
        <v>597451.94999999995</v>
      </c>
      <c r="C35887" s="7">
        <f t="shared" si="560"/>
        <v>597.4519499999999</v>
      </c>
    </row>
    <row r="35888" spans="1:3" x14ac:dyDescent="0.25">
      <c r="A35888" s="2" t="s">
        <v>21125</v>
      </c>
      <c r="B35888" s="6">
        <v>597468.6</v>
      </c>
      <c r="C35888" s="7">
        <f t="shared" si="560"/>
        <v>597.46859999999992</v>
      </c>
    </row>
    <row r="35889" spans="1:3" x14ac:dyDescent="0.25">
      <c r="A35889" s="2" t="s">
        <v>21126</v>
      </c>
      <c r="B35889" s="6">
        <v>597485.25</v>
      </c>
      <c r="C35889" s="7">
        <f t="shared" si="560"/>
        <v>597.48524999999995</v>
      </c>
    </row>
    <row r="35890" spans="1:3" x14ac:dyDescent="0.25">
      <c r="A35890" s="2" t="s">
        <v>21127</v>
      </c>
      <c r="B35890" s="6">
        <v>597501.89999999991</v>
      </c>
      <c r="C35890" s="7">
        <f t="shared" si="560"/>
        <v>597.50189999999986</v>
      </c>
    </row>
    <row r="35891" spans="1:3" x14ac:dyDescent="0.25">
      <c r="A35891" s="2" t="s">
        <v>21128</v>
      </c>
      <c r="B35891" s="6">
        <v>597518.54999999993</v>
      </c>
      <c r="C35891" s="7">
        <f t="shared" si="560"/>
        <v>597.51854999999989</v>
      </c>
    </row>
    <row r="35892" spans="1:3" x14ac:dyDescent="0.25">
      <c r="A35892" s="2" t="s">
        <v>21129</v>
      </c>
      <c r="B35892" s="6">
        <v>597535.19999999995</v>
      </c>
      <c r="C35892" s="7">
        <f t="shared" si="560"/>
        <v>597.53519999999992</v>
      </c>
    </row>
    <row r="35893" spans="1:3" x14ac:dyDescent="0.25">
      <c r="A35893" s="2" t="s">
        <v>21130</v>
      </c>
      <c r="B35893" s="6">
        <v>597551.85</v>
      </c>
      <c r="C35893" s="7">
        <f t="shared" si="560"/>
        <v>597.55184999999994</v>
      </c>
    </row>
    <row r="35894" spans="1:3" x14ac:dyDescent="0.25">
      <c r="A35894" s="2" t="s">
        <v>21131</v>
      </c>
      <c r="B35894" s="6">
        <v>597568.5</v>
      </c>
      <c r="C35894" s="7">
        <f t="shared" si="560"/>
        <v>597.56849999999997</v>
      </c>
    </row>
    <row r="35895" spans="1:3" x14ac:dyDescent="0.25">
      <c r="A35895" s="2" t="s">
        <v>21132</v>
      </c>
      <c r="B35895" s="6">
        <v>597585.14999999991</v>
      </c>
      <c r="C35895" s="7">
        <f t="shared" si="560"/>
        <v>597.58514999999989</v>
      </c>
    </row>
    <row r="35896" spans="1:3" x14ac:dyDescent="0.25">
      <c r="A35896" s="2" t="s">
        <v>21133</v>
      </c>
      <c r="B35896" s="6">
        <v>597601.79999999993</v>
      </c>
      <c r="C35896" s="7">
        <f t="shared" si="560"/>
        <v>597.60179999999991</v>
      </c>
    </row>
    <row r="35897" spans="1:3" x14ac:dyDescent="0.25">
      <c r="A35897" s="2" t="s">
        <v>21134</v>
      </c>
      <c r="B35897" s="6">
        <v>597618.44999999995</v>
      </c>
      <c r="C35897" s="7">
        <f t="shared" si="560"/>
        <v>597.61844999999994</v>
      </c>
    </row>
    <row r="35898" spans="1:3" x14ac:dyDescent="0.25">
      <c r="A35898" s="2" t="s">
        <v>21135</v>
      </c>
      <c r="B35898" s="6">
        <v>597635.1</v>
      </c>
      <c r="C35898" s="7">
        <f t="shared" si="560"/>
        <v>597.63509999999997</v>
      </c>
    </row>
    <row r="35899" spans="1:3" x14ac:dyDescent="0.25">
      <c r="A35899" s="2" t="s">
        <v>21136</v>
      </c>
      <c r="B35899" s="6">
        <v>597651.75</v>
      </c>
      <c r="C35899" s="7">
        <f t="shared" si="560"/>
        <v>597.65174999999999</v>
      </c>
    </row>
    <row r="35900" spans="1:3" x14ac:dyDescent="0.25">
      <c r="A35900" s="2" t="s">
        <v>21137</v>
      </c>
      <c r="B35900" s="6">
        <v>597668.39999999991</v>
      </c>
      <c r="C35900" s="7">
        <f t="shared" si="560"/>
        <v>597.66839999999991</v>
      </c>
    </row>
    <row r="35901" spans="1:3" x14ac:dyDescent="0.25">
      <c r="A35901" s="2" t="s">
        <v>21138</v>
      </c>
      <c r="B35901" s="6">
        <v>597685.04999999993</v>
      </c>
      <c r="C35901" s="7">
        <f t="shared" si="560"/>
        <v>597.68504999999993</v>
      </c>
    </row>
    <row r="35902" spans="1:3" x14ac:dyDescent="0.25">
      <c r="A35902" s="2" t="s">
        <v>21139</v>
      </c>
      <c r="B35902" s="6">
        <v>597701.69999999995</v>
      </c>
      <c r="C35902" s="7">
        <f t="shared" si="560"/>
        <v>597.70169999999996</v>
      </c>
    </row>
    <row r="35903" spans="1:3" x14ac:dyDescent="0.25">
      <c r="A35903" s="2" t="s">
        <v>21140</v>
      </c>
      <c r="B35903" s="6">
        <v>597718.35</v>
      </c>
      <c r="C35903" s="7">
        <f t="shared" si="560"/>
        <v>597.71834999999999</v>
      </c>
    </row>
    <row r="35904" spans="1:3" x14ac:dyDescent="0.25">
      <c r="A35904" s="2" t="s">
        <v>21141</v>
      </c>
      <c r="B35904" s="6">
        <v>597735</v>
      </c>
      <c r="C35904" s="7">
        <f t="shared" si="560"/>
        <v>597.73500000000001</v>
      </c>
    </row>
    <row r="35905" spans="1:3" x14ac:dyDescent="0.25">
      <c r="A35905" s="2" t="s">
        <v>21142</v>
      </c>
      <c r="B35905" s="6">
        <v>597751.64999999991</v>
      </c>
      <c r="C35905" s="7">
        <f t="shared" si="560"/>
        <v>597.75164999999993</v>
      </c>
    </row>
    <row r="35906" spans="1:3" x14ac:dyDescent="0.25">
      <c r="A35906" s="2" t="s">
        <v>21143</v>
      </c>
      <c r="B35906" s="6">
        <v>597768.29999999993</v>
      </c>
      <c r="C35906" s="7">
        <f t="shared" si="560"/>
        <v>597.76829999999995</v>
      </c>
    </row>
    <row r="35907" spans="1:3" x14ac:dyDescent="0.25">
      <c r="A35907" s="2" t="s">
        <v>21144</v>
      </c>
      <c r="B35907" s="6">
        <v>597784.94999999995</v>
      </c>
      <c r="C35907" s="7">
        <f t="shared" ref="C35907:C35970" si="561">B35907/1000</f>
        <v>597.78494999999998</v>
      </c>
    </row>
    <row r="35908" spans="1:3" x14ac:dyDescent="0.25">
      <c r="A35908" s="2" t="s">
        <v>21145</v>
      </c>
      <c r="B35908" s="6">
        <v>597801.6</v>
      </c>
      <c r="C35908" s="7">
        <f t="shared" si="561"/>
        <v>597.80160000000001</v>
      </c>
    </row>
    <row r="35909" spans="1:3" x14ac:dyDescent="0.25">
      <c r="A35909" s="2" t="s">
        <v>21146</v>
      </c>
      <c r="B35909" s="6">
        <v>597818.25</v>
      </c>
      <c r="C35909" s="7">
        <f t="shared" si="561"/>
        <v>597.81825000000003</v>
      </c>
    </row>
    <row r="35910" spans="1:3" x14ac:dyDescent="0.25">
      <c r="A35910" s="2" t="s">
        <v>21147</v>
      </c>
      <c r="B35910" s="6">
        <v>597834.89999999991</v>
      </c>
      <c r="C35910" s="7">
        <f t="shared" si="561"/>
        <v>597.83489999999995</v>
      </c>
    </row>
    <row r="35911" spans="1:3" x14ac:dyDescent="0.25">
      <c r="A35911" s="2" t="s">
        <v>21148</v>
      </c>
      <c r="B35911" s="6">
        <v>597851.54999999993</v>
      </c>
      <c r="C35911" s="7">
        <f t="shared" si="561"/>
        <v>597.85154999999997</v>
      </c>
    </row>
    <row r="35912" spans="1:3" x14ac:dyDescent="0.25">
      <c r="A35912" s="2" t="s">
        <v>21149</v>
      </c>
      <c r="B35912" s="6">
        <v>597868.19999999995</v>
      </c>
      <c r="C35912" s="7">
        <f t="shared" si="561"/>
        <v>597.8682</v>
      </c>
    </row>
    <row r="35913" spans="1:3" x14ac:dyDescent="0.25">
      <c r="A35913" s="2" t="s">
        <v>21150</v>
      </c>
      <c r="B35913" s="6">
        <v>597884.85</v>
      </c>
      <c r="C35913" s="7">
        <f t="shared" si="561"/>
        <v>597.88485000000003</v>
      </c>
    </row>
    <row r="35914" spans="1:3" x14ac:dyDescent="0.25">
      <c r="A35914" s="2" t="s">
        <v>21151</v>
      </c>
      <c r="B35914" s="6">
        <v>597901.5</v>
      </c>
      <c r="C35914" s="7">
        <f t="shared" si="561"/>
        <v>597.90150000000006</v>
      </c>
    </row>
    <row r="35915" spans="1:3" x14ac:dyDescent="0.25">
      <c r="A35915" s="2" t="s">
        <v>21152</v>
      </c>
      <c r="B35915" s="6">
        <v>597918.14999999991</v>
      </c>
      <c r="C35915" s="7">
        <f t="shared" si="561"/>
        <v>597.91814999999986</v>
      </c>
    </row>
    <row r="35916" spans="1:3" x14ac:dyDescent="0.25">
      <c r="A35916" s="2" t="s">
        <v>21153</v>
      </c>
      <c r="B35916" s="6">
        <v>597934.79999999993</v>
      </c>
      <c r="C35916" s="7">
        <f t="shared" si="561"/>
        <v>597.93479999999988</v>
      </c>
    </row>
    <row r="35917" spans="1:3" x14ac:dyDescent="0.25">
      <c r="A35917" s="2" t="s">
        <v>21154</v>
      </c>
      <c r="B35917" s="6">
        <v>597951.44999999995</v>
      </c>
      <c r="C35917" s="7">
        <f t="shared" si="561"/>
        <v>597.95144999999991</v>
      </c>
    </row>
    <row r="35918" spans="1:3" x14ac:dyDescent="0.25">
      <c r="A35918" s="2" t="s">
        <v>21155</v>
      </c>
      <c r="B35918" s="6">
        <v>597968.1</v>
      </c>
      <c r="C35918" s="7">
        <f t="shared" si="561"/>
        <v>597.96809999999994</v>
      </c>
    </row>
    <row r="35919" spans="1:3" x14ac:dyDescent="0.25">
      <c r="A35919" s="2" t="s">
        <v>21156</v>
      </c>
      <c r="B35919" s="6">
        <v>597984.75</v>
      </c>
      <c r="C35919" s="7">
        <f t="shared" si="561"/>
        <v>597.98474999999996</v>
      </c>
    </row>
    <row r="35920" spans="1:3" x14ac:dyDescent="0.25">
      <c r="A35920" s="2" t="s">
        <v>21157</v>
      </c>
      <c r="B35920" s="6">
        <v>598001.39999999991</v>
      </c>
      <c r="C35920" s="7">
        <f t="shared" si="561"/>
        <v>598.00139999999988</v>
      </c>
    </row>
    <row r="35921" spans="1:3" x14ac:dyDescent="0.25">
      <c r="A35921" s="2" t="s">
        <v>21158</v>
      </c>
      <c r="B35921" s="6">
        <v>598018.04999999993</v>
      </c>
      <c r="C35921" s="7">
        <f t="shared" si="561"/>
        <v>598.0180499999999</v>
      </c>
    </row>
    <row r="35922" spans="1:3" x14ac:dyDescent="0.25">
      <c r="A35922" s="2" t="s">
        <v>21159</v>
      </c>
      <c r="B35922" s="6">
        <v>598034.69999999995</v>
      </c>
      <c r="C35922" s="7">
        <f t="shared" si="561"/>
        <v>598.03469999999993</v>
      </c>
    </row>
    <row r="35923" spans="1:3" x14ac:dyDescent="0.25">
      <c r="A35923" s="2" t="s">
        <v>21160</v>
      </c>
      <c r="B35923" s="6">
        <v>598051.35</v>
      </c>
      <c r="C35923" s="7">
        <f t="shared" si="561"/>
        <v>598.05134999999996</v>
      </c>
    </row>
    <row r="35924" spans="1:3" x14ac:dyDescent="0.25">
      <c r="A35924" s="2" t="s">
        <v>21161</v>
      </c>
      <c r="B35924" s="6">
        <v>598068</v>
      </c>
      <c r="C35924" s="7">
        <f t="shared" si="561"/>
        <v>598.06799999999998</v>
      </c>
    </row>
    <row r="35925" spans="1:3" x14ac:dyDescent="0.25">
      <c r="A35925" s="2" t="s">
        <v>21162</v>
      </c>
      <c r="B35925" s="6">
        <v>598084.64999999991</v>
      </c>
      <c r="C35925" s="7">
        <f t="shared" si="561"/>
        <v>598.0846499999999</v>
      </c>
    </row>
    <row r="35926" spans="1:3" x14ac:dyDescent="0.25">
      <c r="A35926" s="2" t="s">
        <v>21163</v>
      </c>
      <c r="B35926" s="6">
        <v>598101.29999999993</v>
      </c>
      <c r="C35926" s="7">
        <f t="shared" si="561"/>
        <v>598.10129999999992</v>
      </c>
    </row>
    <row r="35927" spans="1:3" x14ac:dyDescent="0.25">
      <c r="A35927" s="2" t="s">
        <v>21164</v>
      </c>
      <c r="B35927" s="6">
        <v>598117.94999999995</v>
      </c>
      <c r="C35927" s="7">
        <f t="shared" si="561"/>
        <v>598.11794999999995</v>
      </c>
    </row>
    <row r="35928" spans="1:3" x14ac:dyDescent="0.25">
      <c r="A35928" s="2" t="s">
        <v>21165</v>
      </c>
      <c r="B35928" s="6">
        <v>598134.6</v>
      </c>
      <c r="C35928" s="7">
        <f t="shared" si="561"/>
        <v>598.13459999999998</v>
      </c>
    </row>
    <row r="35929" spans="1:3" x14ac:dyDescent="0.25">
      <c r="A35929" s="2" t="s">
        <v>21166</v>
      </c>
      <c r="B35929" s="6">
        <v>598151.25</v>
      </c>
      <c r="C35929" s="7">
        <f t="shared" si="561"/>
        <v>598.15125</v>
      </c>
    </row>
    <row r="35930" spans="1:3" x14ac:dyDescent="0.25">
      <c r="A35930" s="2" t="s">
        <v>21167</v>
      </c>
      <c r="B35930" s="6">
        <v>598167.89999999991</v>
      </c>
      <c r="C35930" s="7">
        <f t="shared" si="561"/>
        <v>598.16789999999992</v>
      </c>
    </row>
    <row r="35931" spans="1:3" x14ac:dyDescent="0.25">
      <c r="A35931" s="2" t="s">
        <v>21168</v>
      </c>
      <c r="B35931" s="6">
        <v>598184.54999999993</v>
      </c>
      <c r="C35931" s="7">
        <f t="shared" si="561"/>
        <v>598.18454999999994</v>
      </c>
    </row>
    <row r="35932" spans="1:3" x14ac:dyDescent="0.25">
      <c r="A35932" s="2" t="s">
        <v>21169</v>
      </c>
      <c r="B35932" s="6">
        <v>598201.19999999995</v>
      </c>
      <c r="C35932" s="7">
        <f t="shared" si="561"/>
        <v>598.20119999999997</v>
      </c>
    </row>
    <row r="35933" spans="1:3" x14ac:dyDescent="0.25">
      <c r="A35933" s="2" t="s">
        <v>21170</v>
      </c>
      <c r="B35933" s="6">
        <v>598217.85</v>
      </c>
      <c r="C35933" s="7">
        <f t="shared" si="561"/>
        <v>598.21785</v>
      </c>
    </row>
    <row r="35934" spans="1:3" x14ac:dyDescent="0.25">
      <c r="A35934" s="2" t="s">
        <v>21171</v>
      </c>
      <c r="B35934" s="6">
        <v>598234.5</v>
      </c>
      <c r="C35934" s="7">
        <f t="shared" si="561"/>
        <v>598.23450000000003</v>
      </c>
    </row>
    <row r="35935" spans="1:3" x14ac:dyDescent="0.25">
      <c r="A35935" s="2" t="s">
        <v>21172</v>
      </c>
      <c r="B35935" s="6">
        <v>598251.14999999991</v>
      </c>
      <c r="C35935" s="7">
        <f t="shared" si="561"/>
        <v>598.25114999999994</v>
      </c>
    </row>
    <row r="35936" spans="1:3" x14ac:dyDescent="0.25">
      <c r="A35936" s="2" t="s">
        <v>21173</v>
      </c>
      <c r="B35936" s="6">
        <v>598267.79999999993</v>
      </c>
      <c r="C35936" s="7">
        <f t="shared" si="561"/>
        <v>598.26779999999997</v>
      </c>
    </row>
    <row r="35937" spans="1:3" x14ac:dyDescent="0.25">
      <c r="A35937" s="2" t="s">
        <v>21174</v>
      </c>
      <c r="B35937" s="6">
        <v>598284.44999999995</v>
      </c>
      <c r="C35937" s="7">
        <f t="shared" si="561"/>
        <v>598.28444999999999</v>
      </c>
    </row>
    <row r="35938" spans="1:3" x14ac:dyDescent="0.25">
      <c r="A35938" s="2" t="s">
        <v>21175</v>
      </c>
      <c r="B35938" s="6">
        <v>598301.1</v>
      </c>
      <c r="C35938" s="7">
        <f t="shared" si="561"/>
        <v>598.30110000000002</v>
      </c>
    </row>
    <row r="35939" spans="1:3" x14ac:dyDescent="0.25">
      <c r="A35939" s="2" t="s">
        <v>21176</v>
      </c>
      <c r="B35939" s="6">
        <v>598317.75</v>
      </c>
      <c r="C35939" s="7">
        <f t="shared" si="561"/>
        <v>598.31775000000005</v>
      </c>
    </row>
    <row r="35940" spans="1:3" x14ac:dyDescent="0.25">
      <c r="A35940" s="2" t="s">
        <v>21177</v>
      </c>
      <c r="B35940" s="6">
        <v>598334.39999999991</v>
      </c>
      <c r="C35940" s="7">
        <f t="shared" si="561"/>
        <v>598.33439999999996</v>
      </c>
    </row>
    <row r="35941" spans="1:3" x14ac:dyDescent="0.25">
      <c r="A35941" s="2" t="s">
        <v>21178</v>
      </c>
      <c r="B35941" s="6">
        <v>598351.04999999993</v>
      </c>
      <c r="C35941" s="7">
        <f t="shared" si="561"/>
        <v>598.35104999999999</v>
      </c>
    </row>
    <row r="35942" spans="1:3" x14ac:dyDescent="0.25">
      <c r="A35942" s="2" t="s">
        <v>21179</v>
      </c>
      <c r="B35942" s="6">
        <v>598367.69999999995</v>
      </c>
      <c r="C35942" s="7">
        <f t="shared" si="561"/>
        <v>598.3676999999999</v>
      </c>
    </row>
    <row r="35943" spans="1:3" x14ac:dyDescent="0.25">
      <c r="A35943" s="2" t="s">
        <v>21180</v>
      </c>
      <c r="B35943" s="6">
        <v>598384.35</v>
      </c>
      <c r="C35943" s="7">
        <f t="shared" si="561"/>
        <v>598.38434999999993</v>
      </c>
    </row>
    <row r="35944" spans="1:3" x14ac:dyDescent="0.25">
      <c r="A35944" s="2" t="s">
        <v>21181</v>
      </c>
      <c r="B35944" s="6">
        <v>598401</v>
      </c>
      <c r="C35944" s="7">
        <f t="shared" si="561"/>
        <v>598.40099999999995</v>
      </c>
    </row>
    <row r="35945" spans="1:3" x14ac:dyDescent="0.25">
      <c r="A35945" s="2" t="s">
        <v>21182</v>
      </c>
      <c r="B35945" s="6">
        <v>598417.64999999991</v>
      </c>
      <c r="C35945" s="7">
        <f t="shared" si="561"/>
        <v>598.41764999999987</v>
      </c>
    </row>
    <row r="35946" spans="1:3" x14ac:dyDescent="0.25">
      <c r="A35946" s="2" t="s">
        <v>21183</v>
      </c>
      <c r="B35946" s="6">
        <v>598434.29999999993</v>
      </c>
      <c r="C35946" s="7">
        <f t="shared" si="561"/>
        <v>598.43429999999989</v>
      </c>
    </row>
    <row r="35947" spans="1:3" x14ac:dyDescent="0.25">
      <c r="A35947" s="2" t="s">
        <v>21184</v>
      </c>
      <c r="B35947" s="6">
        <v>598450.94999999995</v>
      </c>
      <c r="C35947" s="7">
        <f t="shared" si="561"/>
        <v>598.45094999999992</v>
      </c>
    </row>
    <row r="35948" spans="1:3" x14ac:dyDescent="0.25">
      <c r="A35948" s="2" t="s">
        <v>21185</v>
      </c>
      <c r="B35948" s="6">
        <v>598467.6</v>
      </c>
      <c r="C35948" s="7">
        <f t="shared" si="561"/>
        <v>598.46759999999995</v>
      </c>
    </row>
    <row r="35949" spans="1:3" x14ac:dyDescent="0.25">
      <c r="A35949" s="2" t="s">
        <v>21186</v>
      </c>
      <c r="B35949" s="6">
        <v>598484.25</v>
      </c>
      <c r="C35949" s="7">
        <f t="shared" si="561"/>
        <v>598.48424999999997</v>
      </c>
    </row>
    <row r="35950" spans="1:3" x14ac:dyDescent="0.25">
      <c r="A35950" s="2" t="s">
        <v>21187</v>
      </c>
      <c r="B35950" s="6">
        <v>598500.89999999991</v>
      </c>
      <c r="C35950" s="7">
        <f t="shared" si="561"/>
        <v>598.50089999999989</v>
      </c>
    </row>
    <row r="35951" spans="1:3" x14ac:dyDescent="0.25">
      <c r="A35951" s="2" t="s">
        <v>21188</v>
      </c>
      <c r="B35951" s="6">
        <v>598517.54999999993</v>
      </c>
      <c r="C35951" s="7">
        <f t="shared" si="561"/>
        <v>598.51754999999991</v>
      </c>
    </row>
    <row r="35952" spans="1:3" x14ac:dyDescent="0.25">
      <c r="A35952" s="2" t="s">
        <v>21189</v>
      </c>
      <c r="B35952" s="6">
        <v>598534.19999999995</v>
      </c>
      <c r="C35952" s="7">
        <f t="shared" si="561"/>
        <v>598.53419999999994</v>
      </c>
    </row>
    <row r="35953" spans="1:3" x14ac:dyDescent="0.25">
      <c r="A35953" s="2" t="s">
        <v>21190</v>
      </c>
      <c r="B35953" s="6">
        <v>598550.85</v>
      </c>
      <c r="C35953" s="7">
        <f t="shared" si="561"/>
        <v>598.55084999999997</v>
      </c>
    </row>
    <row r="35954" spans="1:3" x14ac:dyDescent="0.25">
      <c r="A35954" s="2" t="s">
        <v>21191</v>
      </c>
      <c r="B35954" s="6">
        <v>598567.5</v>
      </c>
      <c r="C35954" s="7">
        <f t="shared" si="561"/>
        <v>598.5675</v>
      </c>
    </row>
    <row r="35955" spans="1:3" x14ac:dyDescent="0.25">
      <c r="A35955" s="2" t="s">
        <v>21192</v>
      </c>
      <c r="B35955" s="6">
        <v>598584.14999999991</v>
      </c>
      <c r="C35955" s="7">
        <f t="shared" si="561"/>
        <v>598.58414999999991</v>
      </c>
    </row>
    <row r="35956" spans="1:3" x14ac:dyDescent="0.25">
      <c r="A35956" s="2" t="s">
        <v>21193</v>
      </c>
      <c r="B35956" s="6">
        <v>598600.79999999993</v>
      </c>
      <c r="C35956" s="7">
        <f t="shared" si="561"/>
        <v>598.60079999999994</v>
      </c>
    </row>
    <row r="35957" spans="1:3" x14ac:dyDescent="0.25">
      <c r="A35957" s="2" t="s">
        <v>21194</v>
      </c>
      <c r="B35957" s="6">
        <v>598617.44999999995</v>
      </c>
      <c r="C35957" s="7">
        <f t="shared" si="561"/>
        <v>598.61744999999996</v>
      </c>
    </row>
    <row r="35958" spans="1:3" x14ac:dyDescent="0.25">
      <c r="A35958" s="2" t="s">
        <v>21195</v>
      </c>
      <c r="B35958" s="6">
        <v>598634.1</v>
      </c>
      <c r="C35958" s="7">
        <f t="shared" si="561"/>
        <v>598.63409999999999</v>
      </c>
    </row>
    <row r="35959" spans="1:3" x14ac:dyDescent="0.25">
      <c r="A35959" s="2" t="s">
        <v>21196</v>
      </c>
      <c r="B35959" s="6">
        <v>598650.75</v>
      </c>
      <c r="C35959" s="7">
        <f t="shared" si="561"/>
        <v>598.65075000000002</v>
      </c>
    </row>
    <row r="35960" spans="1:3" x14ac:dyDescent="0.25">
      <c r="A35960" s="2" t="s">
        <v>21197</v>
      </c>
      <c r="B35960" s="6">
        <v>598667.39999999991</v>
      </c>
      <c r="C35960" s="7">
        <f t="shared" si="561"/>
        <v>598.66739999999993</v>
      </c>
    </row>
    <row r="35961" spans="1:3" x14ac:dyDescent="0.25">
      <c r="A35961" s="2" t="s">
        <v>21198</v>
      </c>
      <c r="B35961" s="6">
        <v>598684.04999999993</v>
      </c>
      <c r="C35961" s="7">
        <f t="shared" si="561"/>
        <v>598.68404999999996</v>
      </c>
    </row>
    <row r="35962" spans="1:3" x14ac:dyDescent="0.25">
      <c r="A35962" s="2" t="s">
        <v>21199</v>
      </c>
      <c r="B35962" s="6">
        <v>598700.69999999995</v>
      </c>
      <c r="C35962" s="7">
        <f t="shared" si="561"/>
        <v>598.70069999999998</v>
      </c>
    </row>
    <row r="35963" spans="1:3" x14ac:dyDescent="0.25">
      <c r="A35963" s="2" t="s">
        <v>21200</v>
      </c>
      <c r="B35963" s="6">
        <v>598717.35</v>
      </c>
      <c r="C35963" s="7">
        <f t="shared" si="561"/>
        <v>598.71735000000001</v>
      </c>
    </row>
    <row r="35964" spans="1:3" x14ac:dyDescent="0.25">
      <c r="A35964" s="2" t="s">
        <v>21201</v>
      </c>
      <c r="B35964" s="6">
        <v>598734</v>
      </c>
      <c r="C35964" s="7">
        <f t="shared" si="561"/>
        <v>598.73400000000004</v>
      </c>
    </row>
    <row r="35965" spans="1:3" x14ac:dyDescent="0.25">
      <c r="A35965" s="2" t="s">
        <v>21202</v>
      </c>
      <c r="B35965" s="6">
        <v>598750.64999999991</v>
      </c>
      <c r="C35965" s="7">
        <f t="shared" si="561"/>
        <v>598.75064999999995</v>
      </c>
    </row>
    <row r="35966" spans="1:3" x14ac:dyDescent="0.25">
      <c r="A35966" s="2" t="s">
        <v>21203</v>
      </c>
      <c r="B35966" s="6">
        <v>598767.29999999993</v>
      </c>
      <c r="C35966" s="7">
        <f t="shared" si="561"/>
        <v>598.76729999999998</v>
      </c>
    </row>
    <row r="35967" spans="1:3" x14ac:dyDescent="0.25">
      <c r="A35967" s="2" t="s">
        <v>21204</v>
      </c>
      <c r="B35967" s="6">
        <v>598783.94999999995</v>
      </c>
      <c r="C35967" s="7">
        <f t="shared" si="561"/>
        <v>598.78395</v>
      </c>
    </row>
    <row r="35968" spans="1:3" x14ac:dyDescent="0.25">
      <c r="A35968" s="2" t="s">
        <v>21205</v>
      </c>
      <c r="B35968" s="6">
        <v>598800.6</v>
      </c>
      <c r="C35968" s="7">
        <f t="shared" si="561"/>
        <v>598.80060000000003</v>
      </c>
    </row>
    <row r="35969" spans="1:3" x14ac:dyDescent="0.25">
      <c r="A35969" s="2" t="s">
        <v>21206</v>
      </c>
      <c r="B35969" s="6">
        <v>598817.25</v>
      </c>
      <c r="C35969" s="7">
        <f t="shared" si="561"/>
        <v>598.81724999999994</v>
      </c>
    </row>
    <row r="35970" spans="1:3" x14ac:dyDescent="0.25">
      <c r="A35970" s="2" t="s">
        <v>21207</v>
      </c>
      <c r="B35970" s="6">
        <v>598833.89999999991</v>
      </c>
      <c r="C35970" s="7">
        <f t="shared" si="561"/>
        <v>598.83389999999986</v>
      </c>
    </row>
    <row r="35971" spans="1:3" x14ac:dyDescent="0.25">
      <c r="A35971" s="2" t="s">
        <v>21208</v>
      </c>
      <c r="B35971" s="6">
        <v>598850.54999999993</v>
      </c>
      <c r="C35971" s="7">
        <f t="shared" ref="C35971:C36034" si="562">B35971/1000</f>
        <v>598.85054999999988</v>
      </c>
    </row>
    <row r="35972" spans="1:3" x14ac:dyDescent="0.25">
      <c r="A35972" s="2" t="s">
        <v>21209</v>
      </c>
      <c r="B35972" s="6">
        <v>598867.19999999995</v>
      </c>
      <c r="C35972" s="7">
        <f t="shared" si="562"/>
        <v>598.86719999999991</v>
      </c>
    </row>
    <row r="35973" spans="1:3" x14ac:dyDescent="0.25">
      <c r="A35973" s="2" t="s">
        <v>21210</v>
      </c>
      <c r="B35973" s="6">
        <v>598883.85</v>
      </c>
      <c r="C35973" s="7">
        <f t="shared" si="562"/>
        <v>598.88384999999994</v>
      </c>
    </row>
    <row r="35974" spans="1:3" x14ac:dyDescent="0.25">
      <c r="A35974" s="2" t="s">
        <v>21211</v>
      </c>
      <c r="B35974" s="6">
        <v>598900.5</v>
      </c>
      <c r="C35974" s="7">
        <f t="shared" si="562"/>
        <v>598.90049999999997</v>
      </c>
    </row>
    <row r="35975" spans="1:3" x14ac:dyDescent="0.25">
      <c r="A35975" s="2" t="s">
        <v>21212</v>
      </c>
      <c r="B35975" s="6">
        <v>598917.14999999991</v>
      </c>
      <c r="C35975" s="7">
        <f t="shared" si="562"/>
        <v>598.91714999999988</v>
      </c>
    </row>
    <row r="35976" spans="1:3" x14ac:dyDescent="0.25">
      <c r="A35976" s="2" t="s">
        <v>21213</v>
      </c>
      <c r="B35976" s="6">
        <v>598933.79999999993</v>
      </c>
      <c r="C35976" s="7">
        <f t="shared" si="562"/>
        <v>598.93379999999991</v>
      </c>
    </row>
    <row r="35977" spans="1:3" x14ac:dyDescent="0.25">
      <c r="A35977" s="2" t="s">
        <v>21214</v>
      </c>
      <c r="B35977" s="6">
        <v>598950.44999999995</v>
      </c>
      <c r="C35977" s="7">
        <f t="shared" si="562"/>
        <v>598.95044999999993</v>
      </c>
    </row>
    <row r="35978" spans="1:3" x14ac:dyDescent="0.25">
      <c r="A35978" s="2" t="s">
        <v>21215</v>
      </c>
      <c r="B35978" s="6">
        <v>598967.1</v>
      </c>
      <c r="C35978" s="7">
        <f t="shared" si="562"/>
        <v>598.96709999999996</v>
      </c>
    </row>
    <row r="35979" spans="1:3" x14ac:dyDescent="0.25">
      <c r="A35979" s="2" t="s">
        <v>21216</v>
      </c>
      <c r="B35979" s="6">
        <v>598983.75</v>
      </c>
      <c r="C35979" s="7">
        <f t="shared" si="562"/>
        <v>598.98374999999999</v>
      </c>
    </row>
    <row r="35980" spans="1:3" x14ac:dyDescent="0.25">
      <c r="A35980" s="2" t="s">
        <v>21217</v>
      </c>
      <c r="B35980" s="6">
        <v>599000.39999999991</v>
      </c>
      <c r="C35980" s="7">
        <f t="shared" si="562"/>
        <v>599.0003999999999</v>
      </c>
    </row>
    <row r="35981" spans="1:3" x14ac:dyDescent="0.25">
      <c r="A35981" s="2" t="s">
        <v>21218</v>
      </c>
      <c r="B35981" s="6">
        <v>599017.04999999993</v>
      </c>
      <c r="C35981" s="7">
        <f t="shared" si="562"/>
        <v>599.01704999999993</v>
      </c>
    </row>
    <row r="35982" spans="1:3" x14ac:dyDescent="0.25">
      <c r="A35982" s="2" t="s">
        <v>21219</v>
      </c>
      <c r="B35982" s="6">
        <v>599033.69999999995</v>
      </c>
      <c r="C35982" s="7">
        <f t="shared" si="562"/>
        <v>599.03369999999995</v>
      </c>
    </row>
    <row r="35983" spans="1:3" x14ac:dyDescent="0.25">
      <c r="A35983" s="2" t="s">
        <v>21220</v>
      </c>
      <c r="B35983" s="6">
        <v>599050.35</v>
      </c>
      <c r="C35983" s="7">
        <f t="shared" si="562"/>
        <v>599.05034999999998</v>
      </c>
    </row>
    <row r="35984" spans="1:3" x14ac:dyDescent="0.25">
      <c r="A35984" s="2" t="s">
        <v>21221</v>
      </c>
      <c r="B35984" s="6">
        <v>599067</v>
      </c>
      <c r="C35984" s="7">
        <f t="shared" si="562"/>
        <v>599.06700000000001</v>
      </c>
    </row>
    <row r="35985" spans="1:3" x14ac:dyDescent="0.25">
      <c r="A35985" s="2" t="s">
        <v>21222</v>
      </c>
      <c r="B35985" s="6">
        <v>599083.64999999991</v>
      </c>
      <c r="C35985" s="7">
        <f t="shared" si="562"/>
        <v>599.08364999999992</v>
      </c>
    </row>
    <row r="35986" spans="1:3" x14ac:dyDescent="0.25">
      <c r="A35986" s="2" t="s">
        <v>21223</v>
      </c>
      <c r="B35986" s="6">
        <v>599100.29999999993</v>
      </c>
      <c r="C35986" s="7">
        <f t="shared" si="562"/>
        <v>599.10029999999995</v>
      </c>
    </row>
    <row r="35987" spans="1:3" x14ac:dyDescent="0.25">
      <c r="A35987" s="2" t="s">
        <v>21224</v>
      </c>
      <c r="B35987" s="6">
        <v>599116.94999999995</v>
      </c>
      <c r="C35987" s="7">
        <f t="shared" si="562"/>
        <v>599.11694999999997</v>
      </c>
    </row>
    <row r="35988" spans="1:3" x14ac:dyDescent="0.25">
      <c r="A35988" s="2" t="s">
        <v>21225</v>
      </c>
      <c r="B35988" s="6">
        <v>599133.6</v>
      </c>
      <c r="C35988" s="7">
        <f t="shared" si="562"/>
        <v>599.1336</v>
      </c>
    </row>
    <row r="35989" spans="1:3" x14ac:dyDescent="0.25">
      <c r="A35989" s="2" t="s">
        <v>21226</v>
      </c>
      <c r="B35989" s="6">
        <v>599150.25</v>
      </c>
      <c r="C35989" s="7">
        <f t="shared" si="562"/>
        <v>599.15025000000003</v>
      </c>
    </row>
    <row r="35990" spans="1:3" x14ac:dyDescent="0.25">
      <c r="A35990" s="2" t="s">
        <v>21227</v>
      </c>
      <c r="B35990" s="6">
        <v>599166.89999999991</v>
      </c>
      <c r="C35990" s="7">
        <f t="shared" si="562"/>
        <v>599.16689999999994</v>
      </c>
    </row>
    <row r="35991" spans="1:3" x14ac:dyDescent="0.25">
      <c r="A35991" s="2" t="s">
        <v>21228</v>
      </c>
      <c r="B35991" s="6">
        <v>599183.54999999993</v>
      </c>
      <c r="C35991" s="7">
        <f t="shared" si="562"/>
        <v>599.18354999999997</v>
      </c>
    </row>
    <row r="35992" spans="1:3" x14ac:dyDescent="0.25">
      <c r="A35992" s="2" t="s">
        <v>21229</v>
      </c>
      <c r="B35992" s="6">
        <v>599200.19999999995</v>
      </c>
      <c r="C35992" s="7">
        <f t="shared" si="562"/>
        <v>599.2002</v>
      </c>
    </row>
    <row r="35993" spans="1:3" x14ac:dyDescent="0.25">
      <c r="A35993" s="2" t="s">
        <v>21230</v>
      </c>
      <c r="B35993" s="6">
        <v>599216.85</v>
      </c>
      <c r="C35993" s="7">
        <f t="shared" si="562"/>
        <v>599.21685000000002</v>
      </c>
    </row>
    <row r="35994" spans="1:3" x14ac:dyDescent="0.25">
      <c r="A35994" s="2" t="s">
        <v>21231</v>
      </c>
      <c r="B35994" s="6">
        <v>599233.5</v>
      </c>
      <c r="C35994" s="7">
        <f t="shared" si="562"/>
        <v>599.23350000000005</v>
      </c>
    </row>
    <row r="35995" spans="1:3" x14ac:dyDescent="0.25">
      <c r="A35995" s="2" t="s">
        <v>21232</v>
      </c>
      <c r="B35995" s="6">
        <v>599250.14999999991</v>
      </c>
      <c r="C35995" s="7">
        <f t="shared" si="562"/>
        <v>599.25014999999996</v>
      </c>
    </row>
    <row r="35996" spans="1:3" x14ac:dyDescent="0.25">
      <c r="A35996" s="2" t="s">
        <v>21233</v>
      </c>
      <c r="B35996" s="6">
        <v>599266.79999999993</v>
      </c>
      <c r="C35996" s="7">
        <f t="shared" si="562"/>
        <v>599.26679999999988</v>
      </c>
    </row>
    <row r="35997" spans="1:3" x14ac:dyDescent="0.25">
      <c r="A35997" s="2" t="s">
        <v>21234</v>
      </c>
      <c r="B35997" s="6">
        <v>599283.44999999995</v>
      </c>
      <c r="C35997" s="7">
        <f t="shared" si="562"/>
        <v>599.2834499999999</v>
      </c>
    </row>
    <row r="35998" spans="1:3" x14ac:dyDescent="0.25">
      <c r="A35998" s="2" t="s">
        <v>21235</v>
      </c>
      <c r="B35998" s="6">
        <v>599300.1</v>
      </c>
      <c r="C35998" s="7">
        <f t="shared" si="562"/>
        <v>599.30009999999993</v>
      </c>
    </row>
    <row r="35999" spans="1:3" x14ac:dyDescent="0.25">
      <c r="A35999" s="2" t="s">
        <v>21236</v>
      </c>
      <c r="B35999" s="6">
        <v>599316.75</v>
      </c>
      <c r="C35999" s="7">
        <f t="shared" si="562"/>
        <v>599.31674999999996</v>
      </c>
    </row>
    <row r="36000" spans="1:3" x14ac:dyDescent="0.25">
      <c r="A36000" s="2" t="s">
        <v>21237</v>
      </c>
      <c r="B36000" s="6">
        <v>599333.39999999991</v>
      </c>
      <c r="C36000" s="7">
        <f t="shared" si="562"/>
        <v>599.33339999999987</v>
      </c>
    </row>
    <row r="36001" spans="1:3" x14ac:dyDescent="0.25">
      <c r="A36001" s="2" t="s">
        <v>21238</v>
      </c>
      <c r="B36001" s="6">
        <v>599350.04999999993</v>
      </c>
      <c r="C36001" s="7">
        <f t="shared" si="562"/>
        <v>599.3500499999999</v>
      </c>
    </row>
    <row r="36002" spans="1:3" x14ac:dyDescent="0.25">
      <c r="A36002" s="2" t="s">
        <v>21239</v>
      </c>
      <c r="B36002" s="6">
        <v>599366.69999999995</v>
      </c>
      <c r="C36002" s="7">
        <f t="shared" si="562"/>
        <v>599.36669999999992</v>
      </c>
    </row>
    <row r="36003" spans="1:3" x14ac:dyDescent="0.25">
      <c r="A36003" s="2" t="s">
        <v>21240</v>
      </c>
      <c r="B36003" s="6">
        <v>599383.35</v>
      </c>
      <c r="C36003" s="7">
        <f t="shared" si="562"/>
        <v>599.38334999999995</v>
      </c>
    </row>
    <row r="36004" spans="1:3" x14ac:dyDescent="0.25">
      <c r="A36004" s="2" t="s">
        <v>21241</v>
      </c>
      <c r="B36004" s="6">
        <v>599400</v>
      </c>
      <c r="C36004" s="7">
        <f t="shared" si="562"/>
        <v>599.4</v>
      </c>
    </row>
    <row r="36005" spans="1:3" x14ac:dyDescent="0.25">
      <c r="A36005" s="2" t="s">
        <v>21242</v>
      </c>
      <c r="B36005" s="6">
        <v>599416.64999999991</v>
      </c>
      <c r="C36005" s="7">
        <f t="shared" si="562"/>
        <v>599.41664999999989</v>
      </c>
    </row>
    <row r="36006" spans="1:3" x14ac:dyDescent="0.25">
      <c r="A36006" s="2" t="s">
        <v>21243</v>
      </c>
      <c r="B36006" s="6">
        <v>599433.29999999993</v>
      </c>
      <c r="C36006" s="7">
        <f t="shared" si="562"/>
        <v>599.43329999999992</v>
      </c>
    </row>
    <row r="36007" spans="1:3" x14ac:dyDescent="0.25">
      <c r="A36007" s="2" t="s">
        <v>21244</v>
      </c>
      <c r="B36007" s="6">
        <v>599449.94999999995</v>
      </c>
      <c r="C36007" s="7">
        <f t="shared" si="562"/>
        <v>599.44994999999994</v>
      </c>
    </row>
    <row r="36008" spans="1:3" x14ac:dyDescent="0.25">
      <c r="A36008" s="2" t="s">
        <v>21245</v>
      </c>
      <c r="B36008" s="6">
        <v>599466.6</v>
      </c>
      <c r="C36008" s="7">
        <f t="shared" si="562"/>
        <v>599.46659999999997</v>
      </c>
    </row>
    <row r="36009" spans="1:3" x14ac:dyDescent="0.25">
      <c r="A36009" s="2" t="s">
        <v>21246</v>
      </c>
      <c r="B36009" s="6">
        <v>599483.25</v>
      </c>
      <c r="C36009" s="7">
        <f t="shared" si="562"/>
        <v>599.48325</v>
      </c>
    </row>
    <row r="36010" spans="1:3" x14ac:dyDescent="0.25">
      <c r="A36010" s="2" t="s">
        <v>21247</v>
      </c>
      <c r="B36010" s="6">
        <v>599499.89999999991</v>
      </c>
      <c r="C36010" s="7">
        <f t="shared" si="562"/>
        <v>599.49989999999991</v>
      </c>
    </row>
    <row r="36011" spans="1:3" x14ac:dyDescent="0.25">
      <c r="A36011" s="2" t="s">
        <v>21248</v>
      </c>
      <c r="B36011" s="6">
        <v>599516.54999999993</v>
      </c>
      <c r="C36011" s="7">
        <f t="shared" si="562"/>
        <v>599.51654999999994</v>
      </c>
    </row>
    <row r="36012" spans="1:3" x14ac:dyDescent="0.25">
      <c r="A36012" s="2" t="s">
        <v>21249</v>
      </c>
      <c r="B36012" s="6">
        <v>599533.19999999995</v>
      </c>
      <c r="C36012" s="7">
        <f t="shared" si="562"/>
        <v>599.53319999999997</v>
      </c>
    </row>
    <row r="36013" spans="1:3" x14ac:dyDescent="0.25">
      <c r="A36013" s="2" t="s">
        <v>21250</v>
      </c>
      <c r="B36013" s="6">
        <v>599549.85</v>
      </c>
      <c r="C36013" s="7">
        <f t="shared" si="562"/>
        <v>599.54984999999999</v>
      </c>
    </row>
    <row r="36014" spans="1:3" x14ac:dyDescent="0.25">
      <c r="A36014" s="2" t="s">
        <v>21251</v>
      </c>
      <c r="B36014" s="6">
        <v>599566.5</v>
      </c>
      <c r="C36014" s="7">
        <f t="shared" si="562"/>
        <v>599.56650000000002</v>
      </c>
    </row>
    <row r="36015" spans="1:3" x14ac:dyDescent="0.25">
      <c r="A36015" s="2" t="s">
        <v>21252</v>
      </c>
      <c r="B36015" s="6">
        <v>599583.14999999991</v>
      </c>
      <c r="C36015" s="7">
        <f t="shared" si="562"/>
        <v>599.58314999999993</v>
      </c>
    </row>
    <row r="36016" spans="1:3" x14ac:dyDescent="0.25">
      <c r="A36016" s="2" t="s">
        <v>21253</v>
      </c>
      <c r="B36016" s="6">
        <v>599599.79999999993</v>
      </c>
      <c r="C36016" s="7">
        <f t="shared" si="562"/>
        <v>599.59979999999996</v>
      </c>
    </row>
    <row r="36017" spans="1:3" x14ac:dyDescent="0.25">
      <c r="A36017" s="2" t="s">
        <v>21254</v>
      </c>
      <c r="B36017" s="6">
        <v>599616.44999999995</v>
      </c>
      <c r="C36017" s="7">
        <f t="shared" si="562"/>
        <v>599.61644999999999</v>
      </c>
    </row>
    <row r="36018" spans="1:3" x14ac:dyDescent="0.25">
      <c r="A36018" s="2" t="s">
        <v>21255</v>
      </c>
      <c r="B36018" s="6">
        <v>599633.1</v>
      </c>
      <c r="C36018" s="7">
        <f t="shared" si="562"/>
        <v>599.63310000000001</v>
      </c>
    </row>
    <row r="36019" spans="1:3" x14ac:dyDescent="0.25">
      <c r="A36019" s="2" t="s">
        <v>21256</v>
      </c>
      <c r="B36019" s="6">
        <v>599649.75</v>
      </c>
      <c r="C36019" s="7">
        <f t="shared" si="562"/>
        <v>599.64975000000004</v>
      </c>
    </row>
    <row r="36020" spans="1:3" x14ac:dyDescent="0.25">
      <c r="A36020" s="2" t="s">
        <v>21257</v>
      </c>
      <c r="B36020" s="6">
        <v>599666.39999999991</v>
      </c>
      <c r="C36020" s="7">
        <f t="shared" si="562"/>
        <v>599.66639999999995</v>
      </c>
    </row>
    <row r="36021" spans="1:3" x14ac:dyDescent="0.25">
      <c r="A36021" s="2" t="s">
        <v>21258</v>
      </c>
      <c r="B36021" s="6">
        <v>599683.04999999993</v>
      </c>
      <c r="C36021" s="7">
        <f t="shared" si="562"/>
        <v>599.68304999999998</v>
      </c>
    </row>
    <row r="36022" spans="1:3" x14ac:dyDescent="0.25">
      <c r="A36022" s="2" t="s">
        <v>21259</v>
      </c>
      <c r="B36022" s="6">
        <v>599699.69999999995</v>
      </c>
      <c r="C36022" s="7">
        <f t="shared" si="562"/>
        <v>599.69970000000001</v>
      </c>
    </row>
    <row r="36023" spans="1:3" x14ac:dyDescent="0.25">
      <c r="A36023" s="2" t="s">
        <v>21260</v>
      </c>
      <c r="B36023" s="6">
        <v>599716.35</v>
      </c>
      <c r="C36023" s="7">
        <f t="shared" si="562"/>
        <v>599.71634999999992</v>
      </c>
    </row>
    <row r="36024" spans="1:3" x14ac:dyDescent="0.25">
      <c r="A36024" s="2" t="s">
        <v>21261</v>
      </c>
      <c r="B36024" s="6">
        <v>599733</v>
      </c>
      <c r="C36024" s="7">
        <f t="shared" si="562"/>
        <v>599.73299999999995</v>
      </c>
    </row>
    <row r="36025" spans="1:3" x14ac:dyDescent="0.25">
      <c r="A36025" s="2" t="s">
        <v>21262</v>
      </c>
      <c r="B36025" s="6">
        <v>599749.64999999991</v>
      </c>
      <c r="C36025" s="7">
        <f t="shared" si="562"/>
        <v>599.74964999999986</v>
      </c>
    </row>
    <row r="36026" spans="1:3" x14ac:dyDescent="0.25">
      <c r="A36026" s="2" t="s">
        <v>21263</v>
      </c>
      <c r="B36026" s="6">
        <v>599766.29999999993</v>
      </c>
      <c r="C36026" s="7">
        <f t="shared" si="562"/>
        <v>599.76629999999989</v>
      </c>
    </row>
    <row r="36027" spans="1:3" x14ac:dyDescent="0.25">
      <c r="A36027" s="2" t="s">
        <v>21264</v>
      </c>
      <c r="B36027" s="6">
        <v>599782.94999999995</v>
      </c>
      <c r="C36027" s="7">
        <f t="shared" si="562"/>
        <v>599.78294999999991</v>
      </c>
    </row>
    <row r="36028" spans="1:3" x14ac:dyDescent="0.25">
      <c r="A36028" s="2" t="s">
        <v>21265</v>
      </c>
      <c r="B36028" s="6">
        <v>599799.6</v>
      </c>
      <c r="C36028" s="7">
        <f t="shared" si="562"/>
        <v>599.79959999999994</v>
      </c>
    </row>
    <row r="36029" spans="1:3" x14ac:dyDescent="0.25">
      <c r="A36029" s="2" t="s">
        <v>21266</v>
      </c>
      <c r="B36029" s="6">
        <v>599816.25</v>
      </c>
      <c r="C36029" s="7">
        <f t="shared" si="562"/>
        <v>599.81624999999997</v>
      </c>
    </row>
    <row r="36030" spans="1:3" x14ac:dyDescent="0.25">
      <c r="A36030" s="2" t="s">
        <v>21267</v>
      </c>
      <c r="B36030" s="6">
        <v>599832.89999999991</v>
      </c>
      <c r="C36030" s="7">
        <f t="shared" si="562"/>
        <v>599.83289999999988</v>
      </c>
    </row>
    <row r="36031" spans="1:3" x14ac:dyDescent="0.25">
      <c r="A36031" s="2" t="s">
        <v>21268</v>
      </c>
      <c r="B36031" s="6">
        <v>599849.54999999993</v>
      </c>
      <c r="C36031" s="7">
        <f t="shared" si="562"/>
        <v>599.84954999999991</v>
      </c>
    </row>
    <row r="36032" spans="1:3" x14ac:dyDescent="0.25">
      <c r="A36032" s="2" t="s">
        <v>21269</v>
      </c>
      <c r="B36032" s="6">
        <v>599866.19999999995</v>
      </c>
      <c r="C36032" s="7">
        <f t="shared" si="562"/>
        <v>599.86619999999994</v>
      </c>
    </row>
    <row r="36033" spans="1:3" x14ac:dyDescent="0.25">
      <c r="A36033" s="2" t="s">
        <v>21270</v>
      </c>
      <c r="B36033" s="6">
        <v>599882.85</v>
      </c>
      <c r="C36033" s="7">
        <f t="shared" si="562"/>
        <v>599.88284999999996</v>
      </c>
    </row>
    <row r="36034" spans="1:3" x14ac:dyDescent="0.25">
      <c r="A36034" s="2" t="s">
        <v>21271</v>
      </c>
      <c r="B36034" s="6">
        <v>599899.5</v>
      </c>
      <c r="C36034" s="7">
        <f t="shared" si="562"/>
        <v>599.89949999999999</v>
      </c>
    </row>
    <row r="36035" spans="1:3" x14ac:dyDescent="0.25">
      <c r="A36035" s="2" t="s">
        <v>21272</v>
      </c>
      <c r="B36035" s="6">
        <v>599916.14999999991</v>
      </c>
      <c r="C36035" s="7">
        <f t="shared" ref="C36035:C36098" si="563">B36035/1000</f>
        <v>599.9161499999999</v>
      </c>
    </row>
    <row r="36036" spans="1:3" x14ac:dyDescent="0.25">
      <c r="A36036" s="2" t="s">
        <v>21273</v>
      </c>
      <c r="B36036" s="6">
        <v>599932.79999999993</v>
      </c>
      <c r="C36036" s="7">
        <f t="shared" si="563"/>
        <v>599.93279999999993</v>
      </c>
    </row>
    <row r="36037" spans="1:3" x14ac:dyDescent="0.25">
      <c r="A36037" s="2" t="s">
        <v>21274</v>
      </c>
      <c r="B36037" s="6">
        <v>599949.44999999995</v>
      </c>
      <c r="C36037" s="7">
        <f t="shared" si="563"/>
        <v>599.94944999999996</v>
      </c>
    </row>
    <row r="36038" spans="1:3" x14ac:dyDescent="0.25">
      <c r="A36038" s="2" t="s">
        <v>21275</v>
      </c>
      <c r="B36038" s="6">
        <v>599966.1</v>
      </c>
      <c r="C36038" s="7">
        <f t="shared" si="563"/>
        <v>599.96609999999998</v>
      </c>
    </row>
    <row r="36039" spans="1:3" x14ac:dyDescent="0.25">
      <c r="A36039" s="2" t="s">
        <v>21276</v>
      </c>
      <c r="B36039" s="6">
        <v>599982.75</v>
      </c>
      <c r="C36039" s="7">
        <f t="shared" si="563"/>
        <v>599.98275000000001</v>
      </c>
    </row>
    <row r="36040" spans="1:3" x14ac:dyDescent="0.25">
      <c r="A36040" s="2" t="s">
        <v>21277</v>
      </c>
      <c r="B36040" s="6">
        <v>599999.39999999991</v>
      </c>
      <c r="C36040" s="7">
        <f t="shared" si="563"/>
        <v>599.99939999999992</v>
      </c>
    </row>
    <row r="36041" spans="1:3" x14ac:dyDescent="0.25">
      <c r="A36041" s="2" t="s">
        <v>21278</v>
      </c>
      <c r="B36041" s="6">
        <v>600016.04999999993</v>
      </c>
      <c r="C36041" s="7">
        <f t="shared" si="563"/>
        <v>600.01604999999995</v>
      </c>
    </row>
    <row r="36042" spans="1:3" x14ac:dyDescent="0.25">
      <c r="A36042" s="2" t="s">
        <v>21279</v>
      </c>
      <c r="B36042" s="6">
        <v>600032.69999999995</v>
      </c>
      <c r="C36042" s="7">
        <f t="shared" si="563"/>
        <v>600.03269999999998</v>
      </c>
    </row>
    <row r="36043" spans="1:3" x14ac:dyDescent="0.25">
      <c r="A36043" s="2" t="s">
        <v>21280</v>
      </c>
      <c r="B36043" s="6">
        <v>600049.35</v>
      </c>
      <c r="C36043" s="7">
        <f t="shared" si="563"/>
        <v>600.04935</v>
      </c>
    </row>
    <row r="36044" spans="1:3" x14ac:dyDescent="0.25">
      <c r="A36044" s="2" t="s">
        <v>21281</v>
      </c>
      <c r="B36044" s="6">
        <v>600066</v>
      </c>
      <c r="C36044" s="7">
        <f t="shared" si="563"/>
        <v>600.06600000000003</v>
      </c>
    </row>
    <row r="36045" spans="1:3" x14ac:dyDescent="0.25">
      <c r="A36045" s="2" t="s">
        <v>21282</v>
      </c>
      <c r="B36045" s="6">
        <v>600082.64999999991</v>
      </c>
      <c r="C36045" s="7">
        <f t="shared" si="563"/>
        <v>600.08264999999994</v>
      </c>
    </row>
    <row r="36046" spans="1:3" x14ac:dyDescent="0.25">
      <c r="A36046" s="2" t="s">
        <v>21283</v>
      </c>
      <c r="B36046" s="6">
        <v>600099.29999999993</v>
      </c>
      <c r="C36046" s="7">
        <f t="shared" si="563"/>
        <v>600.09929999999997</v>
      </c>
    </row>
    <row r="36047" spans="1:3" x14ac:dyDescent="0.25">
      <c r="A36047" s="2" t="s">
        <v>21284</v>
      </c>
      <c r="B36047" s="6">
        <v>600115.94999999995</v>
      </c>
      <c r="C36047" s="7">
        <f t="shared" si="563"/>
        <v>600.11595</v>
      </c>
    </row>
    <row r="36048" spans="1:3" x14ac:dyDescent="0.25">
      <c r="A36048" s="2" t="s">
        <v>21285</v>
      </c>
      <c r="B36048" s="6">
        <v>600132.6</v>
      </c>
      <c r="C36048" s="7">
        <f t="shared" si="563"/>
        <v>600.13260000000002</v>
      </c>
    </row>
    <row r="36049" spans="1:3" x14ac:dyDescent="0.25">
      <c r="A36049" s="2" t="s">
        <v>21286</v>
      </c>
      <c r="B36049" s="6">
        <v>600149.25</v>
      </c>
      <c r="C36049" s="7">
        <f t="shared" si="563"/>
        <v>600.14925000000005</v>
      </c>
    </row>
    <row r="36050" spans="1:3" x14ac:dyDescent="0.25">
      <c r="A36050" s="2" t="s">
        <v>21287</v>
      </c>
      <c r="B36050" s="6">
        <v>600165.89999999991</v>
      </c>
      <c r="C36050" s="7">
        <f t="shared" si="563"/>
        <v>600.16589999999985</v>
      </c>
    </row>
    <row r="36051" spans="1:3" x14ac:dyDescent="0.25">
      <c r="A36051" s="2" t="s">
        <v>21288</v>
      </c>
      <c r="B36051" s="6">
        <v>600182.54999999993</v>
      </c>
      <c r="C36051" s="7">
        <f t="shared" si="563"/>
        <v>600.18254999999988</v>
      </c>
    </row>
    <row r="36052" spans="1:3" x14ac:dyDescent="0.25">
      <c r="A36052" s="2" t="s">
        <v>21289</v>
      </c>
      <c r="B36052" s="6">
        <v>600199.19999999995</v>
      </c>
      <c r="C36052" s="7">
        <f t="shared" si="563"/>
        <v>600.19919999999991</v>
      </c>
    </row>
    <row r="36053" spans="1:3" x14ac:dyDescent="0.25">
      <c r="A36053" s="2" t="s">
        <v>21290</v>
      </c>
      <c r="B36053" s="6">
        <v>600215.85</v>
      </c>
      <c r="C36053" s="7">
        <f t="shared" si="563"/>
        <v>600.21584999999993</v>
      </c>
    </row>
    <row r="36054" spans="1:3" x14ac:dyDescent="0.25">
      <c r="A36054" s="2" t="s">
        <v>21291</v>
      </c>
      <c r="B36054" s="6">
        <v>600232.5</v>
      </c>
      <c r="C36054" s="7">
        <f t="shared" si="563"/>
        <v>600.23249999999996</v>
      </c>
    </row>
    <row r="36055" spans="1:3" x14ac:dyDescent="0.25">
      <c r="A36055" s="2" t="s">
        <v>21292</v>
      </c>
      <c r="B36055" s="6">
        <v>600249.14999999991</v>
      </c>
      <c r="C36055" s="7">
        <f t="shared" si="563"/>
        <v>600.24914999999987</v>
      </c>
    </row>
    <row r="36056" spans="1:3" x14ac:dyDescent="0.25">
      <c r="A36056" s="2" t="s">
        <v>21293</v>
      </c>
      <c r="B36056" s="6">
        <v>600265.79999999993</v>
      </c>
      <c r="C36056" s="7">
        <f t="shared" si="563"/>
        <v>600.2657999999999</v>
      </c>
    </row>
    <row r="36057" spans="1:3" x14ac:dyDescent="0.25">
      <c r="A36057" s="2" t="s">
        <v>21294</v>
      </c>
      <c r="B36057" s="6">
        <v>600282.44999999995</v>
      </c>
      <c r="C36057" s="7">
        <f t="shared" si="563"/>
        <v>600.28244999999993</v>
      </c>
    </row>
    <row r="36058" spans="1:3" x14ac:dyDescent="0.25">
      <c r="A36058" s="2" t="s">
        <v>21295</v>
      </c>
      <c r="B36058" s="6">
        <v>600299.1</v>
      </c>
      <c r="C36058" s="7">
        <f t="shared" si="563"/>
        <v>600.29909999999995</v>
      </c>
    </row>
    <row r="36059" spans="1:3" x14ac:dyDescent="0.25">
      <c r="A36059" s="2" t="s">
        <v>21296</v>
      </c>
      <c r="B36059" s="6">
        <v>600315.75</v>
      </c>
      <c r="C36059" s="7">
        <f t="shared" si="563"/>
        <v>600.31574999999998</v>
      </c>
    </row>
    <row r="36060" spans="1:3" x14ac:dyDescent="0.25">
      <c r="A36060" s="2" t="s">
        <v>21297</v>
      </c>
      <c r="B36060" s="6">
        <v>600332.39999999991</v>
      </c>
      <c r="C36060" s="7">
        <f t="shared" si="563"/>
        <v>600.33239999999989</v>
      </c>
    </row>
    <row r="36061" spans="1:3" x14ac:dyDescent="0.25">
      <c r="A36061" s="2" t="s">
        <v>21298</v>
      </c>
      <c r="B36061" s="6">
        <v>600349.04999999993</v>
      </c>
      <c r="C36061" s="7">
        <f t="shared" si="563"/>
        <v>600.34904999999992</v>
      </c>
    </row>
    <row r="36062" spans="1:3" x14ac:dyDescent="0.25">
      <c r="A36062" s="2" t="s">
        <v>21299</v>
      </c>
      <c r="B36062" s="6">
        <v>600365.69999999995</v>
      </c>
      <c r="C36062" s="7">
        <f t="shared" si="563"/>
        <v>600.36569999999995</v>
      </c>
    </row>
    <row r="36063" spans="1:3" x14ac:dyDescent="0.25">
      <c r="A36063" s="2" t="s">
        <v>21300</v>
      </c>
      <c r="B36063" s="6">
        <v>600382.35</v>
      </c>
      <c r="C36063" s="7">
        <f t="shared" si="563"/>
        <v>600.38234999999997</v>
      </c>
    </row>
    <row r="36064" spans="1:3" x14ac:dyDescent="0.25">
      <c r="A36064" s="2" t="s">
        <v>21301</v>
      </c>
      <c r="B36064" s="6">
        <v>600399</v>
      </c>
      <c r="C36064" s="7">
        <f t="shared" si="563"/>
        <v>600.399</v>
      </c>
    </row>
    <row r="36065" spans="1:3" x14ac:dyDescent="0.25">
      <c r="A36065" s="2" t="s">
        <v>21302</v>
      </c>
      <c r="B36065" s="6">
        <v>600415.64999999991</v>
      </c>
      <c r="C36065" s="7">
        <f t="shared" si="563"/>
        <v>600.41564999999991</v>
      </c>
    </row>
    <row r="36066" spans="1:3" x14ac:dyDescent="0.25">
      <c r="A36066" s="2" t="s">
        <v>21303</v>
      </c>
      <c r="B36066" s="6">
        <v>600432.29999999993</v>
      </c>
      <c r="C36066" s="7">
        <f t="shared" si="563"/>
        <v>600.43229999999994</v>
      </c>
    </row>
    <row r="36067" spans="1:3" x14ac:dyDescent="0.25">
      <c r="A36067" s="2" t="s">
        <v>21304</v>
      </c>
      <c r="B36067" s="6">
        <v>600448.94999999995</v>
      </c>
      <c r="C36067" s="7">
        <f t="shared" si="563"/>
        <v>600.44894999999997</v>
      </c>
    </row>
    <row r="36068" spans="1:3" x14ac:dyDescent="0.25">
      <c r="A36068" s="2" t="s">
        <v>21305</v>
      </c>
      <c r="B36068" s="6">
        <v>600465.6</v>
      </c>
      <c r="C36068" s="7">
        <f t="shared" si="563"/>
        <v>600.46559999999999</v>
      </c>
    </row>
    <row r="36069" spans="1:3" x14ac:dyDescent="0.25">
      <c r="A36069" s="2" t="s">
        <v>21306</v>
      </c>
      <c r="B36069" s="6">
        <v>600482.25</v>
      </c>
      <c r="C36069" s="7">
        <f t="shared" si="563"/>
        <v>600.48225000000002</v>
      </c>
    </row>
    <row r="36070" spans="1:3" x14ac:dyDescent="0.25">
      <c r="A36070" s="2" t="s">
        <v>21307</v>
      </c>
      <c r="B36070" s="6">
        <v>600498.89999999991</v>
      </c>
      <c r="C36070" s="7">
        <f t="shared" si="563"/>
        <v>600.49889999999994</v>
      </c>
    </row>
    <row r="36071" spans="1:3" x14ac:dyDescent="0.25">
      <c r="A36071" s="2" t="s">
        <v>21308</v>
      </c>
      <c r="B36071" s="6">
        <v>600515.54999999993</v>
      </c>
      <c r="C36071" s="7">
        <f t="shared" si="563"/>
        <v>600.51554999999996</v>
      </c>
    </row>
    <row r="36072" spans="1:3" x14ac:dyDescent="0.25">
      <c r="A36072" s="2" t="s">
        <v>21309</v>
      </c>
      <c r="B36072" s="6">
        <v>600532.19999999995</v>
      </c>
      <c r="C36072" s="7">
        <f t="shared" si="563"/>
        <v>600.53219999999999</v>
      </c>
    </row>
    <row r="36073" spans="1:3" x14ac:dyDescent="0.25">
      <c r="A36073" s="2" t="s">
        <v>21310</v>
      </c>
      <c r="B36073" s="6">
        <v>600548.85</v>
      </c>
      <c r="C36073" s="7">
        <f t="shared" si="563"/>
        <v>600.54885000000002</v>
      </c>
    </row>
    <row r="36074" spans="1:3" x14ac:dyDescent="0.25">
      <c r="A36074" s="2" t="s">
        <v>21311</v>
      </c>
      <c r="B36074" s="6">
        <v>600565.5</v>
      </c>
      <c r="C36074" s="7">
        <f t="shared" si="563"/>
        <v>600.56550000000004</v>
      </c>
    </row>
    <row r="36075" spans="1:3" x14ac:dyDescent="0.25">
      <c r="A36075" s="2" t="s">
        <v>21312</v>
      </c>
      <c r="B36075" s="6">
        <v>600582.14999999991</v>
      </c>
      <c r="C36075" s="7">
        <f t="shared" si="563"/>
        <v>600.58214999999996</v>
      </c>
    </row>
    <row r="36076" spans="1:3" x14ac:dyDescent="0.25">
      <c r="A36076" s="2" t="s">
        <v>21313</v>
      </c>
      <c r="B36076" s="6">
        <v>600598.79999999993</v>
      </c>
      <c r="C36076" s="7">
        <f t="shared" si="563"/>
        <v>600.59879999999998</v>
      </c>
    </row>
    <row r="36077" spans="1:3" x14ac:dyDescent="0.25">
      <c r="A36077" s="2" t="s">
        <v>21314</v>
      </c>
      <c r="B36077" s="6">
        <v>600615.44999999995</v>
      </c>
      <c r="C36077" s="7">
        <f t="shared" si="563"/>
        <v>600.61545000000001</v>
      </c>
    </row>
    <row r="36078" spans="1:3" x14ac:dyDescent="0.25">
      <c r="A36078" s="2" t="s">
        <v>21315</v>
      </c>
      <c r="B36078" s="6">
        <v>600632.1</v>
      </c>
      <c r="C36078" s="7">
        <f t="shared" si="563"/>
        <v>600.63209999999992</v>
      </c>
    </row>
    <row r="36079" spans="1:3" x14ac:dyDescent="0.25">
      <c r="A36079" s="2" t="s">
        <v>21316</v>
      </c>
      <c r="B36079" s="6">
        <v>600648.75</v>
      </c>
      <c r="C36079" s="7">
        <f t="shared" si="563"/>
        <v>600.64874999999995</v>
      </c>
    </row>
    <row r="36080" spans="1:3" x14ac:dyDescent="0.25">
      <c r="A36080" s="2" t="s">
        <v>21317</v>
      </c>
      <c r="B36080" s="6">
        <v>600665.39999999991</v>
      </c>
      <c r="C36080" s="7">
        <f t="shared" si="563"/>
        <v>600.66539999999986</v>
      </c>
    </row>
    <row r="36081" spans="1:3" x14ac:dyDescent="0.25">
      <c r="A36081" s="2" t="s">
        <v>21318</v>
      </c>
      <c r="B36081" s="6">
        <v>600682.04999999993</v>
      </c>
      <c r="C36081" s="7">
        <f t="shared" si="563"/>
        <v>600.68204999999989</v>
      </c>
    </row>
    <row r="36082" spans="1:3" x14ac:dyDescent="0.25">
      <c r="A36082" s="2" t="s">
        <v>21319</v>
      </c>
      <c r="B36082" s="6">
        <v>600698.69999999995</v>
      </c>
      <c r="C36082" s="7">
        <f t="shared" si="563"/>
        <v>600.69869999999992</v>
      </c>
    </row>
    <row r="36083" spans="1:3" x14ac:dyDescent="0.25">
      <c r="A36083" s="2" t="s">
        <v>21320</v>
      </c>
      <c r="B36083" s="6">
        <v>600715.35</v>
      </c>
      <c r="C36083" s="7">
        <f t="shared" si="563"/>
        <v>600.71534999999994</v>
      </c>
    </row>
    <row r="36084" spans="1:3" x14ac:dyDescent="0.25">
      <c r="A36084" s="2" t="s">
        <v>21321</v>
      </c>
      <c r="B36084" s="6">
        <v>600732</v>
      </c>
      <c r="C36084" s="7">
        <f t="shared" si="563"/>
        <v>600.73199999999997</v>
      </c>
    </row>
    <row r="36085" spans="1:3" x14ac:dyDescent="0.25">
      <c r="A36085" s="2" t="s">
        <v>21322</v>
      </c>
      <c r="B36085" s="6">
        <v>600748.64999999991</v>
      </c>
      <c r="C36085" s="7">
        <f t="shared" si="563"/>
        <v>600.74864999999988</v>
      </c>
    </row>
    <row r="36086" spans="1:3" x14ac:dyDescent="0.25">
      <c r="A36086" s="2" t="s">
        <v>21323</v>
      </c>
      <c r="B36086" s="6">
        <v>600765.29999999993</v>
      </c>
      <c r="C36086" s="7">
        <f t="shared" si="563"/>
        <v>600.76529999999991</v>
      </c>
    </row>
    <row r="36087" spans="1:3" x14ac:dyDescent="0.25">
      <c r="A36087" s="2" t="s">
        <v>21324</v>
      </c>
      <c r="B36087" s="6">
        <v>600781.94999999995</v>
      </c>
      <c r="C36087" s="7">
        <f t="shared" si="563"/>
        <v>600.78194999999994</v>
      </c>
    </row>
    <row r="36088" spans="1:3" x14ac:dyDescent="0.25">
      <c r="A36088" s="2" t="s">
        <v>21325</v>
      </c>
      <c r="B36088" s="6">
        <v>600798.6</v>
      </c>
      <c r="C36088" s="7">
        <f t="shared" si="563"/>
        <v>600.79859999999996</v>
      </c>
    </row>
    <row r="36089" spans="1:3" x14ac:dyDescent="0.25">
      <c r="A36089" s="2" t="s">
        <v>21326</v>
      </c>
      <c r="B36089" s="6">
        <v>600815.25</v>
      </c>
      <c r="C36089" s="7">
        <f t="shared" si="563"/>
        <v>600.81524999999999</v>
      </c>
    </row>
    <row r="36090" spans="1:3" x14ac:dyDescent="0.25">
      <c r="A36090" s="2" t="s">
        <v>21327</v>
      </c>
      <c r="B36090" s="6">
        <v>600831.89999999991</v>
      </c>
      <c r="C36090" s="7">
        <f t="shared" si="563"/>
        <v>600.83189999999991</v>
      </c>
    </row>
    <row r="36091" spans="1:3" x14ac:dyDescent="0.25">
      <c r="A36091" s="2" t="s">
        <v>21328</v>
      </c>
      <c r="B36091" s="6">
        <v>600848.54999999993</v>
      </c>
      <c r="C36091" s="7">
        <f t="shared" si="563"/>
        <v>600.84854999999993</v>
      </c>
    </row>
    <row r="36092" spans="1:3" x14ac:dyDescent="0.25">
      <c r="A36092" s="2" t="s">
        <v>21329</v>
      </c>
      <c r="B36092" s="6">
        <v>600865.19999999995</v>
      </c>
      <c r="C36092" s="7">
        <f t="shared" si="563"/>
        <v>600.86519999999996</v>
      </c>
    </row>
    <row r="36093" spans="1:3" x14ac:dyDescent="0.25">
      <c r="A36093" s="2" t="s">
        <v>21330</v>
      </c>
      <c r="B36093" s="6">
        <v>600881.85</v>
      </c>
      <c r="C36093" s="7">
        <f t="shared" si="563"/>
        <v>600.88184999999999</v>
      </c>
    </row>
    <row r="36094" spans="1:3" x14ac:dyDescent="0.25">
      <c r="A36094" s="2" t="s">
        <v>21331</v>
      </c>
      <c r="B36094" s="6">
        <v>600898.5</v>
      </c>
      <c r="C36094" s="7">
        <f t="shared" si="563"/>
        <v>600.89850000000001</v>
      </c>
    </row>
    <row r="36095" spans="1:3" x14ac:dyDescent="0.25">
      <c r="A36095" s="2" t="s">
        <v>21332</v>
      </c>
      <c r="B36095" s="6">
        <v>600915.14999999991</v>
      </c>
      <c r="C36095" s="7">
        <f t="shared" si="563"/>
        <v>600.91514999999993</v>
      </c>
    </row>
    <row r="36096" spans="1:3" x14ac:dyDescent="0.25">
      <c r="A36096" s="2" t="s">
        <v>21333</v>
      </c>
      <c r="B36096" s="6">
        <v>600931.79999999993</v>
      </c>
      <c r="C36096" s="7">
        <f t="shared" si="563"/>
        <v>600.93179999999995</v>
      </c>
    </row>
    <row r="36097" spans="1:3" x14ac:dyDescent="0.25">
      <c r="A36097" s="2" t="s">
        <v>21334</v>
      </c>
      <c r="B36097" s="6">
        <v>600948.44999999995</v>
      </c>
      <c r="C36097" s="7">
        <f t="shared" si="563"/>
        <v>600.94844999999998</v>
      </c>
    </row>
    <row r="36098" spans="1:3" x14ac:dyDescent="0.25">
      <c r="A36098" s="2" t="s">
        <v>21335</v>
      </c>
      <c r="B36098" s="6">
        <v>600965.1</v>
      </c>
      <c r="C36098" s="7">
        <f t="shared" si="563"/>
        <v>600.96510000000001</v>
      </c>
    </row>
    <row r="36099" spans="1:3" x14ac:dyDescent="0.25">
      <c r="A36099" s="2" t="s">
        <v>21336</v>
      </c>
      <c r="B36099" s="6">
        <v>600981.75</v>
      </c>
      <c r="C36099" s="7">
        <f t="shared" ref="C36099:C36162" si="564">B36099/1000</f>
        <v>600.98175000000003</v>
      </c>
    </row>
    <row r="36100" spans="1:3" x14ac:dyDescent="0.25">
      <c r="A36100" s="2" t="s">
        <v>21337</v>
      </c>
      <c r="B36100" s="6">
        <v>600998.39999999991</v>
      </c>
      <c r="C36100" s="7">
        <f t="shared" si="564"/>
        <v>600.99839999999995</v>
      </c>
    </row>
    <row r="36101" spans="1:3" x14ac:dyDescent="0.25">
      <c r="A36101" s="2" t="s">
        <v>21338</v>
      </c>
      <c r="B36101" s="6">
        <v>601015.04999999993</v>
      </c>
      <c r="C36101" s="7">
        <f t="shared" si="564"/>
        <v>601.01504999999997</v>
      </c>
    </row>
    <row r="36102" spans="1:3" x14ac:dyDescent="0.25">
      <c r="A36102" s="2" t="s">
        <v>21339</v>
      </c>
      <c r="B36102" s="6">
        <v>601031.69999999995</v>
      </c>
      <c r="C36102" s="7">
        <f t="shared" si="564"/>
        <v>601.0317</v>
      </c>
    </row>
    <row r="36103" spans="1:3" x14ac:dyDescent="0.25">
      <c r="A36103" s="2" t="s">
        <v>21340</v>
      </c>
      <c r="B36103" s="6">
        <v>601048.35</v>
      </c>
      <c r="C36103" s="7">
        <f t="shared" si="564"/>
        <v>601.04835000000003</v>
      </c>
    </row>
    <row r="36104" spans="1:3" x14ac:dyDescent="0.25">
      <c r="A36104" s="2" t="s">
        <v>21341</v>
      </c>
      <c r="B36104" s="6">
        <v>601065</v>
      </c>
      <c r="C36104" s="7">
        <f t="shared" si="564"/>
        <v>601.06500000000005</v>
      </c>
    </row>
    <row r="36105" spans="1:3" x14ac:dyDescent="0.25">
      <c r="A36105" s="2" t="s">
        <v>21342</v>
      </c>
      <c r="B36105" s="6">
        <v>601081.64999999991</v>
      </c>
      <c r="C36105" s="7">
        <f t="shared" si="564"/>
        <v>601.08164999999985</v>
      </c>
    </row>
    <row r="36106" spans="1:3" x14ac:dyDescent="0.25">
      <c r="A36106" s="2" t="s">
        <v>21343</v>
      </c>
      <c r="B36106" s="6">
        <v>601098.29999999993</v>
      </c>
      <c r="C36106" s="7">
        <f t="shared" si="564"/>
        <v>601.09829999999988</v>
      </c>
    </row>
    <row r="36107" spans="1:3" x14ac:dyDescent="0.25">
      <c r="A36107" s="2" t="s">
        <v>21344</v>
      </c>
      <c r="B36107" s="6">
        <v>601114.94999999995</v>
      </c>
      <c r="C36107" s="7">
        <f t="shared" si="564"/>
        <v>601.11494999999991</v>
      </c>
    </row>
    <row r="36108" spans="1:3" x14ac:dyDescent="0.25">
      <c r="A36108" s="2" t="s">
        <v>21345</v>
      </c>
      <c r="B36108" s="6">
        <v>601131.6</v>
      </c>
      <c r="C36108" s="7">
        <f t="shared" si="564"/>
        <v>601.13159999999993</v>
      </c>
    </row>
    <row r="36109" spans="1:3" x14ac:dyDescent="0.25">
      <c r="A36109" s="2" t="s">
        <v>21346</v>
      </c>
      <c r="B36109" s="6">
        <v>601148.25</v>
      </c>
      <c r="C36109" s="7">
        <f t="shared" si="564"/>
        <v>601.14824999999996</v>
      </c>
    </row>
    <row r="36110" spans="1:3" x14ac:dyDescent="0.25">
      <c r="A36110" s="2" t="s">
        <v>21347</v>
      </c>
      <c r="B36110" s="6">
        <v>601164.89999999991</v>
      </c>
      <c r="C36110" s="7">
        <f t="shared" si="564"/>
        <v>601.16489999999988</v>
      </c>
    </row>
    <row r="36111" spans="1:3" x14ac:dyDescent="0.25">
      <c r="A36111" s="2" t="s">
        <v>21348</v>
      </c>
      <c r="B36111" s="6">
        <v>601181.54999999993</v>
      </c>
      <c r="C36111" s="7">
        <f t="shared" si="564"/>
        <v>601.1815499999999</v>
      </c>
    </row>
    <row r="36112" spans="1:3" x14ac:dyDescent="0.25">
      <c r="A36112" s="2" t="s">
        <v>21349</v>
      </c>
      <c r="B36112" s="6">
        <v>601198.19999999995</v>
      </c>
      <c r="C36112" s="7">
        <f t="shared" si="564"/>
        <v>601.19819999999993</v>
      </c>
    </row>
    <row r="36113" spans="1:3" x14ac:dyDescent="0.25">
      <c r="A36113" s="2" t="s">
        <v>21350</v>
      </c>
      <c r="B36113" s="6">
        <v>601214.85</v>
      </c>
      <c r="C36113" s="7">
        <f t="shared" si="564"/>
        <v>601.21484999999996</v>
      </c>
    </row>
    <row r="36114" spans="1:3" x14ac:dyDescent="0.25">
      <c r="A36114" s="2" t="s">
        <v>21351</v>
      </c>
      <c r="B36114" s="6">
        <v>601231.5</v>
      </c>
      <c r="C36114" s="7">
        <f t="shared" si="564"/>
        <v>601.23149999999998</v>
      </c>
    </row>
    <row r="36115" spans="1:3" x14ac:dyDescent="0.25">
      <c r="A36115" s="2" t="s">
        <v>21352</v>
      </c>
      <c r="B36115" s="6">
        <v>601248.14999999991</v>
      </c>
      <c r="C36115" s="7">
        <f t="shared" si="564"/>
        <v>601.2481499999999</v>
      </c>
    </row>
    <row r="36116" spans="1:3" x14ac:dyDescent="0.25">
      <c r="A36116" s="2" t="s">
        <v>21353</v>
      </c>
      <c r="B36116" s="6">
        <v>601264.79999999993</v>
      </c>
      <c r="C36116" s="7">
        <f t="shared" si="564"/>
        <v>601.26479999999992</v>
      </c>
    </row>
    <row r="36117" spans="1:3" x14ac:dyDescent="0.25">
      <c r="A36117" s="2" t="s">
        <v>21354</v>
      </c>
      <c r="B36117" s="6">
        <v>601281.44999999995</v>
      </c>
      <c r="C36117" s="7">
        <f t="shared" si="564"/>
        <v>601.28144999999995</v>
      </c>
    </row>
    <row r="36118" spans="1:3" x14ac:dyDescent="0.25">
      <c r="A36118" s="2" t="s">
        <v>21355</v>
      </c>
      <c r="B36118" s="6">
        <v>601298.1</v>
      </c>
      <c r="C36118" s="7">
        <f t="shared" si="564"/>
        <v>601.29809999999998</v>
      </c>
    </row>
    <row r="36119" spans="1:3" x14ac:dyDescent="0.25">
      <c r="A36119" s="2" t="s">
        <v>21356</v>
      </c>
      <c r="B36119" s="6">
        <v>601314.75</v>
      </c>
      <c r="C36119" s="7">
        <f t="shared" si="564"/>
        <v>601.31475</v>
      </c>
    </row>
    <row r="36120" spans="1:3" x14ac:dyDescent="0.25">
      <c r="A36120" s="2" t="s">
        <v>21357</v>
      </c>
      <c r="B36120" s="6">
        <v>601331.39999999991</v>
      </c>
      <c r="C36120" s="7">
        <f t="shared" si="564"/>
        <v>601.33139999999992</v>
      </c>
    </row>
    <row r="36121" spans="1:3" x14ac:dyDescent="0.25">
      <c r="A36121" s="2" t="s">
        <v>21358</v>
      </c>
      <c r="B36121" s="6">
        <v>601348.04999999993</v>
      </c>
      <c r="C36121" s="7">
        <f t="shared" si="564"/>
        <v>601.34804999999994</v>
      </c>
    </row>
    <row r="36122" spans="1:3" x14ac:dyDescent="0.25">
      <c r="A36122" s="2" t="s">
        <v>21359</v>
      </c>
      <c r="B36122" s="6">
        <v>601364.69999999995</v>
      </c>
      <c r="C36122" s="7">
        <f t="shared" si="564"/>
        <v>601.36469999999997</v>
      </c>
    </row>
    <row r="36123" spans="1:3" x14ac:dyDescent="0.25">
      <c r="A36123" s="2" t="s">
        <v>21360</v>
      </c>
      <c r="B36123" s="6">
        <v>601381.35</v>
      </c>
      <c r="C36123" s="7">
        <f t="shared" si="564"/>
        <v>601.38135</v>
      </c>
    </row>
    <row r="36124" spans="1:3" x14ac:dyDescent="0.25">
      <c r="A36124" s="2" t="s">
        <v>21361</v>
      </c>
      <c r="B36124" s="6">
        <v>601398</v>
      </c>
      <c r="C36124" s="7">
        <f t="shared" si="564"/>
        <v>601.39800000000002</v>
      </c>
    </row>
    <row r="36125" spans="1:3" x14ac:dyDescent="0.25">
      <c r="A36125" s="2" t="s">
        <v>21362</v>
      </c>
      <c r="B36125" s="6">
        <v>601414.64999999991</v>
      </c>
      <c r="C36125" s="7">
        <f t="shared" si="564"/>
        <v>601.41464999999994</v>
      </c>
    </row>
    <row r="36126" spans="1:3" x14ac:dyDescent="0.25">
      <c r="A36126" s="2" t="s">
        <v>21363</v>
      </c>
      <c r="B36126" s="6">
        <v>601431.29999999993</v>
      </c>
      <c r="C36126" s="7">
        <f t="shared" si="564"/>
        <v>601.43129999999996</v>
      </c>
    </row>
    <row r="36127" spans="1:3" x14ac:dyDescent="0.25">
      <c r="A36127" s="2" t="s">
        <v>21364</v>
      </c>
      <c r="B36127" s="6">
        <v>601447.94999999995</v>
      </c>
      <c r="C36127" s="7">
        <f t="shared" si="564"/>
        <v>601.44794999999999</v>
      </c>
    </row>
    <row r="36128" spans="1:3" x14ac:dyDescent="0.25">
      <c r="A36128" s="2" t="s">
        <v>21365</v>
      </c>
      <c r="B36128" s="6">
        <v>601464.6</v>
      </c>
      <c r="C36128" s="7">
        <f t="shared" si="564"/>
        <v>601.46460000000002</v>
      </c>
    </row>
    <row r="36129" spans="1:3" x14ac:dyDescent="0.25">
      <c r="A36129" s="2" t="s">
        <v>21366</v>
      </c>
      <c r="B36129" s="6">
        <v>601481.25</v>
      </c>
      <c r="C36129" s="7">
        <f t="shared" si="564"/>
        <v>601.48125000000005</v>
      </c>
    </row>
    <row r="36130" spans="1:3" x14ac:dyDescent="0.25">
      <c r="A36130" s="2" t="s">
        <v>21367</v>
      </c>
      <c r="B36130" s="6">
        <v>601497.89999999991</v>
      </c>
      <c r="C36130" s="7">
        <f t="shared" si="564"/>
        <v>601.49789999999996</v>
      </c>
    </row>
    <row r="36131" spans="1:3" x14ac:dyDescent="0.25">
      <c r="A36131" s="2" t="s">
        <v>21368</v>
      </c>
      <c r="B36131" s="6">
        <v>601514.54999999993</v>
      </c>
      <c r="C36131" s="7">
        <f t="shared" si="564"/>
        <v>601.51454999999999</v>
      </c>
    </row>
    <row r="36132" spans="1:3" x14ac:dyDescent="0.25">
      <c r="A36132" s="2" t="s">
        <v>21369</v>
      </c>
      <c r="B36132" s="6">
        <v>601531.19999999995</v>
      </c>
      <c r="C36132" s="7">
        <f t="shared" si="564"/>
        <v>601.5311999999999</v>
      </c>
    </row>
    <row r="36133" spans="1:3" x14ac:dyDescent="0.25">
      <c r="A36133" s="2" t="s">
        <v>21370</v>
      </c>
      <c r="B36133" s="6">
        <v>601547.85</v>
      </c>
      <c r="C36133" s="7">
        <f t="shared" si="564"/>
        <v>601.54784999999993</v>
      </c>
    </row>
    <row r="36134" spans="1:3" x14ac:dyDescent="0.25">
      <c r="A36134" s="2" t="s">
        <v>21371</v>
      </c>
      <c r="B36134" s="6">
        <v>601564.5</v>
      </c>
      <c r="C36134" s="7">
        <f t="shared" si="564"/>
        <v>601.56449999999995</v>
      </c>
    </row>
    <row r="36135" spans="1:3" x14ac:dyDescent="0.25">
      <c r="A36135" s="2" t="s">
        <v>21372</v>
      </c>
      <c r="B36135" s="6">
        <v>601581.14999999991</v>
      </c>
      <c r="C36135" s="7">
        <f t="shared" si="564"/>
        <v>601.58114999999987</v>
      </c>
    </row>
    <row r="36136" spans="1:3" x14ac:dyDescent="0.25">
      <c r="A36136" s="2" t="s">
        <v>21373</v>
      </c>
      <c r="B36136" s="6">
        <v>601597.79999999993</v>
      </c>
      <c r="C36136" s="7">
        <f t="shared" si="564"/>
        <v>601.59779999999989</v>
      </c>
    </row>
    <row r="36137" spans="1:3" x14ac:dyDescent="0.25">
      <c r="A36137" s="2" t="s">
        <v>21374</v>
      </c>
      <c r="B36137" s="6">
        <v>601614.44999999995</v>
      </c>
      <c r="C36137" s="7">
        <f t="shared" si="564"/>
        <v>601.61444999999992</v>
      </c>
    </row>
    <row r="36138" spans="1:3" x14ac:dyDescent="0.25">
      <c r="A36138" s="2" t="s">
        <v>21375</v>
      </c>
      <c r="B36138" s="6">
        <v>601631.1</v>
      </c>
      <c r="C36138" s="7">
        <f t="shared" si="564"/>
        <v>601.63109999999995</v>
      </c>
    </row>
    <row r="36139" spans="1:3" x14ac:dyDescent="0.25">
      <c r="A36139" s="2" t="s">
        <v>21376</v>
      </c>
      <c r="B36139" s="6">
        <v>601647.75</v>
      </c>
      <c r="C36139" s="7">
        <f t="shared" si="564"/>
        <v>601.64774999999997</v>
      </c>
    </row>
    <row r="36140" spans="1:3" x14ac:dyDescent="0.25">
      <c r="A36140" s="2" t="s">
        <v>21377</v>
      </c>
      <c r="B36140" s="6">
        <v>601664.39999999991</v>
      </c>
      <c r="C36140" s="7">
        <f t="shared" si="564"/>
        <v>601.66439999999989</v>
      </c>
    </row>
    <row r="36141" spans="1:3" x14ac:dyDescent="0.25">
      <c r="A36141" s="2" t="s">
        <v>21378</v>
      </c>
      <c r="B36141" s="6">
        <v>601681.04999999993</v>
      </c>
      <c r="C36141" s="7">
        <f t="shared" si="564"/>
        <v>601.68104999999991</v>
      </c>
    </row>
    <row r="36142" spans="1:3" x14ac:dyDescent="0.25">
      <c r="A36142" s="2" t="s">
        <v>21379</v>
      </c>
      <c r="B36142" s="6">
        <v>601697.69999999995</v>
      </c>
      <c r="C36142" s="7">
        <f t="shared" si="564"/>
        <v>601.69769999999994</v>
      </c>
    </row>
    <row r="36143" spans="1:3" x14ac:dyDescent="0.25">
      <c r="A36143" s="2" t="s">
        <v>21380</v>
      </c>
      <c r="B36143" s="6">
        <v>601714.35</v>
      </c>
      <c r="C36143" s="7">
        <f t="shared" si="564"/>
        <v>601.71434999999997</v>
      </c>
    </row>
    <row r="36144" spans="1:3" x14ac:dyDescent="0.25">
      <c r="A36144" s="2" t="s">
        <v>21381</v>
      </c>
      <c r="B36144" s="6">
        <v>601731</v>
      </c>
      <c r="C36144" s="7">
        <f t="shared" si="564"/>
        <v>601.73099999999999</v>
      </c>
    </row>
    <row r="36145" spans="1:3" x14ac:dyDescent="0.25">
      <c r="A36145" s="2" t="s">
        <v>21382</v>
      </c>
      <c r="B36145" s="6">
        <v>601747.64999999991</v>
      </c>
      <c r="C36145" s="7">
        <f t="shared" si="564"/>
        <v>601.74764999999991</v>
      </c>
    </row>
    <row r="36146" spans="1:3" x14ac:dyDescent="0.25">
      <c r="A36146" s="2" t="s">
        <v>21383</v>
      </c>
      <c r="B36146" s="6">
        <v>601764.29999999993</v>
      </c>
      <c r="C36146" s="7">
        <f t="shared" si="564"/>
        <v>601.76429999999993</v>
      </c>
    </row>
    <row r="36147" spans="1:3" x14ac:dyDescent="0.25">
      <c r="A36147" s="2" t="s">
        <v>21384</v>
      </c>
      <c r="B36147" s="6">
        <v>601780.94999999995</v>
      </c>
      <c r="C36147" s="7">
        <f t="shared" si="564"/>
        <v>601.78094999999996</v>
      </c>
    </row>
    <row r="36148" spans="1:3" x14ac:dyDescent="0.25">
      <c r="A36148" s="2" t="s">
        <v>21385</v>
      </c>
      <c r="B36148" s="6">
        <v>601797.6</v>
      </c>
      <c r="C36148" s="7">
        <f t="shared" si="564"/>
        <v>601.79759999999999</v>
      </c>
    </row>
    <row r="36149" spans="1:3" x14ac:dyDescent="0.25">
      <c r="A36149" s="2" t="s">
        <v>21386</v>
      </c>
      <c r="B36149" s="6">
        <v>601814.25</v>
      </c>
      <c r="C36149" s="7">
        <f t="shared" si="564"/>
        <v>601.81425000000002</v>
      </c>
    </row>
    <row r="36150" spans="1:3" x14ac:dyDescent="0.25">
      <c r="A36150" s="2" t="s">
        <v>21387</v>
      </c>
      <c r="B36150" s="6">
        <v>601830.89999999991</v>
      </c>
      <c r="C36150" s="7">
        <f t="shared" si="564"/>
        <v>601.83089999999993</v>
      </c>
    </row>
    <row r="36151" spans="1:3" x14ac:dyDescent="0.25">
      <c r="A36151" s="2" t="s">
        <v>21388</v>
      </c>
      <c r="B36151" s="6">
        <v>601847.54999999993</v>
      </c>
      <c r="C36151" s="7">
        <f t="shared" si="564"/>
        <v>601.84754999999996</v>
      </c>
    </row>
    <row r="36152" spans="1:3" x14ac:dyDescent="0.25">
      <c r="A36152" s="2" t="s">
        <v>21389</v>
      </c>
      <c r="B36152" s="6">
        <v>601864.19999999995</v>
      </c>
      <c r="C36152" s="7">
        <f t="shared" si="564"/>
        <v>601.86419999999998</v>
      </c>
    </row>
    <row r="36153" spans="1:3" x14ac:dyDescent="0.25">
      <c r="A36153" s="2" t="s">
        <v>21390</v>
      </c>
      <c r="B36153" s="6">
        <v>601880.85</v>
      </c>
      <c r="C36153" s="7">
        <f t="shared" si="564"/>
        <v>601.88085000000001</v>
      </c>
    </row>
    <row r="36154" spans="1:3" x14ac:dyDescent="0.25">
      <c r="A36154" s="2" t="s">
        <v>21391</v>
      </c>
      <c r="B36154" s="6">
        <v>601897.5</v>
      </c>
      <c r="C36154" s="7">
        <f t="shared" si="564"/>
        <v>601.89750000000004</v>
      </c>
    </row>
    <row r="36155" spans="1:3" x14ac:dyDescent="0.25">
      <c r="A36155" s="2" t="s">
        <v>21392</v>
      </c>
      <c r="B36155" s="6">
        <v>601914.14999999991</v>
      </c>
      <c r="C36155" s="7">
        <f t="shared" si="564"/>
        <v>601.91414999999995</v>
      </c>
    </row>
    <row r="36156" spans="1:3" x14ac:dyDescent="0.25">
      <c r="A36156" s="2" t="s">
        <v>21393</v>
      </c>
      <c r="B36156" s="6">
        <v>601930.79999999993</v>
      </c>
      <c r="C36156" s="7">
        <f t="shared" si="564"/>
        <v>601.93079999999998</v>
      </c>
    </row>
    <row r="36157" spans="1:3" x14ac:dyDescent="0.25">
      <c r="A36157" s="2" t="s">
        <v>21394</v>
      </c>
      <c r="B36157" s="6">
        <v>601947.44999999995</v>
      </c>
      <c r="C36157" s="7">
        <f t="shared" si="564"/>
        <v>601.94745</v>
      </c>
    </row>
    <row r="36158" spans="1:3" x14ac:dyDescent="0.25">
      <c r="A36158" s="2" t="s">
        <v>21395</v>
      </c>
      <c r="B36158" s="6">
        <v>601964.1</v>
      </c>
      <c r="C36158" s="7">
        <f t="shared" si="564"/>
        <v>601.96410000000003</v>
      </c>
    </row>
    <row r="36159" spans="1:3" x14ac:dyDescent="0.25">
      <c r="A36159" s="2" t="s">
        <v>21396</v>
      </c>
      <c r="B36159" s="6">
        <v>601980.75</v>
      </c>
      <c r="C36159" s="7">
        <f t="shared" si="564"/>
        <v>601.98074999999994</v>
      </c>
    </row>
    <row r="36160" spans="1:3" x14ac:dyDescent="0.25">
      <c r="A36160" s="2" t="s">
        <v>21397</v>
      </c>
      <c r="B36160" s="6">
        <v>601997.39999999991</v>
      </c>
      <c r="C36160" s="7">
        <f t="shared" si="564"/>
        <v>601.99739999999986</v>
      </c>
    </row>
    <row r="36161" spans="1:3" x14ac:dyDescent="0.25">
      <c r="A36161" s="2" t="s">
        <v>21398</v>
      </c>
      <c r="B36161" s="6">
        <v>602014.04999999993</v>
      </c>
      <c r="C36161" s="7">
        <f t="shared" si="564"/>
        <v>602.01404999999988</v>
      </c>
    </row>
    <row r="36162" spans="1:3" x14ac:dyDescent="0.25">
      <c r="A36162" s="2" t="s">
        <v>21399</v>
      </c>
      <c r="B36162" s="6">
        <v>602030.69999999995</v>
      </c>
      <c r="C36162" s="7">
        <f t="shared" si="564"/>
        <v>602.03069999999991</v>
      </c>
    </row>
    <row r="36163" spans="1:3" x14ac:dyDescent="0.25">
      <c r="A36163" s="2" t="s">
        <v>21400</v>
      </c>
      <c r="B36163" s="6">
        <v>602047.35</v>
      </c>
      <c r="C36163" s="7">
        <f t="shared" ref="C36163:C36226" si="565">B36163/1000</f>
        <v>602.04734999999994</v>
      </c>
    </row>
    <row r="36164" spans="1:3" x14ac:dyDescent="0.25">
      <c r="A36164" s="2" t="s">
        <v>21401</v>
      </c>
      <c r="B36164" s="6">
        <v>602064</v>
      </c>
      <c r="C36164" s="7">
        <f t="shared" si="565"/>
        <v>602.06399999999996</v>
      </c>
    </row>
    <row r="36165" spans="1:3" x14ac:dyDescent="0.25">
      <c r="A36165" s="2" t="s">
        <v>21402</v>
      </c>
      <c r="B36165" s="6">
        <v>602080.64999999991</v>
      </c>
      <c r="C36165" s="7">
        <f t="shared" si="565"/>
        <v>602.08064999999988</v>
      </c>
    </row>
    <row r="36166" spans="1:3" x14ac:dyDescent="0.25">
      <c r="A36166" s="2" t="s">
        <v>21403</v>
      </c>
      <c r="B36166" s="6">
        <v>602097.29999999993</v>
      </c>
      <c r="C36166" s="7">
        <f t="shared" si="565"/>
        <v>602.0972999999999</v>
      </c>
    </row>
    <row r="36167" spans="1:3" x14ac:dyDescent="0.25">
      <c r="A36167" s="2" t="s">
        <v>21404</v>
      </c>
      <c r="B36167" s="6">
        <v>602113.94999999995</v>
      </c>
      <c r="C36167" s="7">
        <f t="shared" si="565"/>
        <v>602.11394999999993</v>
      </c>
    </row>
    <row r="36168" spans="1:3" x14ac:dyDescent="0.25">
      <c r="A36168" s="2" t="s">
        <v>21405</v>
      </c>
      <c r="B36168" s="6">
        <v>602130.6</v>
      </c>
      <c r="C36168" s="7">
        <f t="shared" si="565"/>
        <v>602.13059999999996</v>
      </c>
    </row>
    <row r="36169" spans="1:3" x14ac:dyDescent="0.25">
      <c r="A36169" s="2" t="s">
        <v>21406</v>
      </c>
      <c r="B36169" s="6">
        <v>602147.25</v>
      </c>
      <c r="C36169" s="7">
        <f t="shared" si="565"/>
        <v>602.14724999999999</v>
      </c>
    </row>
    <row r="36170" spans="1:3" x14ac:dyDescent="0.25">
      <c r="A36170" s="2" t="s">
        <v>21407</v>
      </c>
      <c r="B36170" s="6">
        <v>602163.89999999991</v>
      </c>
      <c r="C36170" s="7">
        <f t="shared" si="565"/>
        <v>602.1638999999999</v>
      </c>
    </row>
    <row r="36171" spans="1:3" x14ac:dyDescent="0.25">
      <c r="A36171" s="2" t="s">
        <v>21408</v>
      </c>
      <c r="B36171" s="6">
        <v>602180.54999999993</v>
      </c>
      <c r="C36171" s="7">
        <f t="shared" si="565"/>
        <v>602.18054999999993</v>
      </c>
    </row>
    <row r="36172" spans="1:3" x14ac:dyDescent="0.25">
      <c r="A36172" s="2" t="s">
        <v>21409</v>
      </c>
      <c r="B36172" s="6">
        <v>602197.19999999995</v>
      </c>
      <c r="C36172" s="7">
        <f t="shared" si="565"/>
        <v>602.19719999999995</v>
      </c>
    </row>
    <row r="36173" spans="1:3" x14ac:dyDescent="0.25">
      <c r="A36173" s="2" t="s">
        <v>21410</v>
      </c>
      <c r="B36173" s="6">
        <v>602213.85</v>
      </c>
      <c r="C36173" s="7">
        <f t="shared" si="565"/>
        <v>602.21384999999998</v>
      </c>
    </row>
    <row r="36174" spans="1:3" x14ac:dyDescent="0.25">
      <c r="A36174" s="2" t="s">
        <v>21411</v>
      </c>
      <c r="B36174" s="6">
        <v>602230.5</v>
      </c>
      <c r="C36174" s="7">
        <f t="shared" si="565"/>
        <v>602.23050000000001</v>
      </c>
    </row>
    <row r="36175" spans="1:3" x14ac:dyDescent="0.25">
      <c r="A36175" s="2" t="s">
        <v>21412</v>
      </c>
      <c r="B36175" s="6">
        <v>602247.14999999991</v>
      </c>
      <c r="C36175" s="7">
        <f t="shared" si="565"/>
        <v>602.24714999999992</v>
      </c>
    </row>
    <row r="36176" spans="1:3" x14ac:dyDescent="0.25">
      <c r="A36176" s="2" t="s">
        <v>21413</v>
      </c>
      <c r="B36176" s="6">
        <v>602263.79999999993</v>
      </c>
      <c r="C36176" s="7">
        <f t="shared" si="565"/>
        <v>602.26379999999995</v>
      </c>
    </row>
    <row r="36177" spans="1:3" x14ac:dyDescent="0.25">
      <c r="A36177" s="2" t="s">
        <v>21414</v>
      </c>
      <c r="B36177" s="6">
        <v>602280.44999999995</v>
      </c>
      <c r="C36177" s="7">
        <f t="shared" si="565"/>
        <v>602.28044999999997</v>
      </c>
    </row>
    <row r="36178" spans="1:3" x14ac:dyDescent="0.25">
      <c r="A36178" s="2" t="s">
        <v>21415</v>
      </c>
      <c r="B36178" s="6">
        <v>602297.1</v>
      </c>
      <c r="C36178" s="7">
        <f t="shared" si="565"/>
        <v>602.2971</v>
      </c>
    </row>
    <row r="36179" spans="1:3" x14ac:dyDescent="0.25">
      <c r="A36179" s="2" t="s">
        <v>21416</v>
      </c>
      <c r="B36179" s="6">
        <v>602313.75</v>
      </c>
      <c r="C36179" s="7">
        <f t="shared" si="565"/>
        <v>602.31375000000003</v>
      </c>
    </row>
    <row r="36180" spans="1:3" x14ac:dyDescent="0.25">
      <c r="A36180" s="2" t="s">
        <v>21417</v>
      </c>
      <c r="B36180" s="6">
        <v>602330.39999999991</v>
      </c>
      <c r="C36180" s="7">
        <f t="shared" si="565"/>
        <v>602.33039999999994</v>
      </c>
    </row>
    <row r="36181" spans="1:3" x14ac:dyDescent="0.25">
      <c r="A36181" s="2" t="s">
        <v>21418</v>
      </c>
      <c r="B36181" s="6">
        <v>602347.04999999993</v>
      </c>
      <c r="C36181" s="7">
        <f t="shared" si="565"/>
        <v>602.34704999999997</v>
      </c>
    </row>
    <row r="36182" spans="1:3" x14ac:dyDescent="0.25">
      <c r="A36182" s="2" t="s">
        <v>21419</v>
      </c>
      <c r="B36182" s="6">
        <v>602363.69999999995</v>
      </c>
      <c r="C36182" s="7">
        <f t="shared" si="565"/>
        <v>602.36369999999999</v>
      </c>
    </row>
    <row r="36183" spans="1:3" x14ac:dyDescent="0.25">
      <c r="A36183" s="2" t="s">
        <v>21420</v>
      </c>
      <c r="B36183" s="6">
        <v>602380.35</v>
      </c>
      <c r="C36183" s="7">
        <f t="shared" si="565"/>
        <v>602.38035000000002</v>
      </c>
    </row>
    <row r="36184" spans="1:3" x14ac:dyDescent="0.25">
      <c r="A36184" s="2" t="s">
        <v>21421</v>
      </c>
      <c r="B36184" s="6">
        <v>602397</v>
      </c>
      <c r="C36184" s="7">
        <f t="shared" si="565"/>
        <v>602.39700000000005</v>
      </c>
    </row>
    <row r="36185" spans="1:3" x14ac:dyDescent="0.25">
      <c r="A36185" s="2" t="s">
        <v>21422</v>
      </c>
      <c r="B36185" s="6">
        <v>602413.64999999991</v>
      </c>
      <c r="C36185" s="7">
        <f t="shared" si="565"/>
        <v>602.41364999999996</v>
      </c>
    </row>
    <row r="36186" spans="1:3" x14ac:dyDescent="0.25">
      <c r="A36186" s="2" t="s">
        <v>21423</v>
      </c>
      <c r="B36186" s="6">
        <v>602430.29999999993</v>
      </c>
      <c r="C36186" s="7">
        <f t="shared" si="565"/>
        <v>602.43029999999987</v>
      </c>
    </row>
    <row r="36187" spans="1:3" x14ac:dyDescent="0.25">
      <c r="A36187" s="2" t="s">
        <v>21424</v>
      </c>
      <c r="B36187" s="6">
        <v>602446.94999999995</v>
      </c>
      <c r="C36187" s="7">
        <f t="shared" si="565"/>
        <v>602.4469499999999</v>
      </c>
    </row>
    <row r="36188" spans="1:3" x14ac:dyDescent="0.25">
      <c r="A36188" s="2" t="s">
        <v>21425</v>
      </c>
      <c r="B36188" s="6">
        <v>602463.6</v>
      </c>
      <c r="C36188" s="7">
        <f t="shared" si="565"/>
        <v>602.46359999999993</v>
      </c>
    </row>
    <row r="36189" spans="1:3" x14ac:dyDescent="0.25">
      <c r="A36189" s="2" t="s">
        <v>21426</v>
      </c>
      <c r="B36189" s="6">
        <v>602480.25</v>
      </c>
      <c r="C36189" s="7">
        <f t="shared" si="565"/>
        <v>602.48024999999996</v>
      </c>
    </row>
    <row r="36190" spans="1:3" x14ac:dyDescent="0.25">
      <c r="A36190" s="2" t="s">
        <v>21427</v>
      </c>
      <c r="B36190" s="6">
        <v>602496.89999999991</v>
      </c>
      <c r="C36190" s="7">
        <f t="shared" si="565"/>
        <v>602.49689999999987</v>
      </c>
    </row>
    <row r="36191" spans="1:3" x14ac:dyDescent="0.25">
      <c r="A36191" s="2" t="s">
        <v>21428</v>
      </c>
      <c r="B36191" s="6">
        <v>602513.54999999993</v>
      </c>
      <c r="C36191" s="7">
        <f t="shared" si="565"/>
        <v>602.5135499999999</v>
      </c>
    </row>
    <row r="36192" spans="1:3" x14ac:dyDescent="0.25">
      <c r="A36192" s="2" t="s">
        <v>21429</v>
      </c>
      <c r="B36192" s="6">
        <v>602530.19999999995</v>
      </c>
      <c r="C36192" s="7">
        <f t="shared" si="565"/>
        <v>602.53019999999992</v>
      </c>
    </row>
    <row r="36193" spans="1:3" x14ac:dyDescent="0.25">
      <c r="A36193" s="2" t="s">
        <v>21430</v>
      </c>
      <c r="B36193" s="6">
        <v>602546.85</v>
      </c>
      <c r="C36193" s="7">
        <f t="shared" si="565"/>
        <v>602.54684999999995</v>
      </c>
    </row>
    <row r="36194" spans="1:3" x14ac:dyDescent="0.25">
      <c r="A36194" s="2" t="s">
        <v>21431</v>
      </c>
      <c r="B36194" s="6">
        <v>602563.5</v>
      </c>
      <c r="C36194" s="7">
        <f t="shared" si="565"/>
        <v>602.56349999999998</v>
      </c>
    </row>
    <row r="36195" spans="1:3" x14ac:dyDescent="0.25">
      <c r="A36195" s="2" t="s">
        <v>21432</v>
      </c>
      <c r="B36195" s="6">
        <v>602580.14999999991</v>
      </c>
      <c r="C36195" s="7">
        <f t="shared" si="565"/>
        <v>602.58014999999989</v>
      </c>
    </row>
    <row r="36196" spans="1:3" x14ac:dyDescent="0.25">
      <c r="A36196" s="2" t="s">
        <v>21433</v>
      </c>
      <c r="B36196" s="6">
        <v>602596.79999999993</v>
      </c>
      <c r="C36196" s="7">
        <f t="shared" si="565"/>
        <v>602.59679999999992</v>
      </c>
    </row>
    <row r="36197" spans="1:3" x14ac:dyDescent="0.25">
      <c r="A36197" s="2" t="s">
        <v>21434</v>
      </c>
      <c r="B36197" s="6">
        <v>602613.44999999995</v>
      </c>
      <c r="C36197" s="7">
        <f t="shared" si="565"/>
        <v>602.61344999999994</v>
      </c>
    </row>
    <row r="36198" spans="1:3" x14ac:dyDescent="0.25">
      <c r="A36198" s="2" t="s">
        <v>21435</v>
      </c>
      <c r="B36198" s="6">
        <v>602630.1</v>
      </c>
      <c r="C36198" s="7">
        <f t="shared" si="565"/>
        <v>602.63009999999997</v>
      </c>
    </row>
    <row r="36199" spans="1:3" x14ac:dyDescent="0.25">
      <c r="A36199" s="2" t="s">
        <v>21436</v>
      </c>
      <c r="B36199" s="6">
        <v>602646.75</v>
      </c>
      <c r="C36199" s="7">
        <f t="shared" si="565"/>
        <v>602.64675</v>
      </c>
    </row>
    <row r="36200" spans="1:3" x14ac:dyDescent="0.25">
      <c r="A36200" s="2" t="s">
        <v>21437</v>
      </c>
      <c r="B36200" s="6">
        <v>602663.39999999991</v>
      </c>
      <c r="C36200" s="7">
        <f t="shared" si="565"/>
        <v>602.66339999999991</v>
      </c>
    </row>
    <row r="36201" spans="1:3" x14ac:dyDescent="0.25">
      <c r="A36201" s="2" t="s">
        <v>21438</v>
      </c>
      <c r="B36201" s="6">
        <v>602680.04999999993</v>
      </c>
      <c r="C36201" s="7">
        <f t="shared" si="565"/>
        <v>602.68004999999994</v>
      </c>
    </row>
    <row r="36202" spans="1:3" x14ac:dyDescent="0.25">
      <c r="A36202" s="2" t="s">
        <v>21439</v>
      </c>
      <c r="B36202" s="6">
        <v>602696.69999999995</v>
      </c>
      <c r="C36202" s="7">
        <f t="shared" si="565"/>
        <v>602.69669999999996</v>
      </c>
    </row>
    <row r="36203" spans="1:3" x14ac:dyDescent="0.25">
      <c r="A36203" s="2" t="s">
        <v>21440</v>
      </c>
      <c r="B36203" s="6">
        <v>602713.35</v>
      </c>
      <c r="C36203" s="7">
        <f t="shared" si="565"/>
        <v>602.71334999999999</v>
      </c>
    </row>
    <row r="36204" spans="1:3" x14ac:dyDescent="0.25">
      <c r="A36204" s="2" t="s">
        <v>21441</v>
      </c>
      <c r="B36204" s="6">
        <v>602730</v>
      </c>
      <c r="C36204" s="7">
        <f t="shared" si="565"/>
        <v>602.73</v>
      </c>
    </row>
    <row r="36205" spans="1:3" x14ac:dyDescent="0.25">
      <c r="A36205" s="2" t="s">
        <v>21442</v>
      </c>
      <c r="B36205" s="6">
        <v>602746.64999999991</v>
      </c>
      <c r="C36205" s="7">
        <f t="shared" si="565"/>
        <v>602.74664999999993</v>
      </c>
    </row>
    <row r="36206" spans="1:3" x14ac:dyDescent="0.25">
      <c r="A36206" s="2" t="s">
        <v>21443</v>
      </c>
      <c r="B36206" s="6">
        <v>602763.29999999993</v>
      </c>
      <c r="C36206" s="7">
        <f t="shared" si="565"/>
        <v>602.76329999999996</v>
      </c>
    </row>
    <row r="36207" spans="1:3" x14ac:dyDescent="0.25">
      <c r="A36207" s="2" t="s">
        <v>21444</v>
      </c>
      <c r="B36207" s="6">
        <v>602779.94999999995</v>
      </c>
      <c r="C36207" s="7">
        <f t="shared" si="565"/>
        <v>602.77994999999999</v>
      </c>
    </row>
    <row r="36208" spans="1:3" x14ac:dyDescent="0.25">
      <c r="A36208" s="2" t="s">
        <v>21445</v>
      </c>
      <c r="B36208" s="6">
        <v>602796.6</v>
      </c>
      <c r="C36208" s="7">
        <f t="shared" si="565"/>
        <v>602.79660000000001</v>
      </c>
    </row>
    <row r="36209" spans="1:3" x14ac:dyDescent="0.25">
      <c r="A36209" s="2" t="s">
        <v>21446</v>
      </c>
      <c r="B36209" s="6">
        <v>602813.25</v>
      </c>
      <c r="C36209" s="7">
        <f t="shared" si="565"/>
        <v>602.81325000000004</v>
      </c>
    </row>
    <row r="36210" spans="1:3" x14ac:dyDescent="0.25">
      <c r="A36210" s="2" t="s">
        <v>21447</v>
      </c>
      <c r="B36210" s="6">
        <v>602829.89999999991</v>
      </c>
      <c r="C36210" s="7">
        <f t="shared" si="565"/>
        <v>602.82989999999995</v>
      </c>
    </row>
    <row r="36211" spans="1:3" x14ac:dyDescent="0.25">
      <c r="A36211" s="2" t="s">
        <v>21448</v>
      </c>
      <c r="B36211" s="6">
        <v>602846.54999999993</v>
      </c>
      <c r="C36211" s="7">
        <f t="shared" si="565"/>
        <v>602.84654999999998</v>
      </c>
    </row>
    <row r="36212" spans="1:3" x14ac:dyDescent="0.25">
      <c r="A36212" s="2" t="s">
        <v>21449</v>
      </c>
      <c r="B36212" s="6">
        <v>602863.19999999995</v>
      </c>
      <c r="C36212" s="7">
        <f t="shared" si="565"/>
        <v>602.86320000000001</v>
      </c>
    </row>
    <row r="36213" spans="1:3" x14ac:dyDescent="0.25">
      <c r="A36213" s="2" t="s">
        <v>21450</v>
      </c>
      <c r="B36213" s="6">
        <v>602879.85</v>
      </c>
      <c r="C36213" s="7">
        <f t="shared" si="565"/>
        <v>602.87985000000003</v>
      </c>
    </row>
    <row r="36214" spans="1:3" x14ac:dyDescent="0.25">
      <c r="A36214" s="2" t="s">
        <v>21451</v>
      </c>
      <c r="B36214" s="6">
        <v>602896.5</v>
      </c>
      <c r="C36214" s="7">
        <f t="shared" si="565"/>
        <v>602.89649999999995</v>
      </c>
    </row>
    <row r="36215" spans="1:3" x14ac:dyDescent="0.25">
      <c r="A36215" s="2" t="s">
        <v>21452</v>
      </c>
      <c r="B36215" s="6">
        <v>602913.14999999991</v>
      </c>
      <c r="C36215" s="7">
        <f t="shared" si="565"/>
        <v>602.91314999999986</v>
      </c>
    </row>
    <row r="36216" spans="1:3" x14ac:dyDescent="0.25">
      <c r="A36216" s="2" t="s">
        <v>21453</v>
      </c>
      <c r="B36216" s="6">
        <v>602929.79999999993</v>
      </c>
      <c r="C36216" s="7">
        <f t="shared" si="565"/>
        <v>602.92979999999989</v>
      </c>
    </row>
    <row r="36217" spans="1:3" x14ac:dyDescent="0.25">
      <c r="A36217" s="2" t="s">
        <v>21454</v>
      </c>
      <c r="B36217" s="6">
        <v>602946.44999999995</v>
      </c>
      <c r="C36217" s="7">
        <f t="shared" si="565"/>
        <v>602.94644999999991</v>
      </c>
    </row>
    <row r="36218" spans="1:3" x14ac:dyDescent="0.25">
      <c r="A36218" s="2" t="s">
        <v>21455</v>
      </c>
      <c r="B36218" s="6">
        <v>602963.1</v>
      </c>
      <c r="C36218" s="7">
        <f t="shared" si="565"/>
        <v>602.96309999999994</v>
      </c>
    </row>
    <row r="36219" spans="1:3" x14ac:dyDescent="0.25">
      <c r="A36219" s="2" t="s">
        <v>21456</v>
      </c>
      <c r="B36219" s="6">
        <v>602979.75</v>
      </c>
      <c r="C36219" s="7">
        <f t="shared" si="565"/>
        <v>602.97974999999997</v>
      </c>
    </row>
    <row r="36220" spans="1:3" x14ac:dyDescent="0.25">
      <c r="A36220" s="2" t="s">
        <v>21457</v>
      </c>
      <c r="B36220" s="6">
        <v>602996.39999999991</v>
      </c>
      <c r="C36220" s="7">
        <f t="shared" si="565"/>
        <v>602.99639999999988</v>
      </c>
    </row>
    <row r="36221" spans="1:3" x14ac:dyDescent="0.25">
      <c r="A36221" s="2" t="s">
        <v>21458</v>
      </c>
      <c r="B36221" s="6">
        <v>603013.04999999993</v>
      </c>
      <c r="C36221" s="7">
        <f t="shared" si="565"/>
        <v>603.01304999999991</v>
      </c>
    </row>
    <row r="36222" spans="1:3" x14ac:dyDescent="0.25">
      <c r="A36222" s="2" t="s">
        <v>21459</v>
      </c>
      <c r="B36222" s="6">
        <v>603029.69999999995</v>
      </c>
      <c r="C36222" s="7">
        <f t="shared" si="565"/>
        <v>603.02969999999993</v>
      </c>
    </row>
    <row r="36223" spans="1:3" x14ac:dyDescent="0.25">
      <c r="A36223" s="2" t="s">
        <v>21460</v>
      </c>
      <c r="B36223" s="6">
        <v>603046.35</v>
      </c>
      <c r="C36223" s="7">
        <f t="shared" si="565"/>
        <v>603.04634999999996</v>
      </c>
    </row>
    <row r="36224" spans="1:3" x14ac:dyDescent="0.25">
      <c r="A36224" s="2" t="s">
        <v>21461</v>
      </c>
      <c r="B36224" s="6">
        <v>603063</v>
      </c>
      <c r="C36224" s="7">
        <f t="shared" si="565"/>
        <v>603.06299999999999</v>
      </c>
    </row>
    <row r="36225" spans="1:3" x14ac:dyDescent="0.25">
      <c r="A36225" s="2" t="s">
        <v>21462</v>
      </c>
      <c r="B36225" s="6">
        <v>603079.64999999991</v>
      </c>
      <c r="C36225" s="7">
        <f t="shared" si="565"/>
        <v>603.0796499999999</v>
      </c>
    </row>
    <row r="36226" spans="1:3" x14ac:dyDescent="0.25">
      <c r="A36226" s="2" t="s">
        <v>21463</v>
      </c>
      <c r="B36226" s="6">
        <v>603096.29999999993</v>
      </c>
      <c r="C36226" s="7">
        <f t="shared" si="565"/>
        <v>603.09629999999993</v>
      </c>
    </row>
    <row r="36227" spans="1:3" x14ac:dyDescent="0.25">
      <c r="A36227" s="2" t="s">
        <v>21464</v>
      </c>
      <c r="B36227" s="6">
        <v>603112.94999999995</v>
      </c>
      <c r="C36227" s="7">
        <f t="shared" ref="C36227:C36290" si="566">B36227/1000</f>
        <v>603.11294999999996</v>
      </c>
    </row>
    <row r="36228" spans="1:3" x14ac:dyDescent="0.25">
      <c r="A36228" s="2" t="s">
        <v>21465</v>
      </c>
      <c r="B36228" s="6">
        <v>603129.59999999998</v>
      </c>
      <c r="C36228" s="7">
        <f t="shared" si="566"/>
        <v>603.12959999999998</v>
      </c>
    </row>
    <row r="36229" spans="1:3" x14ac:dyDescent="0.25">
      <c r="A36229" s="2" t="s">
        <v>21466</v>
      </c>
      <c r="B36229" s="6">
        <v>603146.25</v>
      </c>
      <c r="C36229" s="7">
        <f t="shared" si="566"/>
        <v>603.14625000000001</v>
      </c>
    </row>
    <row r="36230" spans="1:3" x14ac:dyDescent="0.25">
      <c r="A36230" s="2" t="s">
        <v>21467</v>
      </c>
      <c r="B36230" s="6">
        <v>603162.89999999991</v>
      </c>
      <c r="C36230" s="7">
        <f t="shared" si="566"/>
        <v>603.16289999999992</v>
      </c>
    </row>
    <row r="36231" spans="1:3" x14ac:dyDescent="0.25">
      <c r="A36231" s="2" t="s">
        <v>21468</v>
      </c>
      <c r="B36231" s="6">
        <v>603179.54999999993</v>
      </c>
      <c r="C36231" s="7">
        <f t="shared" si="566"/>
        <v>603.17954999999995</v>
      </c>
    </row>
    <row r="36232" spans="1:3" x14ac:dyDescent="0.25">
      <c r="A36232" s="2" t="s">
        <v>21469</v>
      </c>
      <c r="B36232" s="6">
        <v>603196.19999999995</v>
      </c>
      <c r="C36232" s="7">
        <f t="shared" si="566"/>
        <v>603.19619999999998</v>
      </c>
    </row>
    <row r="36233" spans="1:3" x14ac:dyDescent="0.25">
      <c r="A36233" s="2" t="s">
        <v>21470</v>
      </c>
      <c r="B36233" s="6">
        <v>603212.85</v>
      </c>
      <c r="C36233" s="7">
        <f t="shared" si="566"/>
        <v>603.21285</v>
      </c>
    </row>
    <row r="36234" spans="1:3" x14ac:dyDescent="0.25">
      <c r="A36234" s="2" t="s">
        <v>21471</v>
      </c>
      <c r="B36234" s="6">
        <v>603229.5</v>
      </c>
      <c r="C36234" s="7">
        <f t="shared" si="566"/>
        <v>603.22950000000003</v>
      </c>
    </row>
    <row r="36235" spans="1:3" x14ac:dyDescent="0.25">
      <c r="A36235" s="2" t="s">
        <v>21472</v>
      </c>
      <c r="B36235" s="6">
        <v>603246.14999999991</v>
      </c>
      <c r="C36235" s="7">
        <f t="shared" si="566"/>
        <v>603.24614999999994</v>
      </c>
    </row>
    <row r="36236" spans="1:3" x14ac:dyDescent="0.25">
      <c r="A36236" s="2" t="s">
        <v>21473</v>
      </c>
      <c r="B36236" s="6">
        <v>603262.79999999993</v>
      </c>
      <c r="C36236" s="7">
        <f t="shared" si="566"/>
        <v>603.26279999999997</v>
      </c>
    </row>
    <row r="36237" spans="1:3" x14ac:dyDescent="0.25">
      <c r="A36237" s="2" t="s">
        <v>21474</v>
      </c>
      <c r="B36237" s="6">
        <v>603279.44999999995</v>
      </c>
      <c r="C36237" s="7">
        <f t="shared" si="566"/>
        <v>603.27945</v>
      </c>
    </row>
    <row r="36238" spans="1:3" x14ac:dyDescent="0.25">
      <c r="A36238" s="2" t="s">
        <v>21475</v>
      </c>
      <c r="B36238" s="6">
        <v>603296.1</v>
      </c>
      <c r="C36238" s="7">
        <f t="shared" si="566"/>
        <v>603.29610000000002</v>
      </c>
    </row>
    <row r="36239" spans="1:3" x14ac:dyDescent="0.25">
      <c r="A36239" s="2" t="s">
        <v>21476</v>
      </c>
      <c r="B36239" s="6">
        <v>603312.75</v>
      </c>
      <c r="C36239" s="7">
        <f t="shared" si="566"/>
        <v>603.31275000000005</v>
      </c>
    </row>
    <row r="36240" spans="1:3" x14ac:dyDescent="0.25">
      <c r="A36240" s="2" t="s">
        <v>21477</v>
      </c>
      <c r="B36240" s="6">
        <v>603329.39999999991</v>
      </c>
      <c r="C36240" s="7">
        <f t="shared" si="566"/>
        <v>603.32939999999985</v>
      </c>
    </row>
    <row r="36241" spans="1:3" x14ac:dyDescent="0.25">
      <c r="A36241" s="2" t="s">
        <v>21478</v>
      </c>
      <c r="B36241" s="6">
        <v>603346.04999999993</v>
      </c>
      <c r="C36241" s="7">
        <f t="shared" si="566"/>
        <v>603.34604999999988</v>
      </c>
    </row>
    <row r="36242" spans="1:3" x14ac:dyDescent="0.25">
      <c r="A36242" s="2" t="s">
        <v>21479</v>
      </c>
      <c r="B36242" s="6">
        <v>603362.69999999995</v>
      </c>
      <c r="C36242" s="7">
        <f t="shared" si="566"/>
        <v>603.3626999999999</v>
      </c>
    </row>
    <row r="36243" spans="1:3" x14ac:dyDescent="0.25">
      <c r="A36243" s="2" t="s">
        <v>21480</v>
      </c>
      <c r="B36243" s="6">
        <v>603379.35</v>
      </c>
      <c r="C36243" s="7">
        <f t="shared" si="566"/>
        <v>603.37934999999993</v>
      </c>
    </row>
    <row r="36244" spans="1:3" x14ac:dyDescent="0.25">
      <c r="A36244" s="2" t="s">
        <v>21481</v>
      </c>
      <c r="B36244" s="6">
        <v>603396</v>
      </c>
      <c r="C36244" s="7">
        <f t="shared" si="566"/>
        <v>603.39599999999996</v>
      </c>
    </row>
    <row r="36245" spans="1:3" x14ac:dyDescent="0.25">
      <c r="A36245" s="2" t="s">
        <v>21482</v>
      </c>
      <c r="B36245" s="6">
        <v>603412.64999999991</v>
      </c>
      <c r="C36245" s="7">
        <f t="shared" si="566"/>
        <v>603.41264999999987</v>
      </c>
    </row>
    <row r="36246" spans="1:3" x14ac:dyDescent="0.25">
      <c r="A36246" s="2" t="s">
        <v>21483</v>
      </c>
      <c r="B36246" s="6">
        <v>603429.29999999993</v>
      </c>
      <c r="C36246" s="7">
        <f t="shared" si="566"/>
        <v>603.4292999999999</v>
      </c>
    </row>
    <row r="36247" spans="1:3" x14ac:dyDescent="0.25">
      <c r="A36247" s="2" t="s">
        <v>21484</v>
      </c>
      <c r="B36247" s="6">
        <v>603445.94999999995</v>
      </c>
      <c r="C36247" s="7">
        <f t="shared" si="566"/>
        <v>603.44594999999993</v>
      </c>
    </row>
    <row r="36248" spans="1:3" x14ac:dyDescent="0.25">
      <c r="A36248" s="2" t="s">
        <v>21485</v>
      </c>
      <c r="B36248" s="6">
        <v>603462.6</v>
      </c>
      <c r="C36248" s="7">
        <f t="shared" si="566"/>
        <v>603.46259999999995</v>
      </c>
    </row>
    <row r="36249" spans="1:3" x14ac:dyDescent="0.25">
      <c r="A36249" s="2" t="s">
        <v>21486</v>
      </c>
      <c r="B36249" s="6">
        <v>603479.25</v>
      </c>
      <c r="C36249" s="7">
        <f t="shared" si="566"/>
        <v>603.47924999999998</v>
      </c>
    </row>
    <row r="36250" spans="1:3" x14ac:dyDescent="0.25">
      <c r="A36250" s="2" t="s">
        <v>21487</v>
      </c>
      <c r="B36250" s="6">
        <v>603495.89999999991</v>
      </c>
      <c r="C36250" s="7">
        <f t="shared" si="566"/>
        <v>603.49589999999989</v>
      </c>
    </row>
    <row r="36251" spans="1:3" x14ac:dyDescent="0.25">
      <c r="A36251" s="2" t="s">
        <v>21488</v>
      </c>
      <c r="B36251" s="6">
        <v>603512.54999999993</v>
      </c>
      <c r="C36251" s="7">
        <f t="shared" si="566"/>
        <v>603.51254999999992</v>
      </c>
    </row>
    <row r="36252" spans="1:3" x14ac:dyDescent="0.25">
      <c r="A36252" s="2" t="s">
        <v>21489</v>
      </c>
      <c r="B36252" s="6">
        <v>603529.19999999995</v>
      </c>
      <c r="C36252" s="7">
        <f t="shared" si="566"/>
        <v>603.52919999999995</v>
      </c>
    </row>
    <row r="36253" spans="1:3" x14ac:dyDescent="0.25">
      <c r="A36253" s="2" t="s">
        <v>21490</v>
      </c>
      <c r="B36253" s="6">
        <v>603545.85</v>
      </c>
      <c r="C36253" s="7">
        <f t="shared" si="566"/>
        <v>603.54584999999997</v>
      </c>
    </row>
    <row r="36254" spans="1:3" x14ac:dyDescent="0.25">
      <c r="A36254" s="2" t="s">
        <v>21491</v>
      </c>
      <c r="B36254" s="6">
        <v>603562.5</v>
      </c>
      <c r="C36254" s="7">
        <f t="shared" si="566"/>
        <v>603.5625</v>
      </c>
    </row>
    <row r="36255" spans="1:3" x14ac:dyDescent="0.25">
      <c r="A36255" s="2" t="s">
        <v>21492</v>
      </c>
      <c r="B36255" s="6">
        <v>603579.14999999991</v>
      </c>
      <c r="C36255" s="7">
        <f t="shared" si="566"/>
        <v>603.57914999999991</v>
      </c>
    </row>
    <row r="36256" spans="1:3" x14ac:dyDescent="0.25">
      <c r="A36256" s="2" t="s">
        <v>21493</v>
      </c>
      <c r="B36256" s="6">
        <v>603595.79999999993</v>
      </c>
      <c r="C36256" s="7">
        <f t="shared" si="566"/>
        <v>603.59579999999994</v>
      </c>
    </row>
    <row r="36257" spans="1:3" x14ac:dyDescent="0.25">
      <c r="A36257" s="2" t="s">
        <v>21494</v>
      </c>
      <c r="B36257" s="6">
        <v>603612.44999999995</v>
      </c>
      <c r="C36257" s="7">
        <f t="shared" si="566"/>
        <v>603.61244999999997</v>
      </c>
    </row>
    <row r="36258" spans="1:3" x14ac:dyDescent="0.25">
      <c r="A36258" s="2" t="s">
        <v>21495</v>
      </c>
      <c r="B36258" s="6">
        <v>603629.1</v>
      </c>
      <c r="C36258" s="7">
        <f t="shared" si="566"/>
        <v>603.62909999999999</v>
      </c>
    </row>
    <row r="36259" spans="1:3" x14ac:dyDescent="0.25">
      <c r="A36259" s="2" t="s">
        <v>21496</v>
      </c>
      <c r="B36259" s="6">
        <v>603645.75</v>
      </c>
      <c r="C36259" s="7">
        <f t="shared" si="566"/>
        <v>603.64575000000002</v>
      </c>
    </row>
    <row r="36260" spans="1:3" x14ac:dyDescent="0.25">
      <c r="A36260" s="2" t="s">
        <v>21497</v>
      </c>
      <c r="B36260" s="6">
        <v>603662.39999999991</v>
      </c>
      <c r="C36260" s="7">
        <f t="shared" si="566"/>
        <v>603.66239999999993</v>
      </c>
    </row>
    <row r="36261" spans="1:3" x14ac:dyDescent="0.25">
      <c r="A36261" s="2" t="s">
        <v>21498</v>
      </c>
      <c r="B36261" s="6">
        <v>603679.04999999993</v>
      </c>
      <c r="C36261" s="7">
        <f t="shared" si="566"/>
        <v>603.67904999999996</v>
      </c>
    </row>
    <row r="36262" spans="1:3" x14ac:dyDescent="0.25">
      <c r="A36262" s="2" t="s">
        <v>21499</v>
      </c>
      <c r="B36262" s="6">
        <v>603695.69999999995</v>
      </c>
      <c r="C36262" s="7">
        <f t="shared" si="566"/>
        <v>603.69569999999999</v>
      </c>
    </row>
    <row r="36263" spans="1:3" x14ac:dyDescent="0.25">
      <c r="A36263" s="2" t="s">
        <v>21500</v>
      </c>
      <c r="B36263" s="6">
        <v>603712.35</v>
      </c>
      <c r="C36263" s="7">
        <f t="shared" si="566"/>
        <v>603.71235000000001</v>
      </c>
    </row>
    <row r="36264" spans="1:3" x14ac:dyDescent="0.25">
      <c r="A36264" s="2" t="s">
        <v>21501</v>
      </c>
      <c r="B36264" s="6">
        <v>603729</v>
      </c>
      <c r="C36264" s="7">
        <f t="shared" si="566"/>
        <v>603.72900000000004</v>
      </c>
    </row>
    <row r="36265" spans="1:3" x14ac:dyDescent="0.25">
      <c r="A36265" s="2" t="s">
        <v>21502</v>
      </c>
      <c r="B36265" s="6">
        <v>603745.64999999991</v>
      </c>
      <c r="C36265" s="7">
        <f t="shared" si="566"/>
        <v>603.74564999999996</v>
      </c>
    </row>
    <row r="36266" spans="1:3" x14ac:dyDescent="0.25">
      <c r="A36266" s="2" t="s">
        <v>21503</v>
      </c>
      <c r="B36266" s="6">
        <v>603762.29999999993</v>
      </c>
      <c r="C36266" s="7">
        <f t="shared" si="566"/>
        <v>603.76229999999998</v>
      </c>
    </row>
    <row r="36267" spans="1:3" x14ac:dyDescent="0.25">
      <c r="A36267" s="2" t="s">
        <v>21504</v>
      </c>
      <c r="B36267" s="6">
        <v>603778.94999999995</v>
      </c>
      <c r="C36267" s="7">
        <f t="shared" si="566"/>
        <v>603.77895000000001</v>
      </c>
    </row>
    <row r="36268" spans="1:3" x14ac:dyDescent="0.25">
      <c r="A36268" s="2" t="s">
        <v>21505</v>
      </c>
      <c r="B36268" s="6">
        <v>603795.6</v>
      </c>
      <c r="C36268" s="7">
        <f t="shared" si="566"/>
        <v>603.79559999999992</v>
      </c>
    </row>
    <row r="36269" spans="1:3" x14ac:dyDescent="0.25">
      <c r="A36269" s="2" t="s">
        <v>21506</v>
      </c>
      <c r="B36269" s="6">
        <v>603812.25</v>
      </c>
      <c r="C36269" s="7">
        <f t="shared" si="566"/>
        <v>603.81224999999995</v>
      </c>
    </row>
    <row r="36270" spans="1:3" x14ac:dyDescent="0.25">
      <c r="A36270" s="2" t="s">
        <v>21507</v>
      </c>
      <c r="B36270" s="6">
        <v>603828.89999999991</v>
      </c>
      <c r="C36270" s="7">
        <f t="shared" si="566"/>
        <v>603.82889999999986</v>
      </c>
    </row>
    <row r="36271" spans="1:3" x14ac:dyDescent="0.25">
      <c r="A36271" s="2" t="s">
        <v>21508</v>
      </c>
      <c r="B36271" s="6">
        <v>603845.54999999993</v>
      </c>
      <c r="C36271" s="7">
        <f t="shared" si="566"/>
        <v>603.84554999999989</v>
      </c>
    </row>
    <row r="36272" spans="1:3" x14ac:dyDescent="0.25">
      <c r="A36272" s="2" t="s">
        <v>21509</v>
      </c>
      <c r="B36272" s="6">
        <v>603862.19999999995</v>
      </c>
      <c r="C36272" s="7">
        <f t="shared" si="566"/>
        <v>603.86219999999992</v>
      </c>
    </row>
    <row r="36273" spans="1:3" x14ac:dyDescent="0.25">
      <c r="A36273" s="2" t="s">
        <v>21510</v>
      </c>
      <c r="B36273" s="6">
        <v>603878.85</v>
      </c>
      <c r="C36273" s="7">
        <f t="shared" si="566"/>
        <v>603.87884999999994</v>
      </c>
    </row>
    <row r="36274" spans="1:3" x14ac:dyDescent="0.25">
      <c r="A36274" s="2" t="s">
        <v>21511</v>
      </c>
      <c r="B36274" s="6">
        <v>603895.5</v>
      </c>
      <c r="C36274" s="7">
        <f t="shared" si="566"/>
        <v>603.89549999999997</v>
      </c>
    </row>
    <row r="36275" spans="1:3" x14ac:dyDescent="0.25">
      <c r="A36275" s="2" t="s">
        <v>21512</v>
      </c>
      <c r="B36275" s="6">
        <v>603912.14999999991</v>
      </c>
      <c r="C36275" s="7">
        <f t="shared" si="566"/>
        <v>603.91214999999988</v>
      </c>
    </row>
    <row r="36276" spans="1:3" x14ac:dyDescent="0.25">
      <c r="A36276" s="2" t="s">
        <v>21513</v>
      </c>
      <c r="B36276" s="6">
        <v>603928.79999999993</v>
      </c>
      <c r="C36276" s="7">
        <f t="shared" si="566"/>
        <v>603.92879999999991</v>
      </c>
    </row>
    <row r="36277" spans="1:3" x14ac:dyDescent="0.25">
      <c r="A36277" s="2" t="s">
        <v>21514</v>
      </c>
      <c r="B36277" s="6">
        <v>603945.44999999995</v>
      </c>
      <c r="C36277" s="7">
        <f t="shared" si="566"/>
        <v>603.94544999999994</v>
      </c>
    </row>
    <row r="36278" spans="1:3" x14ac:dyDescent="0.25">
      <c r="A36278" s="2" t="s">
        <v>21515</v>
      </c>
      <c r="B36278" s="6">
        <v>603962.1</v>
      </c>
      <c r="C36278" s="7">
        <f t="shared" si="566"/>
        <v>603.96209999999996</v>
      </c>
    </row>
    <row r="36279" spans="1:3" x14ac:dyDescent="0.25">
      <c r="A36279" s="2" t="s">
        <v>21516</v>
      </c>
      <c r="B36279" s="6">
        <v>603978.75</v>
      </c>
      <c r="C36279" s="7">
        <f t="shared" si="566"/>
        <v>603.97874999999999</v>
      </c>
    </row>
    <row r="36280" spans="1:3" x14ac:dyDescent="0.25">
      <c r="A36280" s="2" t="s">
        <v>21517</v>
      </c>
      <c r="B36280" s="6">
        <v>603995.39999999991</v>
      </c>
      <c r="C36280" s="7">
        <f t="shared" si="566"/>
        <v>603.9953999999999</v>
      </c>
    </row>
    <row r="36281" spans="1:3" x14ac:dyDescent="0.25">
      <c r="A36281" s="2" t="s">
        <v>21518</v>
      </c>
      <c r="B36281" s="6">
        <v>604012.04999999993</v>
      </c>
      <c r="C36281" s="7">
        <f t="shared" si="566"/>
        <v>604.01204999999993</v>
      </c>
    </row>
    <row r="36282" spans="1:3" x14ac:dyDescent="0.25">
      <c r="A36282" s="2" t="s">
        <v>21519</v>
      </c>
      <c r="B36282" s="6">
        <v>604028.69999999995</v>
      </c>
      <c r="C36282" s="7">
        <f t="shared" si="566"/>
        <v>604.02869999999996</v>
      </c>
    </row>
    <row r="36283" spans="1:3" x14ac:dyDescent="0.25">
      <c r="A36283" s="2" t="s">
        <v>21520</v>
      </c>
      <c r="B36283" s="6">
        <v>604045.35</v>
      </c>
      <c r="C36283" s="7">
        <f t="shared" si="566"/>
        <v>604.04534999999998</v>
      </c>
    </row>
    <row r="36284" spans="1:3" x14ac:dyDescent="0.25">
      <c r="A36284" s="2" t="s">
        <v>21521</v>
      </c>
      <c r="B36284" s="6">
        <v>604062</v>
      </c>
      <c r="C36284" s="7">
        <f t="shared" si="566"/>
        <v>604.06200000000001</v>
      </c>
    </row>
    <row r="36285" spans="1:3" x14ac:dyDescent="0.25">
      <c r="A36285" s="2" t="s">
        <v>21522</v>
      </c>
      <c r="B36285" s="6">
        <v>604078.64999999991</v>
      </c>
      <c r="C36285" s="7">
        <f t="shared" si="566"/>
        <v>604.07864999999993</v>
      </c>
    </row>
    <row r="36286" spans="1:3" x14ac:dyDescent="0.25">
      <c r="A36286" s="2" t="s">
        <v>21523</v>
      </c>
      <c r="B36286" s="6">
        <v>604095.29999999993</v>
      </c>
      <c r="C36286" s="7">
        <f t="shared" si="566"/>
        <v>604.09529999999995</v>
      </c>
    </row>
    <row r="36287" spans="1:3" x14ac:dyDescent="0.25">
      <c r="A36287" s="2" t="s">
        <v>21524</v>
      </c>
      <c r="B36287" s="6">
        <v>604111.94999999995</v>
      </c>
      <c r="C36287" s="7">
        <f t="shared" si="566"/>
        <v>604.11194999999998</v>
      </c>
    </row>
    <row r="36288" spans="1:3" x14ac:dyDescent="0.25">
      <c r="A36288" s="2" t="s">
        <v>21525</v>
      </c>
      <c r="B36288" s="6">
        <v>604128.6</v>
      </c>
      <c r="C36288" s="7">
        <f t="shared" si="566"/>
        <v>604.12860000000001</v>
      </c>
    </row>
    <row r="36289" spans="1:3" x14ac:dyDescent="0.25">
      <c r="A36289" s="2" t="s">
        <v>21526</v>
      </c>
      <c r="B36289" s="6">
        <v>604145.25</v>
      </c>
      <c r="C36289" s="7">
        <f t="shared" si="566"/>
        <v>604.14525000000003</v>
      </c>
    </row>
    <row r="36290" spans="1:3" x14ac:dyDescent="0.25">
      <c r="A36290" s="2" t="s">
        <v>21527</v>
      </c>
      <c r="B36290" s="6">
        <v>604161.89999999991</v>
      </c>
      <c r="C36290" s="7">
        <f t="shared" si="566"/>
        <v>604.16189999999995</v>
      </c>
    </row>
    <row r="36291" spans="1:3" x14ac:dyDescent="0.25">
      <c r="A36291" s="2" t="s">
        <v>21528</v>
      </c>
      <c r="B36291" s="6">
        <v>604178.54999999993</v>
      </c>
      <c r="C36291" s="7">
        <f t="shared" ref="C36291:C36354" si="567">B36291/1000</f>
        <v>604.17854999999997</v>
      </c>
    </row>
    <row r="36292" spans="1:3" x14ac:dyDescent="0.25">
      <c r="A36292" s="2" t="s">
        <v>21529</v>
      </c>
      <c r="B36292" s="6">
        <v>604195.19999999995</v>
      </c>
      <c r="C36292" s="7">
        <f t="shared" si="567"/>
        <v>604.1952</v>
      </c>
    </row>
    <row r="36293" spans="1:3" x14ac:dyDescent="0.25">
      <c r="A36293" s="2" t="s">
        <v>21530</v>
      </c>
      <c r="B36293" s="6">
        <v>604211.85</v>
      </c>
      <c r="C36293" s="7">
        <f t="shared" si="567"/>
        <v>604.21185000000003</v>
      </c>
    </row>
    <row r="36294" spans="1:3" x14ac:dyDescent="0.25">
      <c r="A36294" s="2" t="s">
        <v>21531</v>
      </c>
      <c r="B36294" s="6">
        <v>604228.5</v>
      </c>
      <c r="C36294" s="7">
        <f t="shared" si="567"/>
        <v>604.22850000000005</v>
      </c>
    </row>
    <row r="36295" spans="1:3" x14ac:dyDescent="0.25">
      <c r="A36295" s="2" t="s">
        <v>21532</v>
      </c>
      <c r="B36295" s="6">
        <v>604245.14999999991</v>
      </c>
      <c r="C36295" s="7">
        <f t="shared" si="567"/>
        <v>604.24514999999985</v>
      </c>
    </row>
    <row r="36296" spans="1:3" x14ac:dyDescent="0.25">
      <c r="A36296" s="2" t="s">
        <v>21533</v>
      </c>
      <c r="B36296" s="6">
        <v>604261.79999999993</v>
      </c>
      <c r="C36296" s="7">
        <f t="shared" si="567"/>
        <v>604.26179999999988</v>
      </c>
    </row>
    <row r="36297" spans="1:3" x14ac:dyDescent="0.25">
      <c r="A36297" s="2" t="s">
        <v>21534</v>
      </c>
      <c r="B36297" s="6">
        <v>604278.44999999995</v>
      </c>
      <c r="C36297" s="7">
        <f t="shared" si="567"/>
        <v>604.27844999999991</v>
      </c>
    </row>
    <row r="36298" spans="1:3" x14ac:dyDescent="0.25">
      <c r="A36298" s="2" t="s">
        <v>21535</v>
      </c>
      <c r="B36298" s="6">
        <v>604295.1</v>
      </c>
      <c r="C36298" s="7">
        <f t="shared" si="567"/>
        <v>604.29509999999993</v>
      </c>
    </row>
    <row r="36299" spans="1:3" x14ac:dyDescent="0.25">
      <c r="A36299" s="2" t="s">
        <v>21536</v>
      </c>
      <c r="B36299" s="6">
        <v>604311.75</v>
      </c>
      <c r="C36299" s="7">
        <f t="shared" si="567"/>
        <v>604.31174999999996</v>
      </c>
    </row>
    <row r="36300" spans="1:3" x14ac:dyDescent="0.25">
      <c r="A36300" s="2" t="s">
        <v>21537</v>
      </c>
      <c r="B36300" s="6">
        <v>604328.39999999991</v>
      </c>
      <c r="C36300" s="7">
        <f t="shared" si="567"/>
        <v>604.32839999999987</v>
      </c>
    </row>
    <row r="36301" spans="1:3" x14ac:dyDescent="0.25">
      <c r="A36301" s="2" t="s">
        <v>21538</v>
      </c>
      <c r="B36301" s="6">
        <v>604345.04999999993</v>
      </c>
      <c r="C36301" s="7">
        <f t="shared" si="567"/>
        <v>604.3450499999999</v>
      </c>
    </row>
    <row r="36302" spans="1:3" x14ac:dyDescent="0.25">
      <c r="A36302" s="2" t="s">
        <v>21539</v>
      </c>
      <c r="B36302" s="6">
        <v>604361.69999999995</v>
      </c>
      <c r="C36302" s="7">
        <f t="shared" si="567"/>
        <v>604.36169999999993</v>
      </c>
    </row>
    <row r="36303" spans="1:3" x14ac:dyDescent="0.25">
      <c r="A36303" s="2" t="s">
        <v>21540</v>
      </c>
      <c r="B36303" s="6">
        <v>604378.35</v>
      </c>
      <c r="C36303" s="7">
        <f t="shared" si="567"/>
        <v>604.37834999999995</v>
      </c>
    </row>
    <row r="36304" spans="1:3" x14ac:dyDescent="0.25">
      <c r="A36304" s="2" t="s">
        <v>21541</v>
      </c>
      <c r="B36304" s="6">
        <v>604395</v>
      </c>
      <c r="C36304" s="7">
        <f t="shared" si="567"/>
        <v>604.39499999999998</v>
      </c>
    </row>
    <row r="36305" spans="1:3" x14ac:dyDescent="0.25">
      <c r="A36305" s="2" t="s">
        <v>21542</v>
      </c>
      <c r="B36305" s="6">
        <v>604411.64999999991</v>
      </c>
      <c r="C36305" s="7">
        <f t="shared" si="567"/>
        <v>604.4116499999999</v>
      </c>
    </row>
    <row r="36306" spans="1:3" x14ac:dyDescent="0.25">
      <c r="A36306" s="2" t="s">
        <v>21543</v>
      </c>
      <c r="B36306" s="6">
        <v>604428.29999999993</v>
      </c>
      <c r="C36306" s="7">
        <f t="shared" si="567"/>
        <v>604.42829999999992</v>
      </c>
    </row>
    <row r="36307" spans="1:3" x14ac:dyDescent="0.25">
      <c r="A36307" s="2" t="s">
        <v>21544</v>
      </c>
      <c r="B36307" s="6">
        <v>604444.94999999995</v>
      </c>
      <c r="C36307" s="7">
        <f t="shared" si="567"/>
        <v>604.44494999999995</v>
      </c>
    </row>
    <row r="36308" spans="1:3" x14ac:dyDescent="0.25">
      <c r="A36308" s="2" t="s">
        <v>21545</v>
      </c>
      <c r="B36308" s="6">
        <v>604461.6</v>
      </c>
      <c r="C36308" s="7">
        <f t="shared" si="567"/>
        <v>604.46159999999998</v>
      </c>
    </row>
    <row r="36309" spans="1:3" x14ac:dyDescent="0.25">
      <c r="A36309" s="2" t="s">
        <v>21546</v>
      </c>
      <c r="B36309" s="6">
        <v>604478.25</v>
      </c>
      <c r="C36309" s="7">
        <f t="shared" si="567"/>
        <v>604.47825</v>
      </c>
    </row>
    <row r="36310" spans="1:3" x14ac:dyDescent="0.25">
      <c r="A36310" s="2" t="s">
        <v>21547</v>
      </c>
      <c r="B36310" s="6">
        <v>604494.89999999991</v>
      </c>
      <c r="C36310" s="7">
        <f t="shared" si="567"/>
        <v>604.49489999999992</v>
      </c>
    </row>
    <row r="36311" spans="1:3" x14ac:dyDescent="0.25">
      <c r="A36311" s="2" t="s">
        <v>21548</v>
      </c>
      <c r="B36311" s="6">
        <v>604511.54999999993</v>
      </c>
      <c r="C36311" s="7">
        <f t="shared" si="567"/>
        <v>604.51154999999994</v>
      </c>
    </row>
    <row r="36312" spans="1:3" x14ac:dyDescent="0.25">
      <c r="A36312" s="2" t="s">
        <v>21549</v>
      </c>
      <c r="B36312" s="6">
        <v>604528.19999999995</v>
      </c>
      <c r="C36312" s="7">
        <f t="shared" si="567"/>
        <v>604.52819999999997</v>
      </c>
    </row>
    <row r="36313" spans="1:3" x14ac:dyDescent="0.25">
      <c r="A36313" s="2" t="s">
        <v>21550</v>
      </c>
      <c r="B36313" s="6">
        <v>604544.85</v>
      </c>
      <c r="C36313" s="7">
        <f t="shared" si="567"/>
        <v>604.54485</v>
      </c>
    </row>
    <row r="36314" spans="1:3" x14ac:dyDescent="0.25">
      <c r="A36314" s="2" t="s">
        <v>21551</v>
      </c>
      <c r="B36314" s="6">
        <v>604561.5</v>
      </c>
      <c r="C36314" s="7">
        <f t="shared" si="567"/>
        <v>604.56150000000002</v>
      </c>
    </row>
    <row r="36315" spans="1:3" x14ac:dyDescent="0.25">
      <c r="A36315" s="2" t="s">
        <v>21552</v>
      </c>
      <c r="B36315" s="6">
        <v>604578.14999999991</v>
      </c>
      <c r="C36315" s="7">
        <f t="shared" si="567"/>
        <v>604.57814999999994</v>
      </c>
    </row>
    <row r="36316" spans="1:3" x14ac:dyDescent="0.25">
      <c r="A36316" s="2" t="s">
        <v>21553</v>
      </c>
      <c r="B36316" s="6">
        <v>604594.79999999993</v>
      </c>
      <c r="C36316" s="7">
        <f t="shared" si="567"/>
        <v>604.59479999999996</v>
      </c>
    </row>
    <row r="36317" spans="1:3" x14ac:dyDescent="0.25">
      <c r="A36317" s="2" t="s">
        <v>21554</v>
      </c>
      <c r="B36317" s="6">
        <v>604611.44999999995</v>
      </c>
      <c r="C36317" s="7">
        <f t="shared" si="567"/>
        <v>604.61144999999999</v>
      </c>
    </row>
    <row r="36318" spans="1:3" x14ac:dyDescent="0.25">
      <c r="A36318" s="2" t="s">
        <v>21555</v>
      </c>
      <c r="B36318" s="6">
        <v>604628.1</v>
      </c>
      <c r="C36318" s="7">
        <f t="shared" si="567"/>
        <v>604.62810000000002</v>
      </c>
    </row>
    <row r="36319" spans="1:3" x14ac:dyDescent="0.25">
      <c r="A36319" s="2" t="s">
        <v>21556</v>
      </c>
      <c r="B36319" s="6">
        <v>604644.75</v>
      </c>
      <c r="C36319" s="7">
        <f t="shared" si="567"/>
        <v>604.64475000000004</v>
      </c>
    </row>
    <row r="36320" spans="1:3" x14ac:dyDescent="0.25">
      <c r="A36320" s="2" t="s">
        <v>21557</v>
      </c>
      <c r="B36320" s="6">
        <v>604661.39999999991</v>
      </c>
      <c r="C36320" s="7">
        <f t="shared" si="567"/>
        <v>604.66139999999996</v>
      </c>
    </row>
    <row r="36321" spans="1:3" x14ac:dyDescent="0.25">
      <c r="A36321" s="2" t="s">
        <v>21558</v>
      </c>
      <c r="B36321" s="6">
        <v>604678.04999999993</v>
      </c>
      <c r="C36321" s="7">
        <f t="shared" si="567"/>
        <v>604.67804999999998</v>
      </c>
    </row>
    <row r="36322" spans="1:3" x14ac:dyDescent="0.25">
      <c r="A36322" s="2" t="s">
        <v>21559</v>
      </c>
      <c r="B36322" s="6">
        <v>604694.69999999995</v>
      </c>
      <c r="C36322" s="7">
        <f t="shared" si="567"/>
        <v>604.6946999999999</v>
      </c>
    </row>
    <row r="36323" spans="1:3" x14ac:dyDescent="0.25">
      <c r="A36323" s="2" t="s">
        <v>21560</v>
      </c>
      <c r="B36323" s="6">
        <v>604711.35</v>
      </c>
      <c r="C36323" s="7">
        <f t="shared" si="567"/>
        <v>604.71134999999992</v>
      </c>
    </row>
    <row r="36324" spans="1:3" x14ac:dyDescent="0.25">
      <c r="A36324" s="2" t="s">
        <v>21561</v>
      </c>
      <c r="B36324" s="6">
        <v>604728</v>
      </c>
      <c r="C36324" s="7">
        <f t="shared" si="567"/>
        <v>604.72799999999995</v>
      </c>
    </row>
    <row r="36325" spans="1:3" x14ac:dyDescent="0.25">
      <c r="A36325" s="2" t="s">
        <v>21562</v>
      </c>
      <c r="B36325" s="6">
        <v>604744.64999999991</v>
      </c>
      <c r="C36325" s="7">
        <f t="shared" si="567"/>
        <v>604.74464999999987</v>
      </c>
    </row>
    <row r="36326" spans="1:3" x14ac:dyDescent="0.25">
      <c r="A36326" s="2" t="s">
        <v>21563</v>
      </c>
      <c r="B36326" s="6">
        <v>604761.29999999993</v>
      </c>
      <c r="C36326" s="7">
        <f t="shared" si="567"/>
        <v>604.76129999999989</v>
      </c>
    </row>
    <row r="36327" spans="1:3" x14ac:dyDescent="0.25">
      <c r="A36327" s="2" t="s">
        <v>21564</v>
      </c>
      <c r="B36327" s="6">
        <v>604777.94999999995</v>
      </c>
      <c r="C36327" s="7">
        <f t="shared" si="567"/>
        <v>604.77794999999992</v>
      </c>
    </row>
    <row r="36328" spans="1:3" x14ac:dyDescent="0.25">
      <c r="A36328" s="2" t="s">
        <v>21565</v>
      </c>
      <c r="B36328" s="6">
        <v>604794.6</v>
      </c>
      <c r="C36328" s="7">
        <f t="shared" si="567"/>
        <v>604.79459999999995</v>
      </c>
    </row>
    <row r="36329" spans="1:3" x14ac:dyDescent="0.25">
      <c r="A36329" s="2" t="s">
        <v>21566</v>
      </c>
      <c r="B36329" s="6">
        <v>604811.25</v>
      </c>
      <c r="C36329" s="7">
        <f t="shared" si="567"/>
        <v>604.81124999999997</v>
      </c>
    </row>
    <row r="36330" spans="1:3" x14ac:dyDescent="0.25">
      <c r="A36330" s="2" t="s">
        <v>21567</v>
      </c>
      <c r="B36330" s="6">
        <v>604827.89999999991</v>
      </c>
      <c r="C36330" s="7">
        <f t="shared" si="567"/>
        <v>604.82789999999989</v>
      </c>
    </row>
    <row r="36331" spans="1:3" x14ac:dyDescent="0.25">
      <c r="A36331" s="2" t="s">
        <v>21568</v>
      </c>
      <c r="B36331" s="6">
        <v>604844.54999999993</v>
      </c>
      <c r="C36331" s="7">
        <f t="shared" si="567"/>
        <v>604.84454999999991</v>
      </c>
    </row>
    <row r="36332" spans="1:3" x14ac:dyDescent="0.25">
      <c r="A36332" s="2" t="s">
        <v>21569</v>
      </c>
      <c r="B36332" s="6">
        <v>604861.19999999995</v>
      </c>
      <c r="C36332" s="7">
        <f t="shared" si="567"/>
        <v>604.86119999999994</v>
      </c>
    </row>
    <row r="36333" spans="1:3" x14ac:dyDescent="0.25">
      <c r="A36333" s="2" t="s">
        <v>21570</v>
      </c>
      <c r="B36333" s="6">
        <v>604877.85</v>
      </c>
      <c r="C36333" s="7">
        <f t="shared" si="567"/>
        <v>604.87784999999997</v>
      </c>
    </row>
    <row r="36334" spans="1:3" x14ac:dyDescent="0.25">
      <c r="A36334" s="2" t="s">
        <v>21571</v>
      </c>
      <c r="B36334" s="6">
        <v>604894.5</v>
      </c>
      <c r="C36334" s="7">
        <f t="shared" si="567"/>
        <v>604.89449999999999</v>
      </c>
    </row>
    <row r="36335" spans="1:3" x14ac:dyDescent="0.25">
      <c r="A36335" s="2" t="s">
        <v>21572</v>
      </c>
      <c r="B36335" s="6">
        <v>604911.14999999991</v>
      </c>
      <c r="C36335" s="7">
        <f t="shared" si="567"/>
        <v>604.91114999999991</v>
      </c>
    </row>
    <row r="36336" spans="1:3" x14ac:dyDescent="0.25">
      <c r="A36336" s="2" t="s">
        <v>21573</v>
      </c>
      <c r="B36336" s="6">
        <v>604927.79999999993</v>
      </c>
      <c r="C36336" s="7">
        <f t="shared" si="567"/>
        <v>604.92779999999993</v>
      </c>
    </row>
    <row r="36337" spans="1:3" x14ac:dyDescent="0.25">
      <c r="A36337" s="2" t="s">
        <v>21574</v>
      </c>
      <c r="B36337" s="6">
        <v>604944.44999999995</v>
      </c>
      <c r="C36337" s="7">
        <f t="shared" si="567"/>
        <v>604.94444999999996</v>
      </c>
    </row>
    <row r="36338" spans="1:3" x14ac:dyDescent="0.25">
      <c r="A36338" s="2" t="s">
        <v>21575</v>
      </c>
      <c r="B36338" s="6">
        <v>604961.1</v>
      </c>
      <c r="C36338" s="7">
        <f t="shared" si="567"/>
        <v>604.96109999999999</v>
      </c>
    </row>
    <row r="36339" spans="1:3" x14ac:dyDescent="0.25">
      <c r="A36339" s="2" t="s">
        <v>21576</v>
      </c>
      <c r="B36339" s="6">
        <v>604977.75</v>
      </c>
      <c r="C36339" s="7">
        <f t="shared" si="567"/>
        <v>604.97775000000001</v>
      </c>
    </row>
    <row r="36340" spans="1:3" x14ac:dyDescent="0.25">
      <c r="A36340" s="2" t="s">
        <v>21577</v>
      </c>
      <c r="B36340" s="6">
        <v>604994.39999999991</v>
      </c>
      <c r="C36340" s="7">
        <f t="shared" si="567"/>
        <v>604.99439999999993</v>
      </c>
    </row>
    <row r="36341" spans="1:3" x14ac:dyDescent="0.25">
      <c r="A36341" s="2" t="s">
        <v>21578</v>
      </c>
      <c r="B36341" s="6">
        <v>605011.04999999993</v>
      </c>
      <c r="C36341" s="7">
        <f t="shared" si="567"/>
        <v>605.01104999999995</v>
      </c>
    </row>
    <row r="36342" spans="1:3" x14ac:dyDescent="0.25">
      <c r="A36342" s="2" t="s">
        <v>21579</v>
      </c>
      <c r="B36342" s="6">
        <v>605027.69999999995</v>
      </c>
      <c r="C36342" s="7">
        <f t="shared" si="567"/>
        <v>605.02769999999998</v>
      </c>
    </row>
    <row r="36343" spans="1:3" x14ac:dyDescent="0.25">
      <c r="A36343" s="2" t="s">
        <v>21580</v>
      </c>
      <c r="B36343" s="6">
        <v>605044.35</v>
      </c>
      <c r="C36343" s="7">
        <f t="shared" si="567"/>
        <v>605.04435000000001</v>
      </c>
    </row>
    <row r="36344" spans="1:3" x14ac:dyDescent="0.25">
      <c r="A36344" s="2" t="s">
        <v>21581</v>
      </c>
      <c r="B36344" s="6">
        <v>605061</v>
      </c>
      <c r="C36344" s="7">
        <f t="shared" si="567"/>
        <v>605.06100000000004</v>
      </c>
    </row>
    <row r="36345" spans="1:3" x14ac:dyDescent="0.25">
      <c r="A36345" s="2" t="s">
        <v>21582</v>
      </c>
      <c r="B36345" s="6">
        <v>605077.64999999991</v>
      </c>
      <c r="C36345" s="7">
        <f t="shared" si="567"/>
        <v>605.07764999999995</v>
      </c>
    </row>
    <row r="36346" spans="1:3" x14ac:dyDescent="0.25">
      <c r="A36346" s="2" t="s">
        <v>21583</v>
      </c>
      <c r="B36346" s="6">
        <v>605094.29999999993</v>
      </c>
      <c r="C36346" s="7">
        <f t="shared" si="567"/>
        <v>605.09429999999998</v>
      </c>
    </row>
    <row r="36347" spans="1:3" x14ac:dyDescent="0.25">
      <c r="A36347" s="2" t="s">
        <v>21584</v>
      </c>
      <c r="B36347" s="6">
        <v>605110.94999999995</v>
      </c>
      <c r="C36347" s="7">
        <f t="shared" si="567"/>
        <v>605.11095</v>
      </c>
    </row>
    <row r="36348" spans="1:3" x14ac:dyDescent="0.25">
      <c r="A36348" s="2" t="s">
        <v>21585</v>
      </c>
      <c r="B36348" s="6">
        <v>605127.6</v>
      </c>
      <c r="C36348" s="7">
        <f t="shared" si="567"/>
        <v>605.12760000000003</v>
      </c>
    </row>
    <row r="36349" spans="1:3" x14ac:dyDescent="0.25">
      <c r="A36349" s="2" t="s">
        <v>21586</v>
      </c>
      <c r="B36349" s="6">
        <v>605144.25</v>
      </c>
      <c r="C36349" s="7">
        <f t="shared" si="567"/>
        <v>605.14425000000006</v>
      </c>
    </row>
    <row r="36350" spans="1:3" x14ac:dyDescent="0.25">
      <c r="A36350" s="2" t="s">
        <v>21587</v>
      </c>
      <c r="B36350" s="6">
        <v>605160.89999999991</v>
      </c>
      <c r="C36350" s="7">
        <f t="shared" si="567"/>
        <v>605.16089999999986</v>
      </c>
    </row>
    <row r="36351" spans="1:3" x14ac:dyDescent="0.25">
      <c r="A36351" s="2" t="s">
        <v>21588</v>
      </c>
      <c r="B36351" s="6">
        <v>605177.54999999993</v>
      </c>
      <c r="C36351" s="7">
        <f t="shared" si="567"/>
        <v>605.17754999999988</v>
      </c>
    </row>
    <row r="36352" spans="1:3" x14ac:dyDescent="0.25">
      <c r="A36352" s="2" t="s">
        <v>21589</v>
      </c>
      <c r="B36352" s="6">
        <v>605194.19999999995</v>
      </c>
      <c r="C36352" s="7">
        <f t="shared" si="567"/>
        <v>605.19419999999991</v>
      </c>
    </row>
    <row r="36353" spans="1:3" x14ac:dyDescent="0.25">
      <c r="A36353" s="2" t="s">
        <v>21590</v>
      </c>
      <c r="B36353" s="6">
        <v>605210.85</v>
      </c>
      <c r="C36353" s="7">
        <f t="shared" si="567"/>
        <v>605.21084999999994</v>
      </c>
    </row>
    <row r="36354" spans="1:3" x14ac:dyDescent="0.25">
      <c r="A36354" s="2" t="s">
        <v>21591</v>
      </c>
      <c r="B36354" s="6">
        <v>605227.5</v>
      </c>
      <c r="C36354" s="7">
        <f t="shared" si="567"/>
        <v>605.22749999999996</v>
      </c>
    </row>
    <row r="36355" spans="1:3" x14ac:dyDescent="0.25">
      <c r="A36355" s="2" t="s">
        <v>21592</v>
      </c>
      <c r="B36355" s="6">
        <v>605244.14999999991</v>
      </c>
      <c r="C36355" s="7">
        <f t="shared" ref="C36355:C36418" si="568">B36355/1000</f>
        <v>605.24414999999988</v>
      </c>
    </row>
    <row r="36356" spans="1:3" x14ac:dyDescent="0.25">
      <c r="A36356" s="2" t="s">
        <v>21593</v>
      </c>
      <c r="B36356" s="6">
        <v>605260.79999999993</v>
      </c>
      <c r="C36356" s="7">
        <f t="shared" si="568"/>
        <v>605.2607999999999</v>
      </c>
    </row>
    <row r="36357" spans="1:3" x14ac:dyDescent="0.25">
      <c r="A36357" s="2" t="s">
        <v>21594</v>
      </c>
      <c r="B36357" s="6">
        <v>605277.44999999995</v>
      </c>
      <c r="C36357" s="7">
        <f t="shared" si="568"/>
        <v>605.27744999999993</v>
      </c>
    </row>
    <row r="36358" spans="1:3" x14ac:dyDescent="0.25">
      <c r="A36358" s="2" t="s">
        <v>21595</v>
      </c>
      <c r="B36358" s="6">
        <v>605294.1</v>
      </c>
      <c r="C36358" s="7">
        <f t="shared" si="568"/>
        <v>605.29409999999996</v>
      </c>
    </row>
    <row r="36359" spans="1:3" x14ac:dyDescent="0.25">
      <c r="A36359" s="2" t="s">
        <v>21596</v>
      </c>
      <c r="B36359" s="6">
        <v>605310.75</v>
      </c>
      <c r="C36359" s="7">
        <f t="shared" si="568"/>
        <v>605.31074999999998</v>
      </c>
    </row>
    <row r="36360" spans="1:3" x14ac:dyDescent="0.25">
      <c r="A36360" s="2" t="s">
        <v>21597</v>
      </c>
      <c r="B36360" s="6">
        <v>605327.39999999991</v>
      </c>
      <c r="C36360" s="7">
        <f t="shared" si="568"/>
        <v>605.3273999999999</v>
      </c>
    </row>
    <row r="36361" spans="1:3" x14ac:dyDescent="0.25">
      <c r="A36361" s="2" t="s">
        <v>21598</v>
      </c>
      <c r="B36361" s="6">
        <v>605344.04999999993</v>
      </c>
      <c r="C36361" s="7">
        <f t="shared" si="568"/>
        <v>605.34404999999992</v>
      </c>
    </row>
    <row r="36362" spans="1:3" x14ac:dyDescent="0.25">
      <c r="A36362" s="2" t="s">
        <v>21599</v>
      </c>
      <c r="B36362" s="6">
        <v>605360.69999999995</v>
      </c>
      <c r="C36362" s="7">
        <f t="shared" si="568"/>
        <v>605.36069999999995</v>
      </c>
    </row>
    <row r="36363" spans="1:3" x14ac:dyDescent="0.25">
      <c r="A36363" s="2" t="s">
        <v>21600</v>
      </c>
      <c r="B36363" s="6">
        <v>605377.35</v>
      </c>
      <c r="C36363" s="7">
        <f t="shared" si="568"/>
        <v>605.37734999999998</v>
      </c>
    </row>
    <row r="36364" spans="1:3" x14ac:dyDescent="0.25">
      <c r="A36364" s="2" t="s">
        <v>21601</v>
      </c>
      <c r="B36364" s="6">
        <v>605394</v>
      </c>
      <c r="C36364" s="7">
        <f t="shared" si="568"/>
        <v>605.39400000000001</v>
      </c>
    </row>
    <row r="36365" spans="1:3" x14ac:dyDescent="0.25">
      <c r="A36365" s="2" t="s">
        <v>21602</v>
      </c>
      <c r="B36365" s="6">
        <v>605410.64999999991</v>
      </c>
      <c r="C36365" s="7">
        <f t="shared" si="568"/>
        <v>605.41064999999992</v>
      </c>
    </row>
    <row r="36366" spans="1:3" x14ac:dyDescent="0.25">
      <c r="A36366" s="2" t="s">
        <v>21603</v>
      </c>
      <c r="B36366" s="6">
        <v>605427.29999999993</v>
      </c>
      <c r="C36366" s="7">
        <f t="shared" si="568"/>
        <v>605.42729999999995</v>
      </c>
    </row>
    <row r="36367" spans="1:3" x14ac:dyDescent="0.25">
      <c r="A36367" s="2" t="s">
        <v>21604</v>
      </c>
      <c r="B36367" s="6">
        <v>605443.94999999995</v>
      </c>
      <c r="C36367" s="7">
        <f t="shared" si="568"/>
        <v>605.44394999999997</v>
      </c>
    </row>
    <row r="36368" spans="1:3" x14ac:dyDescent="0.25">
      <c r="A36368" s="2" t="s">
        <v>21605</v>
      </c>
      <c r="B36368" s="6">
        <v>605460.6</v>
      </c>
      <c r="C36368" s="7">
        <f t="shared" si="568"/>
        <v>605.4606</v>
      </c>
    </row>
    <row r="36369" spans="1:3" x14ac:dyDescent="0.25">
      <c r="A36369" s="2" t="s">
        <v>21606</v>
      </c>
      <c r="B36369" s="6">
        <v>605477.25</v>
      </c>
      <c r="C36369" s="7">
        <f t="shared" si="568"/>
        <v>605.47725000000003</v>
      </c>
    </row>
    <row r="36370" spans="1:3" x14ac:dyDescent="0.25">
      <c r="A36370" s="2" t="s">
        <v>21607</v>
      </c>
      <c r="B36370" s="6">
        <v>605493.89999999991</v>
      </c>
      <c r="C36370" s="7">
        <f t="shared" si="568"/>
        <v>605.49389999999994</v>
      </c>
    </row>
    <row r="36371" spans="1:3" x14ac:dyDescent="0.25">
      <c r="A36371" s="2" t="s">
        <v>21608</v>
      </c>
      <c r="B36371" s="6">
        <v>605510.54999999993</v>
      </c>
      <c r="C36371" s="7">
        <f t="shared" si="568"/>
        <v>605.51054999999997</v>
      </c>
    </row>
    <row r="36372" spans="1:3" x14ac:dyDescent="0.25">
      <c r="A36372" s="2" t="s">
        <v>21609</v>
      </c>
      <c r="B36372" s="6">
        <v>605527.19999999995</v>
      </c>
      <c r="C36372" s="7">
        <f t="shared" si="568"/>
        <v>605.52719999999999</v>
      </c>
    </row>
    <row r="36373" spans="1:3" x14ac:dyDescent="0.25">
      <c r="A36373" s="2" t="s">
        <v>21610</v>
      </c>
      <c r="B36373" s="6">
        <v>605543.85</v>
      </c>
      <c r="C36373" s="7">
        <f t="shared" si="568"/>
        <v>605.54385000000002</v>
      </c>
    </row>
    <row r="36374" spans="1:3" x14ac:dyDescent="0.25">
      <c r="A36374" s="2" t="s">
        <v>21611</v>
      </c>
      <c r="B36374" s="6">
        <v>605560.5</v>
      </c>
      <c r="C36374" s="7">
        <f t="shared" si="568"/>
        <v>605.56050000000005</v>
      </c>
    </row>
    <row r="36375" spans="1:3" x14ac:dyDescent="0.25">
      <c r="A36375" s="2" t="s">
        <v>21612</v>
      </c>
      <c r="B36375" s="6">
        <v>605577.14999999991</v>
      </c>
      <c r="C36375" s="7">
        <f t="shared" si="568"/>
        <v>605.57714999999996</v>
      </c>
    </row>
    <row r="36376" spans="1:3" x14ac:dyDescent="0.25">
      <c r="A36376" s="2" t="s">
        <v>21613</v>
      </c>
      <c r="B36376" s="6">
        <v>605593.79999999993</v>
      </c>
      <c r="C36376" s="7">
        <f t="shared" si="568"/>
        <v>605.59379999999987</v>
      </c>
    </row>
    <row r="36377" spans="1:3" x14ac:dyDescent="0.25">
      <c r="A36377" s="2" t="s">
        <v>21614</v>
      </c>
      <c r="B36377" s="6">
        <v>605610.44999999995</v>
      </c>
      <c r="C36377" s="7">
        <f t="shared" si="568"/>
        <v>605.6104499999999</v>
      </c>
    </row>
    <row r="36378" spans="1:3" x14ac:dyDescent="0.25">
      <c r="A36378" s="2" t="s">
        <v>21615</v>
      </c>
      <c r="B36378" s="6">
        <v>605627.1</v>
      </c>
      <c r="C36378" s="7">
        <f t="shared" si="568"/>
        <v>605.62709999999993</v>
      </c>
    </row>
    <row r="36379" spans="1:3" x14ac:dyDescent="0.25">
      <c r="A36379" s="2" t="s">
        <v>21616</v>
      </c>
      <c r="B36379" s="6">
        <v>605643.75</v>
      </c>
      <c r="C36379" s="7">
        <f t="shared" si="568"/>
        <v>605.64374999999995</v>
      </c>
    </row>
    <row r="36380" spans="1:3" x14ac:dyDescent="0.25">
      <c r="A36380" s="2" t="s">
        <v>21617</v>
      </c>
      <c r="B36380" s="6">
        <v>605660.39999999991</v>
      </c>
      <c r="C36380" s="7">
        <f t="shared" si="568"/>
        <v>605.66039999999987</v>
      </c>
    </row>
    <row r="36381" spans="1:3" x14ac:dyDescent="0.25">
      <c r="A36381" s="2" t="s">
        <v>21618</v>
      </c>
      <c r="B36381" s="6">
        <v>605677.04999999993</v>
      </c>
      <c r="C36381" s="7">
        <f t="shared" si="568"/>
        <v>605.67704999999989</v>
      </c>
    </row>
    <row r="36382" spans="1:3" x14ac:dyDescent="0.25">
      <c r="A36382" s="2" t="s">
        <v>21619</v>
      </c>
      <c r="B36382" s="6">
        <v>605693.69999999995</v>
      </c>
      <c r="C36382" s="7">
        <f t="shared" si="568"/>
        <v>605.69369999999992</v>
      </c>
    </row>
    <row r="36383" spans="1:3" x14ac:dyDescent="0.25">
      <c r="A36383" s="2" t="s">
        <v>21620</v>
      </c>
      <c r="B36383" s="6">
        <v>605710.35</v>
      </c>
      <c r="C36383" s="7">
        <f t="shared" si="568"/>
        <v>605.71034999999995</v>
      </c>
    </row>
    <row r="36384" spans="1:3" x14ac:dyDescent="0.25">
      <c r="A36384" s="2" t="s">
        <v>21621</v>
      </c>
      <c r="B36384" s="6">
        <v>605727</v>
      </c>
      <c r="C36384" s="7">
        <f t="shared" si="568"/>
        <v>605.72699999999998</v>
      </c>
    </row>
    <row r="36385" spans="1:3" x14ac:dyDescent="0.25">
      <c r="A36385" s="2" t="s">
        <v>21622</v>
      </c>
      <c r="B36385" s="6">
        <v>605743.64999999991</v>
      </c>
      <c r="C36385" s="7">
        <f t="shared" si="568"/>
        <v>605.74364999999989</v>
      </c>
    </row>
    <row r="36386" spans="1:3" x14ac:dyDescent="0.25">
      <c r="A36386" s="2" t="s">
        <v>21623</v>
      </c>
      <c r="B36386" s="6">
        <v>605760.29999999993</v>
      </c>
      <c r="C36386" s="7">
        <f t="shared" si="568"/>
        <v>605.76029999999992</v>
      </c>
    </row>
    <row r="36387" spans="1:3" x14ac:dyDescent="0.25">
      <c r="A36387" s="2" t="s">
        <v>21624</v>
      </c>
      <c r="B36387" s="6">
        <v>605776.94999999995</v>
      </c>
      <c r="C36387" s="7">
        <f t="shared" si="568"/>
        <v>605.77694999999994</v>
      </c>
    </row>
    <row r="36388" spans="1:3" x14ac:dyDescent="0.25">
      <c r="A36388" s="2" t="s">
        <v>21625</v>
      </c>
      <c r="B36388" s="6">
        <v>605793.6</v>
      </c>
      <c r="C36388" s="7">
        <f t="shared" si="568"/>
        <v>605.79359999999997</v>
      </c>
    </row>
    <row r="36389" spans="1:3" x14ac:dyDescent="0.25">
      <c r="A36389" s="2" t="s">
        <v>21626</v>
      </c>
      <c r="B36389" s="6">
        <v>605810.25</v>
      </c>
      <c r="C36389" s="7">
        <f t="shared" si="568"/>
        <v>605.81025</v>
      </c>
    </row>
    <row r="36390" spans="1:3" x14ac:dyDescent="0.25">
      <c r="A36390" s="2" t="s">
        <v>21627</v>
      </c>
      <c r="B36390" s="6">
        <v>605826.89999999991</v>
      </c>
      <c r="C36390" s="7">
        <f t="shared" si="568"/>
        <v>605.82689999999991</v>
      </c>
    </row>
    <row r="36391" spans="1:3" x14ac:dyDescent="0.25">
      <c r="A36391" s="2" t="s">
        <v>21628</v>
      </c>
      <c r="B36391" s="6">
        <v>605843.54999999993</v>
      </c>
      <c r="C36391" s="7">
        <f t="shared" si="568"/>
        <v>605.84354999999994</v>
      </c>
    </row>
    <row r="36392" spans="1:3" x14ac:dyDescent="0.25">
      <c r="A36392" s="2" t="s">
        <v>21629</v>
      </c>
      <c r="B36392" s="6">
        <v>605860.19999999995</v>
      </c>
      <c r="C36392" s="7">
        <f t="shared" si="568"/>
        <v>605.86019999999996</v>
      </c>
    </row>
    <row r="36393" spans="1:3" x14ac:dyDescent="0.25">
      <c r="A36393" s="2" t="s">
        <v>21630</v>
      </c>
      <c r="B36393" s="6">
        <v>605876.85</v>
      </c>
      <c r="C36393" s="7">
        <f t="shared" si="568"/>
        <v>605.87684999999999</v>
      </c>
    </row>
    <row r="36394" spans="1:3" x14ac:dyDescent="0.25">
      <c r="A36394" s="2" t="s">
        <v>21631</v>
      </c>
      <c r="B36394" s="6">
        <v>605893.5</v>
      </c>
      <c r="C36394" s="7">
        <f t="shared" si="568"/>
        <v>605.89350000000002</v>
      </c>
    </row>
    <row r="36395" spans="1:3" x14ac:dyDescent="0.25">
      <c r="A36395" s="2" t="s">
        <v>21632</v>
      </c>
      <c r="B36395" s="6">
        <v>605910.14999999991</v>
      </c>
      <c r="C36395" s="7">
        <f t="shared" si="568"/>
        <v>605.91014999999993</v>
      </c>
    </row>
    <row r="36396" spans="1:3" x14ac:dyDescent="0.25">
      <c r="A36396" s="2" t="s">
        <v>21633</v>
      </c>
      <c r="B36396" s="6">
        <v>605926.79999999993</v>
      </c>
      <c r="C36396" s="7">
        <f t="shared" si="568"/>
        <v>605.92679999999996</v>
      </c>
    </row>
    <row r="36397" spans="1:3" x14ac:dyDescent="0.25">
      <c r="A36397" s="2" t="s">
        <v>21634</v>
      </c>
      <c r="B36397" s="6">
        <v>605943.44999999995</v>
      </c>
      <c r="C36397" s="7">
        <f t="shared" si="568"/>
        <v>605.94344999999998</v>
      </c>
    </row>
    <row r="36398" spans="1:3" x14ac:dyDescent="0.25">
      <c r="A36398" s="2" t="s">
        <v>21635</v>
      </c>
      <c r="B36398" s="6">
        <v>605960.1</v>
      </c>
      <c r="C36398" s="7">
        <f t="shared" si="568"/>
        <v>605.96010000000001</v>
      </c>
    </row>
    <row r="36399" spans="1:3" x14ac:dyDescent="0.25">
      <c r="A36399" s="2" t="s">
        <v>21636</v>
      </c>
      <c r="B36399" s="6">
        <v>605976.75</v>
      </c>
      <c r="C36399" s="7">
        <f t="shared" si="568"/>
        <v>605.97675000000004</v>
      </c>
    </row>
    <row r="36400" spans="1:3" x14ac:dyDescent="0.25">
      <c r="A36400" s="2" t="s">
        <v>21637</v>
      </c>
      <c r="B36400" s="6">
        <v>605993.39999999991</v>
      </c>
      <c r="C36400" s="7">
        <f t="shared" si="568"/>
        <v>605.99339999999995</v>
      </c>
    </row>
    <row r="36401" spans="1:3" x14ac:dyDescent="0.25">
      <c r="A36401" s="2" t="s">
        <v>21638</v>
      </c>
      <c r="B36401" s="6">
        <v>606010.04999999993</v>
      </c>
      <c r="C36401" s="7">
        <f t="shared" si="568"/>
        <v>606.01004999999998</v>
      </c>
    </row>
    <row r="36402" spans="1:3" x14ac:dyDescent="0.25">
      <c r="A36402" s="2" t="s">
        <v>21639</v>
      </c>
      <c r="B36402" s="6">
        <v>606026.69999999995</v>
      </c>
      <c r="C36402" s="7">
        <f t="shared" si="568"/>
        <v>606.02670000000001</v>
      </c>
    </row>
    <row r="36403" spans="1:3" x14ac:dyDescent="0.25">
      <c r="A36403" s="2" t="s">
        <v>21640</v>
      </c>
      <c r="B36403" s="6">
        <v>606043.35</v>
      </c>
      <c r="C36403" s="7">
        <f t="shared" si="568"/>
        <v>606.04335000000003</v>
      </c>
    </row>
    <row r="36404" spans="1:3" x14ac:dyDescent="0.25">
      <c r="A36404" s="2" t="s">
        <v>21641</v>
      </c>
      <c r="B36404" s="6">
        <v>606060</v>
      </c>
      <c r="C36404" s="7">
        <f t="shared" si="568"/>
        <v>606.05999999999995</v>
      </c>
    </row>
    <row r="36405" spans="1:3" x14ac:dyDescent="0.25">
      <c r="A36405" s="2" t="s">
        <v>21642</v>
      </c>
      <c r="B36405" s="6">
        <v>606076.64999999991</v>
      </c>
      <c r="C36405" s="7">
        <f t="shared" si="568"/>
        <v>606.07664999999986</v>
      </c>
    </row>
    <row r="36406" spans="1:3" x14ac:dyDescent="0.25">
      <c r="A36406" s="2" t="s">
        <v>21643</v>
      </c>
      <c r="B36406" s="6">
        <v>606093.29999999993</v>
      </c>
      <c r="C36406" s="7">
        <f t="shared" si="568"/>
        <v>606.09329999999989</v>
      </c>
    </row>
    <row r="36407" spans="1:3" x14ac:dyDescent="0.25">
      <c r="A36407" s="2" t="s">
        <v>21644</v>
      </c>
      <c r="B36407" s="6">
        <v>606109.94999999995</v>
      </c>
      <c r="C36407" s="7">
        <f t="shared" si="568"/>
        <v>606.10994999999991</v>
      </c>
    </row>
    <row r="36408" spans="1:3" x14ac:dyDescent="0.25">
      <c r="A36408" s="2" t="s">
        <v>21645</v>
      </c>
      <c r="B36408" s="6">
        <v>606126.6</v>
      </c>
      <c r="C36408" s="7">
        <f t="shared" si="568"/>
        <v>606.12659999999994</v>
      </c>
    </row>
    <row r="36409" spans="1:3" x14ac:dyDescent="0.25">
      <c r="A36409" s="2" t="s">
        <v>21646</v>
      </c>
      <c r="B36409" s="6">
        <v>606143.25</v>
      </c>
      <c r="C36409" s="7">
        <f t="shared" si="568"/>
        <v>606.14324999999997</v>
      </c>
    </row>
    <row r="36410" spans="1:3" x14ac:dyDescent="0.25">
      <c r="A36410" s="2" t="s">
        <v>21647</v>
      </c>
      <c r="B36410" s="6">
        <v>606159.89999999991</v>
      </c>
      <c r="C36410" s="7">
        <f t="shared" si="568"/>
        <v>606.15989999999988</v>
      </c>
    </row>
    <row r="36411" spans="1:3" x14ac:dyDescent="0.25">
      <c r="A36411" s="2" t="s">
        <v>21648</v>
      </c>
      <c r="B36411" s="6">
        <v>606176.54999999993</v>
      </c>
      <c r="C36411" s="7">
        <f t="shared" si="568"/>
        <v>606.17654999999991</v>
      </c>
    </row>
    <row r="36412" spans="1:3" x14ac:dyDescent="0.25">
      <c r="A36412" s="2" t="s">
        <v>21649</v>
      </c>
      <c r="B36412" s="6">
        <v>606193.19999999995</v>
      </c>
      <c r="C36412" s="7">
        <f t="shared" si="568"/>
        <v>606.19319999999993</v>
      </c>
    </row>
    <row r="36413" spans="1:3" x14ac:dyDescent="0.25">
      <c r="A36413" s="2" t="s">
        <v>21650</v>
      </c>
      <c r="B36413" s="6">
        <v>606209.85</v>
      </c>
      <c r="C36413" s="7">
        <f t="shared" si="568"/>
        <v>606.20984999999996</v>
      </c>
    </row>
    <row r="36414" spans="1:3" x14ac:dyDescent="0.25">
      <c r="A36414" s="2" t="s">
        <v>21651</v>
      </c>
      <c r="B36414" s="6">
        <v>606226.5</v>
      </c>
      <c r="C36414" s="7">
        <f t="shared" si="568"/>
        <v>606.22649999999999</v>
      </c>
    </row>
    <row r="36415" spans="1:3" x14ac:dyDescent="0.25">
      <c r="A36415" s="2" t="s">
        <v>21652</v>
      </c>
      <c r="B36415" s="6">
        <v>606243.14999999991</v>
      </c>
      <c r="C36415" s="7">
        <f t="shared" si="568"/>
        <v>606.2431499999999</v>
      </c>
    </row>
    <row r="36416" spans="1:3" x14ac:dyDescent="0.25">
      <c r="A36416" s="2" t="s">
        <v>21653</v>
      </c>
      <c r="B36416" s="6">
        <v>606259.79999999993</v>
      </c>
      <c r="C36416" s="7">
        <f t="shared" si="568"/>
        <v>606.25979999999993</v>
      </c>
    </row>
    <row r="36417" spans="1:3" x14ac:dyDescent="0.25">
      <c r="A36417" s="2" t="s">
        <v>21654</v>
      </c>
      <c r="B36417" s="6">
        <v>606276.44999999995</v>
      </c>
      <c r="C36417" s="7">
        <f t="shared" si="568"/>
        <v>606.27644999999995</v>
      </c>
    </row>
    <row r="36418" spans="1:3" x14ac:dyDescent="0.25">
      <c r="A36418" s="2" t="s">
        <v>21655</v>
      </c>
      <c r="B36418" s="6">
        <v>606293.1</v>
      </c>
      <c r="C36418" s="7">
        <f t="shared" si="568"/>
        <v>606.29309999999998</v>
      </c>
    </row>
    <row r="36419" spans="1:3" x14ac:dyDescent="0.25">
      <c r="A36419" s="2" t="s">
        <v>21656</v>
      </c>
      <c r="B36419" s="6">
        <v>606309.75</v>
      </c>
      <c r="C36419" s="7">
        <f t="shared" ref="C36419:C36482" si="569">B36419/1000</f>
        <v>606.30975000000001</v>
      </c>
    </row>
    <row r="36420" spans="1:3" x14ac:dyDescent="0.25">
      <c r="A36420" s="2" t="s">
        <v>21657</v>
      </c>
      <c r="B36420" s="6">
        <v>606326.39999999991</v>
      </c>
      <c r="C36420" s="7">
        <f t="shared" si="569"/>
        <v>606.32639999999992</v>
      </c>
    </row>
    <row r="36421" spans="1:3" x14ac:dyDescent="0.25">
      <c r="A36421" s="2" t="s">
        <v>21658</v>
      </c>
      <c r="B36421" s="6">
        <v>606343.04999999993</v>
      </c>
      <c r="C36421" s="7">
        <f t="shared" si="569"/>
        <v>606.34304999999995</v>
      </c>
    </row>
    <row r="36422" spans="1:3" x14ac:dyDescent="0.25">
      <c r="A36422" s="2" t="s">
        <v>21659</v>
      </c>
      <c r="B36422" s="6">
        <v>606359.69999999995</v>
      </c>
      <c r="C36422" s="7">
        <f t="shared" si="569"/>
        <v>606.35969999999998</v>
      </c>
    </row>
    <row r="36423" spans="1:3" x14ac:dyDescent="0.25">
      <c r="A36423" s="2" t="s">
        <v>21660</v>
      </c>
      <c r="B36423" s="6">
        <v>606376.35</v>
      </c>
      <c r="C36423" s="7">
        <f t="shared" si="569"/>
        <v>606.37635</v>
      </c>
    </row>
    <row r="36424" spans="1:3" x14ac:dyDescent="0.25">
      <c r="A36424" s="2" t="s">
        <v>21661</v>
      </c>
      <c r="B36424" s="6">
        <v>606393</v>
      </c>
      <c r="C36424" s="7">
        <f t="shared" si="569"/>
        <v>606.39300000000003</v>
      </c>
    </row>
    <row r="36425" spans="1:3" x14ac:dyDescent="0.25">
      <c r="A36425" s="2" t="s">
        <v>21662</v>
      </c>
      <c r="B36425" s="6">
        <v>606409.64999999991</v>
      </c>
      <c r="C36425" s="7">
        <f t="shared" si="569"/>
        <v>606.40964999999994</v>
      </c>
    </row>
    <row r="36426" spans="1:3" x14ac:dyDescent="0.25">
      <c r="A36426" s="2" t="s">
        <v>21663</v>
      </c>
      <c r="B36426" s="6">
        <v>606426.29999999993</v>
      </c>
      <c r="C36426" s="7">
        <f t="shared" si="569"/>
        <v>606.42629999999997</v>
      </c>
    </row>
    <row r="36427" spans="1:3" x14ac:dyDescent="0.25">
      <c r="A36427" s="2" t="s">
        <v>21664</v>
      </c>
      <c r="B36427" s="6">
        <v>606442.94999999995</v>
      </c>
      <c r="C36427" s="7">
        <f t="shared" si="569"/>
        <v>606.44295</v>
      </c>
    </row>
    <row r="36428" spans="1:3" x14ac:dyDescent="0.25">
      <c r="A36428" s="2" t="s">
        <v>21665</v>
      </c>
      <c r="B36428" s="6">
        <v>606459.6</v>
      </c>
      <c r="C36428" s="7">
        <f t="shared" si="569"/>
        <v>606.45960000000002</v>
      </c>
    </row>
    <row r="36429" spans="1:3" x14ac:dyDescent="0.25">
      <c r="A36429" s="2" t="s">
        <v>21666</v>
      </c>
      <c r="B36429" s="6">
        <v>606476.25</v>
      </c>
      <c r="C36429" s="7">
        <f t="shared" si="569"/>
        <v>606.47625000000005</v>
      </c>
    </row>
    <row r="36430" spans="1:3" x14ac:dyDescent="0.25">
      <c r="A36430" s="2" t="s">
        <v>21667</v>
      </c>
      <c r="B36430" s="6">
        <v>606492.89999999991</v>
      </c>
      <c r="C36430" s="7">
        <f t="shared" si="569"/>
        <v>606.49289999999996</v>
      </c>
    </row>
    <row r="36431" spans="1:3" x14ac:dyDescent="0.25">
      <c r="A36431" s="2" t="s">
        <v>21668</v>
      </c>
      <c r="B36431" s="6">
        <v>606509.54999999993</v>
      </c>
      <c r="C36431" s="7">
        <f t="shared" si="569"/>
        <v>606.50954999999988</v>
      </c>
    </row>
    <row r="36432" spans="1:3" x14ac:dyDescent="0.25">
      <c r="A36432" s="2" t="s">
        <v>21669</v>
      </c>
      <c r="B36432" s="6">
        <v>606526.19999999995</v>
      </c>
      <c r="C36432" s="7">
        <f t="shared" si="569"/>
        <v>606.5261999999999</v>
      </c>
    </row>
    <row r="36433" spans="1:3" x14ac:dyDescent="0.25">
      <c r="A36433" s="2" t="s">
        <v>21670</v>
      </c>
      <c r="B36433" s="6">
        <v>606542.85</v>
      </c>
      <c r="C36433" s="7">
        <f t="shared" si="569"/>
        <v>606.54284999999993</v>
      </c>
    </row>
    <row r="36434" spans="1:3" x14ac:dyDescent="0.25">
      <c r="A36434" s="2" t="s">
        <v>21671</v>
      </c>
      <c r="B36434" s="6">
        <v>606559.5</v>
      </c>
      <c r="C36434" s="7">
        <f t="shared" si="569"/>
        <v>606.55949999999996</v>
      </c>
    </row>
    <row r="36435" spans="1:3" x14ac:dyDescent="0.25">
      <c r="A36435" s="2" t="s">
        <v>21672</v>
      </c>
      <c r="B36435" s="6">
        <v>606576.14999999991</v>
      </c>
      <c r="C36435" s="7">
        <f t="shared" si="569"/>
        <v>606.57614999999987</v>
      </c>
    </row>
    <row r="36436" spans="1:3" x14ac:dyDescent="0.25">
      <c r="A36436" s="2" t="s">
        <v>21673</v>
      </c>
      <c r="B36436" s="6">
        <v>606592.79999999993</v>
      </c>
      <c r="C36436" s="7">
        <f t="shared" si="569"/>
        <v>606.5927999999999</v>
      </c>
    </row>
    <row r="36437" spans="1:3" x14ac:dyDescent="0.25">
      <c r="A36437" s="2" t="s">
        <v>21674</v>
      </c>
      <c r="B36437" s="6">
        <v>606609.44999999995</v>
      </c>
      <c r="C36437" s="7">
        <f t="shared" si="569"/>
        <v>606.60944999999992</v>
      </c>
    </row>
    <row r="36438" spans="1:3" x14ac:dyDescent="0.25">
      <c r="A36438" s="2" t="s">
        <v>21675</v>
      </c>
      <c r="B36438" s="6">
        <v>606626.1</v>
      </c>
      <c r="C36438" s="7">
        <f t="shared" si="569"/>
        <v>606.62609999999995</v>
      </c>
    </row>
    <row r="36439" spans="1:3" x14ac:dyDescent="0.25">
      <c r="A36439" s="2" t="s">
        <v>21676</v>
      </c>
      <c r="B36439" s="6">
        <v>606642.75</v>
      </c>
      <c r="C36439" s="7">
        <f t="shared" si="569"/>
        <v>606.64274999999998</v>
      </c>
    </row>
    <row r="36440" spans="1:3" x14ac:dyDescent="0.25">
      <c r="A36440" s="2" t="s">
        <v>21677</v>
      </c>
      <c r="B36440" s="6">
        <v>606659.39999999991</v>
      </c>
      <c r="C36440" s="7">
        <f t="shared" si="569"/>
        <v>606.65939999999989</v>
      </c>
    </row>
    <row r="36441" spans="1:3" x14ac:dyDescent="0.25">
      <c r="A36441" s="2" t="s">
        <v>21678</v>
      </c>
      <c r="B36441" s="6">
        <v>606676.04999999993</v>
      </c>
      <c r="C36441" s="7">
        <f t="shared" si="569"/>
        <v>606.67604999999992</v>
      </c>
    </row>
    <row r="36442" spans="1:3" x14ac:dyDescent="0.25">
      <c r="A36442" s="2" t="s">
        <v>21679</v>
      </c>
      <c r="B36442" s="6">
        <v>606692.69999999995</v>
      </c>
      <c r="C36442" s="7">
        <f t="shared" si="569"/>
        <v>606.69269999999995</v>
      </c>
    </row>
    <row r="36443" spans="1:3" x14ac:dyDescent="0.25">
      <c r="A36443" s="2" t="s">
        <v>21680</v>
      </c>
      <c r="B36443" s="6">
        <v>606709.35</v>
      </c>
      <c r="C36443" s="7">
        <f t="shared" si="569"/>
        <v>606.70934999999997</v>
      </c>
    </row>
    <row r="36444" spans="1:3" x14ac:dyDescent="0.25">
      <c r="A36444" s="2" t="s">
        <v>21681</v>
      </c>
      <c r="B36444" s="6">
        <v>606726</v>
      </c>
      <c r="C36444" s="7">
        <f t="shared" si="569"/>
        <v>606.726</v>
      </c>
    </row>
    <row r="36445" spans="1:3" x14ac:dyDescent="0.25">
      <c r="A36445" s="2" t="s">
        <v>21682</v>
      </c>
      <c r="B36445" s="6">
        <v>606742.64999999991</v>
      </c>
      <c r="C36445" s="7">
        <f t="shared" si="569"/>
        <v>606.74264999999991</v>
      </c>
    </row>
    <row r="36446" spans="1:3" x14ac:dyDescent="0.25">
      <c r="A36446" s="2" t="s">
        <v>21683</v>
      </c>
      <c r="B36446" s="6">
        <v>606759.29999999993</v>
      </c>
      <c r="C36446" s="7">
        <f t="shared" si="569"/>
        <v>606.75929999999994</v>
      </c>
    </row>
    <row r="36447" spans="1:3" x14ac:dyDescent="0.25">
      <c r="A36447" s="2" t="s">
        <v>21684</v>
      </c>
      <c r="B36447" s="6">
        <v>606775.94999999995</v>
      </c>
      <c r="C36447" s="7">
        <f t="shared" si="569"/>
        <v>606.77594999999997</v>
      </c>
    </row>
    <row r="36448" spans="1:3" x14ac:dyDescent="0.25">
      <c r="A36448" s="2" t="s">
        <v>21685</v>
      </c>
      <c r="B36448" s="6">
        <v>606792.6</v>
      </c>
      <c r="C36448" s="7">
        <f t="shared" si="569"/>
        <v>606.79259999999999</v>
      </c>
    </row>
    <row r="36449" spans="1:3" x14ac:dyDescent="0.25">
      <c r="A36449" s="2" t="s">
        <v>21686</v>
      </c>
      <c r="B36449" s="6">
        <v>606809.25</v>
      </c>
      <c r="C36449" s="7">
        <f t="shared" si="569"/>
        <v>606.80925000000002</v>
      </c>
    </row>
    <row r="36450" spans="1:3" x14ac:dyDescent="0.25">
      <c r="A36450" s="2" t="s">
        <v>21687</v>
      </c>
      <c r="B36450" s="6">
        <v>606825.89999999991</v>
      </c>
      <c r="C36450" s="7">
        <f t="shared" si="569"/>
        <v>606.82589999999993</v>
      </c>
    </row>
    <row r="36451" spans="1:3" x14ac:dyDescent="0.25">
      <c r="A36451" s="2" t="s">
        <v>21688</v>
      </c>
      <c r="B36451" s="6">
        <v>606842.54999999993</v>
      </c>
      <c r="C36451" s="7">
        <f t="shared" si="569"/>
        <v>606.84254999999996</v>
      </c>
    </row>
    <row r="36452" spans="1:3" x14ac:dyDescent="0.25">
      <c r="A36452" s="2" t="s">
        <v>21689</v>
      </c>
      <c r="B36452" s="6">
        <v>606859.19999999995</v>
      </c>
      <c r="C36452" s="7">
        <f t="shared" si="569"/>
        <v>606.85919999999999</v>
      </c>
    </row>
    <row r="36453" spans="1:3" x14ac:dyDescent="0.25">
      <c r="A36453" s="2" t="s">
        <v>21690</v>
      </c>
      <c r="B36453" s="6">
        <v>606875.85</v>
      </c>
      <c r="C36453" s="7">
        <f t="shared" si="569"/>
        <v>606.87585000000001</v>
      </c>
    </row>
    <row r="36454" spans="1:3" x14ac:dyDescent="0.25">
      <c r="A36454" s="2" t="s">
        <v>21691</v>
      </c>
      <c r="B36454" s="6">
        <v>606892.5</v>
      </c>
      <c r="C36454" s="7">
        <f t="shared" si="569"/>
        <v>606.89250000000004</v>
      </c>
    </row>
    <row r="36455" spans="1:3" x14ac:dyDescent="0.25">
      <c r="A36455" s="2" t="s">
        <v>21692</v>
      </c>
      <c r="B36455" s="6">
        <v>606909.14999999991</v>
      </c>
      <c r="C36455" s="7">
        <f t="shared" si="569"/>
        <v>606.90914999999995</v>
      </c>
    </row>
    <row r="36456" spans="1:3" x14ac:dyDescent="0.25">
      <c r="A36456" s="2" t="s">
        <v>21693</v>
      </c>
      <c r="B36456" s="6">
        <v>606925.79999999993</v>
      </c>
      <c r="C36456" s="7">
        <f t="shared" si="569"/>
        <v>606.92579999999998</v>
      </c>
    </row>
    <row r="36457" spans="1:3" x14ac:dyDescent="0.25">
      <c r="A36457" s="2" t="s">
        <v>21694</v>
      </c>
      <c r="B36457" s="6">
        <v>606942.44999999995</v>
      </c>
      <c r="C36457" s="7">
        <f t="shared" si="569"/>
        <v>606.94245000000001</v>
      </c>
    </row>
    <row r="36458" spans="1:3" x14ac:dyDescent="0.25">
      <c r="A36458" s="2" t="s">
        <v>21695</v>
      </c>
      <c r="B36458" s="6">
        <v>606959.1</v>
      </c>
      <c r="C36458" s="7">
        <f t="shared" si="569"/>
        <v>606.95909999999992</v>
      </c>
    </row>
    <row r="36459" spans="1:3" x14ac:dyDescent="0.25">
      <c r="A36459" s="2" t="s">
        <v>21696</v>
      </c>
      <c r="B36459" s="6">
        <v>606975.75</v>
      </c>
      <c r="C36459" s="7">
        <f t="shared" si="569"/>
        <v>606.97574999999995</v>
      </c>
    </row>
    <row r="36460" spans="1:3" x14ac:dyDescent="0.25">
      <c r="A36460" s="2" t="s">
        <v>21697</v>
      </c>
      <c r="B36460" s="6">
        <v>606992.39999999991</v>
      </c>
      <c r="C36460" s="7">
        <f t="shared" si="569"/>
        <v>606.99239999999986</v>
      </c>
    </row>
    <row r="36461" spans="1:3" x14ac:dyDescent="0.25">
      <c r="A36461" s="2" t="s">
        <v>21698</v>
      </c>
      <c r="B36461" s="6">
        <v>607009.04999999993</v>
      </c>
      <c r="C36461" s="7">
        <f t="shared" si="569"/>
        <v>607.00904999999989</v>
      </c>
    </row>
    <row r="36462" spans="1:3" x14ac:dyDescent="0.25">
      <c r="A36462" s="2" t="s">
        <v>21699</v>
      </c>
      <c r="B36462" s="6">
        <v>607025.69999999995</v>
      </c>
      <c r="C36462" s="7">
        <f t="shared" si="569"/>
        <v>607.02569999999992</v>
      </c>
    </row>
    <row r="36463" spans="1:3" x14ac:dyDescent="0.25">
      <c r="A36463" s="2" t="s">
        <v>21700</v>
      </c>
      <c r="B36463" s="6">
        <v>607042.35</v>
      </c>
      <c r="C36463" s="7">
        <f t="shared" si="569"/>
        <v>607.04234999999994</v>
      </c>
    </row>
    <row r="36464" spans="1:3" x14ac:dyDescent="0.25">
      <c r="A36464" s="2" t="s">
        <v>21701</v>
      </c>
      <c r="B36464" s="6">
        <v>607059</v>
      </c>
      <c r="C36464" s="7">
        <f t="shared" si="569"/>
        <v>607.05899999999997</v>
      </c>
    </row>
    <row r="36465" spans="1:3" x14ac:dyDescent="0.25">
      <c r="A36465" s="2" t="s">
        <v>21702</v>
      </c>
      <c r="B36465" s="6">
        <v>607075.64999999991</v>
      </c>
      <c r="C36465" s="7">
        <f t="shared" si="569"/>
        <v>607.07564999999988</v>
      </c>
    </row>
    <row r="36466" spans="1:3" x14ac:dyDescent="0.25">
      <c r="A36466" s="2" t="s">
        <v>21703</v>
      </c>
      <c r="B36466" s="6">
        <v>607092.29999999993</v>
      </c>
      <c r="C36466" s="7">
        <f t="shared" si="569"/>
        <v>607.09229999999991</v>
      </c>
    </row>
    <row r="36467" spans="1:3" x14ac:dyDescent="0.25">
      <c r="A36467" s="2" t="s">
        <v>21704</v>
      </c>
      <c r="B36467" s="6">
        <v>607108.94999999995</v>
      </c>
      <c r="C36467" s="7">
        <f t="shared" si="569"/>
        <v>607.10894999999994</v>
      </c>
    </row>
    <row r="36468" spans="1:3" x14ac:dyDescent="0.25">
      <c r="A36468" s="2" t="s">
        <v>21705</v>
      </c>
      <c r="B36468" s="6">
        <v>607125.6</v>
      </c>
      <c r="C36468" s="7">
        <f t="shared" si="569"/>
        <v>607.12559999999996</v>
      </c>
    </row>
    <row r="36469" spans="1:3" x14ac:dyDescent="0.25">
      <c r="A36469" s="2" t="s">
        <v>21706</v>
      </c>
      <c r="B36469" s="6">
        <v>607142.25</v>
      </c>
      <c r="C36469" s="7">
        <f t="shared" si="569"/>
        <v>607.14224999999999</v>
      </c>
    </row>
    <row r="36470" spans="1:3" x14ac:dyDescent="0.25">
      <c r="A36470" s="2" t="s">
        <v>21707</v>
      </c>
      <c r="B36470" s="6">
        <v>607158.89999999991</v>
      </c>
      <c r="C36470" s="7">
        <f t="shared" si="569"/>
        <v>607.1588999999999</v>
      </c>
    </row>
    <row r="36471" spans="1:3" x14ac:dyDescent="0.25">
      <c r="A36471" s="2" t="s">
        <v>21708</v>
      </c>
      <c r="B36471" s="6">
        <v>607175.54999999993</v>
      </c>
      <c r="C36471" s="7">
        <f t="shared" si="569"/>
        <v>607.17554999999993</v>
      </c>
    </row>
    <row r="36472" spans="1:3" x14ac:dyDescent="0.25">
      <c r="A36472" s="2" t="s">
        <v>21709</v>
      </c>
      <c r="B36472" s="6">
        <v>607192.19999999995</v>
      </c>
      <c r="C36472" s="7">
        <f t="shared" si="569"/>
        <v>607.19219999999996</v>
      </c>
    </row>
    <row r="36473" spans="1:3" x14ac:dyDescent="0.25">
      <c r="A36473" s="2" t="s">
        <v>21710</v>
      </c>
      <c r="B36473" s="6">
        <v>607208.85</v>
      </c>
      <c r="C36473" s="7">
        <f t="shared" si="569"/>
        <v>607.20884999999998</v>
      </c>
    </row>
    <row r="36474" spans="1:3" x14ac:dyDescent="0.25">
      <c r="A36474" s="2" t="s">
        <v>21711</v>
      </c>
      <c r="B36474" s="6">
        <v>607225.5</v>
      </c>
      <c r="C36474" s="7">
        <f t="shared" si="569"/>
        <v>607.22550000000001</v>
      </c>
    </row>
    <row r="36475" spans="1:3" x14ac:dyDescent="0.25">
      <c r="A36475" s="2" t="s">
        <v>21712</v>
      </c>
      <c r="B36475" s="6">
        <v>607242.14999999991</v>
      </c>
      <c r="C36475" s="7">
        <f t="shared" si="569"/>
        <v>607.24214999999992</v>
      </c>
    </row>
    <row r="36476" spans="1:3" x14ac:dyDescent="0.25">
      <c r="A36476" s="2" t="s">
        <v>21713</v>
      </c>
      <c r="B36476" s="6">
        <v>607258.79999999993</v>
      </c>
      <c r="C36476" s="7">
        <f t="shared" si="569"/>
        <v>607.25879999999995</v>
      </c>
    </row>
    <row r="36477" spans="1:3" x14ac:dyDescent="0.25">
      <c r="A36477" s="2" t="s">
        <v>21714</v>
      </c>
      <c r="B36477" s="6">
        <v>607275.44999999995</v>
      </c>
      <c r="C36477" s="7">
        <f t="shared" si="569"/>
        <v>607.27544999999998</v>
      </c>
    </row>
    <row r="36478" spans="1:3" x14ac:dyDescent="0.25">
      <c r="A36478" s="2" t="s">
        <v>21715</v>
      </c>
      <c r="B36478" s="6">
        <v>607292.1</v>
      </c>
      <c r="C36478" s="7">
        <f t="shared" si="569"/>
        <v>607.2921</v>
      </c>
    </row>
    <row r="36479" spans="1:3" x14ac:dyDescent="0.25">
      <c r="A36479" s="2" t="s">
        <v>21716</v>
      </c>
      <c r="B36479" s="6">
        <v>607308.75</v>
      </c>
      <c r="C36479" s="7">
        <f t="shared" si="569"/>
        <v>607.30875000000003</v>
      </c>
    </row>
    <row r="36480" spans="1:3" x14ac:dyDescent="0.25">
      <c r="A36480" s="2" t="s">
        <v>21717</v>
      </c>
      <c r="B36480" s="6">
        <v>607325.39999999991</v>
      </c>
      <c r="C36480" s="7">
        <f t="shared" si="569"/>
        <v>607.32539999999995</v>
      </c>
    </row>
    <row r="36481" spans="1:3" x14ac:dyDescent="0.25">
      <c r="A36481" s="2" t="s">
        <v>21718</v>
      </c>
      <c r="B36481" s="6">
        <v>607342.04999999993</v>
      </c>
      <c r="C36481" s="7">
        <f t="shared" si="569"/>
        <v>607.34204999999997</v>
      </c>
    </row>
    <row r="36482" spans="1:3" x14ac:dyDescent="0.25">
      <c r="A36482" s="2" t="s">
        <v>21719</v>
      </c>
      <c r="B36482" s="6">
        <v>607358.69999999995</v>
      </c>
      <c r="C36482" s="7">
        <f t="shared" si="569"/>
        <v>607.3587</v>
      </c>
    </row>
    <row r="36483" spans="1:3" x14ac:dyDescent="0.25">
      <c r="A36483" s="2" t="s">
        <v>21720</v>
      </c>
      <c r="B36483" s="6">
        <v>607375.35</v>
      </c>
      <c r="C36483" s="7">
        <f t="shared" ref="C36483:C36546" si="570">B36483/1000</f>
        <v>607.37535000000003</v>
      </c>
    </row>
    <row r="36484" spans="1:3" x14ac:dyDescent="0.25">
      <c r="A36484" s="2" t="s">
        <v>21721</v>
      </c>
      <c r="B36484" s="6">
        <v>607392</v>
      </c>
      <c r="C36484" s="7">
        <f t="shared" si="570"/>
        <v>607.39200000000005</v>
      </c>
    </row>
    <row r="36485" spans="1:3" x14ac:dyDescent="0.25">
      <c r="A36485" s="2" t="s">
        <v>21722</v>
      </c>
      <c r="B36485" s="6">
        <v>607408.64999999991</v>
      </c>
      <c r="C36485" s="7">
        <f t="shared" si="570"/>
        <v>607.40864999999985</v>
      </c>
    </row>
    <row r="36486" spans="1:3" x14ac:dyDescent="0.25">
      <c r="A36486" s="2" t="s">
        <v>21723</v>
      </c>
      <c r="B36486" s="6">
        <v>607425.29999999993</v>
      </c>
      <c r="C36486" s="7">
        <f t="shared" si="570"/>
        <v>607.42529999999988</v>
      </c>
    </row>
    <row r="36487" spans="1:3" x14ac:dyDescent="0.25">
      <c r="A36487" s="2" t="s">
        <v>21724</v>
      </c>
      <c r="B36487" s="6">
        <v>607441.94999999995</v>
      </c>
      <c r="C36487" s="7">
        <f t="shared" si="570"/>
        <v>607.44194999999991</v>
      </c>
    </row>
    <row r="36488" spans="1:3" x14ac:dyDescent="0.25">
      <c r="A36488" s="2" t="s">
        <v>21725</v>
      </c>
      <c r="B36488" s="6">
        <v>607458.6</v>
      </c>
      <c r="C36488" s="7">
        <f t="shared" si="570"/>
        <v>607.45859999999993</v>
      </c>
    </row>
    <row r="36489" spans="1:3" x14ac:dyDescent="0.25">
      <c r="A36489" s="2" t="s">
        <v>21726</v>
      </c>
      <c r="B36489" s="6">
        <v>607475.25</v>
      </c>
      <c r="C36489" s="7">
        <f t="shared" si="570"/>
        <v>607.47524999999996</v>
      </c>
    </row>
    <row r="36490" spans="1:3" x14ac:dyDescent="0.25">
      <c r="A36490" s="2" t="s">
        <v>21727</v>
      </c>
      <c r="B36490" s="6">
        <v>607491.89999999991</v>
      </c>
      <c r="C36490" s="7">
        <f t="shared" si="570"/>
        <v>607.49189999999987</v>
      </c>
    </row>
    <row r="36491" spans="1:3" x14ac:dyDescent="0.25">
      <c r="A36491" s="2" t="s">
        <v>21728</v>
      </c>
      <c r="B36491" s="6">
        <v>607508.54999999993</v>
      </c>
      <c r="C36491" s="7">
        <f t="shared" si="570"/>
        <v>607.5085499999999</v>
      </c>
    </row>
    <row r="36492" spans="1:3" x14ac:dyDescent="0.25">
      <c r="A36492" s="2" t="s">
        <v>21729</v>
      </c>
      <c r="B36492" s="6">
        <v>607525.19999999995</v>
      </c>
      <c r="C36492" s="7">
        <f t="shared" si="570"/>
        <v>607.52519999999993</v>
      </c>
    </row>
    <row r="36493" spans="1:3" x14ac:dyDescent="0.25">
      <c r="A36493" s="2" t="s">
        <v>21730</v>
      </c>
      <c r="B36493" s="6">
        <v>607541.85</v>
      </c>
      <c r="C36493" s="7">
        <f t="shared" si="570"/>
        <v>607.54184999999995</v>
      </c>
    </row>
    <row r="36494" spans="1:3" x14ac:dyDescent="0.25">
      <c r="A36494" s="2" t="s">
        <v>21731</v>
      </c>
      <c r="B36494" s="6">
        <v>607558.5</v>
      </c>
      <c r="C36494" s="7">
        <f t="shared" si="570"/>
        <v>607.55849999999998</v>
      </c>
    </row>
    <row r="36495" spans="1:3" x14ac:dyDescent="0.25">
      <c r="A36495" s="2" t="s">
        <v>21732</v>
      </c>
      <c r="B36495" s="6">
        <v>607575.14999999991</v>
      </c>
      <c r="C36495" s="7">
        <f t="shared" si="570"/>
        <v>607.57514999999989</v>
      </c>
    </row>
    <row r="36496" spans="1:3" x14ac:dyDescent="0.25">
      <c r="A36496" s="2" t="s">
        <v>21733</v>
      </c>
      <c r="B36496" s="6">
        <v>607591.79999999993</v>
      </c>
      <c r="C36496" s="7">
        <f t="shared" si="570"/>
        <v>607.59179999999992</v>
      </c>
    </row>
    <row r="36497" spans="1:3" x14ac:dyDescent="0.25">
      <c r="A36497" s="2" t="s">
        <v>21734</v>
      </c>
      <c r="B36497" s="6">
        <v>607608.44999999995</v>
      </c>
      <c r="C36497" s="7">
        <f t="shared" si="570"/>
        <v>607.60844999999995</v>
      </c>
    </row>
    <row r="36498" spans="1:3" x14ac:dyDescent="0.25">
      <c r="A36498" s="2" t="s">
        <v>21735</v>
      </c>
      <c r="B36498" s="6">
        <v>607625.1</v>
      </c>
      <c r="C36498" s="7">
        <f t="shared" si="570"/>
        <v>607.62509999999997</v>
      </c>
    </row>
    <row r="36499" spans="1:3" x14ac:dyDescent="0.25">
      <c r="A36499" s="2" t="s">
        <v>21736</v>
      </c>
      <c r="B36499" s="6">
        <v>607641.75</v>
      </c>
      <c r="C36499" s="7">
        <f t="shared" si="570"/>
        <v>607.64175</v>
      </c>
    </row>
    <row r="36500" spans="1:3" x14ac:dyDescent="0.25">
      <c r="A36500" s="2" t="s">
        <v>21737</v>
      </c>
      <c r="B36500" s="6">
        <v>607658.39999999991</v>
      </c>
      <c r="C36500" s="7">
        <f t="shared" si="570"/>
        <v>607.65839999999992</v>
      </c>
    </row>
    <row r="36501" spans="1:3" x14ac:dyDescent="0.25">
      <c r="A36501" s="2" t="s">
        <v>21738</v>
      </c>
      <c r="B36501" s="6">
        <v>607675.04999999993</v>
      </c>
      <c r="C36501" s="7">
        <f t="shared" si="570"/>
        <v>607.67504999999994</v>
      </c>
    </row>
    <row r="36502" spans="1:3" x14ac:dyDescent="0.25">
      <c r="A36502" s="2" t="s">
        <v>21739</v>
      </c>
      <c r="B36502" s="6">
        <v>607691.69999999995</v>
      </c>
      <c r="C36502" s="7">
        <f t="shared" si="570"/>
        <v>607.69169999999997</v>
      </c>
    </row>
    <row r="36503" spans="1:3" x14ac:dyDescent="0.25">
      <c r="A36503" s="2" t="s">
        <v>21740</v>
      </c>
      <c r="B36503" s="6">
        <v>607708.35</v>
      </c>
      <c r="C36503" s="7">
        <f t="shared" si="570"/>
        <v>607.70835</v>
      </c>
    </row>
    <row r="36504" spans="1:3" x14ac:dyDescent="0.25">
      <c r="A36504" s="2" t="s">
        <v>21741</v>
      </c>
      <c r="B36504" s="6">
        <v>607725</v>
      </c>
      <c r="C36504" s="7">
        <f t="shared" si="570"/>
        <v>607.72500000000002</v>
      </c>
    </row>
    <row r="36505" spans="1:3" x14ac:dyDescent="0.25">
      <c r="A36505" s="2" t="s">
        <v>21742</v>
      </c>
      <c r="B36505" s="6">
        <v>607741.64999999991</v>
      </c>
      <c r="C36505" s="7">
        <f t="shared" si="570"/>
        <v>607.74164999999994</v>
      </c>
    </row>
    <row r="36506" spans="1:3" x14ac:dyDescent="0.25">
      <c r="A36506" s="2" t="s">
        <v>21743</v>
      </c>
      <c r="B36506" s="6">
        <v>607758.29999999993</v>
      </c>
      <c r="C36506" s="7">
        <f t="shared" si="570"/>
        <v>607.75829999999996</v>
      </c>
    </row>
    <row r="36507" spans="1:3" x14ac:dyDescent="0.25">
      <c r="A36507" s="2" t="s">
        <v>21744</v>
      </c>
      <c r="B36507" s="6">
        <v>607774.94999999995</v>
      </c>
      <c r="C36507" s="7">
        <f t="shared" si="570"/>
        <v>607.77494999999999</v>
      </c>
    </row>
    <row r="36508" spans="1:3" x14ac:dyDescent="0.25">
      <c r="A36508" s="2" t="s">
        <v>21745</v>
      </c>
      <c r="B36508" s="6">
        <v>607791.6</v>
      </c>
      <c r="C36508" s="7">
        <f t="shared" si="570"/>
        <v>607.79160000000002</v>
      </c>
    </row>
    <row r="36509" spans="1:3" x14ac:dyDescent="0.25">
      <c r="A36509" s="2" t="s">
        <v>21746</v>
      </c>
      <c r="B36509" s="6">
        <v>607808.25</v>
      </c>
      <c r="C36509" s="7">
        <f t="shared" si="570"/>
        <v>607.80825000000004</v>
      </c>
    </row>
    <row r="36510" spans="1:3" x14ac:dyDescent="0.25">
      <c r="A36510" s="2" t="s">
        <v>21747</v>
      </c>
      <c r="B36510" s="6">
        <v>607824.89999999991</v>
      </c>
      <c r="C36510" s="7">
        <f t="shared" si="570"/>
        <v>607.82489999999996</v>
      </c>
    </row>
    <row r="36511" spans="1:3" x14ac:dyDescent="0.25">
      <c r="A36511" s="2" t="s">
        <v>21748</v>
      </c>
      <c r="B36511" s="6">
        <v>607841.54999999993</v>
      </c>
      <c r="C36511" s="7">
        <f t="shared" si="570"/>
        <v>607.84154999999998</v>
      </c>
    </row>
    <row r="36512" spans="1:3" x14ac:dyDescent="0.25">
      <c r="A36512" s="2" t="s">
        <v>21749</v>
      </c>
      <c r="B36512" s="6">
        <v>607858.19999999995</v>
      </c>
      <c r="C36512" s="7">
        <f t="shared" si="570"/>
        <v>607.8581999999999</v>
      </c>
    </row>
    <row r="36513" spans="1:3" x14ac:dyDescent="0.25">
      <c r="A36513" s="2" t="s">
        <v>21750</v>
      </c>
      <c r="B36513" s="6">
        <v>607874.85</v>
      </c>
      <c r="C36513" s="7">
        <f t="shared" si="570"/>
        <v>607.87484999999992</v>
      </c>
    </row>
    <row r="36514" spans="1:3" x14ac:dyDescent="0.25">
      <c r="A36514" s="2" t="s">
        <v>21751</v>
      </c>
      <c r="B36514" s="6">
        <v>607891.5</v>
      </c>
      <c r="C36514" s="7">
        <f t="shared" si="570"/>
        <v>607.89149999999995</v>
      </c>
    </row>
    <row r="36515" spans="1:3" x14ac:dyDescent="0.25">
      <c r="A36515" s="2" t="s">
        <v>21752</v>
      </c>
      <c r="B36515" s="6">
        <v>607908.14999999991</v>
      </c>
      <c r="C36515" s="7">
        <f t="shared" si="570"/>
        <v>607.90814999999986</v>
      </c>
    </row>
    <row r="36516" spans="1:3" x14ac:dyDescent="0.25">
      <c r="A36516" s="2" t="s">
        <v>21753</v>
      </c>
      <c r="B36516" s="6">
        <v>607924.79999999993</v>
      </c>
      <c r="C36516" s="7">
        <f t="shared" si="570"/>
        <v>607.92479999999989</v>
      </c>
    </row>
    <row r="36517" spans="1:3" x14ac:dyDescent="0.25">
      <c r="A36517" s="2" t="s">
        <v>21754</v>
      </c>
      <c r="B36517" s="6">
        <v>607941.44999999995</v>
      </c>
      <c r="C36517" s="7">
        <f t="shared" si="570"/>
        <v>607.94144999999992</v>
      </c>
    </row>
    <row r="36518" spans="1:3" x14ac:dyDescent="0.25">
      <c r="A36518" s="2" t="s">
        <v>21755</v>
      </c>
      <c r="B36518" s="6">
        <v>607958.1</v>
      </c>
      <c r="C36518" s="7">
        <f t="shared" si="570"/>
        <v>607.95809999999994</v>
      </c>
    </row>
    <row r="36519" spans="1:3" x14ac:dyDescent="0.25">
      <c r="A36519" s="2" t="s">
        <v>21756</v>
      </c>
      <c r="B36519" s="6">
        <v>607974.75</v>
      </c>
      <c r="C36519" s="7">
        <f t="shared" si="570"/>
        <v>607.97474999999997</v>
      </c>
    </row>
    <row r="36520" spans="1:3" x14ac:dyDescent="0.25">
      <c r="A36520" s="2" t="s">
        <v>21757</v>
      </c>
      <c r="B36520" s="6">
        <v>607991.39999999991</v>
      </c>
      <c r="C36520" s="7">
        <f t="shared" si="570"/>
        <v>607.99139999999989</v>
      </c>
    </row>
    <row r="36521" spans="1:3" x14ac:dyDescent="0.25">
      <c r="A36521" s="2" t="s">
        <v>21758</v>
      </c>
      <c r="B36521" s="6">
        <v>608008.04999999993</v>
      </c>
      <c r="C36521" s="7">
        <f t="shared" si="570"/>
        <v>608.00804999999991</v>
      </c>
    </row>
    <row r="36522" spans="1:3" x14ac:dyDescent="0.25">
      <c r="A36522" s="2" t="s">
        <v>21759</v>
      </c>
      <c r="B36522" s="6">
        <v>608024.69999999995</v>
      </c>
      <c r="C36522" s="7">
        <f t="shared" si="570"/>
        <v>608.02469999999994</v>
      </c>
    </row>
    <row r="36523" spans="1:3" x14ac:dyDescent="0.25">
      <c r="A36523" s="2" t="s">
        <v>21760</v>
      </c>
      <c r="B36523" s="6">
        <v>608041.35</v>
      </c>
      <c r="C36523" s="7">
        <f t="shared" si="570"/>
        <v>608.04134999999997</v>
      </c>
    </row>
    <row r="36524" spans="1:3" x14ac:dyDescent="0.25">
      <c r="A36524" s="2" t="s">
        <v>21761</v>
      </c>
      <c r="B36524" s="6">
        <v>608058</v>
      </c>
      <c r="C36524" s="7">
        <f t="shared" si="570"/>
        <v>608.05799999999999</v>
      </c>
    </row>
    <row r="36525" spans="1:3" x14ac:dyDescent="0.25">
      <c r="A36525" s="2" t="s">
        <v>21762</v>
      </c>
      <c r="B36525" s="6">
        <v>608074.64999999991</v>
      </c>
      <c r="C36525" s="7">
        <f t="shared" si="570"/>
        <v>608.07464999999991</v>
      </c>
    </row>
    <row r="36526" spans="1:3" x14ac:dyDescent="0.25">
      <c r="A36526" s="2" t="s">
        <v>21763</v>
      </c>
      <c r="B36526" s="6">
        <v>608091.29999999993</v>
      </c>
      <c r="C36526" s="7">
        <f t="shared" si="570"/>
        <v>608.09129999999993</v>
      </c>
    </row>
    <row r="36527" spans="1:3" x14ac:dyDescent="0.25">
      <c r="A36527" s="2" t="s">
        <v>21764</v>
      </c>
      <c r="B36527" s="6">
        <v>608107.94999999995</v>
      </c>
      <c r="C36527" s="7">
        <f t="shared" si="570"/>
        <v>608.10794999999996</v>
      </c>
    </row>
    <row r="36528" spans="1:3" x14ac:dyDescent="0.25">
      <c r="A36528" s="2" t="s">
        <v>21765</v>
      </c>
      <c r="B36528" s="6">
        <v>608124.6</v>
      </c>
      <c r="C36528" s="7">
        <f t="shared" si="570"/>
        <v>608.12459999999999</v>
      </c>
    </row>
    <row r="36529" spans="1:3" x14ac:dyDescent="0.25">
      <c r="A36529" s="2" t="s">
        <v>21766</v>
      </c>
      <c r="B36529" s="6">
        <v>608141.25</v>
      </c>
      <c r="C36529" s="7">
        <f t="shared" si="570"/>
        <v>608.14125000000001</v>
      </c>
    </row>
    <row r="36530" spans="1:3" x14ac:dyDescent="0.25">
      <c r="A36530" s="2" t="s">
        <v>21767</v>
      </c>
      <c r="B36530" s="6">
        <v>608157.89999999991</v>
      </c>
      <c r="C36530" s="7">
        <f t="shared" si="570"/>
        <v>608.15789999999993</v>
      </c>
    </row>
    <row r="36531" spans="1:3" x14ac:dyDescent="0.25">
      <c r="A36531" s="2" t="s">
        <v>21768</v>
      </c>
      <c r="B36531" s="6">
        <v>608174.54999999993</v>
      </c>
      <c r="C36531" s="7">
        <f t="shared" si="570"/>
        <v>608.17454999999995</v>
      </c>
    </row>
    <row r="36532" spans="1:3" x14ac:dyDescent="0.25">
      <c r="A36532" s="2" t="s">
        <v>21769</v>
      </c>
      <c r="B36532" s="6">
        <v>608191.19999999995</v>
      </c>
      <c r="C36532" s="7">
        <f t="shared" si="570"/>
        <v>608.19119999999998</v>
      </c>
    </row>
    <row r="36533" spans="1:3" x14ac:dyDescent="0.25">
      <c r="A36533" s="2" t="s">
        <v>21770</v>
      </c>
      <c r="B36533" s="6">
        <v>608207.85</v>
      </c>
      <c r="C36533" s="7">
        <f t="shared" si="570"/>
        <v>608.20785000000001</v>
      </c>
    </row>
    <row r="36534" spans="1:3" x14ac:dyDescent="0.25">
      <c r="A36534" s="2" t="s">
        <v>21771</v>
      </c>
      <c r="B36534" s="6">
        <v>608224.5</v>
      </c>
      <c r="C36534" s="7">
        <f t="shared" si="570"/>
        <v>608.22450000000003</v>
      </c>
    </row>
    <row r="36535" spans="1:3" x14ac:dyDescent="0.25">
      <c r="A36535" s="2" t="s">
        <v>21772</v>
      </c>
      <c r="B36535" s="6">
        <v>608241.14999999991</v>
      </c>
      <c r="C36535" s="7">
        <f t="shared" si="570"/>
        <v>608.24114999999995</v>
      </c>
    </row>
    <row r="36536" spans="1:3" x14ac:dyDescent="0.25">
      <c r="A36536" s="2" t="s">
        <v>21773</v>
      </c>
      <c r="B36536" s="6">
        <v>608257.79999999993</v>
      </c>
      <c r="C36536" s="7">
        <f t="shared" si="570"/>
        <v>608.25779999999997</v>
      </c>
    </row>
    <row r="36537" spans="1:3" x14ac:dyDescent="0.25">
      <c r="A36537" s="2" t="s">
        <v>21774</v>
      </c>
      <c r="B36537" s="6">
        <v>608274.44999999995</v>
      </c>
      <c r="C36537" s="7">
        <f t="shared" si="570"/>
        <v>608.27445</v>
      </c>
    </row>
    <row r="36538" spans="1:3" x14ac:dyDescent="0.25">
      <c r="A36538" s="2" t="s">
        <v>21775</v>
      </c>
      <c r="B36538" s="6">
        <v>608291.1</v>
      </c>
      <c r="C36538" s="7">
        <f t="shared" si="570"/>
        <v>608.29110000000003</v>
      </c>
    </row>
    <row r="36539" spans="1:3" x14ac:dyDescent="0.25">
      <c r="A36539" s="2" t="s">
        <v>21776</v>
      </c>
      <c r="B36539" s="6">
        <v>608307.75</v>
      </c>
      <c r="C36539" s="7">
        <f t="shared" si="570"/>
        <v>608.30775000000006</v>
      </c>
    </row>
    <row r="36540" spans="1:3" x14ac:dyDescent="0.25">
      <c r="A36540" s="2" t="s">
        <v>21777</v>
      </c>
      <c r="B36540" s="6">
        <v>608324.39999999991</v>
      </c>
      <c r="C36540" s="7">
        <f t="shared" si="570"/>
        <v>608.32439999999986</v>
      </c>
    </row>
    <row r="36541" spans="1:3" x14ac:dyDescent="0.25">
      <c r="A36541" s="2" t="s">
        <v>21778</v>
      </c>
      <c r="B36541" s="6">
        <v>608341.04999999993</v>
      </c>
      <c r="C36541" s="7">
        <f t="shared" si="570"/>
        <v>608.34104999999988</v>
      </c>
    </row>
    <row r="36542" spans="1:3" x14ac:dyDescent="0.25">
      <c r="A36542" s="2" t="s">
        <v>21779</v>
      </c>
      <c r="B36542" s="6">
        <v>608357.69999999995</v>
      </c>
      <c r="C36542" s="7">
        <f t="shared" si="570"/>
        <v>608.35769999999991</v>
      </c>
    </row>
    <row r="36543" spans="1:3" x14ac:dyDescent="0.25">
      <c r="A36543" s="2" t="s">
        <v>21780</v>
      </c>
      <c r="B36543" s="6">
        <v>608374.35</v>
      </c>
      <c r="C36543" s="7">
        <f t="shared" si="570"/>
        <v>608.37434999999994</v>
      </c>
    </row>
    <row r="36544" spans="1:3" x14ac:dyDescent="0.25">
      <c r="A36544" s="2" t="s">
        <v>21781</v>
      </c>
      <c r="B36544" s="6">
        <v>608391</v>
      </c>
      <c r="C36544" s="7">
        <f t="shared" si="570"/>
        <v>608.39099999999996</v>
      </c>
    </row>
    <row r="36545" spans="1:3" x14ac:dyDescent="0.25">
      <c r="A36545" s="2" t="s">
        <v>21782</v>
      </c>
      <c r="B36545" s="6">
        <v>608407.64999999991</v>
      </c>
      <c r="C36545" s="7">
        <f t="shared" si="570"/>
        <v>608.40764999999988</v>
      </c>
    </row>
    <row r="36546" spans="1:3" x14ac:dyDescent="0.25">
      <c r="A36546" s="2" t="s">
        <v>21783</v>
      </c>
      <c r="B36546" s="6">
        <v>608424.29999999993</v>
      </c>
      <c r="C36546" s="7">
        <f t="shared" si="570"/>
        <v>608.4242999999999</v>
      </c>
    </row>
    <row r="36547" spans="1:3" x14ac:dyDescent="0.25">
      <c r="A36547" s="2" t="s">
        <v>21784</v>
      </c>
      <c r="B36547" s="6">
        <v>608440.94999999995</v>
      </c>
      <c r="C36547" s="7">
        <f t="shared" ref="C36547:C36610" si="571">B36547/1000</f>
        <v>608.44094999999993</v>
      </c>
    </row>
    <row r="36548" spans="1:3" x14ac:dyDescent="0.25">
      <c r="A36548" s="2" t="s">
        <v>21785</v>
      </c>
      <c r="B36548" s="6">
        <v>608457.6</v>
      </c>
      <c r="C36548" s="7">
        <f t="shared" si="571"/>
        <v>608.45759999999996</v>
      </c>
    </row>
    <row r="36549" spans="1:3" x14ac:dyDescent="0.25">
      <c r="A36549" s="2" t="s">
        <v>21786</v>
      </c>
      <c r="B36549" s="6">
        <v>608474.25</v>
      </c>
      <c r="C36549" s="7">
        <f t="shared" si="571"/>
        <v>608.47424999999998</v>
      </c>
    </row>
    <row r="36550" spans="1:3" x14ac:dyDescent="0.25">
      <c r="A36550" s="2" t="s">
        <v>21787</v>
      </c>
      <c r="B36550" s="6">
        <v>608490.89999999991</v>
      </c>
      <c r="C36550" s="7">
        <f t="shared" si="571"/>
        <v>608.4908999999999</v>
      </c>
    </row>
    <row r="36551" spans="1:3" x14ac:dyDescent="0.25">
      <c r="A36551" s="2" t="s">
        <v>21788</v>
      </c>
      <c r="B36551" s="6">
        <v>608507.54999999993</v>
      </c>
      <c r="C36551" s="7">
        <f t="shared" si="571"/>
        <v>608.50754999999992</v>
      </c>
    </row>
    <row r="36552" spans="1:3" x14ac:dyDescent="0.25">
      <c r="A36552" s="2" t="s">
        <v>21789</v>
      </c>
      <c r="B36552" s="6">
        <v>608524.19999999995</v>
      </c>
      <c r="C36552" s="7">
        <f t="shared" si="571"/>
        <v>608.52419999999995</v>
      </c>
    </row>
    <row r="36553" spans="1:3" x14ac:dyDescent="0.25">
      <c r="A36553" s="2" t="s">
        <v>21790</v>
      </c>
      <c r="B36553" s="6">
        <v>608540.85</v>
      </c>
      <c r="C36553" s="7">
        <f t="shared" si="571"/>
        <v>608.54084999999998</v>
      </c>
    </row>
    <row r="36554" spans="1:3" x14ac:dyDescent="0.25">
      <c r="A36554" s="2" t="s">
        <v>21791</v>
      </c>
      <c r="B36554" s="6">
        <v>608557.5</v>
      </c>
      <c r="C36554" s="7">
        <f t="shared" si="571"/>
        <v>608.5575</v>
      </c>
    </row>
    <row r="36555" spans="1:3" x14ac:dyDescent="0.25">
      <c r="A36555" s="2" t="s">
        <v>21792</v>
      </c>
      <c r="B36555" s="6">
        <v>608574.14999999991</v>
      </c>
      <c r="C36555" s="7">
        <f t="shared" si="571"/>
        <v>608.57414999999992</v>
      </c>
    </row>
    <row r="36556" spans="1:3" x14ac:dyDescent="0.25">
      <c r="A36556" s="2" t="s">
        <v>21793</v>
      </c>
      <c r="B36556" s="6">
        <v>608590.79999999993</v>
      </c>
      <c r="C36556" s="7">
        <f t="shared" si="571"/>
        <v>608.59079999999994</v>
      </c>
    </row>
    <row r="36557" spans="1:3" x14ac:dyDescent="0.25">
      <c r="A36557" s="2" t="s">
        <v>21794</v>
      </c>
      <c r="B36557" s="6">
        <v>608607.44999999995</v>
      </c>
      <c r="C36557" s="7">
        <f t="shared" si="571"/>
        <v>608.60744999999997</v>
      </c>
    </row>
    <row r="36558" spans="1:3" x14ac:dyDescent="0.25">
      <c r="A36558" s="2" t="s">
        <v>21795</v>
      </c>
      <c r="B36558" s="6">
        <v>608624.1</v>
      </c>
      <c r="C36558" s="7">
        <f t="shared" si="571"/>
        <v>608.6241</v>
      </c>
    </row>
    <row r="36559" spans="1:3" x14ac:dyDescent="0.25">
      <c r="A36559" s="2" t="s">
        <v>21796</v>
      </c>
      <c r="B36559" s="6">
        <v>608640.75</v>
      </c>
      <c r="C36559" s="7">
        <f t="shared" si="571"/>
        <v>608.64075000000003</v>
      </c>
    </row>
    <row r="36560" spans="1:3" x14ac:dyDescent="0.25">
      <c r="A36560" s="2" t="s">
        <v>21797</v>
      </c>
      <c r="B36560" s="6">
        <v>608657.39999999991</v>
      </c>
      <c r="C36560" s="7">
        <f t="shared" si="571"/>
        <v>608.65739999999994</v>
      </c>
    </row>
    <row r="36561" spans="1:3" x14ac:dyDescent="0.25">
      <c r="A36561" s="2" t="s">
        <v>21798</v>
      </c>
      <c r="B36561" s="6">
        <v>608674.04999999993</v>
      </c>
      <c r="C36561" s="7">
        <f t="shared" si="571"/>
        <v>608.67404999999997</v>
      </c>
    </row>
    <row r="36562" spans="1:3" x14ac:dyDescent="0.25">
      <c r="A36562" s="2" t="s">
        <v>21799</v>
      </c>
      <c r="B36562" s="6">
        <v>608690.69999999995</v>
      </c>
      <c r="C36562" s="7">
        <f t="shared" si="571"/>
        <v>608.69069999999999</v>
      </c>
    </row>
    <row r="36563" spans="1:3" x14ac:dyDescent="0.25">
      <c r="A36563" s="2" t="s">
        <v>21800</v>
      </c>
      <c r="B36563" s="6">
        <v>608707.35</v>
      </c>
      <c r="C36563" s="7">
        <f t="shared" si="571"/>
        <v>608.70735000000002</v>
      </c>
    </row>
    <row r="36564" spans="1:3" x14ac:dyDescent="0.25">
      <c r="A36564" s="2" t="s">
        <v>21801</v>
      </c>
      <c r="B36564" s="6">
        <v>608724</v>
      </c>
      <c r="C36564" s="7">
        <f t="shared" si="571"/>
        <v>608.72400000000005</v>
      </c>
    </row>
    <row r="36565" spans="1:3" x14ac:dyDescent="0.25">
      <c r="A36565" s="2" t="s">
        <v>21802</v>
      </c>
      <c r="B36565" s="6">
        <v>608740.64999999991</v>
      </c>
      <c r="C36565" s="7">
        <f t="shared" si="571"/>
        <v>608.74064999999996</v>
      </c>
    </row>
    <row r="36566" spans="1:3" x14ac:dyDescent="0.25">
      <c r="A36566" s="2" t="s">
        <v>21803</v>
      </c>
      <c r="B36566" s="6">
        <v>608757.29999999993</v>
      </c>
      <c r="C36566" s="7">
        <f t="shared" si="571"/>
        <v>608.75729999999999</v>
      </c>
    </row>
    <row r="36567" spans="1:3" x14ac:dyDescent="0.25">
      <c r="A36567" s="2" t="s">
        <v>21804</v>
      </c>
      <c r="B36567" s="6">
        <v>608773.94999999995</v>
      </c>
      <c r="C36567" s="7">
        <f t="shared" si="571"/>
        <v>608.7739499999999</v>
      </c>
    </row>
    <row r="36568" spans="1:3" x14ac:dyDescent="0.25">
      <c r="A36568" s="2" t="s">
        <v>21805</v>
      </c>
      <c r="B36568" s="6">
        <v>608790.6</v>
      </c>
      <c r="C36568" s="7">
        <f t="shared" si="571"/>
        <v>608.79059999999993</v>
      </c>
    </row>
    <row r="36569" spans="1:3" x14ac:dyDescent="0.25">
      <c r="A36569" s="2" t="s">
        <v>21806</v>
      </c>
      <c r="B36569" s="6">
        <v>608807.25</v>
      </c>
      <c r="C36569" s="7">
        <f t="shared" si="571"/>
        <v>608.80724999999995</v>
      </c>
    </row>
    <row r="36570" spans="1:3" x14ac:dyDescent="0.25">
      <c r="A36570" s="2" t="s">
        <v>21807</v>
      </c>
      <c r="B36570" s="6">
        <v>608823.89999999991</v>
      </c>
      <c r="C36570" s="7">
        <f t="shared" si="571"/>
        <v>608.82389999999987</v>
      </c>
    </row>
    <row r="36571" spans="1:3" x14ac:dyDescent="0.25">
      <c r="A36571" s="2" t="s">
        <v>21808</v>
      </c>
      <c r="B36571" s="6">
        <v>608840.54999999993</v>
      </c>
      <c r="C36571" s="7">
        <f t="shared" si="571"/>
        <v>608.84054999999989</v>
      </c>
    </row>
    <row r="36572" spans="1:3" x14ac:dyDescent="0.25">
      <c r="A36572" s="2" t="s">
        <v>21809</v>
      </c>
      <c r="B36572" s="6">
        <v>608857.19999999995</v>
      </c>
      <c r="C36572" s="7">
        <f t="shared" si="571"/>
        <v>608.85719999999992</v>
      </c>
    </row>
    <row r="36573" spans="1:3" x14ac:dyDescent="0.25">
      <c r="A36573" s="2" t="s">
        <v>21810</v>
      </c>
      <c r="B36573" s="6">
        <v>608873.85</v>
      </c>
      <c r="C36573" s="7">
        <f t="shared" si="571"/>
        <v>608.87384999999995</v>
      </c>
    </row>
    <row r="36574" spans="1:3" x14ac:dyDescent="0.25">
      <c r="A36574" s="2" t="s">
        <v>21811</v>
      </c>
      <c r="B36574" s="6">
        <v>608890.5</v>
      </c>
      <c r="C36574" s="7">
        <f t="shared" si="571"/>
        <v>608.89049999999997</v>
      </c>
    </row>
    <row r="36575" spans="1:3" x14ac:dyDescent="0.25">
      <c r="A36575" s="2" t="s">
        <v>21812</v>
      </c>
      <c r="B36575" s="6">
        <v>608907.14999999991</v>
      </c>
      <c r="C36575" s="7">
        <f t="shared" si="571"/>
        <v>608.90714999999989</v>
      </c>
    </row>
    <row r="36576" spans="1:3" x14ac:dyDescent="0.25">
      <c r="A36576" s="2" t="s">
        <v>21813</v>
      </c>
      <c r="B36576" s="6">
        <v>608923.79999999993</v>
      </c>
      <c r="C36576" s="7">
        <f t="shared" si="571"/>
        <v>608.92379999999991</v>
      </c>
    </row>
    <row r="36577" spans="1:3" x14ac:dyDescent="0.25">
      <c r="A36577" s="2" t="s">
        <v>21814</v>
      </c>
      <c r="B36577" s="6">
        <v>608940.44999999995</v>
      </c>
      <c r="C36577" s="7">
        <f t="shared" si="571"/>
        <v>608.94044999999994</v>
      </c>
    </row>
    <row r="36578" spans="1:3" x14ac:dyDescent="0.25">
      <c r="A36578" s="2" t="s">
        <v>21815</v>
      </c>
      <c r="B36578" s="6">
        <v>608957.1</v>
      </c>
      <c r="C36578" s="7">
        <f t="shared" si="571"/>
        <v>608.95709999999997</v>
      </c>
    </row>
    <row r="36579" spans="1:3" x14ac:dyDescent="0.25">
      <c r="A36579" s="2" t="s">
        <v>21816</v>
      </c>
      <c r="B36579" s="6">
        <v>608973.75</v>
      </c>
      <c r="C36579" s="7">
        <f t="shared" si="571"/>
        <v>608.97375</v>
      </c>
    </row>
    <row r="36580" spans="1:3" x14ac:dyDescent="0.25">
      <c r="A36580" s="2" t="s">
        <v>21817</v>
      </c>
      <c r="B36580" s="6">
        <v>608990.39999999991</v>
      </c>
      <c r="C36580" s="7">
        <f t="shared" si="571"/>
        <v>608.99039999999991</v>
      </c>
    </row>
    <row r="36581" spans="1:3" x14ac:dyDescent="0.25">
      <c r="A36581" s="2" t="s">
        <v>21818</v>
      </c>
      <c r="B36581" s="6">
        <v>609007.04999999993</v>
      </c>
      <c r="C36581" s="7">
        <f t="shared" si="571"/>
        <v>609.00704999999994</v>
      </c>
    </row>
    <row r="36582" spans="1:3" x14ac:dyDescent="0.25">
      <c r="A36582" s="2" t="s">
        <v>21819</v>
      </c>
      <c r="B36582" s="6">
        <v>609023.69999999995</v>
      </c>
      <c r="C36582" s="7">
        <f t="shared" si="571"/>
        <v>609.02369999999996</v>
      </c>
    </row>
    <row r="36583" spans="1:3" x14ac:dyDescent="0.25">
      <c r="A36583" s="2" t="s">
        <v>21820</v>
      </c>
      <c r="B36583" s="6">
        <v>609040.35</v>
      </c>
      <c r="C36583" s="7">
        <f t="shared" si="571"/>
        <v>609.04034999999999</v>
      </c>
    </row>
    <row r="36584" spans="1:3" x14ac:dyDescent="0.25">
      <c r="A36584" s="2" t="s">
        <v>21821</v>
      </c>
      <c r="B36584" s="6">
        <v>609057</v>
      </c>
      <c r="C36584" s="7">
        <f t="shared" si="571"/>
        <v>609.05700000000002</v>
      </c>
    </row>
    <row r="36585" spans="1:3" x14ac:dyDescent="0.25">
      <c r="A36585" s="2" t="s">
        <v>21822</v>
      </c>
      <c r="B36585" s="6">
        <v>609073.64999999991</v>
      </c>
      <c r="C36585" s="7">
        <f t="shared" si="571"/>
        <v>609.07364999999993</v>
      </c>
    </row>
    <row r="36586" spans="1:3" x14ac:dyDescent="0.25">
      <c r="A36586" s="2" t="s">
        <v>21823</v>
      </c>
      <c r="B36586" s="6">
        <v>609090.29999999993</v>
      </c>
      <c r="C36586" s="7">
        <f t="shared" si="571"/>
        <v>609.09029999999996</v>
      </c>
    </row>
    <row r="36587" spans="1:3" x14ac:dyDescent="0.25">
      <c r="A36587" s="2" t="s">
        <v>21824</v>
      </c>
      <c r="B36587" s="6">
        <v>609106.94999999995</v>
      </c>
      <c r="C36587" s="7">
        <f t="shared" si="571"/>
        <v>609.10694999999998</v>
      </c>
    </row>
    <row r="36588" spans="1:3" x14ac:dyDescent="0.25">
      <c r="A36588" s="2" t="s">
        <v>21825</v>
      </c>
      <c r="B36588" s="6">
        <v>609123.6</v>
      </c>
      <c r="C36588" s="7">
        <f t="shared" si="571"/>
        <v>609.12360000000001</v>
      </c>
    </row>
    <row r="36589" spans="1:3" x14ac:dyDescent="0.25">
      <c r="A36589" s="2" t="s">
        <v>21826</v>
      </c>
      <c r="B36589" s="6">
        <v>609140.25</v>
      </c>
      <c r="C36589" s="7">
        <f t="shared" si="571"/>
        <v>609.14025000000004</v>
      </c>
    </row>
    <row r="36590" spans="1:3" x14ac:dyDescent="0.25">
      <c r="A36590" s="2" t="s">
        <v>21827</v>
      </c>
      <c r="B36590" s="6">
        <v>609156.89999999991</v>
      </c>
      <c r="C36590" s="7">
        <f t="shared" si="571"/>
        <v>609.15689999999995</v>
      </c>
    </row>
    <row r="36591" spans="1:3" x14ac:dyDescent="0.25">
      <c r="A36591" s="2" t="s">
        <v>21828</v>
      </c>
      <c r="B36591" s="6">
        <v>609173.54999999993</v>
      </c>
      <c r="C36591" s="7">
        <f t="shared" si="571"/>
        <v>609.17354999999998</v>
      </c>
    </row>
    <row r="36592" spans="1:3" x14ac:dyDescent="0.25">
      <c r="A36592" s="2" t="s">
        <v>21829</v>
      </c>
      <c r="B36592" s="6">
        <v>609190.19999999995</v>
      </c>
      <c r="C36592" s="7">
        <f t="shared" si="571"/>
        <v>609.1902</v>
      </c>
    </row>
    <row r="36593" spans="1:3" x14ac:dyDescent="0.25">
      <c r="A36593" s="2" t="s">
        <v>21830</v>
      </c>
      <c r="B36593" s="6">
        <v>609206.85</v>
      </c>
      <c r="C36593" s="7">
        <f t="shared" si="571"/>
        <v>609.20685000000003</v>
      </c>
    </row>
    <row r="36594" spans="1:3" x14ac:dyDescent="0.25">
      <c r="A36594" s="2" t="s">
        <v>21831</v>
      </c>
      <c r="B36594" s="6">
        <v>609223.5</v>
      </c>
      <c r="C36594" s="7">
        <f t="shared" si="571"/>
        <v>609.22349999999994</v>
      </c>
    </row>
    <row r="36595" spans="1:3" x14ac:dyDescent="0.25">
      <c r="A36595" s="2" t="s">
        <v>21832</v>
      </c>
      <c r="B36595" s="6">
        <v>609240.14999999991</v>
      </c>
      <c r="C36595" s="7">
        <f t="shared" si="571"/>
        <v>609.24014999999986</v>
      </c>
    </row>
    <row r="36596" spans="1:3" x14ac:dyDescent="0.25">
      <c r="A36596" s="2" t="s">
        <v>21833</v>
      </c>
      <c r="B36596" s="6">
        <v>609256.79999999993</v>
      </c>
      <c r="C36596" s="7">
        <f t="shared" si="571"/>
        <v>609.25679999999988</v>
      </c>
    </row>
    <row r="36597" spans="1:3" x14ac:dyDescent="0.25">
      <c r="A36597" s="2" t="s">
        <v>21834</v>
      </c>
      <c r="B36597" s="6">
        <v>609273.44999999995</v>
      </c>
      <c r="C36597" s="7">
        <f t="shared" si="571"/>
        <v>609.27344999999991</v>
      </c>
    </row>
    <row r="36598" spans="1:3" x14ac:dyDescent="0.25">
      <c r="A36598" s="2" t="s">
        <v>21835</v>
      </c>
      <c r="B36598" s="6">
        <v>609290.1</v>
      </c>
      <c r="C36598" s="7">
        <f t="shared" si="571"/>
        <v>609.29009999999994</v>
      </c>
    </row>
    <row r="36599" spans="1:3" x14ac:dyDescent="0.25">
      <c r="A36599" s="2" t="s">
        <v>21836</v>
      </c>
      <c r="B36599" s="6">
        <v>609306.75</v>
      </c>
      <c r="C36599" s="7">
        <f t="shared" si="571"/>
        <v>609.30674999999997</v>
      </c>
    </row>
    <row r="36600" spans="1:3" x14ac:dyDescent="0.25">
      <c r="A36600" s="2" t="s">
        <v>21837</v>
      </c>
      <c r="B36600" s="6">
        <v>609323.39999999991</v>
      </c>
      <c r="C36600" s="7">
        <f t="shared" si="571"/>
        <v>609.32339999999988</v>
      </c>
    </row>
    <row r="36601" spans="1:3" x14ac:dyDescent="0.25">
      <c r="A36601" s="2" t="s">
        <v>21838</v>
      </c>
      <c r="B36601" s="6">
        <v>609340.04999999993</v>
      </c>
      <c r="C36601" s="7">
        <f t="shared" si="571"/>
        <v>609.34004999999991</v>
      </c>
    </row>
    <row r="36602" spans="1:3" x14ac:dyDescent="0.25">
      <c r="A36602" s="2" t="s">
        <v>21839</v>
      </c>
      <c r="B36602" s="6">
        <v>609356.69999999995</v>
      </c>
      <c r="C36602" s="7">
        <f t="shared" si="571"/>
        <v>609.35669999999993</v>
      </c>
    </row>
    <row r="36603" spans="1:3" x14ac:dyDescent="0.25">
      <c r="A36603" s="2" t="s">
        <v>21840</v>
      </c>
      <c r="B36603" s="6">
        <v>609373.35</v>
      </c>
      <c r="C36603" s="7">
        <f t="shared" si="571"/>
        <v>609.37334999999996</v>
      </c>
    </row>
    <row r="36604" spans="1:3" x14ac:dyDescent="0.25">
      <c r="A36604" s="2" t="s">
        <v>21841</v>
      </c>
      <c r="B36604" s="6">
        <v>609390</v>
      </c>
      <c r="C36604" s="7">
        <f t="shared" si="571"/>
        <v>609.39</v>
      </c>
    </row>
    <row r="36605" spans="1:3" x14ac:dyDescent="0.25">
      <c r="A36605" s="2" t="s">
        <v>21842</v>
      </c>
      <c r="B36605" s="6">
        <v>609406.64999999991</v>
      </c>
      <c r="C36605" s="7">
        <f t="shared" si="571"/>
        <v>609.4066499999999</v>
      </c>
    </row>
    <row r="36606" spans="1:3" x14ac:dyDescent="0.25">
      <c r="A36606" s="2" t="s">
        <v>21843</v>
      </c>
      <c r="B36606" s="6">
        <v>609423.29999999993</v>
      </c>
      <c r="C36606" s="7">
        <f t="shared" si="571"/>
        <v>609.42329999999993</v>
      </c>
    </row>
    <row r="36607" spans="1:3" x14ac:dyDescent="0.25">
      <c r="A36607" s="2" t="s">
        <v>21844</v>
      </c>
      <c r="B36607" s="6">
        <v>609439.94999999995</v>
      </c>
      <c r="C36607" s="7">
        <f t="shared" si="571"/>
        <v>609.43994999999995</v>
      </c>
    </row>
    <row r="36608" spans="1:3" x14ac:dyDescent="0.25">
      <c r="A36608" s="2" t="s">
        <v>21845</v>
      </c>
      <c r="B36608" s="6">
        <v>609456.6</v>
      </c>
      <c r="C36608" s="7">
        <f t="shared" si="571"/>
        <v>609.45659999999998</v>
      </c>
    </row>
    <row r="36609" spans="1:3" x14ac:dyDescent="0.25">
      <c r="A36609" s="2" t="s">
        <v>21846</v>
      </c>
      <c r="B36609" s="6">
        <v>609473.25</v>
      </c>
      <c r="C36609" s="7">
        <f t="shared" si="571"/>
        <v>609.47325000000001</v>
      </c>
    </row>
    <row r="36610" spans="1:3" x14ac:dyDescent="0.25">
      <c r="A36610" s="2" t="s">
        <v>21847</v>
      </c>
      <c r="B36610" s="6">
        <v>609489.89999999991</v>
      </c>
      <c r="C36610" s="7">
        <f t="shared" si="571"/>
        <v>609.48989999999992</v>
      </c>
    </row>
    <row r="36611" spans="1:3" x14ac:dyDescent="0.25">
      <c r="A36611" s="2" t="s">
        <v>21848</v>
      </c>
      <c r="B36611" s="6">
        <v>609506.54999999993</v>
      </c>
      <c r="C36611" s="7">
        <f t="shared" ref="C36611:C36674" si="572">B36611/1000</f>
        <v>609.50654999999995</v>
      </c>
    </row>
    <row r="36612" spans="1:3" x14ac:dyDescent="0.25">
      <c r="A36612" s="2" t="s">
        <v>21849</v>
      </c>
      <c r="B36612" s="6">
        <v>609523.19999999995</v>
      </c>
      <c r="C36612" s="7">
        <f t="shared" si="572"/>
        <v>609.52319999999997</v>
      </c>
    </row>
    <row r="36613" spans="1:3" x14ac:dyDescent="0.25">
      <c r="A36613" s="2" t="s">
        <v>21850</v>
      </c>
      <c r="B36613" s="6">
        <v>609539.85</v>
      </c>
      <c r="C36613" s="7">
        <f t="shared" si="572"/>
        <v>609.53985</v>
      </c>
    </row>
    <row r="36614" spans="1:3" x14ac:dyDescent="0.25">
      <c r="A36614" s="2" t="s">
        <v>21851</v>
      </c>
      <c r="B36614" s="6">
        <v>609556.5</v>
      </c>
      <c r="C36614" s="7">
        <f t="shared" si="572"/>
        <v>609.55650000000003</v>
      </c>
    </row>
    <row r="36615" spans="1:3" x14ac:dyDescent="0.25">
      <c r="A36615" s="2" t="s">
        <v>21852</v>
      </c>
      <c r="B36615" s="6">
        <v>609573.14999999991</v>
      </c>
      <c r="C36615" s="7">
        <f t="shared" si="572"/>
        <v>609.57314999999994</v>
      </c>
    </row>
    <row r="36616" spans="1:3" x14ac:dyDescent="0.25">
      <c r="A36616" s="2" t="s">
        <v>21853</v>
      </c>
      <c r="B36616" s="6">
        <v>609589.79999999993</v>
      </c>
      <c r="C36616" s="7">
        <f t="shared" si="572"/>
        <v>609.58979999999997</v>
      </c>
    </row>
    <row r="36617" spans="1:3" x14ac:dyDescent="0.25">
      <c r="A36617" s="2" t="s">
        <v>21854</v>
      </c>
      <c r="B36617" s="6">
        <v>609606.44999999995</v>
      </c>
      <c r="C36617" s="7">
        <f t="shared" si="572"/>
        <v>609.60645</v>
      </c>
    </row>
    <row r="36618" spans="1:3" x14ac:dyDescent="0.25">
      <c r="A36618" s="2" t="s">
        <v>21855</v>
      </c>
      <c r="B36618" s="6">
        <v>609623.1</v>
      </c>
      <c r="C36618" s="7">
        <f t="shared" si="572"/>
        <v>609.62310000000002</v>
      </c>
    </row>
    <row r="36619" spans="1:3" x14ac:dyDescent="0.25">
      <c r="A36619" s="2" t="s">
        <v>21856</v>
      </c>
      <c r="B36619" s="6">
        <v>609639.75</v>
      </c>
      <c r="C36619" s="7">
        <f t="shared" si="572"/>
        <v>609.63975000000005</v>
      </c>
    </row>
    <row r="36620" spans="1:3" x14ac:dyDescent="0.25">
      <c r="A36620" s="2" t="s">
        <v>21857</v>
      </c>
      <c r="B36620" s="6">
        <v>609656.39999999991</v>
      </c>
      <c r="C36620" s="7">
        <f t="shared" si="572"/>
        <v>609.65639999999996</v>
      </c>
    </row>
    <row r="36621" spans="1:3" x14ac:dyDescent="0.25">
      <c r="A36621" s="2" t="s">
        <v>21858</v>
      </c>
      <c r="B36621" s="6">
        <v>609673.04999999993</v>
      </c>
      <c r="C36621" s="7">
        <f t="shared" si="572"/>
        <v>609.67304999999988</v>
      </c>
    </row>
    <row r="36622" spans="1:3" x14ac:dyDescent="0.25">
      <c r="A36622" s="2" t="s">
        <v>21859</v>
      </c>
      <c r="B36622" s="6">
        <v>609689.69999999995</v>
      </c>
      <c r="C36622" s="7">
        <f t="shared" si="572"/>
        <v>609.6896999999999</v>
      </c>
    </row>
    <row r="36623" spans="1:3" x14ac:dyDescent="0.25">
      <c r="A36623" s="2" t="s">
        <v>21860</v>
      </c>
      <c r="B36623" s="6">
        <v>609706.35</v>
      </c>
      <c r="C36623" s="7">
        <f t="shared" si="572"/>
        <v>609.70634999999993</v>
      </c>
    </row>
    <row r="36624" spans="1:3" x14ac:dyDescent="0.25">
      <c r="A36624" s="2" t="s">
        <v>21861</v>
      </c>
      <c r="B36624" s="6">
        <v>609723</v>
      </c>
      <c r="C36624" s="7">
        <f t="shared" si="572"/>
        <v>609.72299999999996</v>
      </c>
    </row>
    <row r="36625" spans="1:3" x14ac:dyDescent="0.25">
      <c r="A36625" s="2" t="s">
        <v>21862</v>
      </c>
      <c r="B36625" s="6">
        <v>609739.64999999991</v>
      </c>
      <c r="C36625" s="7">
        <f t="shared" si="572"/>
        <v>609.73964999999987</v>
      </c>
    </row>
    <row r="36626" spans="1:3" x14ac:dyDescent="0.25">
      <c r="A36626" s="2" t="s">
        <v>21863</v>
      </c>
      <c r="B36626" s="6">
        <v>609756.29999999993</v>
      </c>
      <c r="C36626" s="7">
        <f t="shared" si="572"/>
        <v>609.7562999999999</v>
      </c>
    </row>
    <row r="36627" spans="1:3" x14ac:dyDescent="0.25">
      <c r="A36627" s="2" t="s">
        <v>21864</v>
      </c>
      <c r="B36627" s="6">
        <v>609772.94999999995</v>
      </c>
      <c r="C36627" s="7">
        <f t="shared" si="572"/>
        <v>609.77294999999992</v>
      </c>
    </row>
    <row r="36628" spans="1:3" x14ac:dyDescent="0.25">
      <c r="A36628" s="2" t="s">
        <v>21865</v>
      </c>
      <c r="B36628" s="6">
        <v>609789.6</v>
      </c>
      <c r="C36628" s="7">
        <f t="shared" si="572"/>
        <v>609.78959999999995</v>
      </c>
    </row>
    <row r="36629" spans="1:3" x14ac:dyDescent="0.25">
      <c r="A36629" s="2" t="s">
        <v>21866</v>
      </c>
      <c r="B36629" s="6">
        <v>609806.25</v>
      </c>
      <c r="C36629" s="7">
        <f t="shared" si="572"/>
        <v>609.80624999999998</v>
      </c>
    </row>
    <row r="36630" spans="1:3" x14ac:dyDescent="0.25">
      <c r="A36630" s="2" t="s">
        <v>21867</v>
      </c>
      <c r="B36630" s="6">
        <v>609822.89999999991</v>
      </c>
      <c r="C36630" s="7">
        <f t="shared" si="572"/>
        <v>609.82289999999989</v>
      </c>
    </row>
    <row r="36631" spans="1:3" x14ac:dyDescent="0.25">
      <c r="A36631" s="2" t="s">
        <v>21868</v>
      </c>
      <c r="B36631" s="6">
        <v>609839.54999999993</v>
      </c>
      <c r="C36631" s="7">
        <f t="shared" si="572"/>
        <v>609.83954999999992</v>
      </c>
    </row>
    <row r="36632" spans="1:3" x14ac:dyDescent="0.25">
      <c r="A36632" s="2" t="s">
        <v>21869</v>
      </c>
      <c r="B36632" s="6">
        <v>609856.19999999995</v>
      </c>
      <c r="C36632" s="7">
        <f t="shared" si="572"/>
        <v>609.85619999999994</v>
      </c>
    </row>
    <row r="36633" spans="1:3" x14ac:dyDescent="0.25">
      <c r="A36633" s="2" t="s">
        <v>21870</v>
      </c>
      <c r="B36633" s="6">
        <v>609872.85</v>
      </c>
      <c r="C36633" s="7">
        <f t="shared" si="572"/>
        <v>609.87284999999997</v>
      </c>
    </row>
    <row r="36634" spans="1:3" x14ac:dyDescent="0.25">
      <c r="A36634" s="2" t="s">
        <v>21871</v>
      </c>
      <c r="B36634" s="6">
        <v>609889.5</v>
      </c>
      <c r="C36634" s="7">
        <f t="shared" si="572"/>
        <v>609.8895</v>
      </c>
    </row>
    <row r="36635" spans="1:3" x14ac:dyDescent="0.25">
      <c r="A36635" s="2" t="s">
        <v>21872</v>
      </c>
      <c r="B36635" s="6">
        <v>609906.14999999991</v>
      </c>
      <c r="C36635" s="7">
        <f t="shared" si="572"/>
        <v>609.90614999999991</v>
      </c>
    </row>
    <row r="36636" spans="1:3" x14ac:dyDescent="0.25">
      <c r="A36636" s="2" t="s">
        <v>21873</v>
      </c>
      <c r="B36636" s="6">
        <v>609922.79999999993</v>
      </c>
      <c r="C36636" s="7">
        <f t="shared" si="572"/>
        <v>609.92279999999994</v>
      </c>
    </row>
    <row r="36637" spans="1:3" x14ac:dyDescent="0.25">
      <c r="A36637" s="2" t="s">
        <v>21874</v>
      </c>
      <c r="B36637" s="6">
        <v>609939.44999999995</v>
      </c>
      <c r="C36637" s="7">
        <f t="shared" si="572"/>
        <v>609.93944999999997</v>
      </c>
    </row>
    <row r="36638" spans="1:3" x14ac:dyDescent="0.25">
      <c r="A36638" s="2" t="s">
        <v>21875</v>
      </c>
      <c r="B36638" s="6">
        <v>609956.1</v>
      </c>
      <c r="C36638" s="7">
        <f t="shared" si="572"/>
        <v>609.95609999999999</v>
      </c>
    </row>
    <row r="36639" spans="1:3" x14ac:dyDescent="0.25">
      <c r="A36639" s="2" t="s">
        <v>21876</v>
      </c>
      <c r="B36639" s="6">
        <v>609972.75</v>
      </c>
      <c r="C36639" s="7">
        <f t="shared" si="572"/>
        <v>609.97275000000002</v>
      </c>
    </row>
    <row r="36640" spans="1:3" x14ac:dyDescent="0.25">
      <c r="A36640" s="2" t="s">
        <v>21877</v>
      </c>
      <c r="B36640" s="6">
        <v>609989.39999999991</v>
      </c>
      <c r="C36640" s="7">
        <f t="shared" si="572"/>
        <v>609.98939999999993</v>
      </c>
    </row>
    <row r="36641" spans="1:3" x14ac:dyDescent="0.25">
      <c r="A36641" s="2" t="s">
        <v>21878</v>
      </c>
      <c r="B36641" s="6">
        <v>610006.04999999993</v>
      </c>
      <c r="C36641" s="7">
        <f t="shared" si="572"/>
        <v>610.00604999999996</v>
      </c>
    </row>
    <row r="36642" spans="1:3" x14ac:dyDescent="0.25">
      <c r="A36642" s="2" t="s">
        <v>21879</v>
      </c>
      <c r="B36642" s="6">
        <v>610022.69999999995</v>
      </c>
      <c r="C36642" s="7">
        <f t="shared" si="572"/>
        <v>610.02269999999999</v>
      </c>
    </row>
    <row r="36643" spans="1:3" x14ac:dyDescent="0.25">
      <c r="A36643" s="2" t="s">
        <v>21880</v>
      </c>
      <c r="B36643" s="6">
        <v>610039.35</v>
      </c>
      <c r="C36643" s="7">
        <f t="shared" si="572"/>
        <v>610.03935000000001</v>
      </c>
    </row>
    <row r="36644" spans="1:3" x14ac:dyDescent="0.25">
      <c r="A36644" s="2" t="s">
        <v>21881</v>
      </c>
      <c r="B36644" s="6">
        <v>610056</v>
      </c>
      <c r="C36644" s="7">
        <f t="shared" si="572"/>
        <v>610.05600000000004</v>
      </c>
    </row>
    <row r="36645" spans="1:3" x14ac:dyDescent="0.25">
      <c r="A36645" s="2" t="s">
        <v>21882</v>
      </c>
      <c r="B36645" s="6">
        <v>610072.64999999991</v>
      </c>
      <c r="C36645" s="7">
        <f t="shared" si="572"/>
        <v>610.07264999999995</v>
      </c>
    </row>
    <row r="36646" spans="1:3" x14ac:dyDescent="0.25">
      <c r="A36646" s="2" t="s">
        <v>21883</v>
      </c>
      <c r="B36646" s="6">
        <v>610089.29999999993</v>
      </c>
      <c r="C36646" s="7">
        <f t="shared" si="572"/>
        <v>610.08929999999998</v>
      </c>
    </row>
    <row r="36647" spans="1:3" x14ac:dyDescent="0.25">
      <c r="A36647" s="2" t="s">
        <v>21884</v>
      </c>
      <c r="B36647" s="6">
        <v>610105.94999999995</v>
      </c>
      <c r="C36647" s="7">
        <f t="shared" si="572"/>
        <v>610.10595000000001</v>
      </c>
    </row>
    <row r="36648" spans="1:3" x14ac:dyDescent="0.25">
      <c r="A36648" s="2" t="s">
        <v>21885</v>
      </c>
      <c r="B36648" s="6">
        <v>610122.6</v>
      </c>
      <c r="C36648" s="7">
        <f t="shared" si="572"/>
        <v>610.12259999999992</v>
      </c>
    </row>
    <row r="36649" spans="1:3" x14ac:dyDescent="0.25">
      <c r="A36649" s="2" t="s">
        <v>21886</v>
      </c>
      <c r="B36649" s="6">
        <v>610139.25</v>
      </c>
      <c r="C36649" s="7">
        <f t="shared" si="572"/>
        <v>610.13924999999995</v>
      </c>
    </row>
    <row r="36650" spans="1:3" x14ac:dyDescent="0.25">
      <c r="A36650" s="2" t="s">
        <v>21887</v>
      </c>
      <c r="B36650" s="6">
        <v>610155.89999999991</v>
      </c>
      <c r="C36650" s="7">
        <f t="shared" si="572"/>
        <v>610.15589999999986</v>
      </c>
    </row>
    <row r="36651" spans="1:3" x14ac:dyDescent="0.25">
      <c r="A36651" s="2" t="s">
        <v>21888</v>
      </c>
      <c r="B36651" s="6">
        <v>610172.54999999993</v>
      </c>
      <c r="C36651" s="7">
        <f t="shared" si="572"/>
        <v>610.17254999999989</v>
      </c>
    </row>
    <row r="36652" spans="1:3" x14ac:dyDescent="0.25">
      <c r="A36652" s="2" t="s">
        <v>21889</v>
      </c>
      <c r="B36652" s="6">
        <v>610189.19999999995</v>
      </c>
      <c r="C36652" s="7">
        <f t="shared" si="572"/>
        <v>610.18919999999991</v>
      </c>
    </row>
    <row r="36653" spans="1:3" x14ac:dyDescent="0.25">
      <c r="A36653" s="2" t="s">
        <v>21890</v>
      </c>
      <c r="B36653" s="6">
        <v>610205.85</v>
      </c>
      <c r="C36653" s="7">
        <f t="shared" si="572"/>
        <v>610.20584999999994</v>
      </c>
    </row>
    <row r="36654" spans="1:3" x14ac:dyDescent="0.25">
      <c r="A36654" s="2" t="s">
        <v>21891</v>
      </c>
      <c r="B36654" s="6">
        <v>610222.5</v>
      </c>
      <c r="C36654" s="7">
        <f t="shared" si="572"/>
        <v>610.22249999999997</v>
      </c>
    </row>
    <row r="36655" spans="1:3" x14ac:dyDescent="0.25">
      <c r="A36655" s="2" t="s">
        <v>21892</v>
      </c>
      <c r="B36655" s="6">
        <v>610239.14999999991</v>
      </c>
      <c r="C36655" s="7">
        <f t="shared" si="572"/>
        <v>610.23914999999988</v>
      </c>
    </row>
    <row r="36656" spans="1:3" x14ac:dyDescent="0.25">
      <c r="A36656" s="2" t="s">
        <v>21893</v>
      </c>
      <c r="B36656" s="6">
        <v>610255.79999999993</v>
      </c>
      <c r="C36656" s="7">
        <f t="shared" si="572"/>
        <v>610.25579999999991</v>
      </c>
    </row>
    <row r="36657" spans="1:3" x14ac:dyDescent="0.25">
      <c r="A36657" s="2" t="s">
        <v>21894</v>
      </c>
      <c r="B36657" s="6">
        <v>610272.44999999995</v>
      </c>
      <c r="C36657" s="7">
        <f t="shared" si="572"/>
        <v>610.27244999999994</v>
      </c>
    </row>
    <row r="36658" spans="1:3" x14ac:dyDescent="0.25">
      <c r="A36658" s="2" t="s">
        <v>21895</v>
      </c>
      <c r="B36658" s="6">
        <v>610289.1</v>
      </c>
      <c r="C36658" s="7">
        <f t="shared" si="572"/>
        <v>610.28909999999996</v>
      </c>
    </row>
    <row r="36659" spans="1:3" x14ac:dyDescent="0.25">
      <c r="A36659" s="2" t="s">
        <v>21896</v>
      </c>
      <c r="B36659" s="6">
        <v>610305.75</v>
      </c>
      <c r="C36659" s="7">
        <f t="shared" si="572"/>
        <v>610.30574999999999</v>
      </c>
    </row>
    <row r="36660" spans="1:3" x14ac:dyDescent="0.25">
      <c r="A36660" s="2" t="s">
        <v>21897</v>
      </c>
      <c r="B36660" s="6">
        <v>610322.39999999991</v>
      </c>
      <c r="C36660" s="7">
        <f t="shared" si="572"/>
        <v>610.3223999999999</v>
      </c>
    </row>
    <row r="36661" spans="1:3" x14ac:dyDescent="0.25">
      <c r="A36661" s="2" t="s">
        <v>21898</v>
      </c>
      <c r="B36661" s="6">
        <v>610339.04999999993</v>
      </c>
      <c r="C36661" s="7">
        <f t="shared" si="572"/>
        <v>610.33904999999993</v>
      </c>
    </row>
    <row r="36662" spans="1:3" x14ac:dyDescent="0.25">
      <c r="A36662" s="2" t="s">
        <v>21899</v>
      </c>
      <c r="B36662" s="6">
        <v>610355.69999999995</v>
      </c>
      <c r="C36662" s="7">
        <f t="shared" si="572"/>
        <v>610.35569999999996</v>
      </c>
    </row>
    <row r="36663" spans="1:3" x14ac:dyDescent="0.25">
      <c r="A36663" s="2" t="s">
        <v>21900</v>
      </c>
      <c r="B36663" s="6">
        <v>610372.35</v>
      </c>
      <c r="C36663" s="7">
        <f t="shared" si="572"/>
        <v>610.37234999999998</v>
      </c>
    </row>
    <row r="36664" spans="1:3" x14ac:dyDescent="0.25">
      <c r="A36664" s="2" t="s">
        <v>21901</v>
      </c>
      <c r="B36664" s="6">
        <v>610389</v>
      </c>
      <c r="C36664" s="7">
        <f t="shared" si="572"/>
        <v>610.38900000000001</v>
      </c>
    </row>
    <row r="36665" spans="1:3" x14ac:dyDescent="0.25">
      <c r="A36665" s="2" t="s">
        <v>21902</v>
      </c>
      <c r="B36665" s="6">
        <v>610405.64999999991</v>
      </c>
      <c r="C36665" s="7">
        <f t="shared" si="572"/>
        <v>610.40564999999992</v>
      </c>
    </row>
    <row r="36666" spans="1:3" x14ac:dyDescent="0.25">
      <c r="A36666" s="2" t="s">
        <v>21903</v>
      </c>
      <c r="B36666" s="6">
        <v>610422.29999999993</v>
      </c>
      <c r="C36666" s="7">
        <f t="shared" si="572"/>
        <v>610.42229999999995</v>
      </c>
    </row>
    <row r="36667" spans="1:3" x14ac:dyDescent="0.25">
      <c r="A36667" s="2" t="s">
        <v>21904</v>
      </c>
      <c r="B36667" s="6">
        <v>610438.94999999995</v>
      </c>
      <c r="C36667" s="7">
        <f t="shared" si="572"/>
        <v>610.43894999999998</v>
      </c>
    </row>
    <row r="36668" spans="1:3" x14ac:dyDescent="0.25">
      <c r="A36668" s="2" t="s">
        <v>21905</v>
      </c>
      <c r="B36668" s="6">
        <v>610455.6</v>
      </c>
      <c r="C36668" s="7">
        <f t="shared" si="572"/>
        <v>610.4556</v>
      </c>
    </row>
    <row r="36669" spans="1:3" x14ac:dyDescent="0.25">
      <c r="A36669" s="2" t="s">
        <v>21906</v>
      </c>
      <c r="B36669" s="6">
        <v>610472.25</v>
      </c>
      <c r="C36669" s="7">
        <f t="shared" si="572"/>
        <v>610.47225000000003</v>
      </c>
    </row>
    <row r="36670" spans="1:3" x14ac:dyDescent="0.25">
      <c r="A36670" s="2" t="s">
        <v>21907</v>
      </c>
      <c r="B36670" s="6">
        <v>610488.89999999991</v>
      </c>
      <c r="C36670" s="7">
        <f t="shared" si="572"/>
        <v>610.48889999999994</v>
      </c>
    </row>
    <row r="36671" spans="1:3" x14ac:dyDescent="0.25">
      <c r="A36671" s="2" t="s">
        <v>21908</v>
      </c>
      <c r="B36671" s="6">
        <v>610505.54999999993</v>
      </c>
      <c r="C36671" s="7">
        <f t="shared" si="572"/>
        <v>610.50554999999997</v>
      </c>
    </row>
    <row r="36672" spans="1:3" x14ac:dyDescent="0.25">
      <c r="A36672" s="2" t="s">
        <v>21909</v>
      </c>
      <c r="B36672" s="6">
        <v>610522.19999999995</v>
      </c>
      <c r="C36672" s="7">
        <f t="shared" si="572"/>
        <v>610.5222</v>
      </c>
    </row>
    <row r="36673" spans="1:3" x14ac:dyDescent="0.25">
      <c r="A36673" s="2" t="s">
        <v>21910</v>
      </c>
      <c r="B36673" s="6">
        <v>610538.85</v>
      </c>
      <c r="C36673" s="7">
        <f t="shared" si="572"/>
        <v>610.53885000000002</v>
      </c>
    </row>
    <row r="36674" spans="1:3" x14ac:dyDescent="0.25">
      <c r="A36674" s="2" t="s">
        <v>21911</v>
      </c>
      <c r="B36674" s="6">
        <v>610555.5</v>
      </c>
      <c r="C36674" s="7">
        <f t="shared" si="572"/>
        <v>610.55550000000005</v>
      </c>
    </row>
    <row r="36675" spans="1:3" x14ac:dyDescent="0.25">
      <c r="A36675" s="2" t="s">
        <v>21912</v>
      </c>
      <c r="B36675" s="6">
        <v>610572.14999999991</v>
      </c>
      <c r="C36675" s="7">
        <f t="shared" ref="C36675:C36738" si="573">B36675/1000</f>
        <v>610.57214999999985</v>
      </c>
    </row>
    <row r="36676" spans="1:3" x14ac:dyDescent="0.25">
      <c r="A36676" s="2" t="s">
        <v>21913</v>
      </c>
      <c r="B36676" s="6">
        <v>610588.79999999993</v>
      </c>
      <c r="C36676" s="7">
        <f t="shared" si="573"/>
        <v>610.58879999999988</v>
      </c>
    </row>
    <row r="36677" spans="1:3" x14ac:dyDescent="0.25">
      <c r="A36677" s="2" t="s">
        <v>21914</v>
      </c>
      <c r="B36677" s="6">
        <v>610605.44999999995</v>
      </c>
      <c r="C36677" s="7">
        <f t="shared" si="573"/>
        <v>610.60544999999991</v>
      </c>
    </row>
    <row r="36678" spans="1:3" x14ac:dyDescent="0.25">
      <c r="A36678" s="2" t="s">
        <v>21915</v>
      </c>
      <c r="B36678" s="6">
        <v>610622.1</v>
      </c>
      <c r="C36678" s="7">
        <f t="shared" si="573"/>
        <v>610.62209999999993</v>
      </c>
    </row>
    <row r="36679" spans="1:3" x14ac:dyDescent="0.25">
      <c r="A36679" s="2" t="s">
        <v>21916</v>
      </c>
      <c r="B36679" s="6">
        <v>610638.75</v>
      </c>
      <c r="C36679" s="7">
        <f t="shared" si="573"/>
        <v>610.63874999999996</v>
      </c>
    </row>
    <row r="36680" spans="1:3" x14ac:dyDescent="0.25">
      <c r="A36680" s="2" t="s">
        <v>21917</v>
      </c>
      <c r="B36680" s="6">
        <v>610655.39999999991</v>
      </c>
      <c r="C36680" s="7">
        <f t="shared" si="573"/>
        <v>610.65539999999987</v>
      </c>
    </row>
    <row r="36681" spans="1:3" x14ac:dyDescent="0.25">
      <c r="A36681" s="2" t="s">
        <v>21918</v>
      </c>
      <c r="B36681" s="6">
        <v>610672.04999999993</v>
      </c>
      <c r="C36681" s="7">
        <f t="shared" si="573"/>
        <v>610.6720499999999</v>
      </c>
    </row>
    <row r="36682" spans="1:3" x14ac:dyDescent="0.25">
      <c r="A36682" s="2" t="s">
        <v>21919</v>
      </c>
      <c r="B36682" s="6">
        <v>610688.69999999995</v>
      </c>
      <c r="C36682" s="7">
        <f t="shared" si="573"/>
        <v>610.68869999999993</v>
      </c>
    </row>
    <row r="36683" spans="1:3" x14ac:dyDescent="0.25">
      <c r="A36683" s="2" t="s">
        <v>21920</v>
      </c>
      <c r="B36683" s="6">
        <v>610705.35</v>
      </c>
      <c r="C36683" s="7">
        <f t="shared" si="573"/>
        <v>610.70534999999995</v>
      </c>
    </row>
    <row r="36684" spans="1:3" x14ac:dyDescent="0.25">
      <c r="A36684" s="2" t="s">
        <v>21921</v>
      </c>
      <c r="B36684" s="6">
        <v>610722</v>
      </c>
      <c r="C36684" s="7">
        <f t="shared" si="573"/>
        <v>610.72199999999998</v>
      </c>
    </row>
    <row r="36685" spans="1:3" x14ac:dyDescent="0.25">
      <c r="A36685" s="2" t="s">
        <v>21922</v>
      </c>
      <c r="B36685" s="6">
        <v>610738.64999999991</v>
      </c>
      <c r="C36685" s="7">
        <f t="shared" si="573"/>
        <v>610.73864999999989</v>
      </c>
    </row>
    <row r="36686" spans="1:3" x14ac:dyDescent="0.25">
      <c r="A36686" s="2" t="s">
        <v>21923</v>
      </c>
      <c r="B36686" s="6">
        <v>610755.29999999993</v>
      </c>
      <c r="C36686" s="7">
        <f t="shared" si="573"/>
        <v>610.75529999999992</v>
      </c>
    </row>
    <row r="36687" spans="1:3" x14ac:dyDescent="0.25">
      <c r="A36687" s="2" t="s">
        <v>21924</v>
      </c>
      <c r="B36687" s="6">
        <v>610771.94999999995</v>
      </c>
      <c r="C36687" s="7">
        <f t="shared" si="573"/>
        <v>610.77194999999995</v>
      </c>
    </row>
    <row r="36688" spans="1:3" x14ac:dyDescent="0.25">
      <c r="A36688" s="2" t="s">
        <v>21925</v>
      </c>
      <c r="B36688" s="6">
        <v>610788.6</v>
      </c>
      <c r="C36688" s="7">
        <f t="shared" si="573"/>
        <v>610.78859999999997</v>
      </c>
    </row>
    <row r="36689" spans="1:3" x14ac:dyDescent="0.25">
      <c r="A36689" s="2" t="s">
        <v>21926</v>
      </c>
      <c r="B36689" s="6">
        <v>610805.25</v>
      </c>
      <c r="C36689" s="7">
        <f t="shared" si="573"/>
        <v>610.80525</v>
      </c>
    </row>
    <row r="36690" spans="1:3" x14ac:dyDescent="0.25">
      <c r="A36690" s="2" t="s">
        <v>21927</v>
      </c>
      <c r="B36690" s="6">
        <v>610821.89999999991</v>
      </c>
      <c r="C36690" s="7">
        <f t="shared" si="573"/>
        <v>610.82189999999991</v>
      </c>
    </row>
    <row r="36691" spans="1:3" x14ac:dyDescent="0.25">
      <c r="A36691" s="2" t="s">
        <v>21928</v>
      </c>
      <c r="B36691" s="6">
        <v>610838.54999999993</v>
      </c>
      <c r="C36691" s="7">
        <f t="shared" si="573"/>
        <v>610.83854999999994</v>
      </c>
    </row>
    <row r="36692" spans="1:3" x14ac:dyDescent="0.25">
      <c r="A36692" s="2" t="s">
        <v>21929</v>
      </c>
      <c r="B36692" s="6">
        <v>610855.19999999995</v>
      </c>
      <c r="C36692" s="7">
        <f t="shared" si="573"/>
        <v>610.85519999999997</v>
      </c>
    </row>
    <row r="36693" spans="1:3" x14ac:dyDescent="0.25">
      <c r="A36693" s="2" t="s">
        <v>21930</v>
      </c>
      <c r="B36693" s="6">
        <v>610871.85</v>
      </c>
      <c r="C36693" s="7">
        <f t="shared" si="573"/>
        <v>610.87184999999999</v>
      </c>
    </row>
    <row r="36694" spans="1:3" x14ac:dyDescent="0.25">
      <c r="A36694" s="2" t="s">
        <v>21931</v>
      </c>
      <c r="B36694" s="6">
        <v>610888.5</v>
      </c>
      <c r="C36694" s="7">
        <f t="shared" si="573"/>
        <v>610.88850000000002</v>
      </c>
    </row>
    <row r="36695" spans="1:3" x14ac:dyDescent="0.25">
      <c r="A36695" s="2" t="s">
        <v>21932</v>
      </c>
      <c r="B36695" s="6">
        <v>610905.14999999991</v>
      </c>
      <c r="C36695" s="7">
        <f t="shared" si="573"/>
        <v>610.90514999999994</v>
      </c>
    </row>
    <row r="36696" spans="1:3" x14ac:dyDescent="0.25">
      <c r="A36696" s="2" t="s">
        <v>21933</v>
      </c>
      <c r="B36696" s="6">
        <v>610921.79999999993</v>
      </c>
      <c r="C36696" s="7">
        <f t="shared" si="573"/>
        <v>610.92179999999996</v>
      </c>
    </row>
    <row r="36697" spans="1:3" x14ac:dyDescent="0.25">
      <c r="A36697" s="2" t="s">
        <v>21934</v>
      </c>
      <c r="B36697" s="6">
        <v>610938.44999999995</v>
      </c>
      <c r="C36697" s="7">
        <f t="shared" si="573"/>
        <v>610.93844999999999</v>
      </c>
    </row>
    <row r="36698" spans="1:3" x14ac:dyDescent="0.25">
      <c r="A36698" s="2" t="s">
        <v>21935</v>
      </c>
      <c r="B36698" s="6">
        <v>610955.1</v>
      </c>
      <c r="C36698" s="7">
        <f t="shared" si="573"/>
        <v>610.95510000000002</v>
      </c>
    </row>
    <row r="36699" spans="1:3" x14ac:dyDescent="0.25">
      <c r="A36699" s="2" t="s">
        <v>21936</v>
      </c>
      <c r="B36699" s="6">
        <v>610971.75</v>
      </c>
      <c r="C36699" s="7">
        <f t="shared" si="573"/>
        <v>610.97175000000004</v>
      </c>
    </row>
    <row r="36700" spans="1:3" x14ac:dyDescent="0.25">
      <c r="A36700" s="2" t="s">
        <v>21937</v>
      </c>
      <c r="B36700" s="6">
        <v>610988.39999999991</v>
      </c>
      <c r="C36700" s="7">
        <f t="shared" si="573"/>
        <v>610.98839999999996</v>
      </c>
    </row>
    <row r="36701" spans="1:3" x14ac:dyDescent="0.25">
      <c r="A36701" s="2" t="s">
        <v>21938</v>
      </c>
      <c r="B36701" s="6">
        <v>611005.04999999993</v>
      </c>
      <c r="C36701" s="7">
        <f t="shared" si="573"/>
        <v>611.00504999999998</v>
      </c>
    </row>
    <row r="36702" spans="1:3" x14ac:dyDescent="0.25">
      <c r="A36702" s="2" t="s">
        <v>21939</v>
      </c>
      <c r="B36702" s="6">
        <v>611021.69999999995</v>
      </c>
      <c r="C36702" s="7">
        <f t="shared" si="573"/>
        <v>611.02170000000001</v>
      </c>
    </row>
    <row r="36703" spans="1:3" x14ac:dyDescent="0.25">
      <c r="A36703" s="2" t="s">
        <v>21940</v>
      </c>
      <c r="B36703" s="6">
        <v>611038.35</v>
      </c>
      <c r="C36703" s="7">
        <f t="shared" si="573"/>
        <v>611.03834999999992</v>
      </c>
    </row>
    <row r="36704" spans="1:3" x14ac:dyDescent="0.25">
      <c r="A36704" s="2" t="s">
        <v>21941</v>
      </c>
      <c r="B36704" s="6">
        <v>611055</v>
      </c>
      <c r="C36704" s="7">
        <f t="shared" si="573"/>
        <v>611.05499999999995</v>
      </c>
    </row>
    <row r="36705" spans="1:3" x14ac:dyDescent="0.25">
      <c r="A36705" s="2" t="s">
        <v>21942</v>
      </c>
      <c r="B36705" s="6">
        <v>611071.64999999991</v>
      </c>
      <c r="C36705" s="7">
        <f t="shared" si="573"/>
        <v>611.07164999999986</v>
      </c>
    </row>
    <row r="36706" spans="1:3" x14ac:dyDescent="0.25">
      <c r="A36706" s="2" t="s">
        <v>21943</v>
      </c>
      <c r="B36706" s="6">
        <v>611088.29999999993</v>
      </c>
      <c r="C36706" s="7">
        <f t="shared" si="573"/>
        <v>611.08829999999989</v>
      </c>
    </row>
    <row r="36707" spans="1:3" x14ac:dyDescent="0.25">
      <c r="A36707" s="2" t="s">
        <v>21944</v>
      </c>
      <c r="B36707" s="6">
        <v>611104.94999999995</v>
      </c>
      <c r="C36707" s="7">
        <f t="shared" si="573"/>
        <v>611.10494999999992</v>
      </c>
    </row>
    <row r="36708" spans="1:3" x14ac:dyDescent="0.25">
      <c r="A36708" s="2" t="s">
        <v>21945</v>
      </c>
      <c r="B36708" s="6">
        <v>611121.6</v>
      </c>
      <c r="C36708" s="7">
        <f t="shared" si="573"/>
        <v>611.12159999999994</v>
      </c>
    </row>
    <row r="36709" spans="1:3" x14ac:dyDescent="0.25">
      <c r="A36709" s="2" t="s">
        <v>21946</v>
      </c>
      <c r="B36709" s="6">
        <v>611138.25</v>
      </c>
      <c r="C36709" s="7">
        <f t="shared" si="573"/>
        <v>611.13824999999997</v>
      </c>
    </row>
    <row r="36710" spans="1:3" x14ac:dyDescent="0.25">
      <c r="A36710" s="2" t="s">
        <v>21947</v>
      </c>
      <c r="B36710" s="6">
        <v>611154.89999999991</v>
      </c>
      <c r="C36710" s="7">
        <f t="shared" si="573"/>
        <v>611.15489999999988</v>
      </c>
    </row>
    <row r="36711" spans="1:3" x14ac:dyDescent="0.25">
      <c r="A36711" s="2" t="s">
        <v>21948</v>
      </c>
      <c r="B36711" s="6">
        <v>611171.54999999993</v>
      </c>
      <c r="C36711" s="7">
        <f t="shared" si="573"/>
        <v>611.17154999999991</v>
      </c>
    </row>
    <row r="36712" spans="1:3" x14ac:dyDescent="0.25">
      <c r="A36712" s="2" t="s">
        <v>21949</v>
      </c>
      <c r="B36712" s="6">
        <v>611188.19999999995</v>
      </c>
      <c r="C36712" s="7">
        <f t="shared" si="573"/>
        <v>611.18819999999994</v>
      </c>
    </row>
    <row r="36713" spans="1:3" x14ac:dyDescent="0.25">
      <c r="A36713" s="2" t="s">
        <v>21950</v>
      </c>
      <c r="B36713" s="6">
        <v>611204.85</v>
      </c>
      <c r="C36713" s="7">
        <f t="shared" si="573"/>
        <v>611.20484999999996</v>
      </c>
    </row>
    <row r="36714" spans="1:3" x14ac:dyDescent="0.25">
      <c r="A36714" s="2" t="s">
        <v>21951</v>
      </c>
      <c r="B36714" s="6">
        <v>611221.5</v>
      </c>
      <c r="C36714" s="7">
        <f t="shared" si="573"/>
        <v>611.22149999999999</v>
      </c>
    </row>
    <row r="36715" spans="1:3" x14ac:dyDescent="0.25">
      <c r="A36715" s="2" t="s">
        <v>21952</v>
      </c>
      <c r="B36715" s="6">
        <v>611238.14999999991</v>
      </c>
      <c r="C36715" s="7">
        <f t="shared" si="573"/>
        <v>611.23814999999991</v>
      </c>
    </row>
    <row r="36716" spans="1:3" x14ac:dyDescent="0.25">
      <c r="A36716" s="2" t="s">
        <v>21953</v>
      </c>
      <c r="B36716" s="6">
        <v>611254.79999999993</v>
      </c>
      <c r="C36716" s="7">
        <f t="shared" si="573"/>
        <v>611.25479999999993</v>
      </c>
    </row>
    <row r="36717" spans="1:3" x14ac:dyDescent="0.25">
      <c r="A36717" s="2" t="s">
        <v>21954</v>
      </c>
      <c r="B36717" s="6">
        <v>611271.44999999995</v>
      </c>
      <c r="C36717" s="7">
        <f t="shared" si="573"/>
        <v>611.27144999999996</v>
      </c>
    </row>
    <row r="36718" spans="1:3" x14ac:dyDescent="0.25">
      <c r="A36718" s="2" t="s">
        <v>21955</v>
      </c>
      <c r="B36718" s="6">
        <v>611288.1</v>
      </c>
      <c r="C36718" s="7">
        <f t="shared" si="573"/>
        <v>611.28809999999999</v>
      </c>
    </row>
    <row r="36719" spans="1:3" x14ac:dyDescent="0.25">
      <c r="A36719" s="2" t="s">
        <v>21956</v>
      </c>
      <c r="B36719" s="6">
        <v>611304.75</v>
      </c>
      <c r="C36719" s="7">
        <f t="shared" si="573"/>
        <v>611.30475000000001</v>
      </c>
    </row>
    <row r="36720" spans="1:3" x14ac:dyDescent="0.25">
      <c r="A36720" s="2" t="s">
        <v>21957</v>
      </c>
      <c r="B36720" s="6">
        <v>611321.39999999991</v>
      </c>
      <c r="C36720" s="7">
        <f t="shared" si="573"/>
        <v>611.32139999999993</v>
      </c>
    </row>
    <row r="36721" spans="1:3" x14ac:dyDescent="0.25">
      <c r="A36721" s="2" t="s">
        <v>21958</v>
      </c>
      <c r="B36721" s="6">
        <v>611338.04999999993</v>
      </c>
      <c r="C36721" s="7">
        <f t="shared" si="573"/>
        <v>611.33804999999995</v>
      </c>
    </row>
    <row r="36722" spans="1:3" x14ac:dyDescent="0.25">
      <c r="A36722" s="2" t="s">
        <v>21959</v>
      </c>
      <c r="B36722" s="6">
        <v>611354.69999999995</v>
      </c>
      <c r="C36722" s="7">
        <f t="shared" si="573"/>
        <v>611.35469999999998</v>
      </c>
    </row>
    <row r="36723" spans="1:3" x14ac:dyDescent="0.25">
      <c r="A36723" s="2" t="s">
        <v>21960</v>
      </c>
      <c r="B36723" s="6">
        <v>611371.35</v>
      </c>
      <c r="C36723" s="7">
        <f t="shared" si="573"/>
        <v>611.37135000000001</v>
      </c>
    </row>
    <row r="36724" spans="1:3" x14ac:dyDescent="0.25">
      <c r="A36724" s="2" t="s">
        <v>21961</v>
      </c>
      <c r="B36724" s="6">
        <v>611388</v>
      </c>
      <c r="C36724" s="7">
        <f t="shared" si="573"/>
        <v>611.38800000000003</v>
      </c>
    </row>
    <row r="36725" spans="1:3" x14ac:dyDescent="0.25">
      <c r="A36725" s="2" t="s">
        <v>21962</v>
      </c>
      <c r="B36725" s="6">
        <v>611404.64999999991</v>
      </c>
      <c r="C36725" s="7">
        <f t="shared" si="573"/>
        <v>611.40464999999995</v>
      </c>
    </row>
    <row r="36726" spans="1:3" x14ac:dyDescent="0.25">
      <c r="A36726" s="2" t="s">
        <v>21963</v>
      </c>
      <c r="B36726" s="6">
        <v>611421.29999999993</v>
      </c>
      <c r="C36726" s="7">
        <f t="shared" si="573"/>
        <v>611.42129999999997</v>
      </c>
    </row>
    <row r="36727" spans="1:3" x14ac:dyDescent="0.25">
      <c r="A36727" s="2" t="s">
        <v>21964</v>
      </c>
      <c r="B36727" s="6">
        <v>611437.94999999995</v>
      </c>
      <c r="C36727" s="7">
        <f t="shared" si="573"/>
        <v>611.43795</v>
      </c>
    </row>
    <row r="36728" spans="1:3" x14ac:dyDescent="0.25">
      <c r="A36728" s="2" t="s">
        <v>21965</v>
      </c>
      <c r="B36728" s="6">
        <v>611454.6</v>
      </c>
      <c r="C36728" s="7">
        <f t="shared" si="573"/>
        <v>611.45460000000003</v>
      </c>
    </row>
    <row r="36729" spans="1:3" x14ac:dyDescent="0.25">
      <c r="A36729" s="2" t="s">
        <v>21966</v>
      </c>
      <c r="B36729" s="6">
        <v>611471.25</v>
      </c>
      <c r="C36729" s="7">
        <f t="shared" si="573"/>
        <v>611.47125000000005</v>
      </c>
    </row>
    <row r="36730" spans="1:3" x14ac:dyDescent="0.25">
      <c r="A36730" s="2" t="s">
        <v>21967</v>
      </c>
      <c r="B36730" s="6">
        <v>611487.89999999991</v>
      </c>
      <c r="C36730" s="7">
        <f t="shared" si="573"/>
        <v>611.48789999999985</v>
      </c>
    </row>
    <row r="36731" spans="1:3" x14ac:dyDescent="0.25">
      <c r="A36731" s="2" t="s">
        <v>21968</v>
      </c>
      <c r="B36731" s="6">
        <v>611504.54999999993</v>
      </c>
      <c r="C36731" s="7">
        <f t="shared" si="573"/>
        <v>611.50454999999988</v>
      </c>
    </row>
    <row r="36732" spans="1:3" x14ac:dyDescent="0.25">
      <c r="A36732" s="2" t="s">
        <v>21969</v>
      </c>
      <c r="B36732" s="6">
        <v>611521.19999999995</v>
      </c>
      <c r="C36732" s="7">
        <f t="shared" si="573"/>
        <v>611.52119999999991</v>
      </c>
    </row>
    <row r="36733" spans="1:3" x14ac:dyDescent="0.25">
      <c r="A36733" s="2" t="s">
        <v>21970</v>
      </c>
      <c r="B36733" s="6">
        <v>611537.85</v>
      </c>
      <c r="C36733" s="7">
        <f t="shared" si="573"/>
        <v>611.53784999999993</v>
      </c>
    </row>
    <row r="36734" spans="1:3" x14ac:dyDescent="0.25">
      <c r="A36734" s="2" t="s">
        <v>21971</v>
      </c>
      <c r="B36734" s="6">
        <v>611554.5</v>
      </c>
      <c r="C36734" s="7">
        <f t="shared" si="573"/>
        <v>611.55449999999996</v>
      </c>
    </row>
    <row r="36735" spans="1:3" x14ac:dyDescent="0.25">
      <c r="A36735" s="2" t="s">
        <v>21972</v>
      </c>
      <c r="B36735" s="6">
        <v>611571.14999999991</v>
      </c>
      <c r="C36735" s="7">
        <f t="shared" si="573"/>
        <v>611.57114999999988</v>
      </c>
    </row>
    <row r="36736" spans="1:3" x14ac:dyDescent="0.25">
      <c r="A36736" s="2" t="s">
        <v>21973</v>
      </c>
      <c r="B36736" s="6">
        <v>611587.79999999993</v>
      </c>
      <c r="C36736" s="7">
        <f t="shared" si="573"/>
        <v>611.5877999999999</v>
      </c>
    </row>
    <row r="36737" spans="1:3" x14ac:dyDescent="0.25">
      <c r="A36737" s="2" t="s">
        <v>21974</v>
      </c>
      <c r="B36737" s="6">
        <v>611604.44999999995</v>
      </c>
      <c r="C36737" s="7">
        <f t="shared" si="573"/>
        <v>611.60444999999993</v>
      </c>
    </row>
    <row r="36738" spans="1:3" x14ac:dyDescent="0.25">
      <c r="A36738" s="2" t="s">
        <v>21975</v>
      </c>
      <c r="B36738" s="6">
        <v>611621.1</v>
      </c>
      <c r="C36738" s="7">
        <f t="shared" si="573"/>
        <v>611.62109999999996</v>
      </c>
    </row>
    <row r="36739" spans="1:3" x14ac:dyDescent="0.25">
      <c r="A36739" s="2" t="s">
        <v>21976</v>
      </c>
      <c r="B36739" s="6">
        <v>611637.75</v>
      </c>
      <c r="C36739" s="7">
        <f t="shared" ref="C36739:C36802" si="574">B36739/1000</f>
        <v>611.63774999999998</v>
      </c>
    </row>
    <row r="36740" spans="1:3" x14ac:dyDescent="0.25">
      <c r="A36740" s="2" t="s">
        <v>21977</v>
      </c>
      <c r="B36740" s="6">
        <v>611654.39999999991</v>
      </c>
      <c r="C36740" s="7">
        <f t="shared" si="574"/>
        <v>611.6543999999999</v>
      </c>
    </row>
    <row r="36741" spans="1:3" x14ac:dyDescent="0.25">
      <c r="A36741" s="2" t="s">
        <v>21978</v>
      </c>
      <c r="B36741" s="6">
        <v>611671.04999999993</v>
      </c>
      <c r="C36741" s="7">
        <f t="shared" si="574"/>
        <v>611.67104999999992</v>
      </c>
    </row>
    <row r="36742" spans="1:3" x14ac:dyDescent="0.25">
      <c r="A36742" s="2" t="s">
        <v>21979</v>
      </c>
      <c r="B36742" s="6">
        <v>611687.69999999995</v>
      </c>
      <c r="C36742" s="7">
        <f t="shared" si="574"/>
        <v>611.68769999999995</v>
      </c>
    </row>
    <row r="36743" spans="1:3" x14ac:dyDescent="0.25">
      <c r="A36743" s="2" t="s">
        <v>21980</v>
      </c>
      <c r="B36743" s="6">
        <v>611704.35</v>
      </c>
      <c r="C36743" s="7">
        <f t="shared" si="574"/>
        <v>611.70434999999998</v>
      </c>
    </row>
    <row r="36744" spans="1:3" x14ac:dyDescent="0.25">
      <c r="A36744" s="2" t="s">
        <v>21981</v>
      </c>
      <c r="B36744" s="6">
        <v>611721</v>
      </c>
      <c r="C36744" s="7">
        <f t="shared" si="574"/>
        <v>611.721</v>
      </c>
    </row>
    <row r="36745" spans="1:3" x14ac:dyDescent="0.25">
      <c r="A36745" s="2" t="s">
        <v>21982</v>
      </c>
      <c r="B36745" s="6">
        <v>611737.64999999991</v>
      </c>
      <c r="C36745" s="7">
        <f t="shared" si="574"/>
        <v>611.73764999999992</v>
      </c>
    </row>
    <row r="36746" spans="1:3" x14ac:dyDescent="0.25">
      <c r="A36746" s="2" t="s">
        <v>21983</v>
      </c>
      <c r="B36746" s="6">
        <v>611754.29999999993</v>
      </c>
      <c r="C36746" s="7">
        <f t="shared" si="574"/>
        <v>611.75429999999994</v>
      </c>
    </row>
    <row r="36747" spans="1:3" x14ac:dyDescent="0.25">
      <c r="A36747" s="2" t="s">
        <v>21984</v>
      </c>
      <c r="B36747" s="6">
        <v>611770.94999999995</v>
      </c>
      <c r="C36747" s="7">
        <f t="shared" si="574"/>
        <v>611.77094999999997</v>
      </c>
    </row>
    <row r="36748" spans="1:3" x14ac:dyDescent="0.25">
      <c r="A36748" s="2" t="s">
        <v>21985</v>
      </c>
      <c r="B36748" s="6">
        <v>611787.6</v>
      </c>
      <c r="C36748" s="7">
        <f t="shared" si="574"/>
        <v>611.7876</v>
      </c>
    </row>
    <row r="36749" spans="1:3" x14ac:dyDescent="0.25">
      <c r="A36749" s="2" t="s">
        <v>21986</v>
      </c>
      <c r="B36749" s="6">
        <v>611804.25</v>
      </c>
      <c r="C36749" s="7">
        <f t="shared" si="574"/>
        <v>611.80425000000002</v>
      </c>
    </row>
    <row r="36750" spans="1:3" x14ac:dyDescent="0.25">
      <c r="A36750" s="2" t="s">
        <v>21987</v>
      </c>
      <c r="B36750" s="6">
        <v>611820.89999999991</v>
      </c>
      <c r="C36750" s="7">
        <f t="shared" si="574"/>
        <v>611.82089999999994</v>
      </c>
    </row>
    <row r="36751" spans="1:3" x14ac:dyDescent="0.25">
      <c r="A36751" s="2" t="s">
        <v>21988</v>
      </c>
      <c r="B36751" s="6">
        <v>611837.54999999993</v>
      </c>
      <c r="C36751" s="7">
        <f t="shared" si="574"/>
        <v>611.83754999999996</v>
      </c>
    </row>
    <row r="36752" spans="1:3" x14ac:dyDescent="0.25">
      <c r="A36752" s="2" t="s">
        <v>21989</v>
      </c>
      <c r="B36752" s="6">
        <v>611854.19999999995</v>
      </c>
      <c r="C36752" s="7">
        <f t="shared" si="574"/>
        <v>611.85419999999999</v>
      </c>
    </row>
    <row r="36753" spans="1:3" x14ac:dyDescent="0.25">
      <c r="A36753" s="2" t="s">
        <v>21990</v>
      </c>
      <c r="B36753" s="6">
        <v>611870.85</v>
      </c>
      <c r="C36753" s="7">
        <f t="shared" si="574"/>
        <v>611.87085000000002</v>
      </c>
    </row>
    <row r="36754" spans="1:3" x14ac:dyDescent="0.25">
      <c r="A36754" s="2" t="s">
        <v>21991</v>
      </c>
      <c r="B36754" s="6">
        <v>611887.5</v>
      </c>
      <c r="C36754" s="7">
        <f t="shared" si="574"/>
        <v>611.88750000000005</v>
      </c>
    </row>
    <row r="36755" spans="1:3" x14ac:dyDescent="0.25">
      <c r="A36755" s="2" t="s">
        <v>21992</v>
      </c>
      <c r="B36755" s="6">
        <v>611904.14999999991</v>
      </c>
      <c r="C36755" s="7">
        <f t="shared" si="574"/>
        <v>611.90414999999996</v>
      </c>
    </row>
    <row r="36756" spans="1:3" x14ac:dyDescent="0.25">
      <c r="A36756" s="2" t="s">
        <v>21993</v>
      </c>
      <c r="B36756" s="6">
        <v>611920.79999999993</v>
      </c>
      <c r="C36756" s="7">
        <f t="shared" si="574"/>
        <v>611.92079999999999</v>
      </c>
    </row>
    <row r="36757" spans="1:3" x14ac:dyDescent="0.25">
      <c r="A36757" s="2" t="s">
        <v>21994</v>
      </c>
      <c r="B36757" s="6">
        <v>611937.44999999995</v>
      </c>
      <c r="C36757" s="7">
        <f t="shared" si="574"/>
        <v>611.9374499999999</v>
      </c>
    </row>
    <row r="36758" spans="1:3" x14ac:dyDescent="0.25">
      <c r="A36758" s="2" t="s">
        <v>21995</v>
      </c>
      <c r="B36758" s="6">
        <v>611954.1</v>
      </c>
      <c r="C36758" s="7">
        <f t="shared" si="574"/>
        <v>611.95409999999993</v>
      </c>
    </row>
    <row r="36759" spans="1:3" x14ac:dyDescent="0.25">
      <c r="A36759" s="2" t="s">
        <v>21996</v>
      </c>
      <c r="B36759" s="6">
        <v>611970.75</v>
      </c>
      <c r="C36759" s="7">
        <f t="shared" si="574"/>
        <v>611.97074999999995</v>
      </c>
    </row>
    <row r="36760" spans="1:3" x14ac:dyDescent="0.25">
      <c r="A36760" s="2" t="s">
        <v>21997</v>
      </c>
      <c r="B36760" s="6">
        <v>611987.39999999991</v>
      </c>
      <c r="C36760" s="7">
        <f t="shared" si="574"/>
        <v>611.98739999999987</v>
      </c>
    </row>
    <row r="36761" spans="1:3" x14ac:dyDescent="0.25">
      <c r="A36761" s="2" t="s">
        <v>21998</v>
      </c>
      <c r="B36761" s="6">
        <v>612004.04999999993</v>
      </c>
      <c r="C36761" s="7">
        <f t="shared" si="574"/>
        <v>612.00404999999989</v>
      </c>
    </row>
    <row r="36762" spans="1:3" x14ac:dyDescent="0.25">
      <c r="A36762" s="2" t="s">
        <v>21999</v>
      </c>
      <c r="B36762" s="6">
        <v>612020.69999999995</v>
      </c>
      <c r="C36762" s="7">
        <f t="shared" si="574"/>
        <v>612.02069999999992</v>
      </c>
    </row>
    <row r="36763" spans="1:3" x14ac:dyDescent="0.25">
      <c r="A36763" s="2" t="s">
        <v>22000</v>
      </c>
      <c r="B36763" s="6">
        <v>612037.35</v>
      </c>
      <c r="C36763" s="7">
        <f t="shared" si="574"/>
        <v>612.03734999999995</v>
      </c>
    </row>
    <row r="36764" spans="1:3" x14ac:dyDescent="0.25">
      <c r="A36764" s="2" t="s">
        <v>22001</v>
      </c>
      <c r="B36764" s="6">
        <v>612054</v>
      </c>
      <c r="C36764" s="7">
        <f t="shared" si="574"/>
        <v>612.05399999999997</v>
      </c>
    </row>
    <row r="36765" spans="1:3" x14ac:dyDescent="0.25">
      <c r="A36765" s="2" t="s">
        <v>22002</v>
      </c>
      <c r="B36765" s="6">
        <v>612070.64999999991</v>
      </c>
      <c r="C36765" s="7">
        <f t="shared" si="574"/>
        <v>612.07064999999989</v>
      </c>
    </row>
    <row r="36766" spans="1:3" x14ac:dyDescent="0.25">
      <c r="A36766" s="2" t="s">
        <v>22003</v>
      </c>
      <c r="B36766" s="6">
        <v>612087.29999999993</v>
      </c>
      <c r="C36766" s="7">
        <f t="shared" si="574"/>
        <v>612.08729999999991</v>
      </c>
    </row>
    <row r="36767" spans="1:3" x14ac:dyDescent="0.25">
      <c r="A36767" s="2" t="s">
        <v>22004</v>
      </c>
      <c r="B36767" s="6">
        <v>612103.94999999995</v>
      </c>
      <c r="C36767" s="7">
        <f t="shared" si="574"/>
        <v>612.10394999999994</v>
      </c>
    </row>
    <row r="36768" spans="1:3" x14ac:dyDescent="0.25">
      <c r="A36768" s="2" t="s">
        <v>22005</v>
      </c>
      <c r="B36768" s="6">
        <v>612120.6</v>
      </c>
      <c r="C36768" s="7">
        <f t="shared" si="574"/>
        <v>612.12059999999997</v>
      </c>
    </row>
    <row r="36769" spans="1:3" x14ac:dyDescent="0.25">
      <c r="A36769" s="2" t="s">
        <v>22006</v>
      </c>
      <c r="B36769" s="6">
        <v>612137.25</v>
      </c>
      <c r="C36769" s="7">
        <f t="shared" si="574"/>
        <v>612.13724999999999</v>
      </c>
    </row>
    <row r="36770" spans="1:3" x14ac:dyDescent="0.25">
      <c r="A36770" s="2" t="s">
        <v>22007</v>
      </c>
      <c r="B36770" s="6">
        <v>612153.89999999991</v>
      </c>
      <c r="C36770" s="7">
        <f t="shared" si="574"/>
        <v>612.15389999999991</v>
      </c>
    </row>
    <row r="36771" spans="1:3" x14ac:dyDescent="0.25">
      <c r="A36771" s="2" t="s">
        <v>22008</v>
      </c>
      <c r="B36771" s="6">
        <v>612170.54999999993</v>
      </c>
      <c r="C36771" s="7">
        <f t="shared" si="574"/>
        <v>612.17054999999993</v>
      </c>
    </row>
    <row r="36772" spans="1:3" x14ac:dyDescent="0.25">
      <c r="A36772" s="2" t="s">
        <v>22009</v>
      </c>
      <c r="B36772" s="6">
        <v>612187.19999999995</v>
      </c>
      <c r="C36772" s="7">
        <f t="shared" si="574"/>
        <v>612.18719999999996</v>
      </c>
    </row>
    <row r="36773" spans="1:3" x14ac:dyDescent="0.25">
      <c r="A36773" s="2" t="s">
        <v>22010</v>
      </c>
      <c r="B36773" s="6">
        <v>612203.85</v>
      </c>
      <c r="C36773" s="7">
        <f t="shared" si="574"/>
        <v>612.20384999999999</v>
      </c>
    </row>
    <row r="36774" spans="1:3" x14ac:dyDescent="0.25">
      <c r="A36774" s="2" t="s">
        <v>22011</v>
      </c>
      <c r="B36774" s="6">
        <v>612220.5</v>
      </c>
      <c r="C36774" s="7">
        <f t="shared" si="574"/>
        <v>612.22050000000002</v>
      </c>
    </row>
    <row r="36775" spans="1:3" x14ac:dyDescent="0.25">
      <c r="A36775" s="2" t="s">
        <v>22012</v>
      </c>
      <c r="B36775" s="6">
        <v>612237.14999999991</v>
      </c>
      <c r="C36775" s="7">
        <f t="shared" si="574"/>
        <v>612.23714999999993</v>
      </c>
    </row>
    <row r="36776" spans="1:3" x14ac:dyDescent="0.25">
      <c r="A36776" s="2" t="s">
        <v>22013</v>
      </c>
      <c r="B36776" s="6">
        <v>612253.79999999993</v>
      </c>
      <c r="C36776" s="7">
        <f t="shared" si="574"/>
        <v>612.25379999999996</v>
      </c>
    </row>
    <row r="36777" spans="1:3" x14ac:dyDescent="0.25">
      <c r="A36777" s="2" t="s">
        <v>22014</v>
      </c>
      <c r="B36777" s="6">
        <v>612270.44999999995</v>
      </c>
      <c r="C36777" s="7">
        <f t="shared" si="574"/>
        <v>612.27044999999998</v>
      </c>
    </row>
    <row r="36778" spans="1:3" x14ac:dyDescent="0.25">
      <c r="A36778" s="2" t="s">
        <v>22015</v>
      </c>
      <c r="B36778" s="6">
        <v>612287.1</v>
      </c>
      <c r="C36778" s="7">
        <f t="shared" si="574"/>
        <v>612.28710000000001</v>
      </c>
    </row>
    <row r="36779" spans="1:3" x14ac:dyDescent="0.25">
      <c r="A36779" s="2" t="s">
        <v>22016</v>
      </c>
      <c r="B36779" s="6">
        <v>612303.75</v>
      </c>
      <c r="C36779" s="7">
        <f t="shared" si="574"/>
        <v>612.30375000000004</v>
      </c>
    </row>
    <row r="36780" spans="1:3" x14ac:dyDescent="0.25">
      <c r="A36780" s="2" t="s">
        <v>22017</v>
      </c>
      <c r="B36780" s="6">
        <v>612320.39999999991</v>
      </c>
      <c r="C36780" s="7">
        <f t="shared" si="574"/>
        <v>612.32039999999995</v>
      </c>
    </row>
    <row r="36781" spans="1:3" x14ac:dyDescent="0.25">
      <c r="A36781" s="2" t="s">
        <v>22018</v>
      </c>
      <c r="B36781" s="6">
        <v>612337.04999999993</v>
      </c>
      <c r="C36781" s="7">
        <f t="shared" si="574"/>
        <v>612.33704999999998</v>
      </c>
    </row>
    <row r="36782" spans="1:3" x14ac:dyDescent="0.25">
      <c r="A36782" s="2" t="s">
        <v>22019</v>
      </c>
      <c r="B36782" s="6">
        <v>612353.69999999995</v>
      </c>
      <c r="C36782" s="7">
        <f t="shared" si="574"/>
        <v>612.3537</v>
      </c>
    </row>
    <row r="36783" spans="1:3" x14ac:dyDescent="0.25">
      <c r="A36783" s="2" t="s">
        <v>22020</v>
      </c>
      <c r="B36783" s="6">
        <v>612370.35</v>
      </c>
      <c r="C36783" s="7">
        <f t="shared" si="574"/>
        <v>612.37035000000003</v>
      </c>
    </row>
    <row r="36784" spans="1:3" x14ac:dyDescent="0.25">
      <c r="A36784" s="2" t="s">
        <v>22021</v>
      </c>
      <c r="B36784" s="6">
        <v>612387</v>
      </c>
      <c r="C36784" s="7">
        <f t="shared" si="574"/>
        <v>612.38699999999994</v>
      </c>
    </row>
    <row r="36785" spans="1:3" x14ac:dyDescent="0.25">
      <c r="A36785" s="2" t="s">
        <v>22022</v>
      </c>
      <c r="B36785" s="6">
        <v>612403.64999999991</v>
      </c>
      <c r="C36785" s="7">
        <f t="shared" si="574"/>
        <v>612.40364999999986</v>
      </c>
    </row>
    <row r="36786" spans="1:3" x14ac:dyDescent="0.25">
      <c r="A36786" s="2" t="s">
        <v>22023</v>
      </c>
      <c r="B36786" s="6">
        <v>612420.29999999993</v>
      </c>
      <c r="C36786" s="7">
        <f t="shared" si="574"/>
        <v>612.42029999999988</v>
      </c>
    </row>
    <row r="36787" spans="1:3" x14ac:dyDescent="0.25">
      <c r="A36787" s="2" t="s">
        <v>22024</v>
      </c>
      <c r="B36787" s="6">
        <v>612436.94999999995</v>
      </c>
      <c r="C36787" s="7">
        <f t="shared" si="574"/>
        <v>612.43694999999991</v>
      </c>
    </row>
    <row r="36788" spans="1:3" x14ac:dyDescent="0.25">
      <c r="A36788" s="2" t="s">
        <v>22025</v>
      </c>
      <c r="B36788" s="6">
        <v>612453.6</v>
      </c>
      <c r="C36788" s="7">
        <f t="shared" si="574"/>
        <v>612.45359999999994</v>
      </c>
    </row>
    <row r="36789" spans="1:3" x14ac:dyDescent="0.25">
      <c r="A36789" s="2" t="s">
        <v>22026</v>
      </c>
      <c r="B36789" s="6">
        <v>612470.25</v>
      </c>
      <c r="C36789" s="7">
        <f t="shared" si="574"/>
        <v>612.47024999999996</v>
      </c>
    </row>
    <row r="36790" spans="1:3" x14ac:dyDescent="0.25">
      <c r="A36790" s="2" t="s">
        <v>22027</v>
      </c>
      <c r="B36790" s="6">
        <v>612486.89999999991</v>
      </c>
      <c r="C36790" s="7">
        <f t="shared" si="574"/>
        <v>612.48689999999988</v>
      </c>
    </row>
    <row r="36791" spans="1:3" x14ac:dyDescent="0.25">
      <c r="A36791" s="2" t="s">
        <v>22028</v>
      </c>
      <c r="B36791" s="6">
        <v>612503.54999999993</v>
      </c>
      <c r="C36791" s="7">
        <f t="shared" si="574"/>
        <v>612.5035499999999</v>
      </c>
    </row>
    <row r="36792" spans="1:3" x14ac:dyDescent="0.25">
      <c r="A36792" s="2" t="s">
        <v>22029</v>
      </c>
      <c r="B36792" s="6">
        <v>612520.19999999995</v>
      </c>
      <c r="C36792" s="7">
        <f t="shared" si="574"/>
        <v>612.52019999999993</v>
      </c>
    </row>
    <row r="36793" spans="1:3" x14ac:dyDescent="0.25">
      <c r="A36793" s="2" t="s">
        <v>22030</v>
      </c>
      <c r="B36793" s="6">
        <v>612536.85</v>
      </c>
      <c r="C36793" s="7">
        <f t="shared" si="574"/>
        <v>612.53684999999996</v>
      </c>
    </row>
    <row r="36794" spans="1:3" x14ac:dyDescent="0.25">
      <c r="A36794" s="2" t="s">
        <v>22031</v>
      </c>
      <c r="B36794" s="6">
        <v>612553.5</v>
      </c>
      <c r="C36794" s="7">
        <f t="shared" si="574"/>
        <v>612.55349999999999</v>
      </c>
    </row>
    <row r="36795" spans="1:3" x14ac:dyDescent="0.25">
      <c r="A36795" s="2" t="s">
        <v>22032</v>
      </c>
      <c r="B36795" s="6">
        <v>612570.14999999991</v>
      </c>
      <c r="C36795" s="7">
        <f t="shared" si="574"/>
        <v>612.5701499999999</v>
      </c>
    </row>
    <row r="36796" spans="1:3" x14ac:dyDescent="0.25">
      <c r="A36796" s="2" t="s">
        <v>22033</v>
      </c>
      <c r="B36796" s="6">
        <v>612586.79999999993</v>
      </c>
      <c r="C36796" s="7">
        <f t="shared" si="574"/>
        <v>612.58679999999993</v>
      </c>
    </row>
    <row r="36797" spans="1:3" x14ac:dyDescent="0.25">
      <c r="A36797" s="2" t="s">
        <v>22034</v>
      </c>
      <c r="B36797" s="6">
        <v>612603.44999999995</v>
      </c>
      <c r="C36797" s="7">
        <f t="shared" si="574"/>
        <v>612.60344999999995</v>
      </c>
    </row>
    <row r="36798" spans="1:3" x14ac:dyDescent="0.25">
      <c r="A36798" s="2" t="s">
        <v>22035</v>
      </c>
      <c r="B36798" s="6">
        <v>612620.1</v>
      </c>
      <c r="C36798" s="7">
        <f t="shared" si="574"/>
        <v>612.62009999999998</v>
      </c>
    </row>
    <row r="36799" spans="1:3" x14ac:dyDescent="0.25">
      <c r="A36799" s="2" t="s">
        <v>22036</v>
      </c>
      <c r="B36799" s="6">
        <v>612636.75</v>
      </c>
      <c r="C36799" s="7">
        <f t="shared" si="574"/>
        <v>612.63675000000001</v>
      </c>
    </row>
    <row r="36800" spans="1:3" x14ac:dyDescent="0.25">
      <c r="A36800" s="2" t="s">
        <v>22037</v>
      </c>
      <c r="B36800" s="6">
        <v>612653.39999999991</v>
      </c>
      <c r="C36800" s="7">
        <f t="shared" si="574"/>
        <v>612.65339999999992</v>
      </c>
    </row>
    <row r="36801" spans="1:3" x14ac:dyDescent="0.25">
      <c r="A36801" s="2" t="s">
        <v>22038</v>
      </c>
      <c r="B36801" s="6">
        <v>612670.04999999993</v>
      </c>
      <c r="C36801" s="7">
        <f t="shared" si="574"/>
        <v>612.67004999999995</v>
      </c>
    </row>
    <row r="36802" spans="1:3" x14ac:dyDescent="0.25">
      <c r="A36802" s="2" t="s">
        <v>22039</v>
      </c>
      <c r="B36802" s="6">
        <v>612686.69999999995</v>
      </c>
      <c r="C36802" s="7">
        <f t="shared" si="574"/>
        <v>612.68669999999997</v>
      </c>
    </row>
    <row r="36803" spans="1:3" x14ac:dyDescent="0.25">
      <c r="A36803" s="2" t="s">
        <v>22040</v>
      </c>
      <c r="B36803" s="6">
        <v>612703.35</v>
      </c>
      <c r="C36803" s="7">
        <f t="shared" ref="C36803:C36866" si="575">B36803/1000</f>
        <v>612.70335</v>
      </c>
    </row>
    <row r="36804" spans="1:3" x14ac:dyDescent="0.25">
      <c r="A36804" s="2" t="s">
        <v>22041</v>
      </c>
      <c r="B36804" s="6">
        <v>612720</v>
      </c>
      <c r="C36804" s="7">
        <f t="shared" si="575"/>
        <v>612.72</v>
      </c>
    </row>
    <row r="36805" spans="1:3" x14ac:dyDescent="0.25">
      <c r="A36805" s="2" t="s">
        <v>22042</v>
      </c>
      <c r="B36805" s="6">
        <v>612736.64999999991</v>
      </c>
      <c r="C36805" s="7">
        <f t="shared" si="575"/>
        <v>612.73664999999994</v>
      </c>
    </row>
    <row r="36806" spans="1:3" x14ac:dyDescent="0.25">
      <c r="A36806" s="2" t="s">
        <v>22043</v>
      </c>
      <c r="B36806" s="6">
        <v>612753.29999999993</v>
      </c>
      <c r="C36806" s="7">
        <f t="shared" si="575"/>
        <v>612.75329999999997</v>
      </c>
    </row>
    <row r="36807" spans="1:3" x14ac:dyDescent="0.25">
      <c r="A36807" s="2" t="s">
        <v>22044</v>
      </c>
      <c r="B36807" s="6">
        <v>612769.94999999995</v>
      </c>
      <c r="C36807" s="7">
        <f t="shared" si="575"/>
        <v>612.76994999999999</v>
      </c>
    </row>
    <row r="36808" spans="1:3" x14ac:dyDescent="0.25">
      <c r="A36808" s="2" t="s">
        <v>22045</v>
      </c>
      <c r="B36808" s="6">
        <v>612786.6</v>
      </c>
      <c r="C36808" s="7">
        <f t="shared" si="575"/>
        <v>612.78660000000002</v>
      </c>
    </row>
    <row r="36809" spans="1:3" x14ac:dyDescent="0.25">
      <c r="A36809" s="2" t="s">
        <v>22046</v>
      </c>
      <c r="B36809" s="6">
        <v>612803.25</v>
      </c>
      <c r="C36809" s="7">
        <f t="shared" si="575"/>
        <v>612.80325000000005</v>
      </c>
    </row>
    <row r="36810" spans="1:3" x14ac:dyDescent="0.25">
      <c r="A36810" s="2" t="s">
        <v>22047</v>
      </c>
      <c r="B36810" s="6">
        <v>612819.89999999991</v>
      </c>
      <c r="C36810" s="7">
        <f t="shared" si="575"/>
        <v>612.81989999999996</v>
      </c>
    </row>
    <row r="36811" spans="1:3" x14ac:dyDescent="0.25">
      <c r="A36811" s="2" t="s">
        <v>22048</v>
      </c>
      <c r="B36811" s="6">
        <v>612836.54999999993</v>
      </c>
      <c r="C36811" s="7">
        <f t="shared" si="575"/>
        <v>612.83654999999987</v>
      </c>
    </row>
    <row r="36812" spans="1:3" x14ac:dyDescent="0.25">
      <c r="A36812" s="2" t="s">
        <v>22049</v>
      </c>
      <c r="B36812" s="6">
        <v>612853.19999999995</v>
      </c>
      <c r="C36812" s="7">
        <f t="shared" si="575"/>
        <v>612.8531999999999</v>
      </c>
    </row>
    <row r="36813" spans="1:3" x14ac:dyDescent="0.25">
      <c r="A36813" s="2" t="s">
        <v>22050</v>
      </c>
      <c r="B36813" s="6">
        <v>612869.85</v>
      </c>
      <c r="C36813" s="7">
        <f t="shared" si="575"/>
        <v>612.86984999999993</v>
      </c>
    </row>
    <row r="36814" spans="1:3" x14ac:dyDescent="0.25">
      <c r="A36814" s="2" t="s">
        <v>22051</v>
      </c>
      <c r="B36814" s="6">
        <v>612886.5</v>
      </c>
      <c r="C36814" s="7">
        <f t="shared" si="575"/>
        <v>612.88649999999996</v>
      </c>
    </row>
    <row r="36815" spans="1:3" x14ac:dyDescent="0.25">
      <c r="A36815" s="2" t="s">
        <v>22052</v>
      </c>
      <c r="B36815" s="6">
        <v>612903.14999999991</v>
      </c>
      <c r="C36815" s="7">
        <f t="shared" si="575"/>
        <v>612.90314999999987</v>
      </c>
    </row>
    <row r="36816" spans="1:3" x14ac:dyDescent="0.25">
      <c r="A36816" s="2" t="s">
        <v>22053</v>
      </c>
      <c r="B36816" s="6">
        <v>612919.79999999993</v>
      </c>
      <c r="C36816" s="7">
        <f t="shared" si="575"/>
        <v>612.9197999999999</v>
      </c>
    </row>
    <row r="36817" spans="1:3" x14ac:dyDescent="0.25">
      <c r="A36817" s="2" t="s">
        <v>22054</v>
      </c>
      <c r="B36817" s="6">
        <v>612936.44999999995</v>
      </c>
      <c r="C36817" s="7">
        <f t="shared" si="575"/>
        <v>612.93644999999992</v>
      </c>
    </row>
    <row r="36818" spans="1:3" x14ac:dyDescent="0.25">
      <c r="A36818" s="2" t="s">
        <v>22055</v>
      </c>
      <c r="B36818" s="6">
        <v>612953.1</v>
      </c>
      <c r="C36818" s="7">
        <f t="shared" si="575"/>
        <v>612.95309999999995</v>
      </c>
    </row>
    <row r="36819" spans="1:3" x14ac:dyDescent="0.25">
      <c r="A36819" s="2" t="s">
        <v>22056</v>
      </c>
      <c r="B36819" s="6">
        <v>612969.75</v>
      </c>
      <c r="C36819" s="7">
        <f t="shared" si="575"/>
        <v>612.96974999999998</v>
      </c>
    </row>
    <row r="36820" spans="1:3" x14ac:dyDescent="0.25">
      <c r="A36820" s="2" t="s">
        <v>22057</v>
      </c>
      <c r="B36820" s="6">
        <v>612986.39999999991</v>
      </c>
      <c r="C36820" s="7">
        <f t="shared" si="575"/>
        <v>612.98639999999989</v>
      </c>
    </row>
    <row r="36821" spans="1:3" x14ac:dyDescent="0.25">
      <c r="A36821" s="2" t="s">
        <v>22058</v>
      </c>
      <c r="B36821" s="6">
        <v>613003.04999999993</v>
      </c>
      <c r="C36821" s="7">
        <f t="shared" si="575"/>
        <v>613.00304999999992</v>
      </c>
    </row>
    <row r="36822" spans="1:3" x14ac:dyDescent="0.25">
      <c r="A36822" s="2" t="s">
        <v>22059</v>
      </c>
      <c r="B36822" s="6">
        <v>613019.69999999995</v>
      </c>
      <c r="C36822" s="7">
        <f t="shared" si="575"/>
        <v>613.01969999999994</v>
      </c>
    </row>
    <row r="36823" spans="1:3" x14ac:dyDescent="0.25">
      <c r="A36823" s="2" t="s">
        <v>22060</v>
      </c>
      <c r="B36823" s="6">
        <v>613036.35</v>
      </c>
      <c r="C36823" s="7">
        <f t="shared" si="575"/>
        <v>613.03634999999997</v>
      </c>
    </row>
    <row r="36824" spans="1:3" x14ac:dyDescent="0.25">
      <c r="A36824" s="2" t="s">
        <v>22061</v>
      </c>
      <c r="B36824" s="6">
        <v>613053</v>
      </c>
      <c r="C36824" s="7">
        <f t="shared" si="575"/>
        <v>613.053</v>
      </c>
    </row>
    <row r="36825" spans="1:3" x14ac:dyDescent="0.25">
      <c r="A36825" s="2" t="s">
        <v>22062</v>
      </c>
      <c r="B36825" s="6">
        <v>613069.64999999991</v>
      </c>
      <c r="C36825" s="7">
        <f t="shared" si="575"/>
        <v>613.06964999999991</v>
      </c>
    </row>
    <row r="36826" spans="1:3" x14ac:dyDescent="0.25">
      <c r="A36826" s="2" t="s">
        <v>22063</v>
      </c>
      <c r="B36826" s="6">
        <v>613086.29999999993</v>
      </c>
      <c r="C36826" s="7">
        <f t="shared" si="575"/>
        <v>613.08629999999994</v>
      </c>
    </row>
    <row r="36827" spans="1:3" x14ac:dyDescent="0.25">
      <c r="A36827" s="2" t="s">
        <v>22064</v>
      </c>
      <c r="B36827" s="6">
        <v>613102.94999999995</v>
      </c>
      <c r="C36827" s="7">
        <f t="shared" si="575"/>
        <v>613.10294999999996</v>
      </c>
    </row>
    <row r="36828" spans="1:3" x14ac:dyDescent="0.25">
      <c r="A36828" s="2" t="s">
        <v>22065</v>
      </c>
      <c r="B36828" s="6">
        <v>613119.6</v>
      </c>
      <c r="C36828" s="7">
        <f t="shared" si="575"/>
        <v>613.11959999999999</v>
      </c>
    </row>
    <row r="36829" spans="1:3" x14ac:dyDescent="0.25">
      <c r="A36829" s="2" t="s">
        <v>22066</v>
      </c>
      <c r="B36829" s="6">
        <v>613136.25</v>
      </c>
      <c r="C36829" s="7">
        <f t="shared" si="575"/>
        <v>613.13625000000002</v>
      </c>
    </row>
    <row r="36830" spans="1:3" x14ac:dyDescent="0.25">
      <c r="A36830" s="2" t="s">
        <v>22067</v>
      </c>
      <c r="B36830" s="6">
        <v>613152.89999999991</v>
      </c>
      <c r="C36830" s="7">
        <f t="shared" si="575"/>
        <v>613.15289999999993</v>
      </c>
    </row>
    <row r="36831" spans="1:3" x14ac:dyDescent="0.25">
      <c r="A36831" s="2" t="s">
        <v>22068</v>
      </c>
      <c r="B36831" s="6">
        <v>613169.54999999993</v>
      </c>
      <c r="C36831" s="7">
        <f t="shared" si="575"/>
        <v>613.16954999999996</v>
      </c>
    </row>
    <row r="36832" spans="1:3" x14ac:dyDescent="0.25">
      <c r="A36832" s="2" t="s">
        <v>22069</v>
      </c>
      <c r="B36832" s="6">
        <v>613186.19999999995</v>
      </c>
      <c r="C36832" s="7">
        <f t="shared" si="575"/>
        <v>613.18619999999999</v>
      </c>
    </row>
    <row r="36833" spans="1:3" x14ac:dyDescent="0.25">
      <c r="A36833" s="2" t="s">
        <v>22070</v>
      </c>
      <c r="B36833" s="6">
        <v>613202.85</v>
      </c>
      <c r="C36833" s="7">
        <f t="shared" si="575"/>
        <v>613.20285000000001</v>
      </c>
    </row>
    <row r="36834" spans="1:3" x14ac:dyDescent="0.25">
      <c r="A36834" s="2" t="s">
        <v>22071</v>
      </c>
      <c r="B36834" s="6">
        <v>613219.5</v>
      </c>
      <c r="C36834" s="7">
        <f t="shared" si="575"/>
        <v>613.21950000000004</v>
      </c>
    </row>
    <row r="36835" spans="1:3" x14ac:dyDescent="0.25">
      <c r="A36835" s="2" t="s">
        <v>22072</v>
      </c>
      <c r="B36835" s="6">
        <v>613236.14999999991</v>
      </c>
      <c r="C36835" s="7">
        <f t="shared" si="575"/>
        <v>613.23614999999995</v>
      </c>
    </row>
    <row r="36836" spans="1:3" x14ac:dyDescent="0.25">
      <c r="A36836" s="2" t="s">
        <v>22073</v>
      </c>
      <c r="B36836" s="6">
        <v>613252.79999999993</v>
      </c>
      <c r="C36836" s="7">
        <f t="shared" si="575"/>
        <v>613.25279999999998</v>
      </c>
    </row>
    <row r="36837" spans="1:3" x14ac:dyDescent="0.25">
      <c r="A36837" s="2" t="s">
        <v>22074</v>
      </c>
      <c r="B36837" s="6">
        <v>613269.44999999995</v>
      </c>
      <c r="C36837" s="7">
        <f t="shared" si="575"/>
        <v>613.26945000000001</v>
      </c>
    </row>
    <row r="36838" spans="1:3" x14ac:dyDescent="0.25">
      <c r="A36838" s="2" t="s">
        <v>22075</v>
      </c>
      <c r="B36838" s="6">
        <v>613286.1</v>
      </c>
      <c r="C36838" s="7">
        <f t="shared" si="575"/>
        <v>613.28610000000003</v>
      </c>
    </row>
    <row r="36839" spans="1:3" x14ac:dyDescent="0.25">
      <c r="A36839" s="2" t="s">
        <v>22076</v>
      </c>
      <c r="B36839" s="6">
        <v>613302.75</v>
      </c>
      <c r="C36839" s="7">
        <f t="shared" si="575"/>
        <v>613.30274999999995</v>
      </c>
    </row>
    <row r="36840" spans="1:3" x14ac:dyDescent="0.25">
      <c r="A36840" s="2" t="s">
        <v>22077</v>
      </c>
      <c r="B36840" s="6">
        <v>613319.39999999991</v>
      </c>
      <c r="C36840" s="7">
        <f t="shared" si="575"/>
        <v>613.31939999999986</v>
      </c>
    </row>
    <row r="36841" spans="1:3" x14ac:dyDescent="0.25">
      <c r="A36841" s="2" t="s">
        <v>22078</v>
      </c>
      <c r="B36841" s="6">
        <v>613336.04999999993</v>
      </c>
      <c r="C36841" s="7">
        <f t="shared" si="575"/>
        <v>613.33604999999989</v>
      </c>
    </row>
    <row r="36842" spans="1:3" x14ac:dyDescent="0.25">
      <c r="A36842" s="2" t="s">
        <v>22079</v>
      </c>
      <c r="B36842" s="6">
        <v>613352.69999999995</v>
      </c>
      <c r="C36842" s="7">
        <f t="shared" si="575"/>
        <v>613.35269999999991</v>
      </c>
    </row>
    <row r="36843" spans="1:3" x14ac:dyDescent="0.25">
      <c r="A36843" s="2" t="s">
        <v>22080</v>
      </c>
      <c r="B36843" s="6">
        <v>613369.35</v>
      </c>
      <c r="C36843" s="7">
        <f t="shared" si="575"/>
        <v>613.36934999999994</v>
      </c>
    </row>
    <row r="36844" spans="1:3" x14ac:dyDescent="0.25">
      <c r="A36844" s="2" t="s">
        <v>22081</v>
      </c>
      <c r="B36844" s="6">
        <v>613386</v>
      </c>
      <c r="C36844" s="7">
        <f t="shared" si="575"/>
        <v>613.38599999999997</v>
      </c>
    </row>
    <row r="36845" spans="1:3" x14ac:dyDescent="0.25">
      <c r="A36845" s="2" t="s">
        <v>22082</v>
      </c>
      <c r="B36845" s="6">
        <v>613402.64999999991</v>
      </c>
      <c r="C36845" s="7">
        <f t="shared" si="575"/>
        <v>613.40264999999988</v>
      </c>
    </row>
    <row r="36846" spans="1:3" x14ac:dyDescent="0.25">
      <c r="A36846" s="2" t="s">
        <v>22083</v>
      </c>
      <c r="B36846" s="6">
        <v>613419.29999999993</v>
      </c>
      <c r="C36846" s="7">
        <f t="shared" si="575"/>
        <v>613.41929999999991</v>
      </c>
    </row>
    <row r="36847" spans="1:3" x14ac:dyDescent="0.25">
      <c r="A36847" s="2" t="s">
        <v>22084</v>
      </c>
      <c r="B36847" s="6">
        <v>613435.94999999995</v>
      </c>
      <c r="C36847" s="7">
        <f t="shared" si="575"/>
        <v>613.43594999999993</v>
      </c>
    </row>
    <row r="36848" spans="1:3" x14ac:dyDescent="0.25">
      <c r="A36848" s="2" t="s">
        <v>22085</v>
      </c>
      <c r="B36848" s="6">
        <v>613452.6</v>
      </c>
      <c r="C36848" s="7">
        <f t="shared" si="575"/>
        <v>613.45259999999996</v>
      </c>
    </row>
    <row r="36849" spans="1:3" x14ac:dyDescent="0.25">
      <c r="A36849" s="2" t="s">
        <v>22086</v>
      </c>
      <c r="B36849" s="6">
        <v>613469.25</v>
      </c>
      <c r="C36849" s="7">
        <f t="shared" si="575"/>
        <v>613.46924999999999</v>
      </c>
    </row>
    <row r="36850" spans="1:3" x14ac:dyDescent="0.25">
      <c r="A36850" s="2" t="s">
        <v>22087</v>
      </c>
      <c r="B36850" s="6">
        <v>613485.89999999991</v>
      </c>
      <c r="C36850" s="7">
        <f t="shared" si="575"/>
        <v>613.4858999999999</v>
      </c>
    </row>
    <row r="36851" spans="1:3" x14ac:dyDescent="0.25">
      <c r="A36851" s="2" t="s">
        <v>22088</v>
      </c>
      <c r="B36851" s="6">
        <v>613502.54999999993</v>
      </c>
      <c r="C36851" s="7">
        <f t="shared" si="575"/>
        <v>613.50254999999993</v>
      </c>
    </row>
    <row r="36852" spans="1:3" x14ac:dyDescent="0.25">
      <c r="A36852" s="2" t="s">
        <v>22089</v>
      </c>
      <c r="B36852" s="6">
        <v>613519.19999999995</v>
      </c>
      <c r="C36852" s="7">
        <f t="shared" si="575"/>
        <v>613.51919999999996</v>
      </c>
    </row>
    <row r="36853" spans="1:3" x14ac:dyDescent="0.25">
      <c r="A36853" s="2" t="s">
        <v>22090</v>
      </c>
      <c r="B36853" s="6">
        <v>613535.85</v>
      </c>
      <c r="C36853" s="7">
        <f t="shared" si="575"/>
        <v>613.53584999999998</v>
      </c>
    </row>
    <row r="36854" spans="1:3" x14ac:dyDescent="0.25">
      <c r="A36854" s="2" t="s">
        <v>22091</v>
      </c>
      <c r="B36854" s="6">
        <v>613552.5</v>
      </c>
      <c r="C36854" s="7">
        <f t="shared" si="575"/>
        <v>613.55250000000001</v>
      </c>
    </row>
    <row r="36855" spans="1:3" x14ac:dyDescent="0.25">
      <c r="A36855" s="2" t="s">
        <v>22092</v>
      </c>
      <c r="B36855" s="6">
        <v>613569.14999999991</v>
      </c>
      <c r="C36855" s="7">
        <f t="shared" si="575"/>
        <v>613.56914999999992</v>
      </c>
    </row>
    <row r="36856" spans="1:3" x14ac:dyDescent="0.25">
      <c r="A36856" s="2" t="s">
        <v>22093</v>
      </c>
      <c r="B36856" s="6">
        <v>613585.79999999993</v>
      </c>
      <c r="C36856" s="7">
        <f t="shared" si="575"/>
        <v>613.58579999999995</v>
      </c>
    </row>
    <row r="36857" spans="1:3" x14ac:dyDescent="0.25">
      <c r="A36857" s="2" t="s">
        <v>22094</v>
      </c>
      <c r="B36857" s="6">
        <v>613602.44999999995</v>
      </c>
      <c r="C36857" s="7">
        <f t="shared" si="575"/>
        <v>613.60244999999998</v>
      </c>
    </row>
    <row r="36858" spans="1:3" x14ac:dyDescent="0.25">
      <c r="A36858" s="2" t="s">
        <v>22095</v>
      </c>
      <c r="B36858" s="6">
        <v>613619.1</v>
      </c>
      <c r="C36858" s="7">
        <f t="shared" si="575"/>
        <v>613.6191</v>
      </c>
    </row>
    <row r="36859" spans="1:3" x14ac:dyDescent="0.25">
      <c r="A36859" s="2" t="s">
        <v>22096</v>
      </c>
      <c r="B36859" s="6">
        <v>613635.75</v>
      </c>
      <c r="C36859" s="7">
        <f t="shared" si="575"/>
        <v>613.63575000000003</v>
      </c>
    </row>
    <row r="36860" spans="1:3" x14ac:dyDescent="0.25">
      <c r="A36860" s="2" t="s">
        <v>22097</v>
      </c>
      <c r="B36860" s="6">
        <v>613652.39999999991</v>
      </c>
      <c r="C36860" s="7">
        <f t="shared" si="575"/>
        <v>613.65239999999994</v>
      </c>
    </row>
    <row r="36861" spans="1:3" x14ac:dyDescent="0.25">
      <c r="A36861" s="2" t="s">
        <v>22098</v>
      </c>
      <c r="B36861" s="6">
        <v>613669.04999999993</v>
      </c>
      <c r="C36861" s="7">
        <f t="shared" si="575"/>
        <v>613.66904999999997</v>
      </c>
    </row>
    <row r="36862" spans="1:3" x14ac:dyDescent="0.25">
      <c r="A36862" s="2" t="s">
        <v>22099</v>
      </c>
      <c r="B36862" s="6">
        <v>613685.69999999995</v>
      </c>
      <c r="C36862" s="7">
        <f t="shared" si="575"/>
        <v>613.6857</v>
      </c>
    </row>
    <row r="36863" spans="1:3" x14ac:dyDescent="0.25">
      <c r="A36863" s="2" t="s">
        <v>22100</v>
      </c>
      <c r="B36863" s="6">
        <v>613702.35</v>
      </c>
      <c r="C36863" s="7">
        <f t="shared" si="575"/>
        <v>613.70235000000002</v>
      </c>
    </row>
    <row r="36864" spans="1:3" x14ac:dyDescent="0.25">
      <c r="A36864" s="2" t="s">
        <v>22101</v>
      </c>
      <c r="B36864" s="6">
        <v>613719</v>
      </c>
      <c r="C36864" s="7">
        <f t="shared" si="575"/>
        <v>613.71900000000005</v>
      </c>
    </row>
    <row r="36865" spans="1:3" x14ac:dyDescent="0.25">
      <c r="A36865" s="2" t="s">
        <v>22102</v>
      </c>
      <c r="B36865" s="6">
        <v>613735.64999999991</v>
      </c>
      <c r="C36865" s="7">
        <f t="shared" si="575"/>
        <v>613.73564999999985</v>
      </c>
    </row>
    <row r="36866" spans="1:3" x14ac:dyDescent="0.25">
      <c r="A36866" s="2" t="s">
        <v>22103</v>
      </c>
      <c r="B36866" s="6">
        <v>613752.29999999993</v>
      </c>
      <c r="C36866" s="7">
        <f t="shared" si="575"/>
        <v>613.75229999999988</v>
      </c>
    </row>
    <row r="36867" spans="1:3" x14ac:dyDescent="0.25">
      <c r="A36867" s="2" t="s">
        <v>22104</v>
      </c>
      <c r="B36867" s="6">
        <v>613768.94999999995</v>
      </c>
      <c r="C36867" s="7">
        <f t="shared" ref="C36867:C36930" si="576">B36867/1000</f>
        <v>613.7689499999999</v>
      </c>
    </row>
    <row r="36868" spans="1:3" x14ac:dyDescent="0.25">
      <c r="A36868" s="2" t="s">
        <v>22105</v>
      </c>
      <c r="B36868" s="6">
        <v>613785.59999999998</v>
      </c>
      <c r="C36868" s="7">
        <f t="shared" si="576"/>
        <v>613.78559999999993</v>
      </c>
    </row>
    <row r="36869" spans="1:3" x14ac:dyDescent="0.25">
      <c r="A36869" s="2" t="s">
        <v>22106</v>
      </c>
      <c r="B36869" s="6">
        <v>613802.25</v>
      </c>
      <c r="C36869" s="7">
        <f t="shared" si="576"/>
        <v>613.80224999999996</v>
      </c>
    </row>
    <row r="36870" spans="1:3" x14ac:dyDescent="0.25">
      <c r="A36870" s="2" t="s">
        <v>22107</v>
      </c>
      <c r="B36870" s="6">
        <v>613818.89999999991</v>
      </c>
      <c r="C36870" s="7">
        <f t="shared" si="576"/>
        <v>613.81889999999987</v>
      </c>
    </row>
    <row r="36871" spans="1:3" x14ac:dyDescent="0.25">
      <c r="A36871" s="2" t="s">
        <v>22108</v>
      </c>
      <c r="B36871" s="6">
        <v>613835.54999999993</v>
      </c>
      <c r="C36871" s="7">
        <f t="shared" si="576"/>
        <v>613.8355499999999</v>
      </c>
    </row>
    <row r="36872" spans="1:3" x14ac:dyDescent="0.25">
      <c r="A36872" s="2" t="s">
        <v>22109</v>
      </c>
      <c r="B36872" s="6">
        <v>613852.19999999995</v>
      </c>
      <c r="C36872" s="7">
        <f t="shared" si="576"/>
        <v>613.85219999999993</v>
      </c>
    </row>
    <row r="36873" spans="1:3" x14ac:dyDescent="0.25">
      <c r="A36873" s="2" t="s">
        <v>22110</v>
      </c>
      <c r="B36873" s="6">
        <v>613868.85</v>
      </c>
      <c r="C36873" s="7">
        <f t="shared" si="576"/>
        <v>613.86884999999995</v>
      </c>
    </row>
    <row r="36874" spans="1:3" x14ac:dyDescent="0.25">
      <c r="A36874" s="2" t="s">
        <v>22111</v>
      </c>
      <c r="B36874" s="6">
        <v>613885.5</v>
      </c>
      <c r="C36874" s="7">
        <f t="shared" si="576"/>
        <v>613.88549999999998</v>
      </c>
    </row>
    <row r="36875" spans="1:3" x14ac:dyDescent="0.25">
      <c r="A36875" s="2" t="s">
        <v>22112</v>
      </c>
      <c r="B36875" s="6">
        <v>613902.14999999991</v>
      </c>
      <c r="C36875" s="7">
        <f t="shared" si="576"/>
        <v>613.90214999999989</v>
      </c>
    </row>
    <row r="36876" spans="1:3" x14ac:dyDescent="0.25">
      <c r="A36876" s="2" t="s">
        <v>22113</v>
      </c>
      <c r="B36876" s="6">
        <v>613918.79999999993</v>
      </c>
      <c r="C36876" s="7">
        <f t="shared" si="576"/>
        <v>613.91879999999992</v>
      </c>
    </row>
    <row r="36877" spans="1:3" x14ac:dyDescent="0.25">
      <c r="A36877" s="2" t="s">
        <v>22114</v>
      </c>
      <c r="B36877" s="6">
        <v>613935.44999999995</v>
      </c>
      <c r="C36877" s="7">
        <f t="shared" si="576"/>
        <v>613.93544999999995</v>
      </c>
    </row>
    <row r="36878" spans="1:3" x14ac:dyDescent="0.25">
      <c r="A36878" s="2" t="s">
        <v>22115</v>
      </c>
      <c r="B36878" s="6">
        <v>613952.1</v>
      </c>
      <c r="C36878" s="7">
        <f t="shared" si="576"/>
        <v>613.95209999999997</v>
      </c>
    </row>
    <row r="36879" spans="1:3" x14ac:dyDescent="0.25">
      <c r="A36879" s="2" t="s">
        <v>22116</v>
      </c>
      <c r="B36879" s="6">
        <v>613968.75</v>
      </c>
      <c r="C36879" s="7">
        <f t="shared" si="576"/>
        <v>613.96875</v>
      </c>
    </row>
    <row r="36880" spans="1:3" x14ac:dyDescent="0.25">
      <c r="A36880" s="2" t="s">
        <v>22117</v>
      </c>
      <c r="B36880" s="6">
        <v>613985.39999999991</v>
      </c>
      <c r="C36880" s="7">
        <f t="shared" si="576"/>
        <v>613.98539999999991</v>
      </c>
    </row>
    <row r="36881" spans="1:3" x14ac:dyDescent="0.25">
      <c r="A36881" s="2" t="s">
        <v>22118</v>
      </c>
      <c r="B36881" s="6">
        <v>614002.04999999993</v>
      </c>
      <c r="C36881" s="7">
        <f t="shared" si="576"/>
        <v>614.00204999999994</v>
      </c>
    </row>
    <row r="36882" spans="1:3" x14ac:dyDescent="0.25">
      <c r="A36882" s="2" t="s">
        <v>22119</v>
      </c>
      <c r="B36882" s="6">
        <v>614018.69999999995</v>
      </c>
      <c r="C36882" s="7">
        <f t="shared" si="576"/>
        <v>614.01869999999997</v>
      </c>
    </row>
    <row r="36883" spans="1:3" x14ac:dyDescent="0.25">
      <c r="A36883" s="2" t="s">
        <v>22120</v>
      </c>
      <c r="B36883" s="6">
        <v>614035.35</v>
      </c>
      <c r="C36883" s="7">
        <f t="shared" si="576"/>
        <v>614.03534999999999</v>
      </c>
    </row>
    <row r="36884" spans="1:3" x14ac:dyDescent="0.25">
      <c r="A36884" s="2" t="s">
        <v>22121</v>
      </c>
      <c r="B36884" s="6">
        <v>614052</v>
      </c>
      <c r="C36884" s="7">
        <f t="shared" si="576"/>
        <v>614.05200000000002</v>
      </c>
    </row>
    <row r="36885" spans="1:3" x14ac:dyDescent="0.25">
      <c r="A36885" s="2" t="s">
        <v>22122</v>
      </c>
      <c r="B36885" s="6">
        <v>614068.64999999991</v>
      </c>
      <c r="C36885" s="7">
        <f t="shared" si="576"/>
        <v>614.06864999999993</v>
      </c>
    </row>
    <row r="36886" spans="1:3" x14ac:dyDescent="0.25">
      <c r="A36886" s="2" t="s">
        <v>22123</v>
      </c>
      <c r="B36886" s="6">
        <v>614085.29999999993</v>
      </c>
      <c r="C36886" s="7">
        <f t="shared" si="576"/>
        <v>614.08529999999996</v>
      </c>
    </row>
    <row r="36887" spans="1:3" x14ac:dyDescent="0.25">
      <c r="A36887" s="2" t="s">
        <v>22124</v>
      </c>
      <c r="B36887" s="6">
        <v>614101.94999999995</v>
      </c>
      <c r="C36887" s="7">
        <f t="shared" si="576"/>
        <v>614.10194999999999</v>
      </c>
    </row>
    <row r="36888" spans="1:3" x14ac:dyDescent="0.25">
      <c r="A36888" s="2" t="s">
        <v>22125</v>
      </c>
      <c r="B36888" s="6">
        <v>614118.6</v>
      </c>
      <c r="C36888" s="7">
        <f t="shared" si="576"/>
        <v>614.11860000000001</v>
      </c>
    </row>
    <row r="36889" spans="1:3" x14ac:dyDescent="0.25">
      <c r="A36889" s="2" t="s">
        <v>22126</v>
      </c>
      <c r="B36889" s="6">
        <v>614135.25</v>
      </c>
      <c r="C36889" s="7">
        <f t="shared" si="576"/>
        <v>614.13525000000004</v>
      </c>
    </row>
    <row r="36890" spans="1:3" x14ac:dyDescent="0.25">
      <c r="A36890" s="2" t="s">
        <v>22127</v>
      </c>
      <c r="B36890" s="6">
        <v>614151.89999999991</v>
      </c>
      <c r="C36890" s="7">
        <f t="shared" si="576"/>
        <v>614.15189999999996</v>
      </c>
    </row>
    <row r="36891" spans="1:3" x14ac:dyDescent="0.25">
      <c r="A36891" s="2" t="s">
        <v>22128</v>
      </c>
      <c r="B36891" s="6">
        <v>614168.54999999993</v>
      </c>
      <c r="C36891" s="7">
        <f t="shared" si="576"/>
        <v>614.16854999999998</v>
      </c>
    </row>
    <row r="36892" spans="1:3" x14ac:dyDescent="0.25">
      <c r="A36892" s="2" t="s">
        <v>22129</v>
      </c>
      <c r="B36892" s="6">
        <v>614185.19999999995</v>
      </c>
      <c r="C36892" s="7">
        <f t="shared" si="576"/>
        <v>614.18520000000001</v>
      </c>
    </row>
    <row r="36893" spans="1:3" x14ac:dyDescent="0.25">
      <c r="A36893" s="2" t="s">
        <v>22130</v>
      </c>
      <c r="B36893" s="6">
        <v>614201.85</v>
      </c>
      <c r="C36893" s="7">
        <f t="shared" si="576"/>
        <v>614.20184999999992</v>
      </c>
    </row>
    <row r="36894" spans="1:3" x14ac:dyDescent="0.25">
      <c r="A36894" s="2" t="s">
        <v>22131</v>
      </c>
      <c r="B36894" s="6">
        <v>614218.5</v>
      </c>
      <c r="C36894" s="7">
        <f t="shared" si="576"/>
        <v>614.21849999999995</v>
      </c>
    </row>
    <row r="36895" spans="1:3" x14ac:dyDescent="0.25">
      <c r="A36895" s="2" t="s">
        <v>22132</v>
      </c>
      <c r="B36895" s="6">
        <v>614235.14999999991</v>
      </c>
      <c r="C36895" s="7">
        <f t="shared" si="576"/>
        <v>614.23514999999986</v>
      </c>
    </row>
    <row r="36896" spans="1:3" x14ac:dyDescent="0.25">
      <c r="A36896" s="2" t="s">
        <v>22133</v>
      </c>
      <c r="B36896" s="6">
        <v>614251.79999999993</v>
      </c>
      <c r="C36896" s="7">
        <f t="shared" si="576"/>
        <v>614.25179999999989</v>
      </c>
    </row>
    <row r="36897" spans="1:3" x14ac:dyDescent="0.25">
      <c r="A36897" s="2" t="s">
        <v>22134</v>
      </c>
      <c r="B36897" s="6">
        <v>614268.44999999995</v>
      </c>
      <c r="C36897" s="7">
        <f t="shared" si="576"/>
        <v>614.26844999999992</v>
      </c>
    </row>
    <row r="36898" spans="1:3" x14ac:dyDescent="0.25">
      <c r="A36898" s="2" t="s">
        <v>22135</v>
      </c>
      <c r="B36898" s="6">
        <v>614285.1</v>
      </c>
      <c r="C36898" s="7">
        <f t="shared" si="576"/>
        <v>614.28509999999994</v>
      </c>
    </row>
    <row r="36899" spans="1:3" x14ac:dyDescent="0.25">
      <c r="A36899" s="2" t="s">
        <v>22136</v>
      </c>
      <c r="B36899" s="6">
        <v>614301.75</v>
      </c>
      <c r="C36899" s="7">
        <f t="shared" si="576"/>
        <v>614.30174999999997</v>
      </c>
    </row>
    <row r="36900" spans="1:3" x14ac:dyDescent="0.25">
      <c r="A36900" s="2" t="s">
        <v>22137</v>
      </c>
      <c r="B36900" s="6">
        <v>614318.39999999991</v>
      </c>
      <c r="C36900" s="7">
        <f t="shared" si="576"/>
        <v>614.31839999999988</v>
      </c>
    </row>
    <row r="36901" spans="1:3" x14ac:dyDescent="0.25">
      <c r="A36901" s="2" t="s">
        <v>22138</v>
      </c>
      <c r="B36901" s="6">
        <v>614335.04999999993</v>
      </c>
      <c r="C36901" s="7">
        <f t="shared" si="576"/>
        <v>614.33504999999991</v>
      </c>
    </row>
    <row r="36902" spans="1:3" x14ac:dyDescent="0.25">
      <c r="A36902" s="2" t="s">
        <v>22139</v>
      </c>
      <c r="B36902" s="6">
        <v>614351.69999999995</v>
      </c>
      <c r="C36902" s="7">
        <f t="shared" si="576"/>
        <v>614.35169999999994</v>
      </c>
    </row>
    <row r="36903" spans="1:3" x14ac:dyDescent="0.25">
      <c r="A36903" s="2" t="s">
        <v>22140</v>
      </c>
      <c r="B36903" s="6">
        <v>614368.35</v>
      </c>
      <c r="C36903" s="7">
        <f t="shared" si="576"/>
        <v>614.36834999999996</v>
      </c>
    </row>
    <row r="36904" spans="1:3" x14ac:dyDescent="0.25">
      <c r="A36904" s="2" t="s">
        <v>22141</v>
      </c>
      <c r="B36904" s="6">
        <v>614385</v>
      </c>
      <c r="C36904" s="7">
        <f t="shared" si="576"/>
        <v>614.38499999999999</v>
      </c>
    </row>
    <row r="36905" spans="1:3" x14ac:dyDescent="0.25">
      <c r="A36905" s="2" t="s">
        <v>22142</v>
      </c>
      <c r="B36905" s="6">
        <v>614401.64999999991</v>
      </c>
      <c r="C36905" s="7">
        <f t="shared" si="576"/>
        <v>614.4016499999999</v>
      </c>
    </row>
    <row r="36906" spans="1:3" x14ac:dyDescent="0.25">
      <c r="A36906" s="2" t="s">
        <v>22143</v>
      </c>
      <c r="B36906" s="6">
        <v>614418.29999999993</v>
      </c>
      <c r="C36906" s="7">
        <f t="shared" si="576"/>
        <v>614.41829999999993</v>
      </c>
    </row>
    <row r="36907" spans="1:3" x14ac:dyDescent="0.25">
      <c r="A36907" s="2" t="s">
        <v>22144</v>
      </c>
      <c r="B36907" s="6">
        <v>614434.94999999995</v>
      </c>
      <c r="C36907" s="7">
        <f t="shared" si="576"/>
        <v>614.43494999999996</v>
      </c>
    </row>
    <row r="36908" spans="1:3" x14ac:dyDescent="0.25">
      <c r="A36908" s="2" t="s">
        <v>22145</v>
      </c>
      <c r="B36908" s="6">
        <v>614451.6</v>
      </c>
      <c r="C36908" s="7">
        <f t="shared" si="576"/>
        <v>614.45159999999998</v>
      </c>
    </row>
    <row r="36909" spans="1:3" x14ac:dyDescent="0.25">
      <c r="A36909" s="2" t="s">
        <v>22146</v>
      </c>
      <c r="B36909" s="6">
        <v>614468.25</v>
      </c>
      <c r="C36909" s="7">
        <f t="shared" si="576"/>
        <v>614.46825000000001</v>
      </c>
    </row>
    <row r="36910" spans="1:3" x14ac:dyDescent="0.25">
      <c r="A36910" s="2" t="s">
        <v>22147</v>
      </c>
      <c r="B36910" s="6">
        <v>614484.89999999991</v>
      </c>
      <c r="C36910" s="7">
        <f t="shared" si="576"/>
        <v>614.48489999999993</v>
      </c>
    </row>
    <row r="36911" spans="1:3" x14ac:dyDescent="0.25">
      <c r="A36911" s="2" t="s">
        <v>22148</v>
      </c>
      <c r="B36911" s="6">
        <v>614501.54999999993</v>
      </c>
      <c r="C36911" s="7">
        <f t="shared" si="576"/>
        <v>614.50154999999995</v>
      </c>
    </row>
    <row r="36912" spans="1:3" x14ac:dyDescent="0.25">
      <c r="A36912" s="2" t="s">
        <v>22149</v>
      </c>
      <c r="B36912" s="6">
        <v>614518.19999999995</v>
      </c>
      <c r="C36912" s="7">
        <f t="shared" si="576"/>
        <v>614.51819999999998</v>
      </c>
    </row>
    <row r="36913" spans="1:3" x14ac:dyDescent="0.25">
      <c r="A36913" s="2" t="s">
        <v>22150</v>
      </c>
      <c r="B36913" s="6">
        <v>614534.85</v>
      </c>
      <c r="C36913" s="7">
        <f t="shared" si="576"/>
        <v>614.53485000000001</v>
      </c>
    </row>
    <row r="36914" spans="1:3" x14ac:dyDescent="0.25">
      <c r="A36914" s="2" t="s">
        <v>22151</v>
      </c>
      <c r="B36914" s="6">
        <v>614551.5</v>
      </c>
      <c r="C36914" s="7">
        <f t="shared" si="576"/>
        <v>614.55150000000003</v>
      </c>
    </row>
    <row r="36915" spans="1:3" x14ac:dyDescent="0.25">
      <c r="A36915" s="2" t="s">
        <v>22152</v>
      </c>
      <c r="B36915" s="6">
        <v>614568.14999999991</v>
      </c>
      <c r="C36915" s="7">
        <f t="shared" si="576"/>
        <v>614.56814999999995</v>
      </c>
    </row>
    <row r="36916" spans="1:3" x14ac:dyDescent="0.25">
      <c r="A36916" s="2" t="s">
        <v>22153</v>
      </c>
      <c r="B36916" s="6">
        <v>614584.79999999993</v>
      </c>
      <c r="C36916" s="7">
        <f t="shared" si="576"/>
        <v>614.58479999999997</v>
      </c>
    </row>
    <row r="36917" spans="1:3" x14ac:dyDescent="0.25">
      <c r="A36917" s="2" t="s">
        <v>22154</v>
      </c>
      <c r="B36917" s="6">
        <v>614601.44999999995</v>
      </c>
      <c r="C36917" s="7">
        <f t="shared" si="576"/>
        <v>614.60145</v>
      </c>
    </row>
    <row r="36918" spans="1:3" x14ac:dyDescent="0.25">
      <c r="A36918" s="2" t="s">
        <v>22155</v>
      </c>
      <c r="B36918" s="6">
        <v>614618.1</v>
      </c>
      <c r="C36918" s="7">
        <f t="shared" si="576"/>
        <v>614.61810000000003</v>
      </c>
    </row>
    <row r="36919" spans="1:3" x14ac:dyDescent="0.25">
      <c r="A36919" s="2" t="s">
        <v>22156</v>
      </c>
      <c r="B36919" s="6">
        <v>614634.75</v>
      </c>
      <c r="C36919" s="7">
        <f t="shared" si="576"/>
        <v>614.63475000000005</v>
      </c>
    </row>
    <row r="36920" spans="1:3" x14ac:dyDescent="0.25">
      <c r="A36920" s="2" t="s">
        <v>22157</v>
      </c>
      <c r="B36920" s="6">
        <v>614651.39999999991</v>
      </c>
      <c r="C36920" s="7">
        <f t="shared" si="576"/>
        <v>614.65139999999985</v>
      </c>
    </row>
    <row r="36921" spans="1:3" x14ac:dyDescent="0.25">
      <c r="A36921" s="2" t="s">
        <v>22158</v>
      </c>
      <c r="B36921" s="6">
        <v>614668.04999999993</v>
      </c>
      <c r="C36921" s="7">
        <f t="shared" si="576"/>
        <v>614.66804999999988</v>
      </c>
    </row>
    <row r="36922" spans="1:3" x14ac:dyDescent="0.25">
      <c r="A36922" s="2" t="s">
        <v>22159</v>
      </c>
      <c r="B36922" s="6">
        <v>614684.69999999995</v>
      </c>
      <c r="C36922" s="7">
        <f t="shared" si="576"/>
        <v>614.68469999999991</v>
      </c>
    </row>
    <row r="36923" spans="1:3" x14ac:dyDescent="0.25">
      <c r="A36923" s="2" t="s">
        <v>22160</v>
      </c>
      <c r="B36923" s="6">
        <v>614701.35</v>
      </c>
      <c r="C36923" s="7">
        <f t="shared" si="576"/>
        <v>614.70134999999993</v>
      </c>
    </row>
    <row r="36924" spans="1:3" x14ac:dyDescent="0.25">
      <c r="A36924" s="2" t="s">
        <v>22161</v>
      </c>
      <c r="B36924" s="6">
        <v>614718</v>
      </c>
      <c r="C36924" s="7">
        <f t="shared" si="576"/>
        <v>614.71799999999996</v>
      </c>
    </row>
    <row r="36925" spans="1:3" x14ac:dyDescent="0.25">
      <c r="A36925" s="2" t="s">
        <v>22162</v>
      </c>
      <c r="B36925" s="6">
        <v>614734.64999999991</v>
      </c>
      <c r="C36925" s="7">
        <f t="shared" si="576"/>
        <v>614.73464999999987</v>
      </c>
    </row>
    <row r="36926" spans="1:3" x14ac:dyDescent="0.25">
      <c r="A36926" s="2" t="s">
        <v>22163</v>
      </c>
      <c r="B36926" s="6">
        <v>614751.29999999993</v>
      </c>
      <c r="C36926" s="7">
        <f t="shared" si="576"/>
        <v>614.7512999999999</v>
      </c>
    </row>
    <row r="36927" spans="1:3" x14ac:dyDescent="0.25">
      <c r="A36927" s="2" t="s">
        <v>22164</v>
      </c>
      <c r="B36927" s="6">
        <v>614767.94999999995</v>
      </c>
      <c r="C36927" s="7">
        <f t="shared" si="576"/>
        <v>614.76794999999993</v>
      </c>
    </row>
    <row r="36928" spans="1:3" x14ac:dyDescent="0.25">
      <c r="A36928" s="2" t="s">
        <v>22165</v>
      </c>
      <c r="B36928" s="6">
        <v>614784.6</v>
      </c>
      <c r="C36928" s="7">
        <f t="shared" si="576"/>
        <v>614.78459999999995</v>
      </c>
    </row>
    <row r="36929" spans="1:3" x14ac:dyDescent="0.25">
      <c r="A36929" s="2" t="s">
        <v>22166</v>
      </c>
      <c r="B36929" s="6">
        <v>614801.25</v>
      </c>
      <c r="C36929" s="7">
        <f t="shared" si="576"/>
        <v>614.80124999999998</v>
      </c>
    </row>
    <row r="36930" spans="1:3" x14ac:dyDescent="0.25">
      <c r="A36930" s="2" t="s">
        <v>22167</v>
      </c>
      <c r="B36930" s="6">
        <v>614817.89999999991</v>
      </c>
      <c r="C36930" s="7">
        <f t="shared" si="576"/>
        <v>614.8178999999999</v>
      </c>
    </row>
    <row r="36931" spans="1:3" x14ac:dyDescent="0.25">
      <c r="A36931" s="2" t="s">
        <v>22168</v>
      </c>
      <c r="B36931" s="6">
        <v>614834.54999999993</v>
      </c>
      <c r="C36931" s="7">
        <f t="shared" ref="C36931:C36994" si="577">B36931/1000</f>
        <v>614.83454999999992</v>
      </c>
    </row>
    <row r="36932" spans="1:3" x14ac:dyDescent="0.25">
      <c r="A36932" s="2" t="s">
        <v>22169</v>
      </c>
      <c r="B36932" s="6">
        <v>614851.19999999995</v>
      </c>
      <c r="C36932" s="7">
        <f t="shared" si="577"/>
        <v>614.85119999999995</v>
      </c>
    </row>
    <row r="36933" spans="1:3" x14ac:dyDescent="0.25">
      <c r="A36933" s="2" t="s">
        <v>22170</v>
      </c>
      <c r="B36933" s="6">
        <v>614867.85</v>
      </c>
      <c r="C36933" s="7">
        <f t="shared" si="577"/>
        <v>614.86784999999998</v>
      </c>
    </row>
    <row r="36934" spans="1:3" x14ac:dyDescent="0.25">
      <c r="A36934" s="2" t="s">
        <v>22171</v>
      </c>
      <c r="B36934" s="6">
        <v>614884.5</v>
      </c>
      <c r="C36934" s="7">
        <f t="shared" si="577"/>
        <v>614.8845</v>
      </c>
    </row>
    <row r="36935" spans="1:3" x14ac:dyDescent="0.25">
      <c r="A36935" s="2" t="s">
        <v>22172</v>
      </c>
      <c r="B36935" s="6">
        <v>614901.14999999991</v>
      </c>
      <c r="C36935" s="7">
        <f t="shared" si="577"/>
        <v>614.90114999999992</v>
      </c>
    </row>
    <row r="36936" spans="1:3" x14ac:dyDescent="0.25">
      <c r="A36936" s="2" t="s">
        <v>22173</v>
      </c>
      <c r="B36936" s="6">
        <v>614917.79999999993</v>
      </c>
      <c r="C36936" s="7">
        <f t="shared" si="577"/>
        <v>614.91779999999994</v>
      </c>
    </row>
    <row r="36937" spans="1:3" x14ac:dyDescent="0.25">
      <c r="A36937" s="2" t="s">
        <v>22174</v>
      </c>
      <c r="B36937" s="6">
        <v>614934.44999999995</v>
      </c>
      <c r="C36937" s="7">
        <f t="shared" si="577"/>
        <v>614.93444999999997</v>
      </c>
    </row>
    <row r="36938" spans="1:3" x14ac:dyDescent="0.25">
      <c r="A36938" s="2" t="s">
        <v>22175</v>
      </c>
      <c r="B36938" s="6">
        <v>614951.1</v>
      </c>
      <c r="C36938" s="7">
        <f t="shared" si="577"/>
        <v>614.9511</v>
      </c>
    </row>
    <row r="36939" spans="1:3" x14ac:dyDescent="0.25">
      <c r="A36939" s="2" t="s">
        <v>22176</v>
      </c>
      <c r="B36939" s="6">
        <v>614967.75</v>
      </c>
      <c r="C36939" s="7">
        <f t="shared" si="577"/>
        <v>614.96775000000002</v>
      </c>
    </row>
    <row r="36940" spans="1:3" x14ac:dyDescent="0.25">
      <c r="A36940" s="2" t="s">
        <v>22177</v>
      </c>
      <c r="B36940" s="6">
        <v>614984.39999999991</v>
      </c>
      <c r="C36940" s="7">
        <f t="shared" si="577"/>
        <v>614.98439999999994</v>
      </c>
    </row>
    <row r="36941" spans="1:3" x14ac:dyDescent="0.25">
      <c r="A36941" s="2" t="s">
        <v>22178</v>
      </c>
      <c r="B36941" s="6">
        <v>615001.04999999993</v>
      </c>
      <c r="C36941" s="7">
        <f t="shared" si="577"/>
        <v>615.00104999999996</v>
      </c>
    </row>
    <row r="36942" spans="1:3" x14ac:dyDescent="0.25">
      <c r="A36942" s="2" t="s">
        <v>22179</v>
      </c>
      <c r="B36942" s="6">
        <v>615017.69999999995</v>
      </c>
      <c r="C36942" s="7">
        <f t="shared" si="577"/>
        <v>615.01769999999999</v>
      </c>
    </row>
    <row r="36943" spans="1:3" x14ac:dyDescent="0.25">
      <c r="A36943" s="2" t="s">
        <v>22180</v>
      </c>
      <c r="B36943" s="6">
        <v>615034.35</v>
      </c>
      <c r="C36943" s="7">
        <f t="shared" si="577"/>
        <v>615.03435000000002</v>
      </c>
    </row>
    <row r="36944" spans="1:3" x14ac:dyDescent="0.25">
      <c r="A36944" s="2" t="s">
        <v>22181</v>
      </c>
      <c r="B36944" s="6">
        <v>615051</v>
      </c>
      <c r="C36944" s="7">
        <f t="shared" si="577"/>
        <v>615.05100000000004</v>
      </c>
    </row>
    <row r="36945" spans="1:3" x14ac:dyDescent="0.25">
      <c r="A36945" s="2" t="s">
        <v>22182</v>
      </c>
      <c r="B36945" s="6">
        <v>615067.64999999991</v>
      </c>
      <c r="C36945" s="7">
        <f t="shared" si="577"/>
        <v>615.06764999999996</v>
      </c>
    </row>
    <row r="36946" spans="1:3" x14ac:dyDescent="0.25">
      <c r="A36946" s="2" t="s">
        <v>22183</v>
      </c>
      <c r="B36946" s="6">
        <v>615067.64999999991</v>
      </c>
      <c r="C36946" s="7">
        <f t="shared" si="577"/>
        <v>615.06764999999996</v>
      </c>
    </row>
    <row r="36947" spans="1:3" x14ac:dyDescent="0.25">
      <c r="A36947" s="2" t="s">
        <v>22184</v>
      </c>
      <c r="B36947" s="6">
        <v>615084.29999999993</v>
      </c>
      <c r="C36947" s="7">
        <f t="shared" si="577"/>
        <v>615.08429999999998</v>
      </c>
    </row>
    <row r="36948" spans="1:3" x14ac:dyDescent="0.25">
      <c r="A36948" s="2" t="s">
        <v>22185</v>
      </c>
      <c r="B36948" s="6">
        <v>615100.94999999995</v>
      </c>
      <c r="C36948" s="7">
        <f t="shared" si="577"/>
        <v>615.1009499999999</v>
      </c>
    </row>
    <row r="36949" spans="1:3" x14ac:dyDescent="0.25">
      <c r="A36949" s="2" t="s">
        <v>22186</v>
      </c>
      <c r="B36949" s="6">
        <v>615117.6</v>
      </c>
      <c r="C36949" s="7">
        <f t="shared" si="577"/>
        <v>615.11759999999992</v>
      </c>
    </row>
    <row r="36950" spans="1:3" x14ac:dyDescent="0.25">
      <c r="A36950" s="2" t="s">
        <v>22187</v>
      </c>
      <c r="B36950" s="6">
        <v>615134.25</v>
      </c>
      <c r="C36950" s="7">
        <f t="shared" si="577"/>
        <v>615.13424999999995</v>
      </c>
    </row>
    <row r="36951" spans="1:3" x14ac:dyDescent="0.25">
      <c r="A36951" s="2" t="s">
        <v>22188</v>
      </c>
      <c r="B36951" s="6">
        <v>615150.89999999991</v>
      </c>
      <c r="C36951" s="7">
        <f t="shared" si="577"/>
        <v>615.15089999999987</v>
      </c>
    </row>
    <row r="36952" spans="1:3" x14ac:dyDescent="0.25">
      <c r="A36952" s="2" t="s">
        <v>22189</v>
      </c>
      <c r="B36952" s="6">
        <v>615167.54999999993</v>
      </c>
      <c r="C36952" s="7">
        <f t="shared" si="577"/>
        <v>615.16754999999989</v>
      </c>
    </row>
    <row r="36953" spans="1:3" x14ac:dyDescent="0.25">
      <c r="A36953" s="2" t="s">
        <v>22190</v>
      </c>
      <c r="B36953" s="6">
        <v>615184.19999999995</v>
      </c>
      <c r="C36953" s="7">
        <f t="shared" si="577"/>
        <v>615.18419999999992</v>
      </c>
    </row>
    <row r="36954" spans="1:3" x14ac:dyDescent="0.25">
      <c r="A36954" s="2" t="s">
        <v>22191</v>
      </c>
      <c r="B36954" s="6">
        <v>615200.85</v>
      </c>
      <c r="C36954" s="7">
        <f t="shared" si="577"/>
        <v>615.20084999999995</v>
      </c>
    </row>
    <row r="36955" spans="1:3" x14ac:dyDescent="0.25">
      <c r="A36955" s="2" t="s">
        <v>22192</v>
      </c>
      <c r="B36955" s="6">
        <v>615217.5</v>
      </c>
      <c r="C36955" s="7">
        <f t="shared" si="577"/>
        <v>615.21749999999997</v>
      </c>
    </row>
    <row r="36956" spans="1:3" x14ac:dyDescent="0.25">
      <c r="A36956" s="2" t="s">
        <v>22193</v>
      </c>
      <c r="B36956" s="6">
        <v>615234.14999999991</v>
      </c>
      <c r="C36956" s="7">
        <f t="shared" si="577"/>
        <v>615.23414999999989</v>
      </c>
    </row>
    <row r="36957" spans="1:3" x14ac:dyDescent="0.25">
      <c r="A36957" s="2" t="s">
        <v>22194</v>
      </c>
      <c r="B36957" s="6">
        <v>615250.79999999993</v>
      </c>
      <c r="C36957" s="7">
        <f t="shared" si="577"/>
        <v>615.25079999999991</v>
      </c>
    </row>
    <row r="36958" spans="1:3" x14ac:dyDescent="0.25">
      <c r="A36958" s="2" t="s">
        <v>22195</v>
      </c>
      <c r="B36958" s="6">
        <v>615267.44999999995</v>
      </c>
      <c r="C36958" s="7">
        <f t="shared" si="577"/>
        <v>615.26744999999994</v>
      </c>
    </row>
    <row r="36959" spans="1:3" x14ac:dyDescent="0.25">
      <c r="A36959" s="2" t="s">
        <v>22196</v>
      </c>
      <c r="B36959" s="6">
        <v>615284.1</v>
      </c>
      <c r="C36959" s="7">
        <f t="shared" si="577"/>
        <v>615.28409999999997</v>
      </c>
    </row>
    <row r="36960" spans="1:3" x14ac:dyDescent="0.25">
      <c r="A36960" s="2" t="s">
        <v>22197</v>
      </c>
      <c r="B36960" s="6">
        <v>615300.75</v>
      </c>
      <c r="C36960" s="7">
        <f t="shared" si="577"/>
        <v>615.30074999999999</v>
      </c>
    </row>
    <row r="36961" spans="1:3" x14ac:dyDescent="0.25">
      <c r="A36961" s="2" t="s">
        <v>22198</v>
      </c>
      <c r="B36961" s="6">
        <v>615317.39999999991</v>
      </c>
      <c r="C36961" s="7">
        <f t="shared" si="577"/>
        <v>615.31739999999991</v>
      </c>
    </row>
    <row r="36962" spans="1:3" x14ac:dyDescent="0.25">
      <c r="A36962" s="2" t="s">
        <v>22199</v>
      </c>
      <c r="B36962" s="6">
        <v>615334.04999999993</v>
      </c>
      <c r="C36962" s="7">
        <f t="shared" si="577"/>
        <v>615.33404999999993</v>
      </c>
    </row>
    <row r="36963" spans="1:3" x14ac:dyDescent="0.25">
      <c r="A36963" s="2" t="s">
        <v>22200</v>
      </c>
      <c r="B36963" s="6">
        <v>615350.69999999995</v>
      </c>
      <c r="C36963" s="7">
        <f t="shared" si="577"/>
        <v>615.35069999999996</v>
      </c>
    </row>
    <row r="36964" spans="1:3" x14ac:dyDescent="0.25">
      <c r="A36964" s="2" t="s">
        <v>22201</v>
      </c>
      <c r="B36964" s="6">
        <v>615367.35</v>
      </c>
      <c r="C36964" s="7">
        <f t="shared" si="577"/>
        <v>615.36734999999999</v>
      </c>
    </row>
    <row r="36965" spans="1:3" x14ac:dyDescent="0.25">
      <c r="A36965" s="2" t="s">
        <v>22202</v>
      </c>
      <c r="B36965" s="6">
        <v>615384</v>
      </c>
      <c r="C36965" s="7">
        <f t="shared" si="577"/>
        <v>615.38400000000001</v>
      </c>
    </row>
    <row r="36966" spans="1:3" x14ac:dyDescent="0.25">
      <c r="A36966" s="2" t="s">
        <v>22203</v>
      </c>
      <c r="B36966" s="6">
        <v>615400.64999999991</v>
      </c>
      <c r="C36966" s="7">
        <f t="shared" si="577"/>
        <v>615.40064999999993</v>
      </c>
    </row>
    <row r="36967" spans="1:3" x14ac:dyDescent="0.25">
      <c r="A36967" s="2" t="s">
        <v>22204</v>
      </c>
      <c r="B36967" s="6">
        <v>615417.29999999993</v>
      </c>
      <c r="C36967" s="7">
        <f t="shared" si="577"/>
        <v>615.41729999999995</v>
      </c>
    </row>
    <row r="36968" spans="1:3" x14ac:dyDescent="0.25">
      <c r="A36968" s="2" t="s">
        <v>22205</v>
      </c>
      <c r="B36968" s="6">
        <v>615433.94999999995</v>
      </c>
      <c r="C36968" s="7">
        <f t="shared" si="577"/>
        <v>615.43394999999998</v>
      </c>
    </row>
    <row r="36969" spans="1:3" x14ac:dyDescent="0.25">
      <c r="A36969" s="2" t="s">
        <v>22206</v>
      </c>
      <c r="B36969" s="6">
        <v>615450.6</v>
      </c>
      <c r="C36969" s="7">
        <f t="shared" si="577"/>
        <v>615.45060000000001</v>
      </c>
    </row>
    <row r="36970" spans="1:3" x14ac:dyDescent="0.25">
      <c r="A36970" s="2" t="s">
        <v>22207</v>
      </c>
      <c r="B36970" s="6">
        <v>615467.25</v>
      </c>
      <c r="C36970" s="7">
        <f t="shared" si="577"/>
        <v>615.46725000000004</v>
      </c>
    </row>
    <row r="36971" spans="1:3" x14ac:dyDescent="0.25">
      <c r="A36971" s="2" t="s">
        <v>22208</v>
      </c>
      <c r="B36971" s="6">
        <v>615483.89999999991</v>
      </c>
      <c r="C36971" s="7">
        <f t="shared" si="577"/>
        <v>615.48389999999995</v>
      </c>
    </row>
    <row r="36972" spans="1:3" x14ac:dyDescent="0.25">
      <c r="A36972" s="2" t="s">
        <v>22209</v>
      </c>
      <c r="B36972" s="6">
        <v>615500.54999999993</v>
      </c>
      <c r="C36972" s="7">
        <f t="shared" si="577"/>
        <v>615.50054999999998</v>
      </c>
    </row>
    <row r="36973" spans="1:3" x14ac:dyDescent="0.25">
      <c r="A36973" s="2" t="s">
        <v>22210</v>
      </c>
      <c r="B36973" s="6">
        <v>615517.19999999995</v>
      </c>
      <c r="C36973" s="7">
        <f t="shared" si="577"/>
        <v>615.5172</v>
      </c>
    </row>
    <row r="36974" spans="1:3" x14ac:dyDescent="0.25">
      <c r="A36974" s="2" t="s">
        <v>22211</v>
      </c>
      <c r="B36974" s="6">
        <v>615533.85</v>
      </c>
      <c r="C36974" s="7">
        <f t="shared" si="577"/>
        <v>615.53385000000003</v>
      </c>
    </row>
    <row r="36975" spans="1:3" x14ac:dyDescent="0.25">
      <c r="A36975" s="2" t="s">
        <v>22212</v>
      </c>
      <c r="B36975" s="6">
        <v>615550.5</v>
      </c>
      <c r="C36975" s="7">
        <f t="shared" si="577"/>
        <v>615.55050000000006</v>
      </c>
    </row>
    <row r="36976" spans="1:3" x14ac:dyDescent="0.25">
      <c r="A36976" s="2" t="s">
        <v>22213</v>
      </c>
      <c r="B36976" s="6">
        <v>615567.14999999991</v>
      </c>
      <c r="C36976" s="7">
        <f t="shared" si="577"/>
        <v>615.56714999999986</v>
      </c>
    </row>
    <row r="36977" spans="1:3" x14ac:dyDescent="0.25">
      <c r="A36977" s="2" t="s">
        <v>22214</v>
      </c>
      <c r="B36977" s="6">
        <v>615583.79999999993</v>
      </c>
      <c r="C36977" s="7">
        <f t="shared" si="577"/>
        <v>615.58379999999988</v>
      </c>
    </row>
    <row r="36978" spans="1:3" x14ac:dyDescent="0.25">
      <c r="A36978" s="2" t="s">
        <v>22215</v>
      </c>
      <c r="B36978" s="6">
        <v>615600.44999999995</v>
      </c>
      <c r="C36978" s="7">
        <f t="shared" si="577"/>
        <v>615.60044999999991</v>
      </c>
    </row>
    <row r="36979" spans="1:3" x14ac:dyDescent="0.25">
      <c r="A36979" s="2" t="s">
        <v>22216</v>
      </c>
      <c r="B36979" s="6">
        <v>615617.1</v>
      </c>
      <c r="C36979" s="7">
        <f t="shared" si="577"/>
        <v>615.61709999999994</v>
      </c>
    </row>
    <row r="36980" spans="1:3" x14ac:dyDescent="0.25">
      <c r="A36980" s="2" t="s">
        <v>22217</v>
      </c>
      <c r="B36980" s="6">
        <v>615633.75</v>
      </c>
      <c r="C36980" s="7">
        <f t="shared" si="577"/>
        <v>615.63374999999996</v>
      </c>
    </row>
    <row r="36981" spans="1:3" x14ac:dyDescent="0.25">
      <c r="A36981" s="2" t="s">
        <v>22218</v>
      </c>
      <c r="B36981" s="6">
        <v>615650.39999999991</v>
      </c>
      <c r="C36981" s="7">
        <f t="shared" si="577"/>
        <v>615.65039999999988</v>
      </c>
    </row>
    <row r="36982" spans="1:3" x14ac:dyDescent="0.25">
      <c r="A36982" s="2" t="s">
        <v>22219</v>
      </c>
      <c r="B36982" s="6">
        <v>615667.04999999993</v>
      </c>
      <c r="C36982" s="7">
        <f t="shared" si="577"/>
        <v>615.6670499999999</v>
      </c>
    </row>
    <row r="36983" spans="1:3" x14ac:dyDescent="0.25">
      <c r="A36983" s="2" t="s">
        <v>22220</v>
      </c>
      <c r="B36983" s="6">
        <v>615683.69999999995</v>
      </c>
      <c r="C36983" s="7">
        <f t="shared" si="577"/>
        <v>615.68369999999993</v>
      </c>
    </row>
    <row r="36984" spans="1:3" x14ac:dyDescent="0.25">
      <c r="A36984" s="2" t="s">
        <v>22221</v>
      </c>
      <c r="B36984" s="6">
        <v>615700.35</v>
      </c>
      <c r="C36984" s="7">
        <f t="shared" si="577"/>
        <v>615.70034999999996</v>
      </c>
    </row>
    <row r="36985" spans="1:3" x14ac:dyDescent="0.25">
      <c r="A36985" s="2" t="s">
        <v>22222</v>
      </c>
      <c r="B36985" s="6">
        <v>615717</v>
      </c>
      <c r="C36985" s="7">
        <f t="shared" si="577"/>
        <v>615.71699999999998</v>
      </c>
    </row>
    <row r="36986" spans="1:3" x14ac:dyDescent="0.25">
      <c r="A36986" s="2" t="s">
        <v>22223</v>
      </c>
      <c r="B36986" s="6">
        <v>615733.64999999991</v>
      </c>
      <c r="C36986" s="7">
        <f t="shared" si="577"/>
        <v>615.7336499999999</v>
      </c>
    </row>
    <row r="36987" spans="1:3" x14ac:dyDescent="0.25">
      <c r="A36987" s="2" t="s">
        <v>22224</v>
      </c>
      <c r="B36987" s="6">
        <v>615750.29999999993</v>
      </c>
      <c r="C36987" s="7">
        <f t="shared" si="577"/>
        <v>615.75029999999992</v>
      </c>
    </row>
    <row r="36988" spans="1:3" x14ac:dyDescent="0.25">
      <c r="A36988" s="2" t="s">
        <v>22225</v>
      </c>
      <c r="B36988" s="6">
        <v>615766.94999999995</v>
      </c>
      <c r="C36988" s="7">
        <f t="shared" si="577"/>
        <v>615.76694999999995</v>
      </c>
    </row>
    <row r="36989" spans="1:3" x14ac:dyDescent="0.25">
      <c r="A36989" s="2" t="s">
        <v>22226</v>
      </c>
      <c r="B36989" s="6">
        <v>615783.6</v>
      </c>
      <c r="C36989" s="7">
        <f t="shared" si="577"/>
        <v>615.78359999999998</v>
      </c>
    </row>
    <row r="36990" spans="1:3" x14ac:dyDescent="0.25">
      <c r="A36990" s="2" t="s">
        <v>22227</v>
      </c>
      <c r="B36990" s="6">
        <v>615800.25</v>
      </c>
      <c r="C36990" s="7">
        <f t="shared" si="577"/>
        <v>615.80025000000001</v>
      </c>
    </row>
    <row r="36991" spans="1:3" x14ac:dyDescent="0.25">
      <c r="A36991" s="2" t="s">
        <v>22228</v>
      </c>
      <c r="B36991" s="6">
        <v>615816.89999999991</v>
      </c>
      <c r="C36991" s="7">
        <f t="shared" si="577"/>
        <v>615.81689999999992</v>
      </c>
    </row>
    <row r="36992" spans="1:3" x14ac:dyDescent="0.25">
      <c r="A36992" s="2" t="s">
        <v>22229</v>
      </c>
      <c r="B36992" s="6">
        <v>615833.54999999993</v>
      </c>
      <c r="C36992" s="7">
        <f t="shared" si="577"/>
        <v>615.83354999999995</v>
      </c>
    </row>
    <row r="36993" spans="1:3" x14ac:dyDescent="0.25">
      <c r="A36993" s="2" t="s">
        <v>22230</v>
      </c>
      <c r="B36993" s="6">
        <v>615850.19999999995</v>
      </c>
      <c r="C36993" s="7">
        <f t="shared" si="577"/>
        <v>615.85019999999997</v>
      </c>
    </row>
    <row r="36994" spans="1:3" x14ac:dyDescent="0.25">
      <c r="A36994" s="2" t="s">
        <v>22231</v>
      </c>
      <c r="B36994" s="6">
        <v>615866.85</v>
      </c>
      <c r="C36994" s="7">
        <f t="shared" si="577"/>
        <v>615.86685</v>
      </c>
    </row>
    <row r="36995" spans="1:3" x14ac:dyDescent="0.25">
      <c r="A36995" s="2" t="s">
        <v>22232</v>
      </c>
      <c r="B36995" s="6">
        <v>615883.5</v>
      </c>
      <c r="C36995" s="7">
        <f t="shared" ref="C36995:C37058" si="578">B36995/1000</f>
        <v>615.88350000000003</v>
      </c>
    </row>
    <row r="36996" spans="1:3" x14ac:dyDescent="0.25">
      <c r="A36996" s="2" t="s">
        <v>22233</v>
      </c>
      <c r="B36996" s="6">
        <v>615900.14999999991</v>
      </c>
      <c r="C36996" s="7">
        <f t="shared" si="578"/>
        <v>615.90014999999994</v>
      </c>
    </row>
    <row r="36997" spans="1:3" x14ac:dyDescent="0.25">
      <c r="A36997" s="2" t="s">
        <v>22234</v>
      </c>
      <c r="B36997" s="6">
        <v>615916.79999999993</v>
      </c>
      <c r="C36997" s="7">
        <f t="shared" si="578"/>
        <v>615.91679999999997</v>
      </c>
    </row>
    <row r="36998" spans="1:3" x14ac:dyDescent="0.25">
      <c r="A36998" s="2" t="s">
        <v>22235</v>
      </c>
      <c r="B36998" s="6">
        <v>615933.44999999995</v>
      </c>
      <c r="C36998" s="7">
        <f t="shared" si="578"/>
        <v>615.93344999999999</v>
      </c>
    </row>
    <row r="36999" spans="1:3" x14ac:dyDescent="0.25">
      <c r="A36999" s="2" t="s">
        <v>22236</v>
      </c>
      <c r="B36999" s="6">
        <v>615950.1</v>
      </c>
      <c r="C36999" s="7">
        <f t="shared" si="578"/>
        <v>615.95010000000002</v>
      </c>
    </row>
    <row r="37000" spans="1:3" x14ac:dyDescent="0.25">
      <c r="A37000" s="2" t="s">
        <v>22237</v>
      </c>
      <c r="B37000" s="6">
        <v>615966.75</v>
      </c>
      <c r="C37000" s="7">
        <f t="shared" si="578"/>
        <v>615.96675000000005</v>
      </c>
    </row>
    <row r="37001" spans="1:3" x14ac:dyDescent="0.25">
      <c r="A37001" s="2" t="s">
        <v>22238</v>
      </c>
      <c r="B37001" s="6">
        <v>615983.39999999991</v>
      </c>
      <c r="C37001" s="7">
        <f t="shared" si="578"/>
        <v>615.98339999999996</v>
      </c>
    </row>
    <row r="37002" spans="1:3" x14ac:dyDescent="0.25">
      <c r="A37002" s="2" t="s">
        <v>22239</v>
      </c>
      <c r="B37002" s="6">
        <v>616000.04999999993</v>
      </c>
      <c r="C37002" s="7">
        <f t="shared" si="578"/>
        <v>616.00004999999987</v>
      </c>
    </row>
    <row r="37003" spans="1:3" x14ac:dyDescent="0.25">
      <c r="A37003" s="2" t="s">
        <v>22240</v>
      </c>
      <c r="B37003" s="6">
        <v>616016.69999999995</v>
      </c>
      <c r="C37003" s="7">
        <f t="shared" si="578"/>
        <v>616.0166999999999</v>
      </c>
    </row>
    <row r="37004" spans="1:3" x14ac:dyDescent="0.25">
      <c r="A37004" s="2" t="s">
        <v>22241</v>
      </c>
      <c r="B37004" s="6">
        <v>616033.35</v>
      </c>
      <c r="C37004" s="7">
        <f t="shared" si="578"/>
        <v>616.03334999999993</v>
      </c>
    </row>
    <row r="37005" spans="1:3" x14ac:dyDescent="0.25">
      <c r="A37005" s="2" t="s">
        <v>22242</v>
      </c>
      <c r="B37005" s="6">
        <v>616050</v>
      </c>
      <c r="C37005" s="7">
        <f t="shared" si="578"/>
        <v>616.04999999999995</v>
      </c>
    </row>
    <row r="37006" spans="1:3" x14ac:dyDescent="0.25">
      <c r="A37006" s="2" t="s">
        <v>22243</v>
      </c>
      <c r="B37006" s="6">
        <v>616066.64999999991</v>
      </c>
      <c r="C37006" s="7">
        <f t="shared" si="578"/>
        <v>616.06664999999987</v>
      </c>
    </row>
    <row r="37007" spans="1:3" x14ac:dyDescent="0.25">
      <c r="A37007" s="2" t="s">
        <v>22244</v>
      </c>
      <c r="B37007" s="6">
        <v>616083.29999999993</v>
      </c>
      <c r="C37007" s="7">
        <f t="shared" si="578"/>
        <v>616.08329999999989</v>
      </c>
    </row>
    <row r="37008" spans="1:3" x14ac:dyDescent="0.25">
      <c r="A37008" s="2" t="s">
        <v>22245</v>
      </c>
      <c r="B37008" s="6">
        <v>616099.94999999995</v>
      </c>
      <c r="C37008" s="7">
        <f t="shared" si="578"/>
        <v>616.09994999999992</v>
      </c>
    </row>
    <row r="37009" spans="1:3" x14ac:dyDescent="0.25">
      <c r="A37009" s="2" t="s">
        <v>22246</v>
      </c>
      <c r="B37009" s="6">
        <v>616116.6</v>
      </c>
      <c r="C37009" s="7">
        <f t="shared" si="578"/>
        <v>616.11659999999995</v>
      </c>
    </row>
    <row r="37010" spans="1:3" x14ac:dyDescent="0.25">
      <c r="A37010" s="2" t="s">
        <v>22247</v>
      </c>
      <c r="B37010" s="6">
        <v>616133.25</v>
      </c>
      <c r="C37010" s="7">
        <f t="shared" si="578"/>
        <v>616.13324999999998</v>
      </c>
    </row>
    <row r="37011" spans="1:3" x14ac:dyDescent="0.25">
      <c r="A37011" s="2" t="s">
        <v>22248</v>
      </c>
      <c r="B37011" s="6">
        <v>616149.89999999991</v>
      </c>
      <c r="C37011" s="7">
        <f t="shared" si="578"/>
        <v>616.14989999999989</v>
      </c>
    </row>
    <row r="37012" spans="1:3" x14ac:dyDescent="0.25">
      <c r="A37012" s="2" t="s">
        <v>22249</v>
      </c>
      <c r="B37012" s="6">
        <v>616166.54999999993</v>
      </c>
      <c r="C37012" s="7">
        <f t="shared" si="578"/>
        <v>616.16654999999992</v>
      </c>
    </row>
    <row r="37013" spans="1:3" x14ac:dyDescent="0.25">
      <c r="A37013" s="2" t="s">
        <v>22250</v>
      </c>
      <c r="B37013" s="6">
        <v>616183.19999999995</v>
      </c>
      <c r="C37013" s="7">
        <f t="shared" si="578"/>
        <v>616.18319999999994</v>
      </c>
    </row>
    <row r="37014" spans="1:3" x14ac:dyDescent="0.25">
      <c r="A37014" s="2" t="s">
        <v>22251</v>
      </c>
      <c r="B37014" s="6">
        <v>616199.85</v>
      </c>
      <c r="C37014" s="7">
        <f t="shared" si="578"/>
        <v>616.19984999999997</v>
      </c>
    </row>
    <row r="37015" spans="1:3" x14ac:dyDescent="0.25">
      <c r="A37015" s="2" t="s">
        <v>22252</v>
      </c>
      <c r="B37015" s="6">
        <v>616216.5</v>
      </c>
      <c r="C37015" s="7">
        <f t="shared" si="578"/>
        <v>616.2165</v>
      </c>
    </row>
    <row r="37016" spans="1:3" x14ac:dyDescent="0.25">
      <c r="A37016" s="2" t="s">
        <v>22253</v>
      </c>
      <c r="B37016" s="6">
        <v>616233.14999999991</v>
      </c>
      <c r="C37016" s="7">
        <f t="shared" si="578"/>
        <v>616.23314999999991</v>
      </c>
    </row>
    <row r="37017" spans="1:3" x14ac:dyDescent="0.25">
      <c r="A37017" s="2" t="s">
        <v>22254</v>
      </c>
      <c r="B37017" s="6">
        <v>616249.79999999993</v>
      </c>
      <c r="C37017" s="7">
        <f t="shared" si="578"/>
        <v>616.24979999999994</v>
      </c>
    </row>
    <row r="37018" spans="1:3" x14ac:dyDescent="0.25">
      <c r="A37018" s="2" t="s">
        <v>22255</v>
      </c>
      <c r="B37018" s="6">
        <v>616266.44999999995</v>
      </c>
      <c r="C37018" s="7">
        <f t="shared" si="578"/>
        <v>616.26644999999996</v>
      </c>
    </row>
    <row r="37019" spans="1:3" x14ac:dyDescent="0.25">
      <c r="A37019" s="2" t="s">
        <v>22256</v>
      </c>
      <c r="B37019" s="6">
        <v>616283.1</v>
      </c>
      <c r="C37019" s="7">
        <f t="shared" si="578"/>
        <v>616.28309999999999</v>
      </c>
    </row>
    <row r="37020" spans="1:3" x14ac:dyDescent="0.25">
      <c r="A37020" s="2" t="s">
        <v>22257</v>
      </c>
      <c r="B37020" s="6">
        <v>616299.75</v>
      </c>
      <c r="C37020" s="7">
        <f t="shared" si="578"/>
        <v>616.29975000000002</v>
      </c>
    </row>
    <row r="37021" spans="1:3" x14ac:dyDescent="0.25">
      <c r="A37021" s="2" t="s">
        <v>22258</v>
      </c>
      <c r="B37021" s="6">
        <v>616316.39999999991</v>
      </c>
      <c r="C37021" s="7">
        <f t="shared" si="578"/>
        <v>616.31639999999993</v>
      </c>
    </row>
    <row r="37022" spans="1:3" x14ac:dyDescent="0.25">
      <c r="A37022" s="2" t="s">
        <v>22259</v>
      </c>
      <c r="B37022" s="6">
        <v>616333.04999999993</v>
      </c>
      <c r="C37022" s="7">
        <f t="shared" si="578"/>
        <v>616.33304999999996</v>
      </c>
    </row>
    <row r="37023" spans="1:3" x14ac:dyDescent="0.25">
      <c r="A37023" s="2" t="s">
        <v>22260</v>
      </c>
      <c r="B37023" s="6">
        <v>616349.69999999995</v>
      </c>
      <c r="C37023" s="7">
        <f t="shared" si="578"/>
        <v>616.34969999999998</v>
      </c>
    </row>
    <row r="37024" spans="1:3" x14ac:dyDescent="0.25">
      <c r="A37024" s="2" t="s">
        <v>22261</v>
      </c>
      <c r="B37024" s="6">
        <v>616366.35</v>
      </c>
      <c r="C37024" s="7">
        <f t="shared" si="578"/>
        <v>616.36635000000001</v>
      </c>
    </row>
    <row r="37025" spans="1:3" x14ac:dyDescent="0.25">
      <c r="A37025" s="2" t="s">
        <v>22262</v>
      </c>
      <c r="B37025" s="6">
        <v>616383</v>
      </c>
      <c r="C37025" s="7">
        <f t="shared" si="578"/>
        <v>616.38300000000004</v>
      </c>
    </row>
    <row r="37026" spans="1:3" x14ac:dyDescent="0.25">
      <c r="A37026" s="2" t="s">
        <v>22263</v>
      </c>
      <c r="B37026" s="6">
        <v>616399.64999999991</v>
      </c>
      <c r="C37026" s="7">
        <f t="shared" si="578"/>
        <v>616.39964999999995</v>
      </c>
    </row>
    <row r="37027" spans="1:3" x14ac:dyDescent="0.25">
      <c r="A37027" s="2" t="s">
        <v>22264</v>
      </c>
      <c r="B37027" s="6">
        <v>616416.29999999993</v>
      </c>
      <c r="C37027" s="7">
        <f t="shared" si="578"/>
        <v>616.41629999999998</v>
      </c>
    </row>
    <row r="37028" spans="1:3" x14ac:dyDescent="0.25">
      <c r="A37028" s="2" t="s">
        <v>22265</v>
      </c>
      <c r="B37028" s="6">
        <v>616432.94999999995</v>
      </c>
      <c r="C37028" s="7">
        <f t="shared" si="578"/>
        <v>616.43295000000001</v>
      </c>
    </row>
    <row r="37029" spans="1:3" x14ac:dyDescent="0.25">
      <c r="A37029" s="2" t="s">
        <v>22266</v>
      </c>
      <c r="B37029" s="6">
        <v>616449.6</v>
      </c>
      <c r="C37029" s="7">
        <f t="shared" si="578"/>
        <v>616.44960000000003</v>
      </c>
    </row>
    <row r="37030" spans="1:3" x14ac:dyDescent="0.25">
      <c r="A37030" s="2" t="s">
        <v>22267</v>
      </c>
      <c r="B37030" s="6">
        <v>616466.25</v>
      </c>
      <c r="C37030" s="7">
        <f t="shared" si="578"/>
        <v>616.46624999999995</v>
      </c>
    </row>
    <row r="37031" spans="1:3" x14ac:dyDescent="0.25">
      <c r="A37031" s="2" t="s">
        <v>22268</v>
      </c>
      <c r="B37031" s="6">
        <v>616482.89999999991</v>
      </c>
      <c r="C37031" s="7">
        <f t="shared" si="578"/>
        <v>616.48289999999986</v>
      </c>
    </row>
    <row r="37032" spans="1:3" x14ac:dyDescent="0.25">
      <c r="A37032" s="2" t="s">
        <v>22269</v>
      </c>
      <c r="B37032" s="6">
        <v>616499.54999999993</v>
      </c>
      <c r="C37032" s="7">
        <f t="shared" si="578"/>
        <v>616.49954999999989</v>
      </c>
    </row>
    <row r="37033" spans="1:3" x14ac:dyDescent="0.25">
      <c r="A37033" s="2" t="s">
        <v>22270</v>
      </c>
      <c r="B37033" s="6">
        <v>616516.19999999995</v>
      </c>
      <c r="C37033" s="7">
        <f t="shared" si="578"/>
        <v>616.51619999999991</v>
      </c>
    </row>
    <row r="37034" spans="1:3" x14ac:dyDescent="0.25">
      <c r="A37034" s="2" t="s">
        <v>22271</v>
      </c>
      <c r="B37034" s="6">
        <v>616532.85</v>
      </c>
      <c r="C37034" s="7">
        <f t="shared" si="578"/>
        <v>616.53284999999994</v>
      </c>
    </row>
    <row r="37035" spans="1:3" x14ac:dyDescent="0.25">
      <c r="A37035" s="2" t="s">
        <v>22272</v>
      </c>
      <c r="B37035" s="6">
        <v>616549.5</v>
      </c>
      <c r="C37035" s="7">
        <f t="shared" si="578"/>
        <v>616.54949999999997</v>
      </c>
    </row>
    <row r="37036" spans="1:3" x14ac:dyDescent="0.25">
      <c r="A37036" s="2" t="s">
        <v>22273</v>
      </c>
      <c r="B37036" s="6">
        <v>616566.14999999991</v>
      </c>
      <c r="C37036" s="7">
        <f t="shared" si="578"/>
        <v>616.56614999999988</v>
      </c>
    </row>
    <row r="37037" spans="1:3" x14ac:dyDescent="0.25">
      <c r="A37037" s="2" t="s">
        <v>22274</v>
      </c>
      <c r="B37037" s="6">
        <v>616582.79999999993</v>
      </c>
      <c r="C37037" s="7">
        <f t="shared" si="578"/>
        <v>616.58279999999991</v>
      </c>
    </row>
    <row r="37038" spans="1:3" x14ac:dyDescent="0.25">
      <c r="A37038" s="2" t="s">
        <v>22275</v>
      </c>
      <c r="B37038" s="6">
        <v>616599.44999999995</v>
      </c>
      <c r="C37038" s="7">
        <f t="shared" si="578"/>
        <v>616.59944999999993</v>
      </c>
    </row>
    <row r="37039" spans="1:3" x14ac:dyDescent="0.25">
      <c r="A37039" s="2" t="s">
        <v>22276</v>
      </c>
      <c r="B37039" s="6">
        <v>616616.1</v>
      </c>
      <c r="C37039" s="7">
        <f t="shared" si="578"/>
        <v>616.61609999999996</v>
      </c>
    </row>
    <row r="37040" spans="1:3" x14ac:dyDescent="0.25">
      <c r="A37040" s="2" t="s">
        <v>22277</v>
      </c>
      <c r="B37040" s="6">
        <v>616632.75</v>
      </c>
      <c r="C37040" s="7">
        <f t="shared" si="578"/>
        <v>616.63274999999999</v>
      </c>
    </row>
    <row r="37041" spans="1:3" x14ac:dyDescent="0.25">
      <c r="A37041" s="2" t="s">
        <v>22278</v>
      </c>
      <c r="B37041" s="6">
        <v>616649.39999999991</v>
      </c>
      <c r="C37041" s="7">
        <f t="shared" si="578"/>
        <v>616.6493999999999</v>
      </c>
    </row>
    <row r="37042" spans="1:3" x14ac:dyDescent="0.25">
      <c r="A37042" s="2" t="s">
        <v>22279</v>
      </c>
      <c r="B37042" s="6">
        <v>616666.04999999993</v>
      </c>
      <c r="C37042" s="7">
        <f t="shared" si="578"/>
        <v>616.66604999999993</v>
      </c>
    </row>
    <row r="37043" spans="1:3" x14ac:dyDescent="0.25">
      <c r="A37043" s="2" t="s">
        <v>22280</v>
      </c>
      <c r="B37043" s="6">
        <v>616682.69999999995</v>
      </c>
      <c r="C37043" s="7">
        <f t="shared" si="578"/>
        <v>616.68269999999995</v>
      </c>
    </row>
    <row r="37044" spans="1:3" x14ac:dyDescent="0.25">
      <c r="A37044" s="2" t="s">
        <v>22281</v>
      </c>
      <c r="B37044" s="6">
        <v>616699.35</v>
      </c>
      <c r="C37044" s="7">
        <f t="shared" si="578"/>
        <v>616.69934999999998</v>
      </c>
    </row>
    <row r="37045" spans="1:3" x14ac:dyDescent="0.25">
      <c r="A37045" s="2" t="s">
        <v>22282</v>
      </c>
      <c r="B37045" s="6">
        <v>616716</v>
      </c>
      <c r="C37045" s="7">
        <f t="shared" si="578"/>
        <v>616.71600000000001</v>
      </c>
    </row>
    <row r="37046" spans="1:3" x14ac:dyDescent="0.25">
      <c r="A37046" s="2" t="s">
        <v>22283</v>
      </c>
      <c r="B37046" s="6">
        <v>616732.64999999991</v>
      </c>
      <c r="C37046" s="7">
        <f t="shared" si="578"/>
        <v>616.73264999999992</v>
      </c>
    </row>
    <row r="37047" spans="1:3" x14ac:dyDescent="0.25">
      <c r="A37047" s="2" t="s">
        <v>22284</v>
      </c>
      <c r="B37047" s="6">
        <v>616749.29999999993</v>
      </c>
      <c r="C37047" s="7">
        <f t="shared" si="578"/>
        <v>616.74929999999995</v>
      </c>
    </row>
    <row r="37048" spans="1:3" x14ac:dyDescent="0.25">
      <c r="A37048" s="2" t="s">
        <v>22285</v>
      </c>
      <c r="B37048" s="6">
        <v>616765.94999999995</v>
      </c>
      <c r="C37048" s="7">
        <f t="shared" si="578"/>
        <v>616.76594999999998</v>
      </c>
    </row>
    <row r="37049" spans="1:3" x14ac:dyDescent="0.25">
      <c r="A37049" s="2" t="s">
        <v>22286</v>
      </c>
      <c r="B37049" s="6">
        <v>616782.6</v>
      </c>
      <c r="C37049" s="7">
        <f t="shared" si="578"/>
        <v>616.7826</v>
      </c>
    </row>
    <row r="37050" spans="1:3" x14ac:dyDescent="0.25">
      <c r="A37050" s="2" t="s">
        <v>22287</v>
      </c>
      <c r="B37050" s="6">
        <v>616799.25</v>
      </c>
      <c r="C37050" s="7">
        <f t="shared" si="578"/>
        <v>616.79925000000003</v>
      </c>
    </row>
    <row r="37051" spans="1:3" x14ac:dyDescent="0.25">
      <c r="A37051" s="2" t="s">
        <v>22288</v>
      </c>
      <c r="B37051" s="6">
        <v>616815.89999999991</v>
      </c>
      <c r="C37051" s="7">
        <f t="shared" si="578"/>
        <v>616.81589999999994</v>
      </c>
    </row>
    <row r="37052" spans="1:3" x14ac:dyDescent="0.25">
      <c r="A37052" s="2" t="s">
        <v>22289</v>
      </c>
      <c r="B37052" s="6">
        <v>616832.54999999993</v>
      </c>
      <c r="C37052" s="7">
        <f t="shared" si="578"/>
        <v>616.83254999999997</v>
      </c>
    </row>
    <row r="37053" spans="1:3" x14ac:dyDescent="0.25">
      <c r="A37053" s="2" t="s">
        <v>22290</v>
      </c>
      <c r="B37053" s="6">
        <v>616849.19999999995</v>
      </c>
      <c r="C37053" s="7">
        <f t="shared" si="578"/>
        <v>616.8492</v>
      </c>
    </row>
    <row r="37054" spans="1:3" x14ac:dyDescent="0.25">
      <c r="A37054" s="2" t="s">
        <v>22291</v>
      </c>
      <c r="B37054" s="6">
        <v>616865.85</v>
      </c>
      <c r="C37054" s="7">
        <f t="shared" si="578"/>
        <v>616.86585000000002</v>
      </c>
    </row>
    <row r="37055" spans="1:3" x14ac:dyDescent="0.25">
      <c r="A37055" s="2" t="s">
        <v>22292</v>
      </c>
      <c r="B37055" s="6">
        <v>616882.5</v>
      </c>
      <c r="C37055" s="7">
        <f t="shared" si="578"/>
        <v>616.88250000000005</v>
      </c>
    </row>
    <row r="37056" spans="1:3" x14ac:dyDescent="0.25">
      <c r="A37056" s="2" t="s">
        <v>22293</v>
      </c>
      <c r="B37056" s="6">
        <v>616899.14999999991</v>
      </c>
      <c r="C37056" s="7">
        <f t="shared" si="578"/>
        <v>616.89914999999996</v>
      </c>
    </row>
    <row r="37057" spans="1:3" x14ac:dyDescent="0.25">
      <c r="A37057" s="2" t="s">
        <v>22294</v>
      </c>
      <c r="B37057" s="6">
        <v>616915.79999999993</v>
      </c>
      <c r="C37057" s="7">
        <f t="shared" si="578"/>
        <v>616.91579999999988</v>
      </c>
    </row>
    <row r="37058" spans="1:3" x14ac:dyDescent="0.25">
      <c r="A37058" s="2" t="s">
        <v>22295</v>
      </c>
      <c r="B37058" s="6">
        <v>616932.44999999995</v>
      </c>
      <c r="C37058" s="7">
        <f t="shared" si="578"/>
        <v>616.9324499999999</v>
      </c>
    </row>
    <row r="37059" spans="1:3" x14ac:dyDescent="0.25">
      <c r="A37059" s="2" t="s">
        <v>22296</v>
      </c>
      <c r="B37059" s="6">
        <v>616949.1</v>
      </c>
      <c r="C37059" s="7">
        <f t="shared" ref="C37059:C37122" si="579">B37059/1000</f>
        <v>616.94909999999993</v>
      </c>
    </row>
    <row r="37060" spans="1:3" x14ac:dyDescent="0.25">
      <c r="A37060" s="2" t="s">
        <v>22297</v>
      </c>
      <c r="B37060" s="6">
        <v>616965.75</v>
      </c>
      <c r="C37060" s="7">
        <f t="shared" si="579"/>
        <v>616.96574999999996</v>
      </c>
    </row>
    <row r="37061" spans="1:3" x14ac:dyDescent="0.25">
      <c r="A37061" s="2" t="s">
        <v>22298</v>
      </c>
      <c r="B37061" s="6">
        <v>616982.39999999991</v>
      </c>
      <c r="C37061" s="7">
        <f t="shared" si="579"/>
        <v>616.98239999999987</v>
      </c>
    </row>
    <row r="37062" spans="1:3" x14ac:dyDescent="0.25">
      <c r="A37062" s="2" t="s">
        <v>22299</v>
      </c>
      <c r="B37062" s="6">
        <v>616999.04999999993</v>
      </c>
      <c r="C37062" s="7">
        <f t="shared" si="579"/>
        <v>616.9990499999999</v>
      </c>
    </row>
    <row r="37063" spans="1:3" x14ac:dyDescent="0.25">
      <c r="A37063" s="2" t="s">
        <v>22300</v>
      </c>
      <c r="B37063" s="6">
        <v>617015.69999999995</v>
      </c>
      <c r="C37063" s="7">
        <f t="shared" si="579"/>
        <v>617.01569999999992</v>
      </c>
    </row>
    <row r="37064" spans="1:3" x14ac:dyDescent="0.25">
      <c r="A37064" s="2" t="s">
        <v>22301</v>
      </c>
      <c r="B37064" s="6">
        <v>617032.35</v>
      </c>
      <c r="C37064" s="7">
        <f t="shared" si="579"/>
        <v>617.03234999999995</v>
      </c>
    </row>
    <row r="37065" spans="1:3" x14ac:dyDescent="0.25">
      <c r="A37065" s="2" t="s">
        <v>22302</v>
      </c>
      <c r="B37065" s="6">
        <v>617049</v>
      </c>
      <c r="C37065" s="7">
        <f t="shared" si="579"/>
        <v>617.04899999999998</v>
      </c>
    </row>
    <row r="37066" spans="1:3" x14ac:dyDescent="0.25">
      <c r="A37066" s="2" t="s">
        <v>22303</v>
      </c>
      <c r="B37066" s="6">
        <v>617065.64999999991</v>
      </c>
      <c r="C37066" s="7">
        <f t="shared" si="579"/>
        <v>617.06564999999989</v>
      </c>
    </row>
    <row r="37067" spans="1:3" x14ac:dyDescent="0.25">
      <c r="A37067" s="2" t="s">
        <v>22304</v>
      </c>
      <c r="B37067" s="6">
        <v>617082.29999999993</v>
      </c>
      <c r="C37067" s="7">
        <f t="shared" si="579"/>
        <v>617.08229999999992</v>
      </c>
    </row>
    <row r="37068" spans="1:3" x14ac:dyDescent="0.25">
      <c r="A37068" s="2" t="s">
        <v>22305</v>
      </c>
      <c r="B37068" s="6">
        <v>617098.94999999995</v>
      </c>
      <c r="C37068" s="7">
        <f t="shared" si="579"/>
        <v>617.09894999999995</v>
      </c>
    </row>
    <row r="37069" spans="1:3" x14ac:dyDescent="0.25">
      <c r="A37069" s="2" t="s">
        <v>22306</v>
      </c>
      <c r="B37069" s="6">
        <v>617115.6</v>
      </c>
      <c r="C37069" s="7">
        <f t="shared" si="579"/>
        <v>617.11559999999997</v>
      </c>
    </row>
    <row r="37070" spans="1:3" x14ac:dyDescent="0.25">
      <c r="A37070" s="2" t="s">
        <v>22307</v>
      </c>
      <c r="B37070" s="6">
        <v>617132.25</v>
      </c>
      <c r="C37070" s="7">
        <f t="shared" si="579"/>
        <v>617.13225</v>
      </c>
    </row>
    <row r="37071" spans="1:3" x14ac:dyDescent="0.25">
      <c r="A37071" s="2" t="s">
        <v>22308</v>
      </c>
      <c r="B37071" s="6">
        <v>617148.89999999991</v>
      </c>
      <c r="C37071" s="7">
        <f t="shared" si="579"/>
        <v>617.14889999999991</v>
      </c>
    </row>
    <row r="37072" spans="1:3" x14ac:dyDescent="0.25">
      <c r="A37072" s="2" t="s">
        <v>22309</v>
      </c>
      <c r="B37072" s="6">
        <v>617165.54999999993</v>
      </c>
      <c r="C37072" s="7">
        <f t="shared" si="579"/>
        <v>617.16554999999994</v>
      </c>
    </row>
    <row r="37073" spans="1:3" x14ac:dyDescent="0.25">
      <c r="A37073" s="2" t="s">
        <v>22310</v>
      </c>
      <c r="B37073" s="6">
        <v>617182.19999999995</v>
      </c>
      <c r="C37073" s="7">
        <f t="shared" si="579"/>
        <v>617.18219999999997</v>
      </c>
    </row>
    <row r="37074" spans="1:3" x14ac:dyDescent="0.25">
      <c r="A37074" s="2" t="s">
        <v>22311</v>
      </c>
      <c r="B37074" s="6">
        <v>617198.85</v>
      </c>
      <c r="C37074" s="7">
        <f t="shared" si="579"/>
        <v>617.19884999999999</v>
      </c>
    </row>
    <row r="37075" spans="1:3" x14ac:dyDescent="0.25">
      <c r="A37075" s="2" t="s">
        <v>22312</v>
      </c>
      <c r="B37075" s="6">
        <v>617215.5</v>
      </c>
      <c r="C37075" s="7">
        <f t="shared" si="579"/>
        <v>617.21550000000002</v>
      </c>
    </row>
    <row r="37076" spans="1:3" x14ac:dyDescent="0.25">
      <c r="A37076" s="2" t="s">
        <v>22313</v>
      </c>
      <c r="B37076" s="6">
        <v>617232.14999999991</v>
      </c>
      <c r="C37076" s="7">
        <f t="shared" si="579"/>
        <v>617.23214999999993</v>
      </c>
    </row>
    <row r="37077" spans="1:3" x14ac:dyDescent="0.25">
      <c r="A37077" s="2" t="s">
        <v>22314</v>
      </c>
      <c r="B37077" s="6">
        <v>617248.79999999993</v>
      </c>
      <c r="C37077" s="7">
        <f t="shared" si="579"/>
        <v>617.24879999999996</v>
      </c>
    </row>
    <row r="37078" spans="1:3" x14ac:dyDescent="0.25">
      <c r="A37078" s="2" t="s">
        <v>22315</v>
      </c>
      <c r="B37078" s="6">
        <v>617265.44999999995</v>
      </c>
      <c r="C37078" s="7">
        <f t="shared" si="579"/>
        <v>617.26544999999999</v>
      </c>
    </row>
    <row r="37079" spans="1:3" x14ac:dyDescent="0.25">
      <c r="A37079" s="2" t="s">
        <v>22316</v>
      </c>
      <c r="B37079" s="6">
        <v>617282.1</v>
      </c>
      <c r="C37079" s="7">
        <f t="shared" si="579"/>
        <v>617.28210000000001</v>
      </c>
    </row>
    <row r="37080" spans="1:3" x14ac:dyDescent="0.25">
      <c r="A37080" s="2" t="s">
        <v>22317</v>
      </c>
      <c r="B37080" s="6">
        <v>617298.75</v>
      </c>
      <c r="C37080" s="7">
        <f t="shared" si="579"/>
        <v>617.29875000000004</v>
      </c>
    </row>
    <row r="37081" spans="1:3" x14ac:dyDescent="0.25">
      <c r="A37081" s="2" t="s">
        <v>22318</v>
      </c>
      <c r="B37081" s="6">
        <v>617315.39999999991</v>
      </c>
      <c r="C37081" s="7">
        <f t="shared" si="579"/>
        <v>617.31539999999995</v>
      </c>
    </row>
    <row r="37082" spans="1:3" x14ac:dyDescent="0.25">
      <c r="A37082" s="2" t="s">
        <v>22319</v>
      </c>
      <c r="B37082" s="6">
        <v>617332.04999999993</v>
      </c>
      <c r="C37082" s="7">
        <f t="shared" si="579"/>
        <v>617.33204999999998</v>
      </c>
    </row>
    <row r="37083" spans="1:3" x14ac:dyDescent="0.25">
      <c r="A37083" s="2" t="s">
        <v>22320</v>
      </c>
      <c r="B37083" s="6">
        <v>617348.69999999995</v>
      </c>
      <c r="C37083" s="7">
        <f t="shared" si="579"/>
        <v>617.34870000000001</v>
      </c>
    </row>
    <row r="37084" spans="1:3" x14ac:dyDescent="0.25">
      <c r="A37084" s="2" t="s">
        <v>22321</v>
      </c>
      <c r="B37084" s="6">
        <v>617365.35</v>
      </c>
      <c r="C37084" s="7">
        <f t="shared" si="579"/>
        <v>617.36534999999992</v>
      </c>
    </row>
    <row r="37085" spans="1:3" x14ac:dyDescent="0.25">
      <c r="A37085" s="2" t="s">
        <v>22322</v>
      </c>
      <c r="B37085" s="6">
        <v>617382</v>
      </c>
      <c r="C37085" s="7">
        <f t="shared" si="579"/>
        <v>617.38199999999995</v>
      </c>
    </row>
    <row r="37086" spans="1:3" x14ac:dyDescent="0.25">
      <c r="A37086" s="2" t="s">
        <v>22323</v>
      </c>
      <c r="B37086" s="6">
        <v>617398.64999999991</v>
      </c>
      <c r="C37086" s="7">
        <f t="shared" si="579"/>
        <v>617.39864999999986</v>
      </c>
    </row>
    <row r="37087" spans="1:3" x14ac:dyDescent="0.25">
      <c r="A37087" s="2" t="s">
        <v>22324</v>
      </c>
      <c r="B37087" s="6">
        <v>617415.29999999993</v>
      </c>
      <c r="C37087" s="7">
        <f t="shared" si="579"/>
        <v>617.41529999999989</v>
      </c>
    </row>
    <row r="37088" spans="1:3" x14ac:dyDescent="0.25">
      <c r="A37088" s="2" t="s">
        <v>22325</v>
      </c>
      <c r="B37088" s="6">
        <v>617431.94999999995</v>
      </c>
      <c r="C37088" s="7">
        <f t="shared" si="579"/>
        <v>617.43194999999992</v>
      </c>
    </row>
    <row r="37089" spans="1:3" x14ac:dyDescent="0.25">
      <c r="A37089" s="2" t="s">
        <v>22326</v>
      </c>
      <c r="B37089" s="6">
        <v>617448.6</v>
      </c>
      <c r="C37089" s="7">
        <f t="shared" si="579"/>
        <v>617.44859999999994</v>
      </c>
    </row>
    <row r="37090" spans="1:3" x14ac:dyDescent="0.25">
      <c r="A37090" s="2" t="s">
        <v>22327</v>
      </c>
      <c r="B37090" s="6">
        <v>617465.25</v>
      </c>
      <c r="C37090" s="7">
        <f t="shared" si="579"/>
        <v>617.46524999999997</v>
      </c>
    </row>
    <row r="37091" spans="1:3" x14ac:dyDescent="0.25">
      <c r="A37091" s="2" t="s">
        <v>22328</v>
      </c>
      <c r="B37091" s="6">
        <v>617481.89999999991</v>
      </c>
      <c r="C37091" s="7">
        <f t="shared" si="579"/>
        <v>617.48189999999988</v>
      </c>
    </row>
    <row r="37092" spans="1:3" x14ac:dyDescent="0.25">
      <c r="A37092" s="2" t="s">
        <v>22329</v>
      </c>
      <c r="B37092" s="6">
        <v>617498.54999999993</v>
      </c>
      <c r="C37092" s="7">
        <f t="shared" si="579"/>
        <v>617.49854999999991</v>
      </c>
    </row>
    <row r="37093" spans="1:3" x14ac:dyDescent="0.25">
      <c r="A37093" s="2" t="s">
        <v>22330</v>
      </c>
      <c r="B37093" s="6">
        <v>617515.19999999995</v>
      </c>
      <c r="C37093" s="7">
        <f t="shared" si="579"/>
        <v>617.51519999999994</v>
      </c>
    </row>
    <row r="37094" spans="1:3" x14ac:dyDescent="0.25">
      <c r="A37094" s="2" t="s">
        <v>22331</v>
      </c>
      <c r="B37094" s="6">
        <v>617531.85</v>
      </c>
      <c r="C37094" s="7">
        <f t="shared" si="579"/>
        <v>617.53184999999996</v>
      </c>
    </row>
    <row r="37095" spans="1:3" x14ac:dyDescent="0.25">
      <c r="A37095" s="2" t="s">
        <v>22332</v>
      </c>
      <c r="B37095" s="6">
        <v>617548.5</v>
      </c>
      <c r="C37095" s="7">
        <f t="shared" si="579"/>
        <v>617.54849999999999</v>
      </c>
    </row>
    <row r="37096" spans="1:3" x14ac:dyDescent="0.25">
      <c r="A37096" s="2" t="s">
        <v>22333</v>
      </c>
      <c r="B37096" s="6">
        <v>617565.14999999991</v>
      </c>
      <c r="C37096" s="7">
        <f t="shared" si="579"/>
        <v>617.5651499999999</v>
      </c>
    </row>
    <row r="37097" spans="1:3" x14ac:dyDescent="0.25">
      <c r="A37097" s="2" t="s">
        <v>22334</v>
      </c>
      <c r="B37097" s="6">
        <v>617581.79999999993</v>
      </c>
      <c r="C37097" s="7">
        <f t="shared" si="579"/>
        <v>617.58179999999993</v>
      </c>
    </row>
    <row r="37098" spans="1:3" x14ac:dyDescent="0.25">
      <c r="A37098" s="2" t="s">
        <v>22335</v>
      </c>
      <c r="B37098" s="6">
        <v>617598.44999999995</v>
      </c>
      <c r="C37098" s="7">
        <f t="shared" si="579"/>
        <v>617.59844999999996</v>
      </c>
    </row>
    <row r="37099" spans="1:3" x14ac:dyDescent="0.25">
      <c r="A37099" s="2" t="s">
        <v>22336</v>
      </c>
      <c r="B37099" s="6">
        <v>617615.1</v>
      </c>
      <c r="C37099" s="7">
        <f t="shared" si="579"/>
        <v>617.61509999999998</v>
      </c>
    </row>
    <row r="37100" spans="1:3" x14ac:dyDescent="0.25">
      <c r="A37100" s="2" t="s">
        <v>22337</v>
      </c>
      <c r="B37100" s="6">
        <v>617631.75</v>
      </c>
      <c r="C37100" s="7">
        <f t="shared" si="579"/>
        <v>617.63175000000001</v>
      </c>
    </row>
    <row r="37101" spans="1:3" x14ac:dyDescent="0.25">
      <c r="A37101" s="2" t="s">
        <v>22338</v>
      </c>
      <c r="B37101" s="6">
        <v>617648.39999999991</v>
      </c>
      <c r="C37101" s="7">
        <f t="shared" si="579"/>
        <v>617.64839999999992</v>
      </c>
    </row>
    <row r="37102" spans="1:3" x14ac:dyDescent="0.25">
      <c r="A37102" s="2" t="s">
        <v>22339</v>
      </c>
      <c r="B37102" s="6">
        <v>617665.04999999993</v>
      </c>
      <c r="C37102" s="7">
        <f t="shared" si="579"/>
        <v>617.66504999999995</v>
      </c>
    </row>
    <row r="37103" spans="1:3" x14ac:dyDescent="0.25">
      <c r="A37103" s="2" t="s">
        <v>22340</v>
      </c>
      <c r="B37103" s="6">
        <v>617681.69999999995</v>
      </c>
      <c r="C37103" s="7">
        <f t="shared" si="579"/>
        <v>617.68169999999998</v>
      </c>
    </row>
    <row r="37104" spans="1:3" x14ac:dyDescent="0.25">
      <c r="A37104" s="2" t="s">
        <v>22341</v>
      </c>
      <c r="B37104" s="6">
        <v>617698.35</v>
      </c>
      <c r="C37104" s="7">
        <f t="shared" si="579"/>
        <v>617.69835</v>
      </c>
    </row>
    <row r="37105" spans="1:3" x14ac:dyDescent="0.25">
      <c r="A37105" s="2" t="s">
        <v>22342</v>
      </c>
      <c r="B37105" s="6">
        <v>617715</v>
      </c>
      <c r="C37105" s="7">
        <f t="shared" si="579"/>
        <v>617.71500000000003</v>
      </c>
    </row>
    <row r="37106" spans="1:3" x14ac:dyDescent="0.25">
      <c r="A37106" s="2" t="s">
        <v>22343</v>
      </c>
      <c r="B37106" s="6">
        <v>617731.64999999991</v>
      </c>
      <c r="C37106" s="7">
        <f t="shared" si="579"/>
        <v>617.73164999999995</v>
      </c>
    </row>
    <row r="37107" spans="1:3" x14ac:dyDescent="0.25">
      <c r="A37107" s="2" t="s">
        <v>22344</v>
      </c>
      <c r="B37107" s="6">
        <v>617748.29999999993</v>
      </c>
      <c r="C37107" s="7">
        <f t="shared" si="579"/>
        <v>617.74829999999997</v>
      </c>
    </row>
    <row r="37108" spans="1:3" x14ac:dyDescent="0.25">
      <c r="A37108" s="2" t="s">
        <v>22345</v>
      </c>
      <c r="B37108" s="6">
        <v>617764.94999999995</v>
      </c>
      <c r="C37108" s="7">
        <f t="shared" si="579"/>
        <v>617.76495</v>
      </c>
    </row>
    <row r="37109" spans="1:3" x14ac:dyDescent="0.25">
      <c r="A37109" s="2" t="s">
        <v>22346</v>
      </c>
      <c r="B37109" s="6">
        <v>617781.6</v>
      </c>
      <c r="C37109" s="7">
        <f t="shared" si="579"/>
        <v>617.78160000000003</v>
      </c>
    </row>
    <row r="37110" spans="1:3" x14ac:dyDescent="0.25">
      <c r="A37110" s="2" t="s">
        <v>22347</v>
      </c>
      <c r="B37110" s="6">
        <v>617798.25</v>
      </c>
      <c r="C37110" s="7">
        <f t="shared" si="579"/>
        <v>617.79825000000005</v>
      </c>
    </row>
    <row r="37111" spans="1:3" x14ac:dyDescent="0.25">
      <c r="A37111" s="2" t="s">
        <v>22348</v>
      </c>
      <c r="B37111" s="6">
        <v>617814.89999999991</v>
      </c>
      <c r="C37111" s="7">
        <f t="shared" si="579"/>
        <v>617.81489999999985</v>
      </c>
    </row>
    <row r="37112" spans="1:3" x14ac:dyDescent="0.25">
      <c r="A37112" s="2" t="s">
        <v>22349</v>
      </c>
      <c r="B37112" s="6">
        <v>617831.54999999993</v>
      </c>
      <c r="C37112" s="7">
        <f t="shared" si="579"/>
        <v>617.83154999999988</v>
      </c>
    </row>
    <row r="37113" spans="1:3" x14ac:dyDescent="0.25">
      <c r="A37113" s="2" t="s">
        <v>22350</v>
      </c>
      <c r="B37113" s="6">
        <v>617848.19999999995</v>
      </c>
      <c r="C37113" s="7">
        <f t="shared" si="579"/>
        <v>617.84819999999991</v>
      </c>
    </row>
    <row r="37114" spans="1:3" x14ac:dyDescent="0.25">
      <c r="A37114" s="2" t="s">
        <v>22351</v>
      </c>
      <c r="B37114" s="6">
        <v>617864.85</v>
      </c>
      <c r="C37114" s="7">
        <f t="shared" si="579"/>
        <v>617.86484999999993</v>
      </c>
    </row>
    <row r="37115" spans="1:3" x14ac:dyDescent="0.25">
      <c r="A37115" s="2" t="s">
        <v>22352</v>
      </c>
      <c r="B37115" s="6">
        <v>617881.5</v>
      </c>
      <c r="C37115" s="7">
        <f t="shared" si="579"/>
        <v>617.88149999999996</v>
      </c>
    </row>
    <row r="37116" spans="1:3" x14ac:dyDescent="0.25">
      <c r="A37116" s="2" t="s">
        <v>22353</v>
      </c>
      <c r="B37116" s="6">
        <v>617898.14999999991</v>
      </c>
      <c r="C37116" s="7">
        <f t="shared" si="579"/>
        <v>617.89814999999987</v>
      </c>
    </row>
    <row r="37117" spans="1:3" x14ac:dyDescent="0.25">
      <c r="A37117" s="2" t="s">
        <v>22354</v>
      </c>
      <c r="B37117" s="6">
        <v>617914.79999999993</v>
      </c>
      <c r="C37117" s="7">
        <f t="shared" si="579"/>
        <v>617.9147999999999</v>
      </c>
    </row>
    <row r="37118" spans="1:3" x14ac:dyDescent="0.25">
      <c r="A37118" s="2" t="s">
        <v>22355</v>
      </c>
      <c r="B37118" s="6">
        <v>617931.44999999995</v>
      </c>
      <c r="C37118" s="7">
        <f t="shared" si="579"/>
        <v>617.93144999999993</v>
      </c>
    </row>
    <row r="37119" spans="1:3" x14ac:dyDescent="0.25">
      <c r="A37119" s="2" t="s">
        <v>22356</v>
      </c>
      <c r="B37119" s="6">
        <v>617948.1</v>
      </c>
      <c r="C37119" s="7">
        <f t="shared" si="579"/>
        <v>617.94809999999995</v>
      </c>
    </row>
    <row r="37120" spans="1:3" x14ac:dyDescent="0.25">
      <c r="A37120" s="2" t="s">
        <v>22357</v>
      </c>
      <c r="B37120" s="6">
        <v>617964.75</v>
      </c>
      <c r="C37120" s="7">
        <f t="shared" si="579"/>
        <v>617.96474999999998</v>
      </c>
    </row>
    <row r="37121" spans="1:3" x14ac:dyDescent="0.25">
      <c r="A37121" s="2" t="s">
        <v>22358</v>
      </c>
      <c r="B37121" s="6">
        <v>617981.39999999991</v>
      </c>
      <c r="C37121" s="7">
        <f t="shared" si="579"/>
        <v>617.98139999999989</v>
      </c>
    </row>
    <row r="37122" spans="1:3" x14ac:dyDescent="0.25">
      <c r="A37122" s="2" t="s">
        <v>22359</v>
      </c>
      <c r="B37122" s="6">
        <v>617998.04999999993</v>
      </c>
      <c r="C37122" s="7">
        <f t="shared" si="579"/>
        <v>617.99804999999992</v>
      </c>
    </row>
    <row r="37123" spans="1:3" x14ac:dyDescent="0.25">
      <c r="A37123" s="2" t="s">
        <v>22360</v>
      </c>
      <c r="B37123" s="6">
        <v>618014.69999999995</v>
      </c>
      <c r="C37123" s="7">
        <f t="shared" ref="C37123:C37186" si="580">B37123/1000</f>
        <v>618.01469999999995</v>
      </c>
    </row>
    <row r="37124" spans="1:3" x14ac:dyDescent="0.25">
      <c r="A37124" s="2" t="s">
        <v>22361</v>
      </c>
      <c r="B37124" s="6">
        <v>618031.35</v>
      </c>
      <c r="C37124" s="7">
        <f t="shared" si="580"/>
        <v>618.03134999999997</v>
      </c>
    </row>
    <row r="37125" spans="1:3" x14ac:dyDescent="0.25">
      <c r="A37125" s="2" t="s">
        <v>22362</v>
      </c>
      <c r="B37125" s="6">
        <v>618048</v>
      </c>
      <c r="C37125" s="7">
        <f t="shared" si="580"/>
        <v>618.048</v>
      </c>
    </row>
    <row r="37126" spans="1:3" x14ac:dyDescent="0.25">
      <c r="A37126" s="2" t="s">
        <v>22363</v>
      </c>
      <c r="B37126" s="6">
        <v>618064.64999999991</v>
      </c>
      <c r="C37126" s="7">
        <f t="shared" si="580"/>
        <v>618.06464999999992</v>
      </c>
    </row>
    <row r="37127" spans="1:3" x14ac:dyDescent="0.25">
      <c r="A37127" s="2" t="s">
        <v>22364</v>
      </c>
      <c r="B37127" s="6">
        <v>618081.29999999993</v>
      </c>
      <c r="C37127" s="7">
        <f t="shared" si="580"/>
        <v>618.08129999999994</v>
      </c>
    </row>
    <row r="37128" spans="1:3" x14ac:dyDescent="0.25">
      <c r="A37128" s="2" t="s">
        <v>22365</v>
      </c>
      <c r="B37128" s="6">
        <v>618097.94999999995</v>
      </c>
      <c r="C37128" s="7">
        <f t="shared" si="580"/>
        <v>618.09794999999997</v>
      </c>
    </row>
    <row r="37129" spans="1:3" x14ac:dyDescent="0.25">
      <c r="A37129" s="2" t="s">
        <v>22366</v>
      </c>
      <c r="B37129" s="6">
        <v>618114.6</v>
      </c>
      <c r="C37129" s="7">
        <f t="shared" si="580"/>
        <v>618.1146</v>
      </c>
    </row>
    <row r="37130" spans="1:3" x14ac:dyDescent="0.25">
      <c r="A37130" s="2" t="s">
        <v>22367</v>
      </c>
      <c r="B37130" s="6">
        <v>618131.25</v>
      </c>
      <c r="C37130" s="7">
        <f t="shared" si="580"/>
        <v>618.13125000000002</v>
      </c>
    </row>
    <row r="37131" spans="1:3" x14ac:dyDescent="0.25">
      <c r="A37131" s="2" t="s">
        <v>22368</v>
      </c>
      <c r="B37131" s="6">
        <v>618147.89999999991</v>
      </c>
      <c r="C37131" s="7">
        <f t="shared" si="580"/>
        <v>618.14789999999994</v>
      </c>
    </row>
    <row r="37132" spans="1:3" x14ac:dyDescent="0.25">
      <c r="A37132" s="2" t="s">
        <v>22369</v>
      </c>
      <c r="B37132" s="6">
        <v>618164.54999999993</v>
      </c>
      <c r="C37132" s="7">
        <f t="shared" si="580"/>
        <v>618.16454999999996</v>
      </c>
    </row>
    <row r="37133" spans="1:3" x14ac:dyDescent="0.25">
      <c r="A37133" s="2" t="s">
        <v>22370</v>
      </c>
      <c r="B37133" s="6">
        <v>618181.19999999995</v>
      </c>
      <c r="C37133" s="7">
        <f t="shared" si="580"/>
        <v>618.18119999999999</v>
      </c>
    </row>
    <row r="37134" spans="1:3" x14ac:dyDescent="0.25">
      <c r="A37134" s="2" t="s">
        <v>22371</v>
      </c>
      <c r="B37134" s="6">
        <v>618197.85</v>
      </c>
      <c r="C37134" s="7">
        <f t="shared" si="580"/>
        <v>618.19785000000002</v>
      </c>
    </row>
    <row r="37135" spans="1:3" x14ac:dyDescent="0.25">
      <c r="A37135" s="2" t="s">
        <v>22372</v>
      </c>
      <c r="B37135" s="6">
        <v>618214.5</v>
      </c>
      <c r="C37135" s="7">
        <f t="shared" si="580"/>
        <v>618.21450000000004</v>
      </c>
    </row>
    <row r="37136" spans="1:3" x14ac:dyDescent="0.25">
      <c r="A37136" s="2" t="s">
        <v>22373</v>
      </c>
      <c r="B37136" s="6">
        <v>618231.14999999991</v>
      </c>
      <c r="C37136" s="7">
        <f t="shared" si="580"/>
        <v>618.23114999999996</v>
      </c>
    </row>
    <row r="37137" spans="1:3" x14ac:dyDescent="0.25">
      <c r="A37137" s="2" t="s">
        <v>22374</v>
      </c>
      <c r="B37137" s="6">
        <v>618247.79999999993</v>
      </c>
      <c r="C37137" s="7">
        <f t="shared" si="580"/>
        <v>618.24779999999998</v>
      </c>
    </row>
    <row r="37138" spans="1:3" x14ac:dyDescent="0.25">
      <c r="A37138" s="2" t="s">
        <v>22375</v>
      </c>
      <c r="B37138" s="6">
        <v>618264.44999999995</v>
      </c>
      <c r="C37138" s="7">
        <f t="shared" si="580"/>
        <v>618.2644499999999</v>
      </c>
    </row>
    <row r="37139" spans="1:3" x14ac:dyDescent="0.25">
      <c r="A37139" s="2" t="s">
        <v>22376</v>
      </c>
      <c r="B37139" s="6">
        <v>618281.1</v>
      </c>
      <c r="C37139" s="7">
        <f t="shared" si="580"/>
        <v>618.28109999999992</v>
      </c>
    </row>
    <row r="37140" spans="1:3" x14ac:dyDescent="0.25">
      <c r="A37140" s="2" t="s">
        <v>22377</v>
      </c>
      <c r="B37140" s="6">
        <v>618297.75</v>
      </c>
      <c r="C37140" s="7">
        <f t="shared" si="580"/>
        <v>618.29774999999995</v>
      </c>
    </row>
    <row r="37141" spans="1:3" x14ac:dyDescent="0.25">
      <c r="A37141" s="2" t="s">
        <v>22378</v>
      </c>
      <c r="B37141" s="6">
        <v>618314.39999999991</v>
      </c>
      <c r="C37141" s="7">
        <f t="shared" si="580"/>
        <v>618.31439999999986</v>
      </c>
    </row>
    <row r="37142" spans="1:3" x14ac:dyDescent="0.25">
      <c r="A37142" s="2" t="s">
        <v>22379</v>
      </c>
      <c r="B37142" s="6">
        <v>618331.04999999993</v>
      </c>
      <c r="C37142" s="7">
        <f t="shared" si="580"/>
        <v>618.33104999999989</v>
      </c>
    </row>
    <row r="37143" spans="1:3" x14ac:dyDescent="0.25">
      <c r="A37143" s="2" t="s">
        <v>22380</v>
      </c>
      <c r="B37143" s="6">
        <v>618347.69999999995</v>
      </c>
      <c r="C37143" s="7">
        <f t="shared" si="580"/>
        <v>618.34769999999992</v>
      </c>
    </row>
    <row r="37144" spans="1:3" x14ac:dyDescent="0.25">
      <c r="A37144" s="2" t="s">
        <v>22381</v>
      </c>
      <c r="B37144" s="6">
        <v>618364.35</v>
      </c>
      <c r="C37144" s="7">
        <f t="shared" si="580"/>
        <v>618.36434999999994</v>
      </c>
    </row>
    <row r="37145" spans="1:3" x14ac:dyDescent="0.25">
      <c r="A37145" s="2" t="s">
        <v>22382</v>
      </c>
      <c r="B37145" s="6">
        <v>618381</v>
      </c>
      <c r="C37145" s="7">
        <f t="shared" si="580"/>
        <v>618.38099999999997</v>
      </c>
    </row>
    <row r="37146" spans="1:3" x14ac:dyDescent="0.25">
      <c r="A37146" s="2" t="s">
        <v>22383</v>
      </c>
      <c r="B37146" s="6">
        <v>618397.64999999991</v>
      </c>
      <c r="C37146" s="7">
        <f t="shared" si="580"/>
        <v>618.39764999999989</v>
      </c>
    </row>
    <row r="37147" spans="1:3" x14ac:dyDescent="0.25">
      <c r="A37147" s="2" t="s">
        <v>22384</v>
      </c>
      <c r="B37147" s="6">
        <v>618414.29999999993</v>
      </c>
      <c r="C37147" s="7">
        <f t="shared" si="580"/>
        <v>618.41429999999991</v>
      </c>
    </row>
    <row r="37148" spans="1:3" x14ac:dyDescent="0.25">
      <c r="A37148" s="2" t="s">
        <v>22385</v>
      </c>
      <c r="B37148" s="6">
        <v>618430.94999999995</v>
      </c>
      <c r="C37148" s="7">
        <f t="shared" si="580"/>
        <v>618.43094999999994</v>
      </c>
    </row>
    <row r="37149" spans="1:3" x14ac:dyDescent="0.25">
      <c r="A37149" s="2" t="s">
        <v>22386</v>
      </c>
      <c r="B37149" s="6">
        <v>618447.6</v>
      </c>
      <c r="C37149" s="7">
        <f t="shared" si="580"/>
        <v>618.44759999999997</v>
      </c>
    </row>
    <row r="37150" spans="1:3" x14ac:dyDescent="0.25">
      <c r="A37150" s="2" t="s">
        <v>22387</v>
      </c>
      <c r="B37150" s="6">
        <v>618464.25</v>
      </c>
      <c r="C37150" s="7">
        <f t="shared" si="580"/>
        <v>618.46424999999999</v>
      </c>
    </row>
    <row r="37151" spans="1:3" x14ac:dyDescent="0.25">
      <c r="A37151" s="2" t="s">
        <v>22388</v>
      </c>
      <c r="B37151" s="6">
        <v>618480.89999999991</v>
      </c>
      <c r="C37151" s="7">
        <f t="shared" si="580"/>
        <v>618.48089999999991</v>
      </c>
    </row>
    <row r="37152" spans="1:3" x14ac:dyDescent="0.25">
      <c r="A37152" s="2" t="s">
        <v>22389</v>
      </c>
      <c r="B37152" s="6">
        <v>618497.54999999993</v>
      </c>
      <c r="C37152" s="7">
        <f t="shared" si="580"/>
        <v>618.49754999999993</v>
      </c>
    </row>
    <row r="37153" spans="1:3" x14ac:dyDescent="0.25">
      <c r="A37153" s="2" t="s">
        <v>22390</v>
      </c>
      <c r="B37153" s="6">
        <v>618514.19999999995</v>
      </c>
      <c r="C37153" s="7">
        <f t="shared" si="580"/>
        <v>618.51419999999996</v>
      </c>
    </row>
    <row r="37154" spans="1:3" x14ac:dyDescent="0.25">
      <c r="A37154" s="2" t="s">
        <v>22391</v>
      </c>
      <c r="B37154" s="6">
        <v>618530.85</v>
      </c>
      <c r="C37154" s="7">
        <f t="shared" si="580"/>
        <v>618.53084999999999</v>
      </c>
    </row>
    <row r="37155" spans="1:3" x14ac:dyDescent="0.25">
      <c r="A37155" s="2" t="s">
        <v>22392</v>
      </c>
      <c r="B37155" s="6">
        <v>618547.5</v>
      </c>
      <c r="C37155" s="7">
        <f t="shared" si="580"/>
        <v>618.54750000000001</v>
      </c>
    </row>
    <row r="37156" spans="1:3" x14ac:dyDescent="0.25">
      <c r="A37156" s="2" t="s">
        <v>22393</v>
      </c>
      <c r="B37156" s="6">
        <v>618564.14999999991</v>
      </c>
      <c r="C37156" s="7">
        <f t="shared" si="580"/>
        <v>618.56414999999993</v>
      </c>
    </row>
    <row r="37157" spans="1:3" x14ac:dyDescent="0.25">
      <c r="A37157" s="2" t="s">
        <v>22394</v>
      </c>
      <c r="B37157" s="6">
        <v>618580.79999999993</v>
      </c>
      <c r="C37157" s="7">
        <f t="shared" si="580"/>
        <v>618.58079999999995</v>
      </c>
    </row>
    <row r="37158" spans="1:3" x14ac:dyDescent="0.25">
      <c r="A37158" s="2" t="s">
        <v>22395</v>
      </c>
      <c r="B37158" s="6">
        <v>618597.44999999995</v>
      </c>
      <c r="C37158" s="7">
        <f t="shared" si="580"/>
        <v>618.59744999999998</v>
      </c>
    </row>
    <row r="37159" spans="1:3" x14ac:dyDescent="0.25">
      <c r="A37159" s="2" t="s">
        <v>22396</v>
      </c>
      <c r="B37159" s="6">
        <v>618614.1</v>
      </c>
      <c r="C37159" s="7">
        <f t="shared" si="580"/>
        <v>618.61410000000001</v>
      </c>
    </row>
    <row r="37160" spans="1:3" x14ac:dyDescent="0.25">
      <c r="A37160" s="2" t="s">
        <v>22397</v>
      </c>
      <c r="B37160" s="6">
        <v>618630.75</v>
      </c>
      <c r="C37160" s="7">
        <f t="shared" si="580"/>
        <v>618.63075000000003</v>
      </c>
    </row>
    <row r="37161" spans="1:3" x14ac:dyDescent="0.25">
      <c r="A37161" s="2" t="s">
        <v>22398</v>
      </c>
      <c r="B37161" s="6">
        <v>618647.39999999991</v>
      </c>
      <c r="C37161" s="7">
        <f t="shared" si="580"/>
        <v>618.64739999999995</v>
      </c>
    </row>
    <row r="37162" spans="1:3" x14ac:dyDescent="0.25">
      <c r="A37162" s="2" t="s">
        <v>22399</v>
      </c>
      <c r="B37162" s="6">
        <v>618664.04999999993</v>
      </c>
      <c r="C37162" s="7">
        <f t="shared" si="580"/>
        <v>618.66404999999997</v>
      </c>
    </row>
    <row r="37163" spans="1:3" x14ac:dyDescent="0.25">
      <c r="A37163" s="2" t="s">
        <v>22400</v>
      </c>
      <c r="B37163" s="6">
        <v>618680.69999999995</v>
      </c>
      <c r="C37163" s="7">
        <f t="shared" si="580"/>
        <v>618.6807</v>
      </c>
    </row>
    <row r="37164" spans="1:3" x14ac:dyDescent="0.25">
      <c r="A37164" s="2" t="s">
        <v>22401</v>
      </c>
      <c r="B37164" s="6">
        <v>618697.35</v>
      </c>
      <c r="C37164" s="7">
        <f t="shared" si="580"/>
        <v>618.69735000000003</v>
      </c>
    </row>
    <row r="37165" spans="1:3" x14ac:dyDescent="0.25">
      <c r="A37165" s="2" t="s">
        <v>22402</v>
      </c>
      <c r="B37165" s="6">
        <v>618714</v>
      </c>
      <c r="C37165" s="7">
        <f t="shared" si="580"/>
        <v>618.71400000000006</v>
      </c>
    </row>
    <row r="37166" spans="1:3" x14ac:dyDescent="0.25">
      <c r="A37166" s="2" t="s">
        <v>22403</v>
      </c>
      <c r="B37166" s="6">
        <v>618730.64999999991</v>
      </c>
      <c r="C37166" s="7">
        <f t="shared" si="580"/>
        <v>618.73064999999986</v>
      </c>
    </row>
    <row r="37167" spans="1:3" x14ac:dyDescent="0.25">
      <c r="A37167" s="2" t="s">
        <v>22404</v>
      </c>
      <c r="B37167" s="6">
        <v>618747.29999999993</v>
      </c>
      <c r="C37167" s="7">
        <f t="shared" si="580"/>
        <v>618.74729999999988</v>
      </c>
    </row>
    <row r="37168" spans="1:3" x14ac:dyDescent="0.25">
      <c r="A37168" s="2" t="s">
        <v>22405</v>
      </c>
      <c r="B37168" s="6">
        <v>618763.94999999995</v>
      </c>
      <c r="C37168" s="7">
        <f t="shared" si="580"/>
        <v>618.76394999999991</v>
      </c>
    </row>
    <row r="37169" spans="1:3" x14ac:dyDescent="0.25">
      <c r="A37169" s="2" t="s">
        <v>22406</v>
      </c>
      <c r="B37169" s="6">
        <v>618780.6</v>
      </c>
      <c r="C37169" s="7">
        <f t="shared" si="580"/>
        <v>618.78059999999994</v>
      </c>
    </row>
    <row r="37170" spans="1:3" x14ac:dyDescent="0.25">
      <c r="A37170" s="2" t="s">
        <v>22407</v>
      </c>
      <c r="B37170" s="6">
        <v>618797.25</v>
      </c>
      <c r="C37170" s="7">
        <f t="shared" si="580"/>
        <v>618.79724999999996</v>
      </c>
    </row>
    <row r="37171" spans="1:3" x14ac:dyDescent="0.25">
      <c r="A37171" s="2" t="s">
        <v>22408</v>
      </c>
      <c r="B37171" s="6">
        <v>618813.89999999991</v>
      </c>
      <c r="C37171" s="7">
        <f t="shared" si="580"/>
        <v>618.81389999999988</v>
      </c>
    </row>
    <row r="37172" spans="1:3" x14ac:dyDescent="0.25">
      <c r="A37172" s="2" t="s">
        <v>22409</v>
      </c>
      <c r="B37172" s="6">
        <v>618830.54999999993</v>
      </c>
      <c r="C37172" s="7">
        <f t="shared" si="580"/>
        <v>618.8305499999999</v>
      </c>
    </row>
    <row r="37173" spans="1:3" x14ac:dyDescent="0.25">
      <c r="A37173" s="2" t="s">
        <v>22410</v>
      </c>
      <c r="B37173" s="6">
        <v>618847.19999999995</v>
      </c>
      <c r="C37173" s="7">
        <f t="shared" si="580"/>
        <v>618.84719999999993</v>
      </c>
    </row>
    <row r="37174" spans="1:3" x14ac:dyDescent="0.25">
      <c r="A37174" s="2" t="s">
        <v>22411</v>
      </c>
      <c r="B37174" s="6">
        <v>618863.85</v>
      </c>
      <c r="C37174" s="7">
        <f t="shared" si="580"/>
        <v>618.86384999999996</v>
      </c>
    </row>
    <row r="37175" spans="1:3" x14ac:dyDescent="0.25">
      <c r="A37175" s="2" t="s">
        <v>22412</v>
      </c>
      <c r="B37175" s="6">
        <v>618880.5</v>
      </c>
      <c r="C37175" s="7">
        <f t="shared" si="580"/>
        <v>618.88049999999998</v>
      </c>
    </row>
    <row r="37176" spans="1:3" x14ac:dyDescent="0.25">
      <c r="A37176" s="2" t="s">
        <v>22413</v>
      </c>
      <c r="B37176" s="6">
        <v>618897.14999999991</v>
      </c>
      <c r="C37176" s="7">
        <f t="shared" si="580"/>
        <v>618.8971499999999</v>
      </c>
    </row>
    <row r="37177" spans="1:3" x14ac:dyDescent="0.25">
      <c r="A37177" s="2" t="s">
        <v>22414</v>
      </c>
      <c r="B37177" s="6">
        <v>618913.79999999993</v>
      </c>
      <c r="C37177" s="7">
        <f t="shared" si="580"/>
        <v>618.91379999999992</v>
      </c>
    </row>
    <row r="37178" spans="1:3" x14ac:dyDescent="0.25">
      <c r="A37178" s="2" t="s">
        <v>22415</v>
      </c>
      <c r="B37178" s="6">
        <v>618930.44999999995</v>
      </c>
      <c r="C37178" s="7">
        <f t="shared" si="580"/>
        <v>618.93044999999995</v>
      </c>
    </row>
    <row r="37179" spans="1:3" x14ac:dyDescent="0.25">
      <c r="A37179" s="2" t="s">
        <v>22416</v>
      </c>
      <c r="B37179" s="6">
        <v>618947.1</v>
      </c>
      <c r="C37179" s="7">
        <f t="shared" si="580"/>
        <v>618.94709999999998</v>
      </c>
    </row>
    <row r="37180" spans="1:3" x14ac:dyDescent="0.25">
      <c r="A37180" s="2" t="s">
        <v>22417</v>
      </c>
      <c r="B37180" s="6">
        <v>618963.75</v>
      </c>
      <c r="C37180" s="7">
        <f t="shared" si="580"/>
        <v>618.96375</v>
      </c>
    </row>
    <row r="37181" spans="1:3" x14ac:dyDescent="0.25">
      <c r="A37181" s="2" t="s">
        <v>22418</v>
      </c>
      <c r="B37181" s="6">
        <v>618980.39999999991</v>
      </c>
      <c r="C37181" s="7">
        <f t="shared" si="580"/>
        <v>618.98039999999992</v>
      </c>
    </row>
    <row r="37182" spans="1:3" x14ac:dyDescent="0.25">
      <c r="A37182" s="2" t="s">
        <v>22419</v>
      </c>
      <c r="B37182" s="6">
        <v>618997.04999999993</v>
      </c>
      <c r="C37182" s="7">
        <f t="shared" si="580"/>
        <v>618.99704999999994</v>
      </c>
    </row>
    <row r="37183" spans="1:3" x14ac:dyDescent="0.25">
      <c r="A37183" s="2" t="s">
        <v>22420</v>
      </c>
      <c r="B37183" s="6">
        <v>619013.69999999995</v>
      </c>
      <c r="C37183" s="7">
        <f t="shared" si="580"/>
        <v>619.01369999999997</v>
      </c>
    </row>
    <row r="37184" spans="1:3" x14ac:dyDescent="0.25">
      <c r="A37184" s="2" t="s">
        <v>22421</v>
      </c>
      <c r="B37184" s="6">
        <v>619030.35</v>
      </c>
      <c r="C37184" s="7">
        <f t="shared" si="580"/>
        <v>619.03035</v>
      </c>
    </row>
    <row r="37185" spans="1:3" x14ac:dyDescent="0.25">
      <c r="A37185" s="2" t="s">
        <v>22422</v>
      </c>
      <c r="B37185" s="6">
        <v>619047</v>
      </c>
      <c r="C37185" s="7">
        <f t="shared" si="580"/>
        <v>619.04700000000003</v>
      </c>
    </row>
    <row r="37186" spans="1:3" x14ac:dyDescent="0.25">
      <c r="A37186" s="2" t="s">
        <v>22423</v>
      </c>
      <c r="B37186" s="6">
        <v>619063.64999999991</v>
      </c>
      <c r="C37186" s="7">
        <f t="shared" si="580"/>
        <v>619.06364999999994</v>
      </c>
    </row>
    <row r="37187" spans="1:3" x14ac:dyDescent="0.25">
      <c r="A37187" s="2" t="s">
        <v>22424</v>
      </c>
      <c r="B37187" s="6">
        <v>619080.29999999993</v>
      </c>
      <c r="C37187" s="7">
        <f t="shared" ref="C37187:C37250" si="581">B37187/1000</f>
        <v>619.08029999999997</v>
      </c>
    </row>
    <row r="37188" spans="1:3" x14ac:dyDescent="0.25">
      <c r="A37188" s="2" t="s">
        <v>22425</v>
      </c>
      <c r="B37188" s="6">
        <v>619096.94999999995</v>
      </c>
      <c r="C37188" s="7">
        <f t="shared" si="581"/>
        <v>619.09694999999999</v>
      </c>
    </row>
    <row r="37189" spans="1:3" x14ac:dyDescent="0.25">
      <c r="A37189" s="2" t="s">
        <v>22426</v>
      </c>
      <c r="B37189" s="6">
        <v>619113.6</v>
      </c>
      <c r="C37189" s="7">
        <f t="shared" si="581"/>
        <v>619.11360000000002</v>
      </c>
    </row>
    <row r="37190" spans="1:3" x14ac:dyDescent="0.25">
      <c r="A37190" s="2" t="s">
        <v>22427</v>
      </c>
      <c r="B37190" s="6">
        <v>619130.25</v>
      </c>
      <c r="C37190" s="7">
        <f t="shared" si="581"/>
        <v>619.13025000000005</v>
      </c>
    </row>
    <row r="37191" spans="1:3" x14ac:dyDescent="0.25">
      <c r="A37191" s="2" t="s">
        <v>22428</v>
      </c>
      <c r="B37191" s="6">
        <v>619146.89999999991</v>
      </c>
      <c r="C37191" s="7">
        <f t="shared" si="581"/>
        <v>619.14689999999996</v>
      </c>
    </row>
    <row r="37192" spans="1:3" x14ac:dyDescent="0.25">
      <c r="A37192" s="2" t="s">
        <v>22429</v>
      </c>
      <c r="B37192" s="6">
        <v>619163.54999999993</v>
      </c>
      <c r="C37192" s="7">
        <f t="shared" si="581"/>
        <v>619.16354999999999</v>
      </c>
    </row>
    <row r="37193" spans="1:3" x14ac:dyDescent="0.25">
      <c r="A37193" s="2" t="s">
        <v>22430</v>
      </c>
      <c r="B37193" s="6">
        <v>619180.19999999995</v>
      </c>
      <c r="C37193" s="7">
        <f t="shared" si="581"/>
        <v>619.1801999999999</v>
      </c>
    </row>
    <row r="37194" spans="1:3" x14ac:dyDescent="0.25">
      <c r="A37194" s="2" t="s">
        <v>22431</v>
      </c>
      <c r="B37194" s="6">
        <v>619196.85</v>
      </c>
      <c r="C37194" s="7">
        <f t="shared" si="581"/>
        <v>619.19684999999993</v>
      </c>
    </row>
    <row r="37195" spans="1:3" x14ac:dyDescent="0.25">
      <c r="A37195" s="2" t="s">
        <v>22432</v>
      </c>
      <c r="B37195" s="6">
        <v>619213.5</v>
      </c>
      <c r="C37195" s="7">
        <f t="shared" si="581"/>
        <v>619.21349999999995</v>
      </c>
    </row>
    <row r="37196" spans="1:3" x14ac:dyDescent="0.25">
      <c r="A37196" s="2" t="s">
        <v>22433</v>
      </c>
      <c r="B37196" s="6">
        <v>619230.14999999991</v>
      </c>
      <c r="C37196" s="7">
        <f t="shared" si="581"/>
        <v>619.23014999999987</v>
      </c>
    </row>
    <row r="37197" spans="1:3" x14ac:dyDescent="0.25">
      <c r="A37197" s="2" t="s">
        <v>22434</v>
      </c>
      <c r="B37197" s="6">
        <v>619246.79999999993</v>
      </c>
      <c r="C37197" s="7">
        <f t="shared" si="581"/>
        <v>619.24679999999989</v>
      </c>
    </row>
    <row r="37198" spans="1:3" x14ac:dyDescent="0.25">
      <c r="A37198" s="2" t="s">
        <v>22435</v>
      </c>
      <c r="B37198" s="6">
        <v>619263.44999999995</v>
      </c>
      <c r="C37198" s="7">
        <f t="shared" si="581"/>
        <v>619.26344999999992</v>
      </c>
    </row>
    <row r="37199" spans="1:3" x14ac:dyDescent="0.25">
      <c r="A37199" s="2" t="s">
        <v>22436</v>
      </c>
      <c r="B37199" s="6">
        <v>619280.1</v>
      </c>
      <c r="C37199" s="7">
        <f t="shared" si="581"/>
        <v>619.28009999999995</v>
      </c>
    </row>
    <row r="37200" spans="1:3" x14ac:dyDescent="0.25">
      <c r="A37200" s="2" t="s">
        <v>22437</v>
      </c>
      <c r="B37200" s="6">
        <v>619296.75</v>
      </c>
      <c r="C37200" s="7">
        <f t="shared" si="581"/>
        <v>619.29674999999997</v>
      </c>
    </row>
    <row r="37201" spans="1:3" x14ac:dyDescent="0.25">
      <c r="A37201" s="2" t="s">
        <v>22438</v>
      </c>
      <c r="B37201" s="6">
        <v>619313.39999999991</v>
      </c>
      <c r="C37201" s="7">
        <f t="shared" si="581"/>
        <v>619.31339999999989</v>
      </c>
    </row>
    <row r="37202" spans="1:3" x14ac:dyDescent="0.25">
      <c r="A37202" s="2" t="s">
        <v>22439</v>
      </c>
      <c r="B37202" s="6">
        <v>619330.04999999993</v>
      </c>
      <c r="C37202" s="7">
        <f t="shared" si="581"/>
        <v>619.33004999999991</v>
      </c>
    </row>
    <row r="37203" spans="1:3" x14ac:dyDescent="0.25">
      <c r="A37203" s="2" t="s">
        <v>22440</v>
      </c>
      <c r="B37203" s="6">
        <v>619346.69999999995</v>
      </c>
      <c r="C37203" s="7">
        <f t="shared" si="581"/>
        <v>619.34669999999994</v>
      </c>
    </row>
    <row r="37204" spans="1:3" x14ac:dyDescent="0.25">
      <c r="A37204" s="2" t="s">
        <v>22441</v>
      </c>
      <c r="B37204" s="6">
        <v>619363.35</v>
      </c>
      <c r="C37204" s="7">
        <f t="shared" si="581"/>
        <v>619.36334999999997</v>
      </c>
    </row>
    <row r="37205" spans="1:3" x14ac:dyDescent="0.25">
      <c r="A37205" s="2" t="s">
        <v>22442</v>
      </c>
      <c r="B37205" s="6">
        <v>619380</v>
      </c>
      <c r="C37205" s="7">
        <f t="shared" si="581"/>
        <v>619.38</v>
      </c>
    </row>
    <row r="37206" spans="1:3" x14ac:dyDescent="0.25">
      <c r="A37206" s="2" t="s">
        <v>22443</v>
      </c>
      <c r="B37206" s="6">
        <v>619396.64999999991</v>
      </c>
      <c r="C37206" s="7">
        <f t="shared" si="581"/>
        <v>619.39664999999991</v>
      </c>
    </row>
    <row r="37207" spans="1:3" x14ac:dyDescent="0.25">
      <c r="A37207" s="2" t="s">
        <v>22444</v>
      </c>
      <c r="B37207" s="6">
        <v>619413.29999999993</v>
      </c>
      <c r="C37207" s="7">
        <f t="shared" si="581"/>
        <v>619.41329999999994</v>
      </c>
    </row>
    <row r="37208" spans="1:3" x14ac:dyDescent="0.25">
      <c r="A37208" s="2" t="s">
        <v>22445</v>
      </c>
      <c r="B37208" s="6">
        <v>619429.94999999995</v>
      </c>
      <c r="C37208" s="7">
        <f t="shared" si="581"/>
        <v>619.42994999999996</v>
      </c>
    </row>
    <row r="37209" spans="1:3" x14ac:dyDescent="0.25">
      <c r="A37209" s="2" t="s">
        <v>22446</v>
      </c>
      <c r="B37209" s="6">
        <v>619446.6</v>
      </c>
      <c r="C37209" s="7">
        <f t="shared" si="581"/>
        <v>619.44659999999999</v>
      </c>
    </row>
    <row r="37210" spans="1:3" x14ac:dyDescent="0.25">
      <c r="A37210" s="2" t="s">
        <v>22447</v>
      </c>
      <c r="B37210" s="6">
        <v>619463.25</v>
      </c>
      <c r="C37210" s="7">
        <f t="shared" si="581"/>
        <v>619.46325000000002</v>
      </c>
    </row>
    <row r="37211" spans="1:3" x14ac:dyDescent="0.25">
      <c r="A37211" s="2" t="s">
        <v>22448</v>
      </c>
      <c r="B37211" s="6">
        <v>619479.89999999991</v>
      </c>
      <c r="C37211" s="7">
        <f t="shared" si="581"/>
        <v>619.47989999999993</v>
      </c>
    </row>
    <row r="37212" spans="1:3" x14ac:dyDescent="0.25">
      <c r="A37212" s="2" t="s">
        <v>22449</v>
      </c>
      <c r="B37212" s="6">
        <v>619496.54999999993</v>
      </c>
      <c r="C37212" s="7">
        <f t="shared" si="581"/>
        <v>619.49654999999996</v>
      </c>
    </row>
    <row r="37213" spans="1:3" x14ac:dyDescent="0.25">
      <c r="A37213" s="2" t="s">
        <v>22450</v>
      </c>
      <c r="B37213" s="6">
        <v>619513.19999999995</v>
      </c>
      <c r="C37213" s="7">
        <f t="shared" si="581"/>
        <v>619.51319999999998</v>
      </c>
    </row>
    <row r="37214" spans="1:3" x14ac:dyDescent="0.25">
      <c r="A37214" s="2" t="s">
        <v>22451</v>
      </c>
      <c r="B37214" s="6">
        <v>619529.85</v>
      </c>
      <c r="C37214" s="7">
        <f t="shared" si="581"/>
        <v>619.52985000000001</v>
      </c>
    </row>
    <row r="37215" spans="1:3" x14ac:dyDescent="0.25">
      <c r="A37215" s="2" t="s">
        <v>22452</v>
      </c>
      <c r="B37215" s="6">
        <v>619546.5</v>
      </c>
      <c r="C37215" s="7">
        <f t="shared" si="581"/>
        <v>619.54650000000004</v>
      </c>
    </row>
    <row r="37216" spans="1:3" x14ac:dyDescent="0.25">
      <c r="A37216" s="2" t="s">
        <v>22453</v>
      </c>
      <c r="B37216" s="6">
        <v>619563.14999999991</v>
      </c>
      <c r="C37216" s="7">
        <f t="shared" si="581"/>
        <v>619.56314999999995</v>
      </c>
    </row>
    <row r="37217" spans="1:3" x14ac:dyDescent="0.25">
      <c r="A37217" s="2" t="s">
        <v>22454</v>
      </c>
      <c r="B37217" s="6">
        <v>619579.79999999993</v>
      </c>
      <c r="C37217" s="7">
        <f t="shared" si="581"/>
        <v>619.57979999999998</v>
      </c>
    </row>
    <row r="37218" spans="1:3" x14ac:dyDescent="0.25">
      <c r="A37218" s="2" t="s">
        <v>22455</v>
      </c>
      <c r="B37218" s="6">
        <v>619596.44999999995</v>
      </c>
      <c r="C37218" s="7">
        <f t="shared" si="581"/>
        <v>619.59645</v>
      </c>
    </row>
    <row r="37219" spans="1:3" x14ac:dyDescent="0.25">
      <c r="A37219" s="2" t="s">
        <v>22456</v>
      </c>
      <c r="B37219" s="6">
        <v>619613.1</v>
      </c>
      <c r="C37219" s="7">
        <f t="shared" si="581"/>
        <v>619.61310000000003</v>
      </c>
    </row>
    <row r="37220" spans="1:3" x14ac:dyDescent="0.25">
      <c r="A37220" s="2" t="s">
        <v>22457</v>
      </c>
      <c r="B37220" s="6">
        <v>619629.75</v>
      </c>
      <c r="C37220" s="7">
        <f t="shared" si="581"/>
        <v>619.62974999999994</v>
      </c>
    </row>
    <row r="37221" spans="1:3" x14ac:dyDescent="0.25">
      <c r="A37221" s="2" t="s">
        <v>22458</v>
      </c>
      <c r="B37221" s="6">
        <v>619646.39999999991</v>
      </c>
      <c r="C37221" s="7">
        <f t="shared" si="581"/>
        <v>619.64639999999986</v>
      </c>
    </row>
    <row r="37222" spans="1:3" x14ac:dyDescent="0.25">
      <c r="A37222" s="2" t="s">
        <v>22459</v>
      </c>
      <c r="B37222" s="6">
        <v>619663.04999999993</v>
      </c>
      <c r="C37222" s="7">
        <f t="shared" si="581"/>
        <v>619.66304999999988</v>
      </c>
    </row>
    <row r="37223" spans="1:3" x14ac:dyDescent="0.25">
      <c r="A37223" s="2" t="s">
        <v>22460</v>
      </c>
      <c r="B37223" s="6">
        <v>619679.69999999995</v>
      </c>
      <c r="C37223" s="7">
        <f t="shared" si="581"/>
        <v>619.67969999999991</v>
      </c>
    </row>
    <row r="37224" spans="1:3" x14ac:dyDescent="0.25">
      <c r="A37224" s="2" t="s">
        <v>22461</v>
      </c>
      <c r="B37224" s="6">
        <v>619696.35</v>
      </c>
      <c r="C37224" s="7">
        <f t="shared" si="581"/>
        <v>619.69634999999994</v>
      </c>
    </row>
    <row r="37225" spans="1:3" x14ac:dyDescent="0.25">
      <c r="A37225" s="2" t="s">
        <v>22462</v>
      </c>
      <c r="B37225" s="6">
        <v>619713</v>
      </c>
      <c r="C37225" s="7">
        <f t="shared" si="581"/>
        <v>619.71299999999997</v>
      </c>
    </row>
    <row r="37226" spans="1:3" x14ac:dyDescent="0.25">
      <c r="A37226" s="2" t="s">
        <v>22463</v>
      </c>
      <c r="B37226" s="6">
        <v>619729.64999999991</v>
      </c>
      <c r="C37226" s="7">
        <f t="shared" si="581"/>
        <v>619.72964999999988</v>
      </c>
    </row>
    <row r="37227" spans="1:3" x14ac:dyDescent="0.25">
      <c r="A37227" s="2" t="s">
        <v>22464</v>
      </c>
      <c r="B37227" s="6">
        <v>619746.29999999993</v>
      </c>
      <c r="C37227" s="7">
        <f t="shared" si="581"/>
        <v>619.74629999999991</v>
      </c>
    </row>
    <row r="37228" spans="1:3" x14ac:dyDescent="0.25">
      <c r="A37228" s="2" t="s">
        <v>22465</v>
      </c>
      <c r="B37228" s="6">
        <v>619762.94999999995</v>
      </c>
      <c r="C37228" s="7">
        <f t="shared" si="581"/>
        <v>619.76294999999993</v>
      </c>
    </row>
    <row r="37229" spans="1:3" x14ac:dyDescent="0.25">
      <c r="A37229" s="2" t="s">
        <v>22466</v>
      </c>
      <c r="B37229" s="6">
        <v>619779.6</v>
      </c>
      <c r="C37229" s="7">
        <f t="shared" si="581"/>
        <v>619.77959999999996</v>
      </c>
    </row>
    <row r="37230" spans="1:3" x14ac:dyDescent="0.25">
      <c r="A37230" s="2" t="s">
        <v>22467</v>
      </c>
      <c r="B37230" s="6">
        <v>619796.25</v>
      </c>
      <c r="C37230" s="7">
        <f t="shared" si="581"/>
        <v>619.79624999999999</v>
      </c>
    </row>
    <row r="37231" spans="1:3" x14ac:dyDescent="0.25">
      <c r="A37231" s="2" t="s">
        <v>22468</v>
      </c>
      <c r="B37231" s="6">
        <v>619812.89999999991</v>
      </c>
      <c r="C37231" s="7">
        <f t="shared" si="581"/>
        <v>619.8128999999999</v>
      </c>
    </row>
    <row r="37232" spans="1:3" x14ac:dyDescent="0.25">
      <c r="A37232" s="2" t="s">
        <v>22469</v>
      </c>
      <c r="B37232" s="6">
        <v>619829.54999999993</v>
      </c>
      <c r="C37232" s="7">
        <f t="shared" si="581"/>
        <v>619.82954999999993</v>
      </c>
    </row>
    <row r="37233" spans="1:3" x14ac:dyDescent="0.25">
      <c r="A37233" s="2" t="s">
        <v>22470</v>
      </c>
      <c r="B37233" s="6">
        <v>619846.19999999995</v>
      </c>
      <c r="C37233" s="7">
        <f t="shared" si="581"/>
        <v>619.84619999999995</v>
      </c>
    </row>
    <row r="37234" spans="1:3" x14ac:dyDescent="0.25">
      <c r="A37234" s="2" t="s">
        <v>22471</v>
      </c>
      <c r="B37234" s="6">
        <v>619862.85</v>
      </c>
      <c r="C37234" s="7">
        <f t="shared" si="581"/>
        <v>619.86284999999998</v>
      </c>
    </row>
    <row r="37235" spans="1:3" x14ac:dyDescent="0.25">
      <c r="A37235" s="2" t="s">
        <v>22472</v>
      </c>
      <c r="B37235" s="6">
        <v>619879.5</v>
      </c>
      <c r="C37235" s="7">
        <f t="shared" si="581"/>
        <v>619.87950000000001</v>
      </c>
    </row>
    <row r="37236" spans="1:3" x14ac:dyDescent="0.25">
      <c r="A37236" s="2" t="s">
        <v>22473</v>
      </c>
      <c r="B37236" s="6">
        <v>619896.14999999991</v>
      </c>
      <c r="C37236" s="7">
        <f t="shared" si="581"/>
        <v>619.89614999999992</v>
      </c>
    </row>
    <row r="37237" spans="1:3" x14ac:dyDescent="0.25">
      <c r="A37237" s="2" t="s">
        <v>22474</v>
      </c>
      <c r="B37237" s="6">
        <v>619912.79999999993</v>
      </c>
      <c r="C37237" s="7">
        <f t="shared" si="581"/>
        <v>619.91279999999995</v>
      </c>
    </row>
    <row r="37238" spans="1:3" x14ac:dyDescent="0.25">
      <c r="A37238" s="2" t="s">
        <v>22475</v>
      </c>
      <c r="B37238" s="6">
        <v>619929.44999999995</v>
      </c>
      <c r="C37238" s="7">
        <f t="shared" si="581"/>
        <v>619.92944999999997</v>
      </c>
    </row>
    <row r="37239" spans="1:3" x14ac:dyDescent="0.25">
      <c r="A37239" s="2" t="s">
        <v>22476</v>
      </c>
      <c r="B37239" s="6">
        <v>619946.1</v>
      </c>
      <c r="C37239" s="7">
        <f t="shared" si="581"/>
        <v>619.9461</v>
      </c>
    </row>
    <row r="37240" spans="1:3" x14ac:dyDescent="0.25">
      <c r="A37240" s="2" t="s">
        <v>22477</v>
      </c>
      <c r="B37240" s="6">
        <v>619962.75</v>
      </c>
      <c r="C37240" s="7">
        <f t="shared" si="581"/>
        <v>619.96275000000003</v>
      </c>
    </row>
    <row r="37241" spans="1:3" x14ac:dyDescent="0.25">
      <c r="A37241" s="2" t="s">
        <v>22478</v>
      </c>
      <c r="B37241" s="6">
        <v>619979.39999999991</v>
      </c>
      <c r="C37241" s="7">
        <f t="shared" si="581"/>
        <v>619.97939999999994</v>
      </c>
    </row>
    <row r="37242" spans="1:3" x14ac:dyDescent="0.25">
      <c r="A37242" s="2" t="s">
        <v>22479</v>
      </c>
      <c r="B37242" s="6">
        <v>619996.04999999993</v>
      </c>
      <c r="C37242" s="7">
        <f t="shared" si="581"/>
        <v>619.99604999999997</v>
      </c>
    </row>
    <row r="37243" spans="1:3" x14ac:dyDescent="0.25">
      <c r="A37243" s="2" t="s">
        <v>22480</v>
      </c>
      <c r="B37243" s="6">
        <v>620012.69999999995</v>
      </c>
      <c r="C37243" s="7">
        <f t="shared" si="581"/>
        <v>620.0127</v>
      </c>
    </row>
    <row r="37244" spans="1:3" x14ac:dyDescent="0.25">
      <c r="A37244" s="2" t="s">
        <v>22481</v>
      </c>
      <c r="B37244" s="6">
        <v>620029.35</v>
      </c>
      <c r="C37244" s="7">
        <f t="shared" si="581"/>
        <v>620.02935000000002</v>
      </c>
    </row>
    <row r="37245" spans="1:3" x14ac:dyDescent="0.25">
      <c r="A37245" s="2" t="s">
        <v>22482</v>
      </c>
      <c r="B37245" s="6">
        <v>620046</v>
      </c>
      <c r="C37245" s="7">
        <f t="shared" si="581"/>
        <v>620.04600000000005</v>
      </c>
    </row>
    <row r="37246" spans="1:3" x14ac:dyDescent="0.25">
      <c r="A37246" s="2" t="s">
        <v>22483</v>
      </c>
      <c r="B37246" s="6">
        <v>620062.64999999991</v>
      </c>
      <c r="C37246" s="7">
        <f t="shared" si="581"/>
        <v>620.06264999999996</v>
      </c>
    </row>
    <row r="37247" spans="1:3" x14ac:dyDescent="0.25">
      <c r="A37247" s="2" t="s">
        <v>22484</v>
      </c>
      <c r="B37247" s="6">
        <v>620079.29999999993</v>
      </c>
      <c r="C37247" s="7">
        <f t="shared" si="581"/>
        <v>620.07929999999988</v>
      </c>
    </row>
    <row r="37248" spans="1:3" x14ac:dyDescent="0.25">
      <c r="A37248" s="2" t="s">
        <v>22485</v>
      </c>
      <c r="B37248" s="6">
        <v>620095.94999999995</v>
      </c>
      <c r="C37248" s="7">
        <f t="shared" si="581"/>
        <v>620.0959499999999</v>
      </c>
    </row>
    <row r="37249" spans="1:3" x14ac:dyDescent="0.25">
      <c r="A37249" s="2" t="s">
        <v>22486</v>
      </c>
      <c r="B37249" s="6">
        <v>620112.6</v>
      </c>
      <c r="C37249" s="7">
        <f t="shared" si="581"/>
        <v>620.11259999999993</v>
      </c>
    </row>
    <row r="37250" spans="1:3" x14ac:dyDescent="0.25">
      <c r="A37250" s="2" t="s">
        <v>22487</v>
      </c>
      <c r="B37250" s="6">
        <v>620129.25</v>
      </c>
      <c r="C37250" s="7">
        <f t="shared" si="581"/>
        <v>620.12924999999996</v>
      </c>
    </row>
    <row r="37251" spans="1:3" x14ac:dyDescent="0.25">
      <c r="A37251" s="2" t="s">
        <v>22488</v>
      </c>
      <c r="B37251" s="6">
        <v>620145.89999999991</v>
      </c>
      <c r="C37251" s="7">
        <f t="shared" ref="C37251:C37314" si="582">B37251/1000</f>
        <v>620.14589999999987</v>
      </c>
    </row>
    <row r="37252" spans="1:3" x14ac:dyDescent="0.25">
      <c r="A37252" s="2" t="s">
        <v>22489</v>
      </c>
      <c r="B37252" s="6">
        <v>620162.54999999993</v>
      </c>
      <c r="C37252" s="7">
        <f t="shared" si="582"/>
        <v>620.1625499999999</v>
      </c>
    </row>
    <row r="37253" spans="1:3" x14ac:dyDescent="0.25">
      <c r="A37253" s="2" t="s">
        <v>22490</v>
      </c>
      <c r="B37253" s="6">
        <v>620179.19999999995</v>
      </c>
      <c r="C37253" s="7">
        <f t="shared" si="582"/>
        <v>620.17919999999992</v>
      </c>
    </row>
    <row r="37254" spans="1:3" x14ac:dyDescent="0.25">
      <c r="A37254" s="2" t="s">
        <v>22491</v>
      </c>
      <c r="B37254" s="6">
        <v>620195.85</v>
      </c>
      <c r="C37254" s="7">
        <f t="shared" si="582"/>
        <v>620.19584999999995</v>
      </c>
    </row>
    <row r="37255" spans="1:3" x14ac:dyDescent="0.25">
      <c r="A37255" s="2" t="s">
        <v>22492</v>
      </c>
      <c r="B37255" s="6">
        <v>620212.5</v>
      </c>
      <c r="C37255" s="7">
        <f t="shared" si="582"/>
        <v>620.21249999999998</v>
      </c>
    </row>
    <row r="37256" spans="1:3" x14ac:dyDescent="0.25">
      <c r="A37256" s="2" t="s">
        <v>22493</v>
      </c>
      <c r="B37256" s="6">
        <v>620229.14999999991</v>
      </c>
      <c r="C37256" s="7">
        <f t="shared" si="582"/>
        <v>620.22914999999989</v>
      </c>
    </row>
    <row r="37257" spans="1:3" x14ac:dyDescent="0.25">
      <c r="A37257" s="2" t="s">
        <v>22494</v>
      </c>
      <c r="B37257" s="6">
        <v>620245.79999999993</v>
      </c>
      <c r="C37257" s="7">
        <f t="shared" si="582"/>
        <v>620.24579999999992</v>
      </c>
    </row>
    <row r="37258" spans="1:3" x14ac:dyDescent="0.25">
      <c r="A37258" s="2" t="s">
        <v>22495</v>
      </c>
      <c r="B37258" s="6">
        <v>620262.44999999995</v>
      </c>
      <c r="C37258" s="7">
        <f t="shared" si="582"/>
        <v>620.26244999999994</v>
      </c>
    </row>
    <row r="37259" spans="1:3" x14ac:dyDescent="0.25">
      <c r="A37259" s="2" t="s">
        <v>22496</v>
      </c>
      <c r="B37259" s="6">
        <v>620279.1</v>
      </c>
      <c r="C37259" s="7">
        <f t="shared" si="582"/>
        <v>620.27909999999997</v>
      </c>
    </row>
    <row r="37260" spans="1:3" x14ac:dyDescent="0.25">
      <c r="A37260" s="2" t="s">
        <v>22497</v>
      </c>
      <c r="B37260" s="6">
        <v>620295.75</v>
      </c>
      <c r="C37260" s="7">
        <f t="shared" si="582"/>
        <v>620.29575</v>
      </c>
    </row>
    <row r="37261" spans="1:3" x14ac:dyDescent="0.25">
      <c r="A37261" s="2" t="s">
        <v>22498</v>
      </c>
      <c r="B37261" s="6">
        <v>620312.39999999991</v>
      </c>
      <c r="C37261" s="7">
        <f t="shared" si="582"/>
        <v>620.31239999999991</v>
      </c>
    </row>
    <row r="37262" spans="1:3" x14ac:dyDescent="0.25">
      <c r="A37262" s="2" t="s">
        <v>22499</v>
      </c>
      <c r="B37262" s="6">
        <v>620329.04999999993</v>
      </c>
      <c r="C37262" s="7">
        <f t="shared" si="582"/>
        <v>620.32904999999994</v>
      </c>
    </row>
    <row r="37263" spans="1:3" x14ac:dyDescent="0.25">
      <c r="A37263" s="2" t="s">
        <v>22500</v>
      </c>
      <c r="B37263" s="6">
        <v>620345.69999999995</v>
      </c>
      <c r="C37263" s="7">
        <f t="shared" si="582"/>
        <v>620.34569999999997</v>
      </c>
    </row>
    <row r="37264" spans="1:3" x14ac:dyDescent="0.25">
      <c r="A37264" s="2" t="s">
        <v>22501</v>
      </c>
      <c r="B37264" s="6">
        <v>620362.35</v>
      </c>
      <c r="C37264" s="7">
        <f t="shared" si="582"/>
        <v>620.36234999999999</v>
      </c>
    </row>
    <row r="37265" spans="1:3" x14ac:dyDescent="0.25">
      <c r="A37265" s="2" t="s">
        <v>22502</v>
      </c>
      <c r="B37265" s="6">
        <v>620379</v>
      </c>
      <c r="C37265" s="7">
        <f t="shared" si="582"/>
        <v>620.37900000000002</v>
      </c>
    </row>
    <row r="37266" spans="1:3" x14ac:dyDescent="0.25">
      <c r="A37266" s="2" t="s">
        <v>22503</v>
      </c>
      <c r="B37266" s="6">
        <v>620395.64999999991</v>
      </c>
      <c r="C37266" s="7">
        <f t="shared" si="582"/>
        <v>620.39564999999993</v>
      </c>
    </row>
    <row r="37267" spans="1:3" x14ac:dyDescent="0.25">
      <c r="A37267" s="2" t="s">
        <v>22504</v>
      </c>
      <c r="B37267" s="6">
        <v>620412.29999999993</v>
      </c>
      <c r="C37267" s="7">
        <f t="shared" si="582"/>
        <v>620.41229999999996</v>
      </c>
    </row>
    <row r="37268" spans="1:3" x14ac:dyDescent="0.25">
      <c r="A37268" s="2" t="s">
        <v>22505</v>
      </c>
      <c r="B37268" s="6">
        <v>620428.94999999995</v>
      </c>
      <c r="C37268" s="7">
        <f t="shared" si="582"/>
        <v>620.42894999999999</v>
      </c>
    </row>
    <row r="37269" spans="1:3" x14ac:dyDescent="0.25">
      <c r="A37269" s="2" t="s">
        <v>22506</v>
      </c>
      <c r="B37269" s="6">
        <v>620445.6</v>
      </c>
      <c r="C37269" s="7">
        <f t="shared" si="582"/>
        <v>620.44560000000001</v>
      </c>
    </row>
    <row r="37270" spans="1:3" x14ac:dyDescent="0.25">
      <c r="A37270" s="2" t="s">
        <v>22507</v>
      </c>
      <c r="B37270" s="6">
        <v>620462.25</v>
      </c>
      <c r="C37270" s="7">
        <f t="shared" si="582"/>
        <v>620.46225000000004</v>
      </c>
    </row>
    <row r="37271" spans="1:3" x14ac:dyDescent="0.25">
      <c r="A37271" s="2" t="s">
        <v>22508</v>
      </c>
      <c r="B37271" s="6">
        <v>620478.89999999991</v>
      </c>
      <c r="C37271" s="7">
        <f t="shared" si="582"/>
        <v>620.47889999999995</v>
      </c>
    </row>
    <row r="37272" spans="1:3" x14ac:dyDescent="0.25">
      <c r="A37272" s="2" t="s">
        <v>22509</v>
      </c>
      <c r="B37272" s="6">
        <v>620495.54999999993</v>
      </c>
      <c r="C37272" s="7">
        <f t="shared" si="582"/>
        <v>620.49554999999998</v>
      </c>
    </row>
    <row r="37273" spans="1:3" x14ac:dyDescent="0.25">
      <c r="A37273" s="2" t="s">
        <v>22510</v>
      </c>
      <c r="B37273" s="6">
        <v>620512.19999999995</v>
      </c>
      <c r="C37273" s="7">
        <f t="shared" si="582"/>
        <v>620.51220000000001</v>
      </c>
    </row>
    <row r="37274" spans="1:3" x14ac:dyDescent="0.25">
      <c r="A37274" s="2" t="s">
        <v>22511</v>
      </c>
      <c r="B37274" s="6">
        <v>620528.85</v>
      </c>
      <c r="C37274" s="7">
        <f t="shared" si="582"/>
        <v>620.52884999999992</v>
      </c>
    </row>
    <row r="37275" spans="1:3" x14ac:dyDescent="0.25">
      <c r="A37275" s="2" t="s">
        <v>22512</v>
      </c>
      <c r="B37275" s="6">
        <v>620545.5</v>
      </c>
      <c r="C37275" s="7">
        <f t="shared" si="582"/>
        <v>620.54549999999995</v>
      </c>
    </row>
    <row r="37276" spans="1:3" x14ac:dyDescent="0.25">
      <c r="A37276" s="2" t="s">
        <v>22513</v>
      </c>
      <c r="B37276" s="6">
        <v>620562.14999999991</v>
      </c>
      <c r="C37276" s="7">
        <f t="shared" si="582"/>
        <v>620.56214999999986</v>
      </c>
    </row>
    <row r="37277" spans="1:3" x14ac:dyDescent="0.25">
      <c r="A37277" s="2" t="s">
        <v>22514</v>
      </c>
      <c r="B37277" s="6">
        <v>620578.79999999993</v>
      </c>
      <c r="C37277" s="7">
        <f t="shared" si="582"/>
        <v>620.57879999999989</v>
      </c>
    </row>
    <row r="37278" spans="1:3" x14ac:dyDescent="0.25">
      <c r="A37278" s="2" t="s">
        <v>22515</v>
      </c>
      <c r="B37278" s="6">
        <v>620595.44999999995</v>
      </c>
      <c r="C37278" s="7">
        <f t="shared" si="582"/>
        <v>620.59544999999991</v>
      </c>
    </row>
    <row r="37279" spans="1:3" x14ac:dyDescent="0.25">
      <c r="A37279" s="2" t="s">
        <v>22516</v>
      </c>
      <c r="B37279" s="6">
        <v>620612.1</v>
      </c>
      <c r="C37279" s="7">
        <f t="shared" si="582"/>
        <v>620.61209999999994</v>
      </c>
    </row>
    <row r="37280" spans="1:3" x14ac:dyDescent="0.25">
      <c r="A37280" s="2" t="s">
        <v>22517</v>
      </c>
      <c r="B37280" s="6">
        <v>620628.75</v>
      </c>
      <c r="C37280" s="7">
        <f t="shared" si="582"/>
        <v>620.62874999999997</v>
      </c>
    </row>
    <row r="37281" spans="1:3" x14ac:dyDescent="0.25">
      <c r="A37281" s="2" t="s">
        <v>22518</v>
      </c>
      <c r="B37281" s="6">
        <v>620645.39999999991</v>
      </c>
      <c r="C37281" s="7">
        <f t="shared" si="582"/>
        <v>620.64539999999988</v>
      </c>
    </row>
    <row r="37282" spans="1:3" x14ac:dyDescent="0.25">
      <c r="A37282" s="2" t="s">
        <v>22519</v>
      </c>
      <c r="B37282" s="6">
        <v>620662.04999999993</v>
      </c>
      <c r="C37282" s="7">
        <f t="shared" si="582"/>
        <v>620.66204999999991</v>
      </c>
    </row>
    <row r="37283" spans="1:3" x14ac:dyDescent="0.25">
      <c r="A37283" s="2" t="s">
        <v>22520</v>
      </c>
      <c r="B37283" s="6">
        <v>620678.69999999995</v>
      </c>
      <c r="C37283" s="7">
        <f t="shared" si="582"/>
        <v>620.67869999999994</v>
      </c>
    </row>
    <row r="37284" spans="1:3" x14ac:dyDescent="0.25">
      <c r="A37284" s="2" t="s">
        <v>22521</v>
      </c>
      <c r="B37284" s="6">
        <v>620695.35</v>
      </c>
      <c r="C37284" s="7">
        <f t="shared" si="582"/>
        <v>620.69534999999996</v>
      </c>
    </row>
    <row r="37285" spans="1:3" x14ac:dyDescent="0.25">
      <c r="A37285" s="2" t="s">
        <v>22522</v>
      </c>
      <c r="B37285" s="6">
        <v>620712</v>
      </c>
      <c r="C37285" s="7">
        <f t="shared" si="582"/>
        <v>620.71199999999999</v>
      </c>
    </row>
    <row r="37286" spans="1:3" x14ac:dyDescent="0.25">
      <c r="A37286" s="2" t="s">
        <v>22523</v>
      </c>
      <c r="B37286" s="6">
        <v>620728.64999999991</v>
      </c>
      <c r="C37286" s="7">
        <f t="shared" si="582"/>
        <v>620.7286499999999</v>
      </c>
    </row>
    <row r="37287" spans="1:3" x14ac:dyDescent="0.25">
      <c r="A37287" s="2" t="s">
        <v>22524</v>
      </c>
      <c r="B37287" s="6">
        <v>620745.29999999993</v>
      </c>
      <c r="C37287" s="7">
        <f t="shared" si="582"/>
        <v>620.74529999999993</v>
      </c>
    </row>
    <row r="37288" spans="1:3" x14ac:dyDescent="0.25">
      <c r="A37288" s="2" t="s">
        <v>22525</v>
      </c>
      <c r="B37288" s="6">
        <v>620761.94999999995</v>
      </c>
      <c r="C37288" s="7">
        <f t="shared" si="582"/>
        <v>620.76194999999996</v>
      </c>
    </row>
    <row r="37289" spans="1:3" x14ac:dyDescent="0.25">
      <c r="A37289" s="2" t="s">
        <v>22526</v>
      </c>
      <c r="B37289" s="6">
        <v>620778.6</v>
      </c>
      <c r="C37289" s="7">
        <f t="shared" si="582"/>
        <v>620.77859999999998</v>
      </c>
    </row>
    <row r="37290" spans="1:3" x14ac:dyDescent="0.25">
      <c r="A37290" s="2" t="s">
        <v>22527</v>
      </c>
      <c r="B37290" s="6">
        <v>620795.25</v>
      </c>
      <c r="C37290" s="7">
        <f t="shared" si="582"/>
        <v>620.79525000000001</v>
      </c>
    </row>
    <row r="37291" spans="1:3" x14ac:dyDescent="0.25">
      <c r="A37291" s="2" t="s">
        <v>22528</v>
      </c>
      <c r="B37291" s="6">
        <v>620811.89999999991</v>
      </c>
      <c r="C37291" s="7">
        <f t="shared" si="582"/>
        <v>620.81189999999992</v>
      </c>
    </row>
    <row r="37292" spans="1:3" x14ac:dyDescent="0.25">
      <c r="A37292" s="2" t="s">
        <v>22529</v>
      </c>
      <c r="B37292" s="6">
        <v>620828.54999999993</v>
      </c>
      <c r="C37292" s="7">
        <f t="shared" si="582"/>
        <v>620.82854999999995</v>
      </c>
    </row>
    <row r="37293" spans="1:3" x14ac:dyDescent="0.25">
      <c r="A37293" s="2" t="s">
        <v>22530</v>
      </c>
      <c r="B37293" s="6">
        <v>620845.19999999995</v>
      </c>
      <c r="C37293" s="7">
        <f t="shared" si="582"/>
        <v>620.84519999999998</v>
      </c>
    </row>
    <row r="37294" spans="1:3" x14ac:dyDescent="0.25">
      <c r="A37294" s="2" t="s">
        <v>22531</v>
      </c>
      <c r="B37294" s="6">
        <v>620861.85</v>
      </c>
      <c r="C37294" s="7">
        <f t="shared" si="582"/>
        <v>620.86185</v>
      </c>
    </row>
    <row r="37295" spans="1:3" x14ac:dyDescent="0.25">
      <c r="A37295" s="2" t="s">
        <v>22532</v>
      </c>
      <c r="B37295" s="6">
        <v>620878.5</v>
      </c>
      <c r="C37295" s="7">
        <f t="shared" si="582"/>
        <v>620.87850000000003</v>
      </c>
    </row>
    <row r="37296" spans="1:3" x14ac:dyDescent="0.25">
      <c r="A37296" s="2" t="s">
        <v>22533</v>
      </c>
      <c r="B37296" s="6">
        <v>620895.14999999991</v>
      </c>
      <c r="C37296" s="7">
        <f t="shared" si="582"/>
        <v>620.89514999999994</v>
      </c>
    </row>
    <row r="37297" spans="1:3" x14ac:dyDescent="0.25">
      <c r="A37297" s="2" t="s">
        <v>22534</v>
      </c>
      <c r="B37297" s="6">
        <v>620911.79999999993</v>
      </c>
      <c r="C37297" s="7">
        <f t="shared" si="582"/>
        <v>620.91179999999997</v>
      </c>
    </row>
    <row r="37298" spans="1:3" x14ac:dyDescent="0.25">
      <c r="A37298" s="2" t="s">
        <v>22535</v>
      </c>
      <c r="B37298" s="6">
        <v>620928.44999999995</v>
      </c>
      <c r="C37298" s="7">
        <f t="shared" si="582"/>
        <v>620.92845</v>
      </c>
    </row>
    <row r="37299" spans="1:3" x14ac:dyDescent="0.25">
      <c r="A37299" s="2" t="s">
        <v>22536</v>
      </c>
      <c r="B37299" s="6">
        <v>620945.1</v>
      </c>
      <c r="C37299" s="7">
        <f t="shared" si="582"/>
        <v>620.94510000000002</v>
      </c>
    </row>
    <row r="37300" spans="1:3" x14ac:dyDescent="0.25">
      <c r="A37300" s="2" t="s">
        <v>22537</v>
      </c>
      <c r="B37300" s="6">
        <v>620961.75</v>
      </c>
      <c r="C37300" s="7">
        <f t="shared" si="582"/>
        <v>620.96175000000005</v>
      </c>
    </row>
    <row r="37301" spans="1:3" x14ac:dyDescent="0.25">
      <c r="A37301" s="2" t="s">
        <v>22538</v>
      </c>
      <c r="B37301" s="6">
        <v>620978.39999999991</v>
      </c>
      <c r="C37301" s="7">
        <f t="shared" si="582"/>
        <v>620.97839999999985</v>
      </c>
    </row>
    <row r="37302" spans="1:3" x14ac:dyDescent="0.25">
      <c r="A37302" s="2" t="s">
        <v>22539</v>
      </c>
      <c r="B37302" s="6">
        <v>620995.04999999993</v>
      </c>
      <c r="C37302" s="7">
        <f t="shared" si="582"/>
        <v>620.99504999999988</v>
      </c>
    </row>
    <row r="37303" spans="1:3" x14ac:dyDescent="0.25">
      <c r="A37303" s="2" t="s">
        <v>22540</v>
      </c>
      <c r="B37303" s="6">
        <v>621011.69999999995</v>
      </c>
      <c r="C37303" s="7">
        <f t="shared" si="582"/>
        <v>621.01169999999991</v>
      </c>
    </row>
    <row r="37304" spans="1:3" x14ac:dyDescent="0.25">
      <c r="A37304" s="2" t="s">
        <v>22541</v>
      </c>
      <c r="B37304" s="6">
        <v>621028.35</v>
      </c>
      <c r="C37304" s="7">
        <f t="shared" si="582"/>
        <v>621.02834999999993</v>
      </c>
    </row>
    <row r="37305" spans="1:3" x14ac:dyDescent="0.25">
      <c r="A37305" s="2" t="s">
        <v>22542</v>
      </c>
      <c r="B37305" s="6">
        <v>621045</v>
      </c>
      <c r="C37305" s="7">
        <f t="shared" si="582"/>
        <v>621.04499999999996</v>
      </c>
    </row>
    <row r="37306" spans="1:3" x14ac:dyDescent="0.25">
      <c r="A37306" s="2" t="s">
        <v>22543</v>
      </c>
      <c r="B37306" s="6">
        <v>621061.64999999991</v>
      </c>
      <c r="C37306" s="7">
        <f t="shared" si="582"/>
        <v>621.06164999999987</v>
      </c>
    </row>
    <row r="37307" spans="1:3" x14ac:dyDescent="0.25">
      <c r="A37307" s="2" t="s">
        <v>22544</v>
      </c>
      <c r="B37307" s="6">
        <v>621078.29999999993</v>
      </c>
      <c r="C37307" s="7">
        <f t="shared" si="582"/>
        <v>621.0782999999999</v>
      </c>
    </row>
    <row r="37308" spans="1:3" x14ac:dyDescent="0.25">
      <c r="A37308" s="2" t="s">
        <v>22545</v>
      </c>
      <c r="B37308" s="6">
        <v>621094.94999999995</v>
      </c>
      <c r="C37308" s="7">
        <f t="shared" si="582"/>
        <v>621.09494999999993</v>
      </c>
    </row>
    <row r="37309" spans="1:3" x14ac:dyDescent="0.25">
      <c r="A37309" s="2" t="s">
        <v>22546</v>
      </c>
      <c r="B37309" s="6">
        <v>621111.6</v>
      </c>
      <c r="C37309" s="7">
        <f t="shared" si="582"/>
        <v>621.11159999999995</v>
      </c>
    </row>
    <row r="37310" spans="1:3" x14ac:dyDescent="0.25">
      <c r="A37310" s="2" t="s">
        <v>22547</v>
      </c>
      <c r="B37310" s="6">
        <v>621128.25</v>
      </c>
      <c r="C37310" s="7">
        <f t="shared" si="582"/>
        <v>621.12824999999998</v>
      </c>
    </row>
    <row r="37311" spans="1:3" x14ac:dyDescent="0.25">
      <c r="A37311" s="2" t="s">
        <v>22548</v>
      </c>
      <c r="B37311" s="6">
        <v>621144.89999999991</v>
      </c>
      <c r="C37311" s="7">
        <f t="shared" si="582"/>
        <v>621.14489999999989</v>
      </c>
    </row>
    <row r="37312" spans="1:3" x14ac:dyDescent="0.25">
      <c r="A37312" s="2" t="s">
        <v>22549</v>
      </c>
      <c r="B37312" s="6">
        <v>621161.54999999993</v>
      </c>
      <c r="C37312" s="7">
        <f t="shared" si="582"/>
        <v>621.16154999999992</v>
      </c>
    </row>
    <row r="37313" spans="1:3" x14ac:dyDescent="0.25">
      <c r="A37313" s="2" t="s">
        <v>22550</v>
      </c>
      <c r="B37313" s="6">
        <v>621178.19999999995</v>
      </c>
      <c r="C37313" s="7">
        <f t="shared" si="582"/>
        <v>621.17819999999995</v>
      </c>
    </row>
    <row r="37314" spans="1:3" x14ac:dyDescent="0.25">
      <c r="A37314" s="2" t="s">
        <v>22551</v>
      </c>
      <c r="B37314" s="6">
        <v>621194.85</v>
      </c>
      <c r="C37314" s="7">
        <f t="shared" si="582"/>
        <v>621.19484999999997</v>
      </c>
    </row>
    <row r="37315" spans="1:3" x14ac:dyDescent="0.25">
      <c r="A37315" s="2" t="s">
        <v>22552</v>
      </c>
      <c r="B37315" s="6">
        <v>621211.5</v>
      </c>
      <c r="C37315" s="7">
        <f t="shared" ref="C37315:C37378" si="583">B37315/1000</f>
        <v>621.2115</v>
      </c>
    </row>
    <row r="37316" spans="1:3" x14ac:dyDescent="0.25">
      <c r="A37316" s="2" t="s">
        <v>22553</v>
      </c>
      <c r="B37316" s="6">
        <v>621228.14999999991</v>
      </c>
      <c r="C37316" s="7">
        <f t="shared" si="583"/>
        <v>621.22814999999991</v>
      </c>
    </row>
    <row r="37317" spans="1:3" x14ac:dyDescent="0.25">
      <c r="A37317" s="2" t="s">
        <v>22554</v>
      </c>
      <c r="B37317" s="6">
        <v>621244.79999999993</v>
      </c>
      <c r="C37317" s="7">
        <f t="shared" si="583"/>
        <v>621.24479999999994</v>
      </c>
    </row>
    <row r="37318" spans="1:3" x14ac:dyDescent="0.25">
      <c r="A37318" s="2" t="s">
        <v>22555</v>
      </c>
      <c r="B37318" s="6">
        <v>621261.44999999995</v>
      </c>
      <c r="C37318" s="7">
        <f t="shared" si="583"/>
        <v>621.26144999999997</v>
      </c>
    </row>
    <row r="37319" spans="1:3" x14ac:dyDescent="0.25">
      <c r="A37319" s="2" t="s">
        <v>22556</v>
      </c>
      <c r="B37319" s="6">
        <v>621278.1</v>
      </c>
      <c r="C37319" s="7">
        <f t="shared" si="583"/>
        <v>621.27809999999999</v>
      </c>
    </row>
    <row r="37320" spans="1:3" x14ac:dyDescent="0.25">
      <c r="A37320" s="2" t="s">
        <v>22557</v>
      </c>
      <c r="B37320" s="6">
        <v>621294.75</v>
      </c>
      <c r="C37320" s="7">
        <f t="shared" si="583"/>
        <v>621.29475000000002</v>
      </c>
    </row>
    <row r="37321" spans="1:3" x14ac:dyDescent="0.25">
      <c r="A37321" s="2" t="s">
        <v>22558</v>
      </c>
      <c r="B37321" s="6">
        <v>621311.39999999991</v>
      </c>
      <c r="C37321" s="7">
        <f t="shared" si="583"/>
        <v>621.31139999999994</v>
      </c>
    </row>
    <row r="37322" spans="1:3" x14ac:dyDescent="0.25">
      <c r="A37322" s="2" t="s">
        <v>22559</v>
      </c>
      <c r="B37322" s="6">
        <v>621328.04999999993</v>
      </c>
      <c r="C37322" s="7">
        <f t="shared" si="583"/>
        <v>621.32804999999996</v>
      </c>
    </row>
    <row r="37323" spans="1:3" x14ac:dyDescent="0.25">
      <c r="A37323" s="2" t="s">
        <v>22560</v>
      </c>
      <c r="B37323" s="6">
        <v>621344.69999999995</v>
      </c>
      <c r="C37323" s="7">
        <f t="shared" si="583"/>
        <v>621.34469999999999</v>
      </c>
    </row>
    <row r="37324" spans="1:3" x14ac:dyDescent="0.25">
      <c r="A37324" s="2" t="s">
        <v>22561</v>
      </c>
      <c r="B37324" s="6">
        <v>621361.35</v>
      </c>
      <c r="C37324" s="7">
        <f t="shared" si="583"/>
        <v>621.36135000000002</v>
      </c>
    </row>
    <row r="37325" spans="1:3" x14ac:dyDescent="0.25">
      <c r="A37325" s="2" t="s">
        <v>22562</v>
      </c>
      <c r="B37325" s="6">
        <v>621378</v>
      </c>
      <c r="C37325" s="7">
        <f t="shared" si="583"/>
        <v>621.37800000000004</v>
      </c>
    </row>
    <row r="37326" spans="1:3" x14ac:dyDescent="0.25">
      <c r="A37326" s="2" t="s">
        <v>22563</v>
      </c>
      <c r="B37326" s="6">
        <v>621394.64999999991</v>
      </c>
      <c r="C37326" s="7">
        <f t="shared" si="583"/>
        <v>621.39464999999996</v>
      </c>
    </row>
    <row r="37327" spans="1:3" x14ac:dyDescent="0.25">
      <c r="A37327" s="2" t="s">
        <v>22564</v>
      </c>
      <c r="B37327" s="6">
        <v>621411.29999999993</v>
      </c>
      <c r="C37327" s="7">
        <f t="shared" si="583"/>
        <v>621.41129999999998</v>
      </c>
    </row>
    <row r="37328" spans="1:3" x14ac:dyDescent="0.25">
      <c r="A37328" s="2" t="s">
        <v>22565</v>
      </c>
      <c r="B37328" s="6">
        <v>621427.94999999995</v>
      </c>
      <c r="C37328" s="7">
        <f t="shared" si="583"/>
        <v>621.42795000000001</v>
      </c>
    </row>
    <row r="37329" spans="1:3" x14ac:dyDescent="0.25">
      <c r="A37329" s="2" t="s">
        <v>22566</v>
      </c>
      <c r="B37329" s="6">
        <v>621444.6</v>
      </c>
      <c r="C37329" s="7">
        <f t="shared" si="583"/>
        <v>621.44459999999992</v>
      </c>
    </row>
    <row r="37330" spans="1:3" x14ac:dyDescent="0.25">
      <c r="A37330" s="2" t="s">
        <v>22567</v>
      </c>
      <c r="B37330" s="6">
        <v>621461.25</v>
      </c>
      <c r="C37330" s="7">
        <f t="shared" si="583"/>
        <v>621.46124999999995</v>
      </c>
    </row>
    <row r="37331" spans="1:3" x14ac:dyDescent="0.25">
      <c r="A37331" s="2" t="s">
        <v>22568</v>
      </c>
      <c r="B37331" s="6">
        <v>621477.89999999991</v>
      </c>
      <c r="C37331" s="7">
        <f t="shared" si="583"/>
        <v>621.47789999999986</v>
      </c>
    </row>
    <row r="37332" spans="1:3" x14ac:dyDescent="0.25">
      <c r="A37332" s="2" t="s">
        <v>22569</v>
      </c>
      <c r="B37332" s="6">
        <v>621494.54999999993</v>
      </c>
      <c r="C37332" s="7">
        <f t="shared" si="583"/>
        <v>621.49454999999989</v>
      </c>
    </row>
    <row r="37333" spans="1:3" x14ac:dyDescent="0.25">
      <c r="A37333" s="2" t="s">
        <v>22570</v>
      </c>
      <c r="B37333" s="6">
        <v>621511.19999999995</v>
      </c>
      <c r="C37333" s="7">
        <f t="shared" si="583"/>
        <v>621.51119999999992</v>
      </c>
    </row>
    <row r="37334" spans="1:3" x14ac:dyDescent="0.25">
      <c r="A37334" s="2" t="s">
        <v>22571</v>
      </c>
      <c r="B37334" s="6">
        <v>621527.85</v>
      </c>
      <c r="C37334" s="7">
        <f t="shared" si="583"/>
        <v>621.52784999999994</v>
      </c>
    </row>
    <row r="37335" spans="1:3" x14ac:dyDescent="0.25">
      <c r="A37335" s="2" t="s">
        <v>22572</v>
      </c>
      <c r="B37335" s="6">
        <v>621544.5</v>
      </c>
      <c r="C37335" s="7">
        <f t="shared" si="583"/>
        <v>621.54449999999997</v>
      </c>
    </row>
    <row r="37336" spans="1:3" x14ac:dyDescent="0.25">
      <c r="A37336" s="2" t="s">
        <v>22573</v>
      </c>
      <c r="B37336" s="6">
        <v>621561.14999999991</v>
      </c>
      <c r="C37336" s="7">
        <f t="shared" si="583"/>
        <v>621.56114999999988</v>
      </c>
    </row>
    <row r="37337" spans="1:3" x14ac:dyDescent="0.25">
      <c r="A37337" s="2" t="s">
        <v>22574</v>
      </c>
      <c r="B37337" s="6">
        <v>621577.79999999993</v>
      </c>
      <c r="C37337" s="7">
        <f t="shared" si="583"/>
        <v>621.57779999999991</v>
      </c>
    </row>
    <row r="37338" spans="1:3" x14ac:dyDescent="0.25">
      <c r="A37338" s="2" t="s">
        <v>22575</v>
      </c>
      <c r="B37338" s="6">
        <v>621594.44999999995</v>
      </c>
      <c r="C37338" s="7">
        <f t="shared" si="583"/>
        <v>621.59444999999994</v>
      </c>
    </row>
    <row r="37339" spans="1:3" x14ac:dyDescent="0.25">
      <c r="A37339" s="2" t="s">
        <v>22576</v>
      </c>
      <c r="B37339" s="6">
        <v>621611.1</v>
      </c>
      <c r="C37339" s="7">
        <f t="shared" si="583"/>
        <v>621.61109999999996</v>
      </c>
    </row>
    <row r="37340" spans="1:3" x14ac:dyDescent="0.25">
      <c r="A37340" s="2" t="s">
        <v>22577</v>
      </c>
      <c r="B37340" s="6">
        <v>621627.75</v>
      </c>
      <c r="C37340" s="7">
        <f t="shared" si="583"/>
        <v>621.62774999999999</v>
      </c>
    </row>
    <row r="37341" spans="1:3" x14ac:dyDescent="0.25">
      <c r="A37341" s="2" t="s">
        <v>22578</v>
      </c>
      <c r="B37341" s="6">
        <v>621644.39999999991</v>
      </c>
      <c r="C37341" s="7">
        <f t="shared" si="583"/>
        <v>621.64439999999991</v>
      </c>
    </row>
    <row r="37342" spans="1:3" x14ac:dyDescent="0.25">
      <c r="A37342" s="2" t="s">
        <v>22579</v>
      </c>
      <c r="B37342" s="6">
        <v>621661.04999999993</v>
      </c>
      <c r="C37342" s="7">
        <f t="shared" si="583"/>
        <v>621.66104999999993</v>
      </c>
    </row>
    <row r="37343" spans="1:3" x14ac:dyDescent="0.25">
      <c r="A37343" s="2" t="s">
        <v>22580</v>
      </c>
      <c r="B37343" s="6">
        <v>621677.69999999995</v>
      </c>
      <c r="C37343" s="7">
        <f t="shared" si="583"/>
        <v>621.67769999999996</v>
      </c>
    </row>
    <row r="37344" spans="1:3" x14ac:dyDescent="0.25">
      <c r="A37344" s="2" t="s">
        <v>22581</v>
      </c>
      <c r="B37344" s="6">
        <v>621694.35</v>
      </c>
      <c r="C37344" s="7">
        <f t="shared" si="583"/>
        <v>621.69434999999999</v>
      </c>
    </row>
    <row r="37345" spans="1:3" x14ac:dyDescent="0.25">
      <c r="A37345" s="2" t="s">
        <v>22582</v>
      </c>
      <c r="B37345" s="6">
        <v>621711</v>
      </c>
      <c r="C37345" s="7">
        <f t="shared" si="583"/>
        <v>621.71100000000001</v>
      </c>
    </row>
    <row r="37346" spans="1:3" x14ac:dyDescent="0.25">
      <c r="A37346" s="2" t="s">
        <v>22583</v>
      </c>
      <c r="B37346" s="6">
        <v>621727.64999999991</v>
      </c>
      <c r="C37346" s="7">
        <f t="shared" si="583"/>
        <v>621.72764999999993</v>
      </c>
    </row>
    <row r="37347" spans="1:3" x14ac:dyDescent="0.25">
      <c r="A37347" s="2" t="s">
        <v>22584</v>
      </c>
      <c r="B37347" s="6">
        <v>621744.29999999993</v>
      </c>
      <c r="C37347" s="7">
        <f t="shared" si="583"/>
        <v>621.74429999999995</v>
      </c>
    </row>
    <row r="37348" spans="1:3" x14ac:dyDescent="0.25">
      <c r="A37348" s="2" t="s">
        <v>22585</v>
      </c>
      <c r="B37348" s="6">
        <v>621760.94999999995</v>
      </c>
      <c r="C37348" s="7">
        <f t="shared" si="583"/>
        <v>621.76094999999998</v>
      </c>
    </row>
    <row r="37349" spans="1:3" x14ac:dyDescent="0.25">
      <c r="A37349" s="2" t="s">
        <v>22586</v>
      </c>
      <c r="B37349" s="6">
        <v>621777.6</v>
      </c>
      <c r="C37349" s="7">
        <f t="shared" si="583"/>
        <v>621.77760000000001</v>
      </c>
    </row>
    <row r="37350" spans="1:3" x14ac:dyDescent="0.25">
      <c r="A37350" s="2" t="s">
        <v>22587</v>
      </c>
      <c r="B37350" s="6">
        <v>621794.25</v>
      </c>
      <c r="C37350" s="7">
        <f t="shared" si="583"/>
        <v>621.79425000000003</v>
      </c>
    </row>
    <row r="37351" spans="1:3" x14ac:dyDescent="0.25">
      <c r="A37351" s="2" t="s">
        <v>22588</v>
      </c>
      <c r="B37351" s="6">
        <v>621810.89999999991</v>
      </c>
      <c r="C37351" s="7">
        <f t="shared" si="583"/>
        <v>621.81089999999995</v>
      </c>
    </row>
    <row r="37352" spans="1:3" x14ac:dyDescent="0.25">
      <c r="A37352" s="2" t="s">
        <v>22589</v>
      </c>
      <c r="B37352" s="6">
        <v>621827.54999999993</v>
      </c>
      <c r="C37352" s="7">
        <f t="shared" si="583"/>
        <v>621.82754999999997</v>
      </c>
    </row>
    <row r="37353" spans="1:3" x14ac:dyDescent="0.25">
      <c r="A37353" s="2" t="s">
        <v>22590</v>
      </c>
      <c r="B37353" s="6">
        <v>621844.19999999995</v>
      </c>
      <c r="C37353" s="7">
        <f t="shared" si="583"/>
        <v>621.8442</v>
      </c>
    </row>
    <row r="37354" spans="1:3" x14ac:dyDescent="0.25">
      <c r="A37354" s="2" t="s">
        <v>22591</v>
      </c>
      <c r="B37354" s="6">
        <v>621860.85</v>
      </c>
      <c r="C37354" s="7">
        <f t="shared" si="583"/>
        <v>621.86085000000003</v>
      </c>
    </row>
    <row r="37355" spans="1:3" x14ac:dyDescent="0.25">
      <c r="A37355" s="2" t="s">
        <v>22592</v>
      </c>
      <c r="B37355" s="6">
        <v>621877.5</v>
      </c>
      <c r="C37355" s="7">
        <f t="shared" si="583"/>
        <v>621.87750000000005</v>
      </c>
    </row>
    <row r="37356" spans="1:3" x14ac:dyDescent="0.25">
      <c r="A37356" s="2" t="s">
        <v>22593</v>
      </c>
      <c r="B37356" s="6">
        <v>621894.14999999991</v>
      </c>
      <c r="C37356" s="7">
        <f t="shared" si="583"/>
        <v>621.89414999999985</v>
      </c>
    </row>
    <row r="37357" spans="1:3" x14ac:dyDescent="0.25">
      <c r="A37357" s="2" t="s">
        <v>22594</v>
      </c>
      <c r="B37357" s="6">
        <v>621910.79999999993</v>
      </c>
      <c r="C37357" s="7">
        <f t="shared" si="583"/>
        <v>621.91079999999988</v>
      </c>
    </row>
    <row r="37358" spans="1:3" x14ac:dyDescent="0.25">
      <c r="A37358" s="2" t="s">
        <v>22595</v>
      </c>
      <c r="B37358" s="6">
        <v>621927.44999999995</v>
      </c>
      <c r="C37358" s="7">
        <f t="shared" si="583"/>
        <v>621.92744999999991</v>
      </c>
    </row>
    <row r="37359" spans="1:3" x14ac:dyDescent="0.25">
      <c r="A37359" s="2" t="s">
        <v>22596</v>
      </c>
      <c r="B37359" s="6">
        <v>621944.1</v>
      </c>
      <c r="C37359" s="7">
        <f t="shared" si="583"/>
        <v>621.94409999999993</v>
      </c>
    </row>
    <row r="37360" spans="1:3" x14ac:dyDescent="0.25">
      <c r="A37360" s="2" t="s">
        <v>22597</v>
      </c>
      <c r="B37360" s="6">
        <v>621960.75</v>
      </c>
      <c r="C37360" s="7">
        <f t="shared" si="583"/>
        <v>621.96074999999996</v>
      </c>
    </row>
    <row r="37361" spans="1:3" x14ac:dyDescent="0.25">
      <c r="A37361" s="2" t="s">
        <v>22598</v>
      </c>
      <c r="B37361" s="6">
        <v>621977.39999999991</v>
      </c>
      <c r="C37361" s="7">
        <f t="shared" si="583"/>
        <v>621.97739999999988</v>
      </c>
    </row>
    <row r="37362" spans="1:3" x14ac:dyDescent="0.25">
      <c r="A37362" s="2" t="s">
        <v>22599</v>
      </c>
      <c r="B37362" s="6">
        <v>621994.04999999993</v>
      </c>
      <c r="C37362" s="7">
        <f t="shared" si="583"/>
        <v>621.9940499999999</v>
      </c>
    </row>
    <row r="37363" spans="1:3" x14ac:dyDescent="0.25">
      <c r="A37363" s="2" t="s">
        <v>22600</v>
      </c>
      <c r="B37363" s="6">
        <v>622010.69999999995</v>
      </c>
      <c r="C37363" s="7">
        <f t="shared" si="583"/>
        <v>622.01069999999993</v>
      </c>
    </row>
    <row r="37364" spans="1:3" x14ac:dyDescent="0.25">
      <c r="A37364" s="2" t="s">
        <v>22601</v>
      </c>
      <c r="B37364" s="6">
        <v>622027.35</v>
      </c>
      <c r="C37364" s="7">
        <f t="shared" si="583"/>
        <v>622.02734999999996</v>
      </c>
    </row>
    <row r="37365" spans="1:3" x14ac:dyDescent="0.25">
      <c r="A37365" s="2" t="s">
        <v>22602</v>
      </c>
      <c r="B37365" s="6">
        <v>622044</v>
      </c>
      <c r="C37365" s="7">
        <f t="shared" si="583"/>
        <v>622.04399999999998</v>
      </c>
    </row>
    <row r="37366" spans="1:3" x14ac:dyDescent="0.25">
      <c r="A37366" s="2" t="s">
        <v>22603</v>
      </c>
      <c r="B37366" s="6">
        <v>622060.64999999991</v>
      </c>
      <c r="C37366" s="7">
        <f t="shared" si="583"/>
        <v>622.0606499999999</v>
      </c>
    </row>
    <row r="37367" spans="1:3" x14ac:dyDescent="0.25">
      <c r="A37367" s="2" t="s">
        <v>22604</v>
      </c>
      <c r="B37367" s="6">
        <v>622077.29999999993</v>
      </c>
      <c r="C37367" s="7">
        <f t="shared" si="583"/>
        <v>622.07729999999992</v>
      </c>
    </row>
    <row r="37368" spans="1:3" x14ac:dyDescent="0.25">
      <c r="A37368" s="2" t="s">
        <v>22605</v>
      </c>
      <c r="B37368" s="6">
        <v>622093.94999999995</v>
      </c>
      <c r="C37368" s="7">
        <f t="shared" si="583"/>
        <v>622.09394999999995</v>
      </c>
    </row>
    <row r="37369" spans="1:3" x14ac:dyDescent="0.25">
      <c r="A37369" s="2" t="s">
        <v>22606</v>
      </c>
      <c r="B37369" s="6">
        <v>622110.6</v>
      </c>
      <c r="C37369" s="7">
        <f t="shared" si="583"/>
        <v>622.11059999999998</v>
      </c>
    </row>
    <row r="37370" spans="1:3" x14ac:dyDescent="0.25">
      <c r="A37370" s="2" t="s">
        <v>22607</v>
      </c>
      <c r="B37370" s="6">
        <v>622127.25</v>
      </c>
      <c r="C37370" s="7">
        <f t="shared" si="583"/>
        <v>622.12725</v>
      </c>
    </row>
    <row r="37371" spans="1:3" x14ac:dyDescent="0.25">
      <c r="A37371" s="2" t="s">
        <v>22608</v>
      </c>
      <c r="B37371" s="6">
        <v>622143.89999999991</v>
      </c>
      <c r="C37371" s="7">
        <f t="shared" si="583"/>
        <v>622.14389999999992</v>
      </c>
    </row>
    <row r="37372" spans="1:3" x14ac:dyDescent="0.25">
      <c r="A37372" s="2" t="s">
        <v>22609</v>
      </c>
      <c r="B37372" s="6">
        <v>622160.54999999993</v>
      </c>
      <c r="C37372" s="7">
        <f t="shared" si="583"/>
        <v>622.16054999999994</v>
      </c>
    </row>
    <row r="37373" spans="1:3" x14ac:dyDescent="0.25">
      <c r="A37373" s="2" t="s">
        <v>22610</v>
      </c>
      <c r="B37373" s="6">
        <v>622177.19999999995</v>
      </c>
      <c r="C37373" s="7">
        <f t="shared" si="583"/>
        <v>622.17719999999997</v>
      </c>
    </row>
    <row r="37374" spans="1:3" x14ac:dyDescent="0.25">
      <c r="A37374" s="2" t="s">
        <v>22611</v>
      </c>
      <c r="B37374" s="6">
        <v>622193.85</v>
      </c>
      <c r="C37374" s="7">
        <f t="shared" si="583"/>
        <v>622.19385</v>
      </c>
    </row>
    <row r="37375" spans="1:3" x14ac:dyDescent="0.25">
      <c r="A37375" s="2" t="s">
        <v>22612</v>
      </c>
      <c r="B37375" s="6">
        <v>622210.5</v>
      </c>
      <c r="C37375" s="7">
        <f t="shared" si="583"/>
        <v>622.21050000000002</v>
      </c>
    </row>
    <row r="37376" spans="1:3" x14ac:dyDescent="0.25">
      <c r="A37376" s="2" t="s">
        <v>22613</v>
      </c>
      <c r="B37376" s="6">
        <v>622227.14999999991</v>
      </c>
      <c r="C37376" s="7">
        <f t="shared" si="583"/>
        <v>622.22714999999994</v>
      </c>
    </row>
    <row r="37377" spans="1:3" x14ac:dyDescent="0.25">
      <c r="A37377" s="2" t="s">
        <v>22614</v>
      </c>
      <c r="B37377" s="6">
        <v>622243.79999999993</v>
      </c>
      <c r="C37377" s="7">
        <f t="shared" si="583"/>
        <v>622.24379999999996</v>
      </c>
    </row>
    <row r="37378" spans="1:3" x14ac:dyDescent="0.25">
      <c r="A37378" s="2" t="s">
        <v>22615</v>
      </c>
      <c r="B37378" s="6">
        <v>622260.44999999995</v>
      </c>
      <c r="C37378" s="7">
        <f t="shared" si="583"/>
        <v>622.26044999999999</v>
      </c>
    </row>
    <row r="37379" spans="1:3" x14ac:dyDescent="0.25">
      <c r="A37379" s="2" t="s">
        <v>22616</v>
      </c>
      <c r="B37379" s="6">
        <v>622277.1</v>
      </c>
      <c r="C37379" s="7">
        <f t="shared" ref="C37379:C37442" si="584">B37379/1000</f>
        <v>622.27710000000002</v>
      </c>
    </row>
    <row r="37380" spans="1:3" x14ac:dyDescent="0.25">
      <c r="A37380" s="2" t="s">
        <v>22617</v>
      </c>
      <c r="B37380" s="6">
        <v>622293.75</v>
      </c>
      <c r="C37380" s="7">
        <f t="shared" si="584"/>
        <v>622.29375000000005</v>
      </c>
    </row>
    <row r="37381" spans="1:3" x14ac:dyDescent="0.25">
      <c r="A37381" s="2" t="s">
        <v>22618</v>
      </c>
      <c r="B37381" s="6">
        <v>622310.39999999991</v>
      </c>
      <c r="C37381" s="7">
        <f t="shared" si="584"/>
        <v>622.31039999999996</v>
      </c>
    </row>
    <row r="37382" spans="1:3" x14ac:dyDescent="0.25">
      <c r="A37382" s="2" t="s">
        <v>22619</v>
      </c>
      <c r="B37382" s="6">
        <v>622327.04999999993</v>
      </c>
      <c r="C37382" s="7">
        <f t="shared" si="584"/>
        <v>622.32704999999999</v>
      </c>
    </row>
    <row r="37383" spans="1:3" x14ac:dyDescent="0.25">
      <c r="A37383" s="2" t="s">
        <v>22620</v>
      </c>
      <c r="B37383" s="6">
        <v>622343.69999999995</v>
      </c>
      <c r="C37383" s="7">
        <f t="shared" si="584"/>
        <v>622.3436999999999</v>
      </c>
    </row>
    <row r="37384" spans="1:3" x14ac:dyDescent="0.25">
      <c r="A37384" s="2" t="s">
        <v>22621</v>
      </c>
      <c r="B37384" s="6">
        <v>622360.35</v>
      </c>
      <c r="C37384" s="7">
        <f t="shared" si="584"/>
        <v>622.36034999999993</v>
      </c>
    </row>
    <row r="37385" spans="1:3" x14ac:dyDescent="0.25">
      <c r="A37385" s="2" t="s">
        <v>22622</v>
      </c>
      <c r="B37385" s="6">
        <v>622377</v>
      </c>
      <c r="C37385" s="7">
        <f t="shared" si="584"/>
        <v>622.37699999999995</v>
      </c>
    </row>
    <row r="37386" spans="1:3" x14ac:dyDescent="0.25">
      <c r="A37386" s="2" t="s">
        <v>22623</v>
      </c>
      <c r="B37386" s="6">
        <v>622393.64999999991</v>
      </c>
      <c r="C37386" s="7">
        <f t="shared" si="584"/>
        <v>622.39364999999987</v>
      </c>
    </row>
    <row r="37387" spans="1:3" x14ac:dyDescent="0.25">
      <c r="A37387" s="2" t="s">
        <v>22624</v>
      </c>
      <c r="B37387" s="6">
        <v>622410.29999999993</v>
      </c>
      <c r="C37387" s="7">
        <f t="shared" si="584"/>
        <v>622.41029999999989</v>
      </c>
    </row>
    <row r="37388" spans="1:3" x14ac:dyDescent="0.25">
      <c r="A37388" s="2" t="s">
        <v>22625</v>
      </c>
      <c r="B37388" s="6">
        <v>622426.94999999995</v>
      </c>
      <c r="C37388" s="7">
        <f t="shared" si="584"/>
        <v>622.42694999999992</v>
      </c>
    </row>
    <row r="37389" spans="1:3" x14ac:dyDescent="0.25">
      <c r="A37389" s="2" t="s">
        <v>22626</v>
      </c>
      <c r="B37389" s="6">
        <v>622443.6</v>
      </c>
      <c r="C37389" s="7">
        <f t="shared" si="584"/>
        <v>622.44359999999995</v>
      </c>
    </row>
    <row r="37390" spans="1:3" x14ac:dyDescent="0.25">
      <c r="A37390" s="2" t="s">
        <v>22627</v>
      </c>
      <c r="B37390" s="6">
        <v>622460.25</v>
      </c>
      <c r="C37390" s="7">
        <f t="shared" si="584"/>
        <v>622.46024999999997</v>
      </c>
    </row>
    <row r="37391" spans="1:3" x14ac:dyDescent="0.25">
      <c r="A37391" s="2" t="s">
        <v>22628</v>
      </c>
      <c r="B37391" s="6">
        <v>622476.89999999991</v>
      </c>
      <c r="C37391" s="7">
        <f t="shared" si="584"/>
        <v>622.47689999999989</v>
      </c>
    </row>
    <row r="37392" spans="1:3" x14ac:dyDescent="0.25">
      <c r="A37392" s="2" t="s">
        <v>22629</v>
      </c>
      <c r="B37392" s="6">
        <v>622493.54999999993</v>
      </c>
      <c r="C37392" s="7">
        <f t="shared" si="584"/>
        <v>622.49354999999991</v>
      </c>
    </row>
    <row r="37393" spans="1:3" x14ac:dyDescent="0.25">
      <c r="A37393" s="2" t="s">
        <v>22630</v>
      </c>
      <c r="B37393" s="6">
        <v>622510.19999999995</v>
      </c>
      <c r="C37393" s="7">
        <f t="shared" si="584"/>
        <v>622.51019999999994</v>
      </c>
    </row>
    <row r="37394" spans="1:3" x14ac:dyDescent="0.25">
      <c r="A37394" s="2" t="s">
        <v>22631</v>
      </c>
      <c r="B37394" s="6">
        <v>622526.85</v>
      </c>
      <c r="C37394" s="7">
        <f t="shared" si="584"/>
        <v>622.52684999999997</v>
      </c>
    </row>
    <row r="37395" spans="1:3" x14ac:dyDescent="0.25">
      <c r="A37395" s="2" t="s">
        <v>22632</v>
      </c>
      <c r="B37395" s="6">
        <v>622543.5</v>
      </c>
      <c r="C37395" s="7">
        <f t="shared" si="584"/>
        <v>622.54349999999999</v>
      </c>
    </row>
    <row r="37396" spans="1:3" x14ac:dyDescent="0.25">
      <c r="A37396" s="2" t="s">
        <v>22633</v>
      </c>
      <c r="B37396" s="6">
        <v>622560.14999999991</v>
      </c>
      <c r="C37396" s="7">
        <f t="shared" si="584"/>
        <v>622.56014999999991</v>
      </c>
    </row>
    <row r="37397" spans="1:3" x14ac:dyDescent="0.25">
      <c r="A37397" s="2" t="s">
        <v>22634</v>
      </c>
      <c r="B37397" s="6">
        <v>622576.79999999993</v>
      </c>
      <c r="C37397" s="7">
        <f t="shared" si="584"/>
        <v>622.57679999999993</v>
      </c>
    </row>
    <row r="37398" spans="1:3" x14ac:dyDescent="0.25">
      <c r="A37398" s="2" t="s">
        <v>22635</v>
      </c>
      <c r="B37398" s="6">
        <v>622593.44999999995</v>
      </c>
      <c r="C37398" s="7">
        <f t="shared" si="584"/>
        <v>622.59344999999996</v>
      </c>
    </row>
    <row r="37399" spans="1:3" x14ac:dyDescent="0.25">
      <c r="A37399" s="2" t="s">
        <v>22636</v>
      </c>
      <c r="B37399" s="6">
        <v>622610.1</v>
      </c>
      <c r="C37399" s="7">
        <f t="shared" si="584"/>
        <v>622.61009999999999</v>
      </c>
    </row>
    <row r="37400" spans="1:3" x14ac:dyDescent="0.25">
      <c r="A37400" s="2" t="s">
        <v>22637</v>
      </c>
      <c r="B37400" s="6">
        <v>622626.75</v>
      </c>
      <c r="C37400" s="7">
        <f t="shared" si="584"/>
        <v>622.62675000000002</v>
      </c>
    </row>
    <row r="37401" spans="1:3" x14ac:dyDescent="0.25">
      <c r="A37401" s="2" t="s">
        <v>22638</v>
      </c>
      <c r="B37401" s="6">
        <v>622643.39999999991</v>
      </c>
      <c r="C37401" s="7">
        <f t="shared" si="584"/>
        <v>622.64339999999993</v>
      </c>
    </row>
    <row r="37402" spans="1:3" x14ac:dyDescent="0.25">
      <c r="A37402" s="2" t="s">
        <v>22639</v>
      </c>
      <c r="B37402" s="6">
        <v>622660.04999999993</v>
      </c>
      <c r="C37402" s="7">
        <f t="shared" si="584"/>
        <v>622.66004999999996</v>
      </c>
    </row>
    <row r="37403" spans="1:3" x14ac:dyDescent="0.25">
      <c r="A37403" s="2" t="s">
        <v>22640</v>
      </c>
      <c r="B37403" s="6">
        <v>622676.69999999995</v>
      </c>
      <c r="C37403" s="7">
        <f t="shared" si="584"/>
        <v>622.67669999999998</v>
      </c>
    </row>
    <row r="37404" spans="1:3" x14ac:dyDescent="0.25">
      <c r="A37404" s="2" t="s">
        <v>22641</v>
      </c>
      <c r="B37404" s="6">
        <v>622693.35</v>
      </c>
      <c r="C37404" s="7">
        <f t="shared" si="584"/>
        <v>622.69335000000001</v>
      </c>
    </row>
    <row r="37405" spans="1:3" x14ac:dyDescent="0.25">
      <c r="A37405" s="2" t="s">
        <v>22642</v>
      </c>
      <c r="B37405" s="6">
        <v>622710</v>
      </c>
      <c r="C37405" s="7">
        <f t="shared" si="584"/>
        <v>622.71</v>
      </c>
    </row>
    <row r="37406" spans="1:3" x14ac:dyDescent="0.25">
      <c r="A37406" s="2" t="s">
        <v>22643</v>
      </c>
      <c r="B37406" s="6">
        <v>622726.64999999991</v>
      </c>
      <c r="C37406" s="7">
        <f t="shared" si="584"/>
        <v>622.72664999999995</v>
      </c>
    </row>
    <row r="37407" spans="1:3" x14ac:dyDescent="0.25">
      <c r="A37407" s="2" t="s">
        <v>22644</v>
      </c>
      <c r="B37407" s="6">
        <v>622743.29999999993</v>
      </c>
      <c r="C37407" s="7">
        <f t="shared" si="584"/>
        <v>622.74329999999998</v>
      </c>
    </row>
    <row r="37408" spans="1:3" x14ac:dyDescent="0.25">
      <c r="A37408" s="2" t="s">
        <v>22645</v>
      </c>
      <c r="B37408" s="6">
        <v>622759.94999999995</v>
      </c>
      <c r="C37408" s="7">
        <f t="shared" si="584"/>
        <v>622.75995</v>
      </c>
    </row>
    <row r="37409" spans="1:3" x14ac:dyDescent="0.25">
      <c r="A37409" s="2" t="s">
        <v>22646</v>
      </c>
      <c r="B37409" s="6">
        <v>622776.6</v>
      </c>
      <c r="C37409" s="7">
        <f t="shared" si="584"/>
        <v>622.77660000000003</v>
      </c>
    </row>
    <row r="37410" spans="1:3" x14ac:dyDescent="0.25">
      <c r="A37410" s="2" t="s">
        <v>22647</v>
      </c>
      <c r="B37410" s="6">
        <v>622793.25</v>
      </c>
      <c r="C37410" s="7">
        <f t="shared" si="584"/>
        <v>622.79324999999994</v>
      </c>
    </row>
    <row r="37411" spans="1:3" x14ac:dyDescent="0.25">
      <c r="A37411" s="2" t="s">
        <v>22648</v>
      </c>
      <c r="B37411" s="6">
        <v>622809.89999999991</v>
      </c>
      <c r="C37411" s="7">
        <f t="shared" si="584"/>
        <v>622.80989999999986</v>
      </c>
    </row>
    <row r="37412" spans="1:3" x14ac:dyDescent="0.25">
      <c r="A37412" s="2" t="s">
        <v>22649</v>
      </c>
      <c r="B37412" s="6">
        <v>622826.54999999993</v>
      </c>
      <c r="C37412" s="7">
        <f t="shared" si="584"/>
        <v>622.82654999999988</v>
      </c>
    </row>
    <row r="37413" spans="1:3" x14ac:dyDescent="0.25">
      <c r="A37413" s="2" t="s">
        <v>22650</v>
      </c>
      <c r="B37413" s="6">
        <v>622843.19999999995</v>
      </c>
      <c r="C37413" s="7">
        <f t="shared" si="584"/>
        <v>622.84319999999991</v>
      </c>
    </row>
    <row r="37414" spans="1:3" x14ac:dyDescent="0.25">
      <c r="A37414" s="2" t="s">
        <v>22651</v>
      </c>
      <c r="B37414" s="6">
        <v>622859.85</v>
      </c>
      <c r="C37414" s="7">
        <f t="shared" si="584"/>
        <v>622.85984999999994</v>
      </c>
    </row>
    <row r="37415" spans="1:3" x14ac:dyDescent="0.25">
      <c r="A37415" s="2" t="s">
        <v>22652</v>
      </c>
      <c r="B37415" s="6">
        <v>622876.5</v>
      </c>
      <c r="C37415" s="7">
        <f t="shared" si="584"/>
        <v>622.87649999999996</v>
      </c>
    </row>
    <row r="37416" spans="1:3" x14ac:dyDescent="0.25">
      <c r="A37416" s="2" t="s">
        <v>22653</v>
      </c>
      <c r="B37416" s="6">
        <v>622893.14999999991</v>
      </c>
      <c r="C37416" s="7">
        <f t="shared" si="584"/>
        <v>622.89314999999988</v>
      </c>
    </row>
    <row r="37417" spans="1:3" x14ac:dyDescent="0.25">
      <c r="A37417" s="2" t="s">
        <v>22654</v>
      </c>
      <c r="B37417" s="6">
        <v>622909.79999999993</v>
      </c>
      <c r="C37417" s="7">
        <f t="shared" si="584"/>
        <v>622.9097999999999</v>
      </c>
    </row>
    <row r="37418" spans="1:3" x14ac:dyDescent="0.25">
      <c r="A37418" s="2" t="s">
        <v>22655</v>
      </c>
      <c r="B37418" s="6">
        <v>622926.44999999995</v>
      </c>
      <c r="C37418" s="7">
        <f t="shared" si="584"/>
        <v>622.92644999999993</v>
      </c>
    </row>
    <row r="37419" spans="1:3" x14ac:dyDescent="0.25">
      <c r="A37419" s="2" t="s">
        <v>22656</v>
      </c>
      <c r="B37419" s="6">
        <v>622943.1</v>
      </c>
      <c r="C37419" s="7">
        <f t="shared" si="584"/>
        <v>622.94309999999996</v>
      </c>
    </row>
    <row r="37420" spans="1:3" x14ac:dyDescent="0.25">
      <c r="A37420" s="2" t="s">
        <v>22657</v>
      </c>
      <c r="B37420" s="6">
        <v>622959.75</v>
      </c>
      <c r="C37420" s="7">
        <f t="shared" si="584"/>
        <v>622.95974999999999</v>
      </c>
    </row>
    <row r="37421" spans="1:3" x14ac:dyDescent="0.25">
      <c r="A37421" s="2" t="s">
        <v>22658</v>
      </c>
      <c r="B37421" s="6">
        <v>622976.39999999991</v>
      </c>
      <c r="C37421" s="7">
        <f t="shared" si="584"/>
        <v>622.9763999999999</v>
      </c>
    </row>
    <row r="37422" spans="1:3" x14ac:dyDescent="0.25">
      <c r="A37422" s="2" t="s">
        <v>22659</v>
      </c>
      <c r="B37422" s="6">
        <v>622993.04999999993</v>
      </c>
      <c r="C37422" s="7">
        <f t="shared" si="584"/>
        <v>622.99304999999993</v>
      </c>
    </row>
    <row r="37423" spans="1:3" x14ac:dyDescent="0.25">
      <c r="A37423" s="2" t="s">
        <v>22660</v>
      </c>
      <c r="B37423" s="6">
        <v>623009.69999999995</v>
      </c>
      <c r="C37423" s="7">
        <f t="shared" si="584"/>
        <v>623.00969999999995</v>
      </c>
    </row>
    <row r="37424" spans="1:3" x14ac:dyDescent="0.25">
      <c r="A37424" s="2" t="s">
        <v>22661</v>
      </c>
      <c r="B37424" s="6">
        <v>623026.35</v>
      </c>
      <c r="C37424" s="7">
        <f t="shared" si="584"/>
        <v>623.02634999999998</v>
      </c>
    </row>
    <row r="37425" spans="1:3" x14ac:dyDescent="0.25">
      <c r="A37425" s="2" t="s">
        <v>22662</v>
      </c>
      <c r="B37425" s="6">
        <v>623043</v>
      </c>
      <c r="C37425" s="7">
        <f t="shared" si="584"/>
        <v>623.04300000000001</v>
      </c>
    </row>
    <row r="37426" spans="1:3" x14ac:dyDescent="0.25">
      <c r="A37426" s="2" t="s">
        <v>22663</v>
      </c>
      <c r="B37426" s="6">
        <v>623059.64999999991</v>
      </c>
      <c r="C37426" s="7">
        <f t="shared" si="584"/>
        <v>623.05964999999992</v>
      </c>
    </row>
    <row r="37427" spans="1:3" x14ac:dyDescent="0.25">
      <c r="A37427" s="2" t="s">
        <v>22664</v>
      </c>
      <c r="B37427" s="6">
        <v>623076.29999999993</v>
      </c>
      <c r="C37427" s="7">
        <f t="shared" si="584"/>
        <v>623.07629999999995</v>
      </c>
    </row>
    <row r="37428" spans="1:3" x14ac:dyDescent="0.25">
      <c r="A37428" s="2" t="s">
        <v>22665</v>
      </c>
      <c r="B37428" s="6">
        <v>623092.94999999995</v>
      </c>
      <c r="C37428" s="7">
        <f t="shared" si="584"/>
        <v>623.09294999999997</v>
      </c>
    </row>
    <row r="37429" spans="1:3" x14ac:dyDescent="0.25">
      <c r="A37429" s="2" t="s">
        <v>22666</v>
      </c>
      <c r="B37429" s="6">
        <v>623109.6</v>
      </c>
      <c r="C37429" s="7">
        <f t="shared" si="584"/>
        <v>623.1096</v>
      </c>
    </row>
    <row r="37430" spans="1:3" x14ac:dyDescent="0.25">
      <c r="A37430" s="2" t="s">
        <v>22667</v>
      </c>
      <c r="B37430" s="6">
        <v>623126.25</v>
      </c>
      <c r="C37430" s="7">
        <f t="shared" si="584"/>
        <v>623.12625000000003</v>
      </c>
    </row>
    <row r="37431" spans="1:3" x14ac:dyDescent="0.25">
      <c r="A37431" s="2" t="s">
        <v>22668</v>
      </c>
      <c r="B37431" s="6">
        <v>623142.89999999991</v>
      </c>
      <c r="C37431" s="7">
        <f t="shared" si="584"/>
        <v>623.14289999999994</v>
      </c>
    </row>
    <row r="37432" spans="1:3" x14ac:dyDescent="0.25">
      <c r="A37432" s="2" t="s">
        <v>22669</v>
      </c>
      <c r="B37432" s="6">
        <v>623159.54999999993</v>
      </c>
      <c r="C37432" s="7">
        <f t="shared" si="584"/>
        <v>623.15954999999997</v>
      </c>
    </row>
    <row r="37433" spans="1:3" x14ac:dyDescent="0.25">
      <c r="A37433" s="2" t="s">
        <v>22670</v>
      </c>
      <c r="B37433" s="6">
        <v>623176.19999999995</v>
      </c>
      <c r="C37433" s="7">
        <f t="shared" si="584"/>
        <v>623.17619999999999</v>
      </c>
    </row>
    <row r="37434" spans="1:3" x14ac:dyDescent="0.25">
      <c r="A37434" s="2" t="s">
        <v>22671</v>
      </c>
      <c r="B37434" s="6">
        <v>623192.85</v>
      </c>
      <c r="C37434" s="7">
        <f t="shared" si="584"/>
        <v>623.19285000000002</v>
      </c>
    </row>
    <row r="37435" spans="1:3" x14ac:dyDescent="0.25">
      <c r="A37435" s="2" t="s">
        <v>22672</v>
      </c>
      <c r="B37435" s="6">
        <v>623209.5</v>
      </c>
      <c r="C37435" s="7">
        <f t="shared" si="584"/>
        <v>623.20950000000005</v>
      </c>
    </row>
    <row r="37436" spans="1:3" x14ac:dyDescent="0.25">
      <c r="A37436" s="2" t="s">
        <v>22673</v>
      </c>
      <c r="B37436" s="6">
        <v>623226.14999999991</v>
      </c>
      <c r="C37436" s="7">
        <f t="shared" si="584"/>
        <v>623.22614999999996</v>
      </c>
    </row>
    <row r="37437" spans="1:3" x14ac:dyDescent="0.25">
      <c r="A37437" s="2" t="s">
        <v>22674</v>
      </c>
      <c r="B37437" s="6">
        <v>623242.79999999993</v>
      </c>
      <c r="C37437" s="7">
        <f t="shared" si="584"/>
        <v>623.24279999999987</v>
      </c>
    </row>
    <row r="37438" spans="1:3" x14ac:dyDescent="0.25">
      <c r="A37438" s="2" t="s">
        <v>22675</v>
      </c>
      <c r="B37438" s="6">
        <v>623259.44999999995</v>
      </c>
      <c r="C37438" s="7">
        <f t="shared" si="584"/>
        <v>623.2594499999999</v>
      </c>
    </row>
    <row r="37439" spans="1:3" x14ac:dyDescent="0.25">
      <c r="A37439" s="2" t="s">
        <v>22676</v>
      </c>
      <c r="B37439" s="6">
        <v>623276.1</v>
      </c>
      <c r="C37439" s="7">
        <f t="shared" si="584"/>
        <v>623.27609999999993</v>
      </c>
    </row>
    <row r="37440" spans="1:3" x14ac:dyDescent="0.25">
      <c r="A37440" s="2" t="s">
        <v>22677</v>
      </c>
      <c r="B37440" s="6">
        <v>623292.75</v>
      </c>
      <c r="C37440" s="7">
        <f t="shared" si="584"/>
        <v>623.29274999999996</v>
      </c>
    </row>
    <row r="37441" spans="1:3" x14ac:dyDescent="0.25">
      <c r="A37441" s="2" t="s">
        <v>22678</v>
      </c>
      <c r="B37441" s="6">
        <v>623309.39999999991</v>
      </c>
      <c r="C37441" s="7">
        <f t="shared" si="584"/>
        <v>623.30939999999987</v>
      </c>
    </row>
    <row r="37442" spans="1:3" x14ac:dyDescent="0.25">
      <c r="A37442" s="2" t="s">
        <v>22679</v>
      </c>
      <c r="B37442" s="6">
        <v>623326.04999999993</v>
      </c>
      <c r="C37442" s="7">
        <f t="shared" si="584"/>
        <v>623.3260499999999</v>
      </c>
    </row>
    <row r="37443" spans="1:3" x14ac:dyDescent="0.25">
      <c r="A37443" s="2" t="s">
        <v>22680</v>
      </c>
      <c r="B37443" s="6">
        <v>623342.69999999995</v>
      </c>
      <c r="C37443" s="7">
        <f t="shared" ref="C37443:C37506" si="585">B37443/1000</f>
        <v>623.34269999999992</v>
      </c>
    </row>
    <row r="37444" spans="1:3" x14ac:dyDescent="0.25">
      <c r="A37444" s="2" t="s">
        <v>22681</v>
      </c>
      <c r="B37444" s="6">
        <v>623359.35</v>
      </c>
      <c r="C37444" s="7">
        <f t="shared" si="585"/>
        <v>623.35934999999995</v>
      </c>
    </row>
    <row r="37445" spans="1:3" x14ac:dyDescent="0.25">
      <c r="A37445" s="2" t="s">
        <v>22682</v>
      </c>
      <c r="B37445" s="6">
        <v>623376</v>
      </c>
      <c r="C37445" s="7">
        <f t="shared" si="585"/>
        <v>623.37599999999998</v>
      </c>
    </row>
    <row r="37446" spans="1:3" x14ac:dyDescent="0.25">
      <c r="A37446" s="2" t="s">
        <v>22683</v>
      </c>
      <c r="B37446" s="6">
        <v>623392.64999999991</v>
      </c>
      <c r="C37446" s="7">
        <f t="shared" si="585"/>
        <v>623.39264999999989</v>
      </c>
    </row>
    <row r="37447" spans="1:3" x14ac:dyDescent="0.25">
      <c r="A37447" s="2" t="s">
        <v>22684</v>
      </c>
      <c r="B37447" s="6">
        <v>623409.29999999993</v>
      </c>
      <c r="C37447" s="7">
        <f t="shared" si="585"/>
        <v>623.40929999999992</v>
      </c>
    </row>
    <row r="37448" spans="1:3" x14ac:dyDescent="0.25">
      <c r="A37448" s="2" t="s">
        <v>22685</v>
      </c>
      <c r="B37448" s="6">
        <v>623425.94999999995</v>
      </c>
      <c r="C37448" s="7">
        <f t="shared" si="585"/>
        <v>623.42594999999994</v>
      </c>
    </row>
    <row r="37449" spans="1:3" x14ac:dyDescent="0.25">
      <c r="A37449" s="2" t="s">
        <v>22686</v>
      </c>
      <c r="B37449" s="6">
        <v>623442.6</v>
      </c>
      <c r="C37449" s="7">
        <f t="shared" si="585"/>
        <v>623.44259999999997</v>
      </c>
    </row>
    <row r="37450" spans="1:3" x14ac:dyDescent="0.25">
      <c r="A37450" s="2" t="s">
        <v>22687</v>
      </c>
      <c r="B37450" s="6">
        <v>623459.25</v>
      </c>
      <c r="C37450" s="7">
        <f t="shared" si="585"/>
        <v>623.45925</v>
      </c>
    </row>
    <row r="37451" spans="1:3" x14ac:dyDescent="0.25">
      <c r="A37451" s="2" t="s">
        <v>22688</v>
      </c>
      <c r="B37451" s="6">
        <v>623475.89999999991</v>
      </c>
      <c r="C37451" s="7">
        <f t="shared" si="585"/>
        <v>623.47589999999991</v>
      </c>
    </row>
    <row r="37452" spans="1:3" x14ac:dyDescent="0.25">
      <c r="A37452" s="2" t="s">
        <v>22689</v>
      </c>
      <c r="B37452" s="6">
        <v>623492.54999999993</v>
      </c>
      <c r="C37452" s="7">
        <f t="shared" si="585"/>
        <v>623.49254999999994</v>
      </c>
    </row>
    <row r="37453" spans="1:3" x14ac:dyDescent="0.25">
      <c r="A37453" s="2" t="s">
        <v>22690</v>
      </c>
      <c r="B37453" s="6">
        <v>623509.19999999995</v>
      </c>
      <c r="C37453" s="7">
        <f t="shared" si="585"/>
        <v>623.50919999999996</v>
      </c>
    </row>
    <row r="37454" spans="1:3" x14ac:dyDescent="0.25">
      <c r="A37454" s="2" t="s">
        <v>22691</v>
      </c>
      <c r="B37454" s="6">
        <v>623525.85</v>
      </c>
      <c r="C37454" s="7">
        <f t="shared" si="585"/>
        <v>623.52584999999999</v>
      </c>
    </row>
    <row r="37455" spans="1:3" x14ac:dyDescent="0.25">
      <c r="A37455" s="2" t="s">
        <v>22692</v>
      </c>
      <c r="B37455" s="6">
        <v>623542.5</v>
      </c>
      <c r="C37455" s="7">
        <f t="shared" si="585"/>
        <v>623.54250000000002</v>
      </c>
    </row>
    <row r="37456" spans="1:3" x14ac:dyDescent="0.25">
      <c r="A37456" s="2" t="s">
        <v>22693</v>
      </c>
      <c r="B37456" s="6">
        <v>623559.14999999991</v>
      </c>
      <c r="C37456" s="7">
        <f t="shared" si="585"/>
        <v>623.55914999999993</v>
      </c>
    </row>
    <row r="37457" spans="1:3" x14ac:dyDescent="0.25">
      <c r="A37457" s="2" t="s">
        <v>22694</v>
      </c>
      <c r="B37457" s="6">
        <v>623575.79999999993</v>
      </c>
      <c r="C37457" s="7">
        <f t="shared" si="585"/>
        <v>623.57579999999996</v>
      </c>
    </row>
    <row r="37458" spans="1:3" x14ac:dyDescent="0.25">
      <c r="A37458" s="2" t="s">
        <v>22695</v>
      </c>
      <c r="B37458" s="6">
        <v>623592.44999999995</v>
      </c>
      <c r="C37458" s="7">
        <f t="shared" si="585"/>
        <v>623.59244999999999</v>
      </c>
    </row>
    <row r="37459" spans="1:3" x14ac:dyDescent="0.25">
      <c r="A37459" s="2" t="s">
        <v>22696</v>
      </c>
      <c r="B37459" s="6">
        <v>623609.1</v>
      </c>
      <c r="C37459" s="7">
        <f t="shared" si="585"/>
        <v>623.60910000000001</v>
      </c>
    </row>
    <row r="37460" spans="1:3" x14ac:dyDescent="0.25">
      <c r="A37460" s="2" t="s">
        <v>22697</v>
      </c>
      <c r="B37460" s="6">
        <v>623625.75</v>
      </c>
      <c r="C37460" s="7">
        <f t="shared" si="585"/>
        <v>623.62575000000004</v>
      </c>
    </row>
    <row r="37461" spans="1:3" x14ac:dyDescent="0.25">
      <c r="A37461" s="2" t="s">
        <v>22698</v>
      </c>
      <c r="B37461" s="6">
        <v>623642.39999999991</v>
      </c>
      <c r="C37461" s="7">
        <f t="shared" si="585"/>
        <v>623.64239999999995</v>
      </c>
    </row>
    <row r="37462" spans="1:3" x14ac:dyDescent="0.25">
      <c r="A37462" s="2" t="s">
        <v>22699</v>
      </c>
      <c r="B37462" s="6">
        <v>623659.04999999993</v>
      </c>
      <c r="C37462" s="7">
        <f t="shared" si="585"/>
        <v>623.65904999999998</v>
      </c>
    </row>
    <row r="37463" spans="1:3" x14ac:dyDescent="0.25">
      <c r="A37463" s="2" t="s">
        <v>22700</v>
      </c>
      <c r="B37463" s="6">
        <v>623675.69999999995</v>
      </c>
      <c r="C37463" s="7">
        <f t="shared" si="585"/>
        <v>623.67570000000001</v>
      </c>
    </row>
    <row r="37464" spans="1:3" x14ac:dyDescent="0.25">
      <c r="A37464" s="2" t="s">
        <v>22701</v>
      </c>
      <c r="B37464" s="6">
        <v>623692.35</v>
      </c>
      <c r="C37464" s="7">
        <f t="shared" si="585"/>
        <v>623.69235000000003</v>
      </c>
    </row>
    <row r="37465" spans="1:3" x14ac:dyDescent="0.25">
      <c r="A37465" s="2" t="s">
        <v>22702</v>
      </c>
      <c r="B37465" s="6">
        <v>623709</v>
      </c>
      <c r="C37465" s="7">
        <f t="shared" si="585"/>
        <v>623.70899999999995</v>
      </c>
    </row>
    <row r="37466" spans="1:3" x14ac:dyDescent="0.25">
      <c r="A37466" s="2" t="s">
        <v>22703</v>
      </c>
      <c r="B37466" s="6">
        <v>623725.64999999991</v>
      </c>
      <c r="C37466" s="7">
        <f t="shared" si="585"/>
        <v>623.72564999999986</v>
      </c>
    </row>
    <row r="37467" spans="1:3" x14ac:dyDescent="0.25">
      <c r="A37467" s="2" t="s">
        <v>22704</v>
      </c>
      <c r="B37467" s="6">
        <v>623742.29999999993</v>
      </c>
      <c r="C37467" s="7">
        <f t="shared" si="585"/>
        <v>623.74229999999989</v>
      </c>
    </row>
    <row r="37468" spans="1:3" x14ac:dyDescent="0.25">
      <c r="A37468" s="2" t="s">
        <v>22705</v>
      </c>
      <c r="B37468" s="6">
        <v>623758.94999999995</v>
      </c>
      <c r="C37468" s="7">
        <f t="shared" si="585"/>
        <v>623.75894999999991</v>
      </c>
    </row>
    <row r="37469" spans="1:3" x14ac:dyDescent="0.25">
      <c r="A37469" s="2" t="s">
        <v>22706</v>
      </c>
      <c r="B37469" s="6">
        <v>623775.6</v>
      </c>
      <c r="C37469" s="7">
        <f t="shared" si="585"/>
        <v>623.77559999999994</v>
      </c>
    </row>
    <row r="37470" spans="1:3" x14ac:dyDescent="0.25">
      <c r="A37470" s="2" t="s">
        <v>22707</v>
      </c>
      <c r="B37470" s="6">
        <v>623792.25</v>
      </c>
      <c r="C37470" s="7">
        <f t="shared" si="585"/>
        <v>623.79224999999997</v>
      </c>
    </row>
    <row r="37471" spans="1:3" x14ac:dyDescent="0.25">
      <c r="A37471" s="2" t="s">
        <v>22708</v>
      </c>
      <c r="B37471" s="6">
        <v>623808.89999999991</v>
      </c>
      <c r="C37471" s="7">
        <f t="shared" si="585"/>
        <v>623.80889999999988</v>
      </c>
    </row>
    <row r="37472" spans="1:3" x14ac:dyDescent="0.25">
      <c r="A37472" s="2" t="s">
        <v>22709</v>
      </c>
      <c r="B37472" s="6">
        <v>623825.54999999993</v>
      </c>
      <c r="C37472" s="7">
        <f t="shared" si="585"/>
        <v>623.82554999999991</v>
      </c>
    </row>
    <row r="37473" spans="1:3" x14ac:dyDescent="0.25">
      <c r="A37473" s="2" t="s">
        <v>22710</v>
      </c>
      <c r="B37473" s="6">
        <v>623842.19999999995</v>
      </c>
      <c r="C37473" s="7">
        <f t="shared" si="585"/>
        <v>623.84219999999993</v>
      </c>
    </row>
    <row r="37474" spans="1:3" x14ac:dyDescent="0.25">
      <c r="A37474" s="2" t="s">
        <v>22711</v>
      </c>
      <c r="B37474" s="6">
        <v>623858.85</v>
      </c>
      <c r="C37474" s="7">
        <f t="shared" si="585"/>
        <v>623.85884999999996</v>
      </c>
    </row>
    <row r="37475" spans="1:3" x14ac:dyDescent="0.25">
      <c r="A37475" s="2" t="s">
        <v>22712</v>
      </c>
      <c r="B37475" s="6">
        <v>623875.5</v>
      </c>
      <c r="C37475" s="7">
        <f t="shared" si="585"/>
        <v>623.87549999999999</v>
      </c>
    </row>
    <row r="37476" spans="1:3" x14ac:dyDescent="0.25">
      <c r="A37476" s="2" t="s">
        <v>22713</v>
      </c>
      <c r="B37476" s="6">
        <v>623892.14999999991</v>
      </c>
      <c r="C37476" s="7">
        <f t="shared" si="585"/>
        <v>623.8921499999999</v>
      </c>
    </row>
    <row r="37477" spans="1:3" x14ac:dyDescent="0.25">
      <c r="A37477" s="2" t="s">
        <v>22714</v>
      </c>
      <c r="B37477" s="6">
        <v>623908.79999999993</v>
      </c>
      <c r="C37477" s="7">
        <f t="shared" si="585"/>
        <v>623.90879999999993</v>
      </c>
    </row>
    <row r="37478" spans="1:3" x14ac:dyDescent="0.25">
      <c r="A37478" s="2" t="s">
        <v>22715</v>
      </c>
      <c r="B37478" s="6">
        <v>623925.44999999995</v>
      </c>
      <c r="C37478" s="7">
        <f t="shared" si="585"/>
        <v>623.92544999999996</v>
      </c>
    </row>
    <row r="37479" spans="1:3" x14ac:dyDescent="0.25">
      <c r="A37479" s="2" t="s">
        <v>22716</v>
      </c>
      <c r="B37479" s="6">
        <v>623942.1</v>
      </c>
      <c r="C37479" s="7">
        <f t="shared" si="585"/>
        <v>623.94209999999998</v>
      </c>
    </row>
    <row r="37480" spans="1:3" x14ac:dyDescent="0.25">
      <c r="A37480" s="2" t="s">
        <v>22717</v>
      </c>
      <c r="B37480" s="6">
        <v>623958.75</v>
      </c>
      <c r="C37480" s="7">
        <f t="shared" si="585"/>
        <v>623.95875000000001</v>
      </c>
    </row>
    <row r="37481" spans="1:3" x14ac:dyDescent="0.25">
      <c r="A37481" s="2" t="s">
        <v>22718</v>
      </c>
      <c r="B37481" s="6">
        <v>623975.39999999991</v>
      </c>
      <c r="C37481" s="7">
        <f t="shared" si="585"/>
        <v>623.97539999999992</v>
      </c>
    </row>
    <row r="37482" spans="1:3" x14ac:dyDescent="0.25">
      <c r="A37482" s="2" t="s">
        <v>22719</v>
      </c>
      <c r="B37482" s="6">
        <v>623992.04999999993</v>
      </c>
      <c r="C37482" s="7">
        <f t="shared" si="585"/>
        <v>623.99204999999995</v>
      </c>
    </row>
    <row r="37483" spans="1:3" x14ac:dyDescent="0.25">
      <c r="A37483" s="2" t="s">
        <v>22720</v>
      </c>
      <c r="B37483" s="6">
        <v>624008.69999999995</v>
      </c>
      <c r="C37483" s="7">
        <f t="shared" si="585"/>
        <v>624.00869999999998</v>
      </c>
    </row>
    <row r="37484" spans="1:3" x14ac:dyDescent="0.25">
      <c r="A37484" s="2" t="s">
        <v>22721</v>
      </c>
      <c r="B37484" s="6">
        <v>624025.35</v>
      </c>
      <c r="C37484" s="7">
        <f t="shared" si="585"/>
        <v>624.02535</v>
      </c>
    </row>
    <row r="37485" spans="1:3" x14ac:dyDescent="0.25">
      <c r="A37485" s="2" t="s">
        <v>22722</v>
      </c>
      <c r="B37485" s="6">
        <v>624042</v>
      </c>
      <c r="C37485" s="7">
        <f t="shared" si="585"/>
        <v>624.04200000000003</v>
      </c>
    </row>
    <row r="37486" spans="1:3" x14ac:dyDescent="0.25">
      <c r="A37486" s="2" t="s">
        <v>22723</v>
      </c>
      <c r="B37486" s="6">
        <v>624058.64999999991</v>
      </c>
      <c r="C37486" s="7">
        <f t="shared" si="585"/>
        <v>624.05864999999994</v>
      </c>
    </row>
    <row r="37487" spans="1:3" x14ac:dyDescent="0.25">
      <c r="A37487" s="2" t="s">
        <v>22724</v>
      </c>
      <c r="B37487" s="6">
        <v>624075.29999999993</v>
      </c>
      <c r="C37487" s="7">
        <f t="shared" si="585"/>
        <v>624.07529999999997</v>
      </c>
    </row>
    <row r="37488" spans="1:3" x14ac:dyDescent="0.25">
      <c r="A37488" s="2" t="s">
        <v>22725</v>
      </c>
      <c r="B37488" s="6">
        <v>624091.94999999995</v>
      </c>
      <c r="C37488" s="7">
        <f t="shared" si="585"/>
        <v>624.09195</v>
      </c>
    </row>
    <row r="37489" spans="1:3" x14ac:dyDescent="0.25">
      <c r="A37489" s="2" t="s">
        <v>22726</v>
      </c>
      <c r="B37489" s="6">
        <v>624108.6</v>
      </c>
      <c r="C37489" s="7">
        <f t="shared" si="585"/>
        <v>624.10860000000002</v>
      </c>
    </row>
    <row r="37490" spans="1:3" x14ac:dyDescent="0.25">
      <c r="A37490" s="2" t="s">
        <v>22727</v>
      </c>
      <c r="B37490" s="6">
        <v>624125.25</v>
      </c>
      <c r="C37490" s="7">
        <f t="shared" si="585"/>
        <v>624.12525000000005</v>
      </c>
    </row>
    <row r="37491" spans="1:3" x14ac:dyDescent="0.25">
      <c r="A37491" s="2" t="s">
        <v>22728</v>
      </c>
      <c r="B37491" s="6">
        <v>624141.89999999991</v>
      </c>
      <c r="C37491" s="7">
        <f t="shared" si="585"/>
        <v>624.14189999999985</v>
      </c>
    </row>
    <row r="37492" spans="1:3" x14ac:dyDescent="0.25">
      <c r="A37492" s="2" t="s">
        <v>22729</v>
      </c>
      <c r="B37492" s="6">
        <v>624158.54999999993</v>
      </c>
      <c r="C37492" s="7">
        <f t="shared" si="585"/>
        <v>624.15854999999988</v>
      </c>
    </row>
    <row r="37493" spans="1:3" x14ac:dyDescent="0.25">
      <c r="A37493" s="2" t="s">
        <v>22730</v>
      </c>
      <c r="B37493" s="6">
        <v>624175.19999999995</v>
      </c>
      <c r="C37493" s="7">
        <f t="shared" si="585"/>
        <v>624.1751999999999</v>
      </c>
    </row>
    <row r="37494" spans="1:3" x14ac:dyDescent="0.25">
      <c r="A37494" s="2" t="s">
        <v>22731</v>
      </c>
      <c r="B37494" s="6">
        <v>624191.85</v>
      </c>
      <c r="C37494" s="7">
        <f t="shared" si="585"/>
        <v>624.19184999999993</v>
      </c>
    </row>
    <row r="37495" spans="1:3" x14ac:dyDescent="0.25">
      <c r="A37495" s="2" t="s">
        <v>22732</v>
      </c>
      <c r="B37495" s="6">
        <v>624208.5</v>
      </c>
      <c r="C37495" s="7">
        <f t="shared" si="585"/>
        <v>624.20849999999996</v>
      </c>
    </row>
    <row r="37496" spans="1:3" x14ac:dyDescent="0.25">
      <c r="A37496" s="2" t="s">
        <v>22733</v>
      </c>
      <c r="B37496" s="6">
        <v>624225.14999999991</v>
      </c>
      <c r="C37496" s="7">
        <f t="shared" si="585"/>
        <v>624.22514999999987</v>
      </c>
    </row>
    <row r="37497" spans="1:3" x14ac:dyDescent="0.25">
      <c r="A37497" s="2" t="s">
        <v>22734</v>
      </c>
      <c r="B37497" s="6">
        <v>624241.79999999993</v>
      </c>
      <c r="C37497" s="7">
        <f t="shared" si="585"/>
        <v>624.2417999999999</v>
      </c>
    </row>
    <row r="37498" spans="1:3" x14ac:dyDescent="0.25">
      <c r="A37498" s="2" t="s">
        <v>22735</v>
      </c>
      <c r="B37498" s="6">
        <v>624258.44999999995</v>
      </c>
      <c r="C37498" s="7">
        <f t="shared" si="585"/>
        <v>624.25844999999993</v>
      </c>
    </row>
    <row r="37499" spans="1:3" x14ac:dyDescent="0.25">
      <c r="A37499" s="2" t="s">
        <v>22736</v>
      </c>
      <c r="B37499" s="6">
        <v>624275.1</v>
      </c>
      <c r="C37499" s="7">
        <f t="shared" si="585"/>
        <v>624.27509999999995</v>
      </c>
    </row>
    <row r="37500" spans="1:3" x14ac:dyDescent="0.25">
      <c r="A37500" s="2" t="s">
        <v>22737</v>
      </c>
      <c r="B37500" s="6">
        <v>624291.75</v>
      </c>
      <c r="C37500" s="7">
        <f t="shared" si="585"/>
        <v>624.29174999999998</v>
      </c>
    </row>
    <row r="37501" spans="1:3" x14ac:dyDescent="0.25">
      <c r="A37501" s="2" t="s">
        <v>22738</v>
      </c>
      <c r="B37501" s="6">
        <v>624308.39999999991</v>
      </c>
      <c r="C37501" s="7">
        <f t="shared" si="585"/>
        <v>624.30839999999989</v>
      </c>
    </row>
    <row r="37502" spans="1:3" x14ac:dyDescent="0.25">
      <c r="A37502" s="2" t="s">
        <v>22739</v>
      </c>
      <c r="B37502" s="6">
        <v>624325.04999999993</v>
      </c>
      <c r="C37502" s="7">
        <f t="shared" si="585"/>
        <v>624.32504999999992</v>
      </c>
    </row>
    <row r="37503" spans="1:3" x14ac:dyDescent="0.25">
      <c r="A37503" s="2" t="s">
        <v>22740</v>
      </c>
      <c r="B37503" s="6">
        <v>624341.69999999995</v>
      </c>
      <c r="C37503" s="7">
        <f t="shared" si="585"/>
        <v>624.34169999999995</v>
      </c>
    </row>
    <row r="37504" spans="1:3" x14ac:dyDescent="0.25">
      <c r="A37504" s="2" t="s">
        <v>22741</v>
      </c>
      <c r="B37504" s="6">
        <v>624358.35</v>
      </c>
      <c r="C37504" s="7">
        <f t="shared" si="585"/>
        <v>624.35834999999997</v>
      </c>
    </row>
    <row r="37505" spans="1:3" x14ac:dyDescent="0.25">
      <c r="A37505" s="2" t="s">
        <v>22742</v>
      </c>
      <c r="B37505" s="6">
        <v>624375</v>
      </c>
      <c r="C37505" s="7">
        <f t="shared" si="585"/>
        <v>624.375</v>
      </c>
    </row>
    <row r="37506" spans="1:3" x14ac:dyDescent="0.25">
      <c r="A37506" s="2" t="s">
        <v>22743</v>
      </c>
      <c r="B37506" s="6">
        <v>624391.64999999991</v>
      </c>
      <c r="C37506" s="7">
        <f t="shared" si="585"/>
        <v>624.39164999999991</v>
      </c>
    </row>
    <row r="37507" spans="1:3" x14ac:dyDescent="0.25">
      <c r="A37507" s="2" t="s">
        <v>22744</v>
      </c>
      <c r="B37507" s="6">
        <v>624408.29999999993</v>
      </c>
      <c r="C37507" s="7">
        <f t="shared" ref="C37507:C37570" si="586">B37507/1000</f>
        <v>624.40829999999994</v>
      </c>
    </row>
    <row r="37508" spans="1:3" x14ac:dyDescent="0.25">
      <c r="A37508" s="2" t="s">
        <v>22745</v>
      </c>
      <c r="B37508" s="6">
        <v>624424.94999999995</v>
      </c>
      <c r="C37508" s="7">
        <f t="shared" si="586"/>
        <v>624.42494999999997</v>
      </c>
    </row>
    <row r="37509" spans="1:3" x14ac:dyDescent="0.25">
      <c r="A37509" s="2" t="s">
        <v>22746</v>
      </c>
      <c r="B37509" s="6">
        <v>624441.59999999998</v>
      </c>
      <c r="C37509" s="7">
        <f t="shared" si="586"/>
        <v>624.44159999999999</v>
      </c>
    </row>
    <row r="37510" spans="1:3" x14ac:dyDescent="0.25">
      <c r="A37510" s="2" t="s">
        <v>22747</v>
      </c>
      <c r="B37510" s="6">
        <v>624458.25</v>
      </c>
      <c r="C37510" s="7">
        <f t="shared" si="586"/>
        <v>624.45825000000002</v>
      </c>
    </row>
    <row r="37511" spans="1:3" x14ac:dyDescent="0.25">
      <c r="A37511" s="2" t="s">
        <v>22748</v>
      </c>
      <c r="B37511" s="6">
        <v>624474.89999999991</v>
      </c>
      <c r="C37511" s="7">
        <f t="shared" si="586"/>
        <v>624.47489999999993</v>
      </c>
    </row>
    <row r="37512" spans="1:3" x14ac:dyDescent="0.25">
      <c r="A37512" s="2" t="s">
        <v>22749</v>
      </c>
      <c r="B37512" s="6">
        <v>624491.54999999993</v>
      </c>
      <c r="C37512" s="7">
        <f t="shared" si="586"/>
        <v>624.49154999999996</v>
      </c>
    </row>
    <row r="37513" spans="1:3" x14ac:dyDescent="0.25">
      <c r="A37513" s="2" t="s">
        <v>22750</v>
      </c>
      <c r="B37513" s="6">
        <v>624508.19999999995</v>
      </c>
      <c r="C37513" s="7">
        <f t="shared" si="586"/>
        <v>624.50819999999999</v>
      </c>
    </row>
    <row r="37514" spans="1:3" x14ac:dyDescent="0.25">
      <c r="A37514" s="2" t="s">
        <v>22751</v>
      </c>
      <c r="B37514" s="6">
        <v>624524.85</v>
      </c>
      <c r="C37514" s="7">
        <f t="shared" si="586"/>
        <v>624.52485000000001</v>
      </c>
    </row>
    <row r="37515" spans="1:3" x14ac:dyDescent="0.25">
      <c r="A37515" s="2" t="s">
        <v>22752</v>
      </c>
      <c r="B37515" s="6">
        <v>624541.5</v>
      </c>
      <c r="C37515" s="7">
        <f t="shared" si="586"/>
        <v>624.54150000000004</v>
      </c>
    </row>
    <row r="37516" spans="1:3" x14ac:dyDescent="0.25">
      <c r="A37516" s="2" t="s">
        <v>22753</v>
      </c>
      <c r="B37516" s="6">
        <v>624558.14999999991</v>
      </c>
      <c r="C37516" s="7">
        <f t="shared" si="586"/>
        <v>624.55814999999996</v>
      </c>
    </row>
    <row r="37517" spans="1:3" x14ac:dyDescent="0.25">
      <c r="A37517" s="2" t="s">
        <v>22754</v>
      </c>
      <c r="B37517" s="6">
        <v>624574.79999999993</v>
      </c>
      <c r="C37517" s="7">
        <f t="shared" si="586"/>
        <v>624.57479999999998</v>
      </c>
    </row>
    <row r="37518" spans="1:3" x14ac:dyDescent="0.25">
      <c r="A37518" s="2" t="s">
        <v>22755</v>
      </c>
      <c r="B37518" s="6">
        <v>624591.44999999995</v>
      </c>
      <c r="C37518" s="7">
        <f t="shared" si="586"/>
        <v>624.59145000000001</v>
      </c>
    </row>
    <row r="37519" spans="1:3" x14ac:dyDescent="0.25">
      <c r="A37519" s="2" t="s">
        <v>22756</v>
      </c>
      <c r="B37519" s="6">
        <v>624608.1</v>
      </c>
      <c r="C37519" s="7">
        <f t="shared" si="586"/>
        <v>624.60809999999992</v>
      </c>
    </row>
    <row r="37520" spans="1:3" x14ac:dyDescent="0.25">
      <c r="A37520" s="2" t="s">
        <v>22757</v>
      </c>
      <c r="B37520" s="6">
        <v>624624.75</v>
      </c>
      <c r="C37520" s="7">
        <f t="shared" si="586"/>
        <v>624.62474999999995</v>
      </c>
    </row>
    <row r="37521" spans="1:3" x14ac:dyDescent="0.25">
      <c r="A37521" s="2" t="s">
        <v>22758</v>
      </c>
      <c r="B37521" s="6">
        <v>624641.39999999991</v>
      </c>
      <c r="C37521" s="7">
        <f t="shared" si="586"/>
        <v>624.64139999999986</v>
      </c>
    </row>
    <row r="37522" spans="1:3" x14ac:dyDescent="0.25">
      <c r="A37522" s="2" t="s">
        <v>22759</v>
      </c>
      <c r="B37522" s="6">
        <v>624658.04999999993</v>
      </c>
      <c r="C37522" s="7">
        <f t="shared" si="586"/>
        <v>624.65804999999989</v>
      </c>
    </row>
    <row r="37523" spans="1:3" x14ac:dyDescent="0.25">
      <c r="A37523" s="2" t="s">
        <v>22760</v>
      </c>
      <c r="B37523" s="6">
        <v>624674.69999999995</v>
      </c>
      <c r="C37523" s="7">
        <f t="shared" si="586"/>
        <v>624.67469999999992</v>
      </c>
    </row>
    <row r="37524" spans="1:3" x14ac:dyDescent="0.25">
      <c r="A37524" s="2" t="s">
        <v>22761</v>
      </c>
      <c r="B37524" s="6">
        <v>624691.35</v>
      </c>
      <c r="C37524" s="7">
        <f t="shared" si="586"/>
        <v>624.69134999999994</v>
      </c>
    </row>
    <row r="37525" spans="1:3" x14ac:dyDescent="0.25">
      <c r="A37525" s="2" t="s">
        <v>22762</v>
      </c>
      <c r="B37525" s="6">
        <v>624708</v>
      </c>
      <c r="C37525" s="7">
        <f t="shared" si="586"/>
        <v>624.70799999999997</v>
      </c>
    </row>
    <row r="37526" spans="1:3" x14ac:dyDescent="0.25">
      <c r="A37526" s="2" t="s">
        <v>22763</v>
      </c>
      <c r="B37526" s="6">
        <v>624724.64999999991</v>
      </c>
      <c r="C37526" s="7">
        <f t="shared" si="586"/>
        <v>624.72464999999988</v>
      </c>
    </row>
    <row r="37527" spans="1:3" x14ac:dyDescent="0.25">
      <c r="A37527" s="2" t="s">
        <v>22764</v>
      </c>
      <c r="B37527" s="6">
        <v>624741.29999999993</v>
      </c>
      <c r="C37527" s="7">
        <f t="shared" si="586"/>
        <v>624.74129999999991</v>
      </c>
    </row>
    <row r="37528" spans="1:3" x14ac:dyDescent="0.25">
      <c r="A37528" s="2" t="s">
        <v>22765</v>
      </c>
      <c r="B37528" s="6">
        <v>624757.94999999995</v>
      </c>
      <c r="C37528" s="7">
        <f t="shared" si="586"/>
        <v>624.75794999999994</v>
      </c>
    </row>
    <row r="37529" spans="1:3" x14ac:dyDescent="0.25">
      <c r="A37529" s="2" t="s">
        <v>22766</v>
      </c>
      <c r="B37529" s="6">
        <v>624774.6</v>
      </c>
      <c r="C37529" s="7">
        <f t="shared" si="586"/>
        <v>624.77459999999996</v>
      </c>
    </row>
    <row r="37530" spans="1:3" x14ac:dyDescent="0.25">
      <c r="A37530" s="2" t="s">
        <v>22767</v>
      </c>
      <c r="B37530" s="6">
        <v>624791.25</v>
      </c>
      <c r="C37530" s="7">
        <f t="shared" si="586"/>
        <v>624.79124999999999</v>
      </c>
    </row>
    <row r="37531" spans="1:3" x14ac:dyDescent="0.25">
      <c r="A37531" s="2" t="s">
        <v>22768</v>
      </c>
      <c r="B37531" s="6">
        <v>624807.89999999991</v>
      </c>
      <c r="C37531" s="7">
        <f t="shared" si="586"/>
        <v>624.8078999999999</v>
      </c>
    </row>
    <row r="37532" spans="1:3" x14ac:dyDescent="0.25">
      <c r="A37532" s="2" t="s">
        <v>22769</v>
      </c>
      <c r="B37532" s="6">
        <v>624824.54999999993</v>
      </c>
      <c r="C37532" s="7">
        <f t="shared" si="586"/>
        <v>624.82454999999993</v>
      </c>
    </row>
    <row r="37533" spans="1:3" x14ac:dyDescent="0.25">
      <c r="A37533" s="2" t="s">
        <v>22770</v>
      </c>
      <c r="B37533" s="6">
        <v>624841.19999999995</v>
      </c>
      <c r="C37533" s="7">
        <f t="shared" si="586"/>
        <v>624.84119999999996</v>
      </c>
    </row>
    <row r="37534" spans="1:3" x14ac:dyDescent="0.25">
      <c r="A37534" s="2" t="s">
        <v>22771</v>
      </c>
      <c r="B37534" s="6">
        <v>624857.85</v>
      </c>
      <c r="C37534" s="7">
        <f t="shared" si="586"/>
        <v>624.85784999999998</v>
      </c>
    </row>
    <row r="37535" spans="1:3" x14ac:dyDescent="0.25">
      <c r="A37535" s="2" t="s">
        <v>22772</v>
      </c>
      <c r="B37535" s="6">
        <v>624874.5</v>
      </c>
      <c r="C37535" s="7">
        <f t="shared" si="586"/>
        <v>624.87450000000001</v>
      </c>
    </row>
    <row r="37536" spans="1:3" x14ac:dyDescent="0.25">
      <c r="A37536" s="2" t="s">
        <v>22773</v>
      </c>
      <c r="B37536" s="6">
        <v>624891.14999999991</v>
      </c>
      <c r="C37536" s="7">
        <f t="shared" si="586"/>
        <v>624.89114999999993</v>
      </c>
    </row>
    <row r="37537" spans="1:3" x14ac:dyDescent="0.25">
      <c r="A37537" s="2" t="s">
        <v>22774</v>
      </c>
      <c r="B37537" s="6">
        <v>624907.79999999993</v>
      </c>
      <c r="C37537" s="7">
        <f t="shared" si="586"/>
        <v>624.90779999999995</v>
      </c>
    </row>
    <row r="37538" spans="1:3" x14ac:dyDescent="0.25">
      <c r="A37538" s="2" t="s">
        <v>22775</v>
      </c>
      <c r="B37538" s="6">
        <v>624924.44999999995</v>
      </c>
      <c r="C37538" s="7">
        <f t="shared" si="586"/>
        <v>624.92444999999998</v>
      </c>
    </row>
    <row r="37539" spans="1:3" x14ac:dyDescent="0.25">
      <c r="A37539" s="2" t="s">
        <v>22776</v>
      </c>
      <c r="B37539" s="6">
        <v>624941.1</v>
      </c>
      <c r="C37539" s="7">
        <f t="shared" si="586"/>
        <v>624.94110000000001</v>
      </c>
    </row>
    <row r="37540" spans="1:3" x14ac:dyDescent="0.25">
      <c r="A37540" s="2" t="s">
        <v>22777</v>
      </c>
      <c r="B37540" s="6">
        <v>624957.75</v>
      </c>
      <c r="C37540" s="7">
        <f t="shared" si="586"/>
        <v>624.95775000000003</v>
      </c>
    </row>
    <row r="37541" spans="1:3" x14ac:dyDescent="0.25">
      <c r="A37541" s="2" t="s">
        <v>22778</v>
      </c>
      <c r="B37541" s="6">
        <v>624974.39999999991</v>
      </c>
      <c r="C37541" s="7">
        <f t="shared" si="586"/>
        <v>624.97439999999995</v>
      </c>
    </row>
    <row r="37542" spans="1:3" x14ac:dyDescent="0.25">
      <c r="A37542" s="2" t="s">
        <v>22779</v>
      </c>
      <c r="B37542" s="6">
        <v>624991.04999999993</v>
      </c>
      <c r="C37542" s="7">
        <f t="shared" si="586"/>
        <v>624.99104999999997</v>
      </c>
    </row>
    <row r="37543" spans="1:3" x14ac:dyDescent="0.25">
      <c r="A37543" s="2" t="s">
        <v>22780</v>
      </c>
      <c r="B37543" s="6">
        <v>625007.69999999995</v>
      </c>
      <c r="C37543" s="7">
        <f t="shared" si="586"/>
        <v>625.0077</v>
      </c>
    </row>
    <row r="37544" spans="1:3" x14ac:dyDescent="0.25">
      <c r="A37544" s="2" t="s">
        <v>22781</v>
      </c>
      <c r="B37544" s="6">
        <v>625024.35</v>
      </c>
      <c r="C37544" s="7">
        <f t="shared" si="586"/>
        <v>625.02435000000003</v>
      </c>
    </row>
    <row r="37545" spans="1:3" x14ac:dyDescent="0.25">
      <c r="A37545" s="2" t="s">
        <v>22782</v>
      </c>
      <c r="B37545" s="6">
        <v>625041</v>
      </c>
      <c r="C37545" s="7">
        <f t="shared" si="586"/>
        <v>625.04100000000005</v>
      </c>
    </row>
    <row r="37546" spans="1:3" x14ac:dyDescent="0.25">
      <c r="A37546" s="2" t="s">
        <v>22783</v>
      </c>
      <c r="B37546" s="6">
        <v>625057.64999999991</v>
      </c>
      <c r="C37546" s="7">
        <f t="shared" si="586"/>
        <v>625.05764999999985</v>
      </c>
    </row>
    <row r="37547" spans="1:3" x14ac:dyDescent="0.25">
      <c r="A37547" s="2" t="s">
        <v>22784</v>
      </c>
      <c r="B37547" s="6">
        <v>625074.29999999993</v>
      </c>
      <c r="C37547" s="7">
        <f t="shared" si="586"/>
        <v>625.07429999999988</v>
      </c>
    </row>
    <row r="37548" spans="1:3" x14ac:dyDescent="0.25">
      <c r="A37548" s="2" t="s">
        <v>22785</v>
      </c>
      <c r="B37548" s="6">
        <v>625090.94999999995</v>
      </c>
      <c r="C37548" s="7">
        <f t="shared" si="586"/>
        <v>625.09094999999991</v>
      </c>
    </row>
    <row r="37549" spans="1:3" x14ac:dyDescent="0.25">
      <c r="A37549" s="2" t="s">
        <v>22786</v>
      </c>
      <c r="B37549" s="6">
        <v>625107.6</v>
      </c>
      <c r="C37549" s="7">
        <f t="shared" si="586"/>
        <v>625.10759999999993</v>
      </c>
    </row>
    <row r="37550" spans="1:3" x14ac:dyDescent="0.25">
      <c r="A37550" s="2" t="s">
        <v>22787</v>
      </c>
      <c r="B37550" s="6">
        <v>625124.25</v>
      </c>
      <c r="C37550" s="7">
        <f t="shared" si="586"/>
        <v>625.12424999999996</v>
      </c>
    </row>
    <row r="37551" spans="1:3" x14ac:dyDescent="0.25">
      <c r="A37551" s="2" t="s">
        <v>22788</v>
      </c>
      <c r="B37551" s="6">
        <v>625140.89999999991</v>
      </c>
      <c r="C37551" s="7">
        <f t="shared" si="586"/>
        <v>625.14089999999987</v>
      </c>
    </row>
    <row r="37552" spans="1:3" x14ac:dyDescent="0.25">
      <c r="A37552" s="2" t="s">
        <v>22789</v>
      </c>
      <c r="B37552" s="6">
        <v>625157.54999999993</v>
      </c>
      <c r="C37552" s="7">
        <f t="shared" si="586"/>
        <v>625.1575499999999</v>
      </c>
    </row>
    <row r="37553" spans="1:3" x14ac:dyDescent="0.25">
      <c r="A37553" s="2" t="s">
        <v>22790</v>
      </c>
      <c r="B37553" s="6">
        <v>625174.19999999995</v>
      </c>
      <c r="C37553" s="7">
        <f t="shared" si="586"/>
        <v>625.17419999999993</v>
      </c>
    </row>
    <row r="37554" spans="1:3" x14ac:dyDescent="0.25">
      <c r="A37554" s="2" t="s">
        <v>22791</v>
      </c>
      <c r="B37554" s="6">
        <v>625190.85</v>
      </c>
      <c r="C37554" s="7">
        <f t="shared" si="586"/>
        <v>625.19084999999995</v>
      </c>
    </row>
    <row r="37555" spans="1:3" x14ac:dyDescent="0.25">
      <c r="A37555" s="2" t="s">
        <v>22792</v>
      </c>
      <c r="B37555" s="6">
        <v>625207.5</v>
      </c>
      <c r="C37555" s="7">
        <f t="shared" si="586"/>
        <v>625.20749999999998</v>
      </c>
    </row>
    <row r="37556" spans="1:3" x14ac:dyDescent="0.25">
      <c r="A37556" s="2" t="s">
        <v>22793</v>
      </c>
      <c r="B37556" s="6">
        <v>625224.14999999991</v>
      </c>
      <c r="C37556" s="7">
        <f t="shared" si="586"/>
        <v>625.2241499999999</v>
      </c>
    </row>
    <row r="37557" spans="1:3" x14ac:dyDescent="0.25">
      <c r="A37557" s="2" t="s">
        <v>22794</v>
      </c>
      <c r="B37557" s="6">
        <v>625240.79999999993</v>
      </c>
      <c r="C37557" s="7">
        <f t="shared" si="586"/>
        <v>625.24079999999992</v>
      </c>
    </row>
    <row r="37558" spans="1:3" x14ac:dyDescent="0.25">
      <c r="A37558" s="2" t="s">
        <v>22795</v>
      </c>
      <c r="B37558" s="6">
        <v>625257.44999999995</v>
      </c>
      <c r="C37558" s="7">
        <f t="shared" si="586"/>
        <v>625.25744999999995</v>
      </c>
    </row>
    <row r="37559" spans="1:3" x14ac:dyDescent="0.25">
      <c r="A37559" s="2" t="s">
        <v>22796</v>
      </c>
      <c r="B37559" s="6">
        <v>625274.1</v>
      </c>
      <c r="C37559" s="7">
        <f t="shared" si="586"/>
        <v>625.27409999999998</v>
      </c>
    </row>
    <row r="37560" spans="1:3" x14ac:dyDescent="0.25">
      <c r="A37560" s="2" t="s">
        <v>22797</v>
      </c>
      <c r="B37560" s="6">
        <v>625290.75</v>
      </c>
      <c r="C37560" s="7">
        <f t="shared" si="586"/>
        <v>625.29075</v>
      </c>
    </row>
    <row r="37561" spans="1:3" x14ac:dyDescent="0.25">
      <c r="A37561" s="2" t="s">
        <v>22798</v>
      </c>
      <c r="B37561" s="6">
        <v>625307.39999999991</v>
      </c>
      <c r="C37561" s="7">
        <f t="shared" si="586"/>
        <v>625.30739999999992</v>
      </c>
    </row>
    <row r="37562" spans="1:3" x14ac:dyDescent="0.25">
      <c r="A37562" s="2" t="s">
        <v>22799</v>
      </c>
      <c r="B37562" s="6">
        <v>625324.04999999993</v>
      </c>
      <c r="C37562" s="7">
        <f t="shared" si="586"/>
        <v>625.32404999999994</v>
      </c>
    </row>
    <row r="37563" spans="1:3" x14ac:dyDescent="0.25">
      <c r="A37563" s="2" t="s">
        <v>22800</v>
      </c>
      <c r="B37563" s="6">
        <v>625340.69999999995</v>
      </c>
      <c r="C37563" s="7">
        <f t="shared" si="586"/>
        <v>625.34069999999997</v>
      </c>
    </row>
    <row r="37564" spans="1:3" x14ac:dyDescent="0.25">
      <c r="A37564" s="2" t="s">
        <v>22801</v>
      </c>
      <c r="B37564" s="6">
        <v>625357.35</v>
      </c>
      <c r="C37564" s="7">
        <f t="shared" si="586"/>
        <v>625.35735</v>
      </c>
    </row>
    <row r="37565" spans="1:3" x14ac:dyDescent="0.25">
      <c r="A37565" s="2" t="s">
        <v>22802</v>
      </c>
      <c r="B37565" s="6">
        <v>625374</v>
      </c>
      <c r="C37565" s="7">
        <f t="shared" si="586"/>
        <v>625.37400000000002</v>
      </c>
    </row>
    <row r="37566" spans="1:3" x14ac:dyDescent="0.25">
      <c r="A37566" s="2" t="s">
        <v>22803</v>
      </c>
      <c r="B37566" s="6">
        <v>625390.64999999991</v>
      </c>
      <c r="C37566" s="7">
        <f t="shared" si="586"/>
        <v>625.39064999999994</v>
      </c>
    </row>
    <row r="37567" spans="1:3" x14ac:dyDescent="0.25">
      <c r="A37567" s="2" t="s">
        <v>22804</v>
      </c>
      <c r="B37567" s="6">
        <v>625407.29999999993</v>
      </c>
      <c r="C37567" s="7">
        <f t="shared" si="586"/>
        <v>625.40729999999996</v>
      </c>
    </row>
    <row r="37568" spans="1:3" x14ac:dyDescent="0.25">
      <c r="A37568" s="2" t="s">
        <v>22805</v>
      </c>
      <c r="B37568" s="6">
        <v>625423.94999999995</v>
      </c>
      <c r="C37568" s="7">
        <f t="shared" si="586"/>
        <v>625.42394999999999</v>
      </c>
    </row>
    <row r="37569" spans="1:3" x14ac:dyDescent="0.25">
      <c r="A37569" s="2" t="s">
        <v>22806</v>
      </c>
      <c r="B37569" s="6">
        <v>625440.6</v>
      </c>
      <c r="C37569" s="7">
        <f t="shared" si="586"/>
        <v>625.44060000000002</v>
      </c>
    </row>
    <row r="37570" spans="1:3" x14ac:dyDescent="0.25">
      <c r="A37570" s="2" t="s">
        <v>22807</v>
      </c>
      <c r="B37570" s="6">
        <v>625457.25</v>
      </c>
      <c r="C37570" s="7">
        <f t="shared" si="586"/>
        <v>625.45725000000004</v>
      </c>
    </row>
    <row r="37571" spans="1:3" x14ac:dyDescent="0.25">
      <c r="A37571" s="2" t="s">
        <v>22808</v>
      </c>
      <c r="B37571" s="6">
        <v>625473.89999999991</v>
      </c>
      <c r="C37571" s="7">
        <f t="shared" ref="C37571:C37634" si="587">B37571/1000</f>
        <v>625.47389999999996</v>
      </c>
    </row>
    <row r="37572" spans="1:3" x14ac:dyDescent="0.25">
      <c r="A37572" s="2" t="s">
        <v>22809</v>
      </c>
      <c r="B37572" s="6">
        <v>625490.54999999993</v>
      </c>
      <c r="C37572" s="7">
        <f t="shared" si="587"/>
        <v>625.49054999999998</v>
      </c>
    </row>
    <row r="37573" spans="1:3" x14ac:dyDescent="0.25">
      <c r="A37573" s="2" t="s">
        <v>22810</v>
      </c>
      <c r="B37573" s="6">
        <v>625507.19999999995</v>
      </c>
      <c r="C37573" s="7">
        <f t="shared" si="587"/>
        <v>625.5071999999999</v>
      </c>
    </row>
    <row r="37574" spans="1:3" x14ac:dyDescent="0.25">
      <c r="A37574" s="2" t="s">
        <v>22811</v>
      </c>
      <c r="B37574" s="6">
        <v>625523.85</v>
      </c>
      <c r="C37574" s="7">
        <f t="shared" si="587"/>
        <v>625.52384999999992</v>
      </c>
    </row>
    <row r="37575" spans="1:3" x14ac:dyDescent="0.25">
      <c r="A37575" s="2" t="s">
        <v>22812</v>
      </c>
      <c r="B37575" s="6">
        <v>625540.5</v>
      </c>
      <c r="C37575" s="7">
        <f t="shared" si="587"/>
        <v>625.54049999999995</v>
      </c>
    </row>
    <row r="37576" spans="1:3" x14ac:dyDescent="0.25">
      <c r="A37576" s="2" t="s">
        <v>22813</v>
      </c>
      <c r="B37576" s="6">
        <v>625557.14999999991</v>
      </c>
      <c r="C37576" s="7">
        <f t="shared" si="587"/>
        <v>625.55714999999987</v>
      </c>
    </row>
    <row r="37577" spans="1:3" x14ac:dyDescent="0.25">
      <c r="A37577" s="2" t="s">
        <v>22814</v>
      </c>
      <c r="B37577" s="6">
        <v>625573.79999999993</v>
      </c>
      <c r="C37577" s="7">
        <f t="shared" si="587"/>
        <v>625.57379999999989</v>
      </c>
    </row>
    <row r="37578" spans="1:3" x14ac:dyDescent="0.25">
      <c r="A37578" s="2" t="s">
        <v>22815</v>
      </c>
      <c r="B37578" s="6">
        <v>625590.44999999995</v>
      </c>
      <c r="C37578" s="7">
        <f t="shared" si="587"/>
        <v>625.59044999999992</v>
      </c>
    </row>
    <row r="37579" spans="1:3" x14ac:dyDescent="0.25">
      <c r="A37579" s="2" t="s">
        <v>22816</v>
      </c>
      <c r="B37579" s="6">
        <v>625607.1</v>
      </c>
      <c r="C37579" s="7">
        <f t="shared" si="587"/>
        <v>625.60709999999995</v>
      </c>
    </row>
    <row r="37580" spans="1:3" x14ac:dyDescent="0.25">
      <c r="A37580" s="2" t="s">
        <v>22817</v>
      </c>
      <c r="B37580" s="6">
        <v>625623.75</v>
      </c>
      <c r="C37580" s="7">
        <f t="shared" si="587"/>
        <v>625.62374999999997</v>
      </c>
    </row>
    <row r="37581" spans="1:3" x14ac:dyDescent="0.25">
      <c r="A37581" s="2" t="s">
        <v>22818</v>
      </c>
      <c r="B37581" s="6">
        <v>625640.39999999991</v>
      </c>
      <c r="C37581" s="7">
        <f t="shared" si="587"/>
        <v>625.64039999999989</v>
      </c>
    </row>
    <row r="37582" spans="1:3" x14ac:dyDescent="0.25">
      <c r="A37582" s="2" t="s">
        <v>22819</v>
      </c>
      <c r="B37582" s="6">
        <v>625657.04999999993</v>
      </c>
      <c r="C37582" s="7">
        <f t="shared" si="587"/>
        <v>625.65704999999991</v>
      </c>
    </row>
    <row r="37583" spans="1:3" x14ac:dyDescent="0.25">
      <c r="A37583" s="2" t="s">
        <v>22820</v>
      </c>
      <c r="B37583" s="6">
        <v>625673.69999999995</v>
      </c>
      <c r="C37583" s="7">
        <f t="shared" si="587"/>
        <v>625.67369999999994</v>
      </c>
    </row>
    <row r="37584" spans="1:3" x14ac:dyDescent="0.25">
      <c r="A37584" s="2" t="s">
        <v>22821</v>
      </c>
      <c r="B37584" s="6">
        <v>625690.35</v>
      </c>
      <c r="C37584" s="7">
        <f t="shared" si="587"/>
        <v>625.69034999999997</v>
      </c>
    </row>
    <row r="37585" spans="1:3" x14ac:dyDescent="0.25">
      <c r="A37585" s="2" t="s">
        <v>22822</v>
      </c>
      <c r="B37585" s="6">
        <v>625707</v>
      </c>
      <c r="C37585" s="7">
        <f t="shared" si="587"/>
        <v>625.70699999999999</v>
      </c>
    </row>
    <row r="37586" spans="1:3" x14ac:dyDescent="0.25">
      <c r="A37586" s="2" t="s">
        <v>22823</v>
      </c>
      <c r="B37586" s="6">
        <v>625723.64999999991</v>
      </c>
      <c r="C37586" s="7">
        <f t="shared" si="587"/>
        <v>625.72364999999991</v>
      </c>
    </row>
    <row r="37587" spans="1:3" x14ac:dyDescent="0.25">
      <c r="A37587" s="2" t="s">
        <v>22824</v>
      </c>
      <c r="B37587" s="6">
        <v>625740.29999999993</v>
      </c>
      <c r="C37587" s="7">
        <f t="shared" si="587"/>
        <v>625.74029999999993</v>
      </c>
    </row>
    <row r="37588" spans="1:3" x14ac:dyDescent="0.25">
      <c r="A37588" s="2" t="s">
        <v>22825</v>
      </c>
      <c r="B37588" s="6">
        <v>625756.94999999995</v>
      </c>
      <c r="C37588" s="7">
        <f t="shared" si="587"/>
        <v>625.75694999999996</v>
      </c>
    </row>
    <row r="37589" spans="1:3" x14ac:dyDescent="0.25">
      <c r="A37589" s="2" t="s">
        <v>22826</v>
      </c>
      <c r="B37589" s="6">
        <v>625773.6</v>
      </c>
      <c r="C37589" s="7">
        <f t="shared" si="587"/>
        <v>625.77359999999999</v>
      </c>
    </row>
    <row r="37590" spans="1:3" x14ac:dyDescent="0.25">
      <c r="A37590" s="2" t="s">
        <v>22827</v>
      </c>
      <c r="B37590" s="6">
        <v>625790.25</v>
      </c>
      <c r="C37590" s="7">
        <f t="shared" si="587"/>
        <v>625.79025000000001</v>
      </c>
    </row>
    <row r="37591" spans="1:3" x14ac:dyDescent="0.25">
      <c r="A37591" s="2" t="s">
        <v>22828</v>
      </c>
      <c r="B37591" s="6">
        <v>625806.89999999991</v>
      </c>
      <c r="C37591" s="7">
        <f t="shared" si="587"/>
        <v>625.80689999999993</v>
      </c>
    </row>
    <row r="37592" spans="1:3" x14ac:dyDescent="0.25">
      <c r="A37592" s="2" t="s">
        <v>22829</v>
      </c>
      <c r="B37592" s="6">
        <v>625823.54999999993</v>
      </c>
      <c r="C37592" s="7">
        <f t="shared" si="587"/>
        <v>625.82354999999995</v>
      </c>
    </row>
    <row r="37593" spans="1:3" x14ac:dyDescent="0.25">
      <c r="A37593" s="2" t="s">
        <v>22830</v>
      </c>
      <c r="B37593" s="6">
        <v>625840.19999999995</v>
      </c>
      <c r="C37593" s="7">
        <f t="shared" si="587"/>
        <v>625.84019999999998</v>
      </c>
    </row>
    <row r="37594" spans="1:3" x14ac:dyDescent="0.25">
      <c r="A37594" s="2" t="s">
        <v>22831</v>
      </c>
      <c r="B37594" s="6">
        <v>625856.85</v>
      </c>
      <c r="C37594" s="7">
        <f t="shared" si="587"/>
        <v>625.85685000000001</v>
      </c>
    </row>
    <row r="37595" spans="1:3" x14ac:dyDescent="0.25">
      <c r="A37595" s="2" t="s">
        <v>22832</v>
      </c>
      <c r="B37595" s="6">
        <v>625873.5</v>
      </c>
      <c r="C37595" s="7">
        <f t="shared" si="587"/>
        <v>625.87350000000004</v>
      </c>
    </row>
    <row r="37596" spans="1:3" x14ac:dyDescent="0.25">
      <c r="A37596" s="2" t="s">
        <v>22833</v>
      </c>
      <c r="B37596" s="6">
        <v>625890.14999999991</v>
      </c>
      <c r="C37596" s="7">
        <f t="shared" si="587"/>
        <v>625.89014999999995</v>
      </c>
    </row>
    <row r="37597" spans="1:3" x14ac:dyDescent="0.25">
      <c r="A37597" s="2" t="s">
        <v>22834</v>
      </c>
      <c r="B37597" s="6">
        <v>625906.79999999993</v>
      </c>
      <c r="C37597" s="7">
        <f t="shared" si="587"/>
        <v>625.90679999999998</v>
      </c>
    </row>
    <row r="37598" spans="1:3" x14ac:dyDescent="0.25">
      <c r="A37598" s="2" t="s">
        <v>22835</v>
      </c>
      <c r="B37598" s="6">
        <v>625923.44999999995</v>
      </c>
      <c r="C37598" s="7">
        <f t="shared" si="587"/>
        <v>625.92345</v>
      </c>
    </row>
    <row r="37599" spans="1:3" x14ac:dyDescent="0.25">
      <c r="A37599" s="2" t="s">
        <v>22836</v>
      </c>
      <c r="B37599" s="6">
        <v>625940.1</v>
      </c>
      <c r="C37599" s="7">
        <f t="shared" si="587"/>
        <v>625.94010000000003</v>
      </c>
    </row>
    <row r="37600" spans="1:3" x14ac:dyDescent="0.25">
      <c r="A37600" s="2" t="s">
        <v>22837</v>
      </c>
      <c r="B37600" s="6">
        <v>625956.75</v>
      </c>
      <c r="C37600" s="7">
        <f t="shared" si="587"/>
        <v>625.95675000000006</v>
      </c>
    </row>
    <row r="37601" spans="1:3" x14ac:dyDescent="0.25">
      <c r="A37601" s="2" t="s">
        <v>22838</v>
      </c>
      <c r="B37601" s="6">
        <v>625973.39999999991</v>
      </c>
      <c r="C37601" s="7">
        <f t="shared" si="587"/>
        <v>625.97339999999986</v>
      </c>
    </row>
    <row r="37602" spans="1:3" x14ac:dyDescent="0.25">
      <c r="A37602" s="2" t="s">
        <v>22839</v>
      </c>
      <c r="B37602" s="6">
        <v>625990.04999999993</v>
      </c>
      <c r="C37602" s="7">
        <f t="shared" si="587"/>
        <v>625.99004999999988</v>
      </c>
    </row>
    <row r="37603" spans="1:3" x14ac:dyDescent="0.25">
      <c r="A37603" s="2" t="s">
        <v>22840</v>
      </c>
      <c r="B37603" s="6">
        <v>626006.69999999995</v>
      </c>
      <c r="C37603" s="7">
        <f t="shared" si="587"/>
        <v>626.00669999999991</v>
      </c>
    </row>
    <row r="37604" spans="1:3" x14ac:dyDescent="0.25">
      <c r="A37604" s="2" t="s">
        <v>22841</v>
      </c>
      <c r="B37604" s="6">
        <v>626023.35</v>
      </c>
      <c r="C37604" s="7">
        <f t="shared" si="587"/>
        <v>626.02334999999994</v>
      </c>
    </row>
    <row r="37605" spans="1:3" x14ac:dyDescent="0.25">
      <c r="A37605" s="2" t="s">
        <v>22842</v>
      </c>
      <c r="B37605" s="6">
        <v>626040</v>
      </c>
      <c r="C37605" s="7">
        <f t="shared" si="587"/>
        <v>626.04</v>
      </c>
    </row>
    <row r="37606" spans="1:3" x14ac:dyDescent="0.25">
      <c r="A37606" s="2" t="s">
        <v>22843</v>
      </c>
      <c r="B37606" s="6">
        <v>626056.64999999991</v>
      </c>
      <c r="C37606" s="7">
        <f t="shared" si="587"/>
        <v>626.05664999999988</v>
      </c>
    </row>
    <row r="37607" spans="1:3" x14ac:dyDescent="0.25">
      <c r="A37607" s="2" t="s">
        <v>22844</v>
      </c>
      <c r="B37607" s="6">
        <v>626073.29999999993</v>
      </c>
      <c r="C37607" s="7">
        <f t="shared" si="587"/>
        <v>626.0732999999999</v>
      </c>
    </row>
    <row r="37608" spans="1:3" x14ac:dyDescent="0.25">
      <c r="A37608" s="2" t="s">
        <v>22845</v>
      </c>
      <c r="B37608" s="6">
        <v>626089.94999999995</v>
      </c>
      <c r="C37608" s="7">
        <f t="shared" si="587"/>
        <v>626.08994999999993</v>
      </c>
    </row>
    <row r="37609" spans="1:3" x14ac:dyDescent="0.25">
      <c r="A37609" s="2" t="s">
        <v>22846</v>
      </c>
      <c r="B37609" s="6">
        <v>626106.6</v>
      </c>
      <c r="C37609" s="7">
        <f t="shared" si="587"/>
        <v>626.10659999999996</v>
      </c>
    </row>
    <row r="37610" spans="1:3" x14ac:dyDescent="0.25">
      <c r="A37610" s="2" t="s">
        <v>22847</v>
      </c>
      <c r="B37610" s="6">
        <v>626123.25</v>
      </c>
      <c r="C37610" s="7">
        <f t="shared" si="587"/>
        <v>626.12324999999998</v>
      </c>
    </row>
    <row r="37611" spans="1:3" x14ac:dyDescent="0.25">
      <c r="A37611" s="2" t="s">
        <v>22848</v>
      </c>
      <c r="B37611" s="6">
        <v>626139.89999999991</v>
      </c>
      <c r="C37611" s="7">
        <f t="shared" si="587"/>
        <v>626.1398999999999</v>
      </c>
    </row>
    <row r="37612" spans="1:3" x14ac:dyDescent="0.25">
      <c r="A37612" s="2" t="s">
        <v>22849</v>
      </c>
      <c r="B37612" s="6">
        <v>626156.54999999993</v>
      </c>
      <c r="C37612" s="7">
        <f t="shared" si="587"/>
        <v>626.15654999999992</v>
      </c>
    </row>
    <row r="37613" spans="1:3" x14ac:dyDescent="0.25">
      <c r="A37613" s="2" t="s">
        <v>22850</v>
      </c>
      <c r="B37613" s="6">
        <v>626173.19999999995</v>
      </c>
      <c r="C37613" s="7">
        <f t="shared" si="587"/>
        <v>626.17319999999995</v>
      </c>
    </row>
    <row r="37614" spans="1:3" x14ac:dyDescent="0.25">
      <c r="A37614" s="2" t="s">
        <v>22851</v>
      </c>
      <c r="B37614" s="6">
        <v>626189.85</v>
      </c>
      <c r="C37614" s="7">
        <f t="shared" si="587"/>
        <v>626.18984999999998</v>
      </c>
    </row>
    <row r="37615" spans="1:3" x14ac:dyDescent="0.25">
      <c r="A37615" s="2" t="s">
        <v>22852</v>
      </c>
      <c r="B37615" s="6">
        <v>626206.5</v>
      </c>
      <c r="C37615" s="7">
        <f t="shared" si="587"/>
        <v>626.20650000000001</v>
      </c>
    </row>
    <row r="37616" spans="1:3" x14ac:dyDescent="0.25">
      <c r="A37616" s="2" t="s">
        <v>22853</v>
      </c>
      <c r="B37616" s="6">
        <v>626223.14999999991</v>
      </c>
      <c r="C37616" s="7">
        <f t="shared" si="587"/>
        <v>626.22314999999992</v>
      </c>
    </row>
    <row r="37617" spans="1:3" x14ac:dyDescent="0.25">
      <c r="A37617" s="2" t="s">
        <v>22854</v>
      </c>
      <c r="B37617" s="6">
        <v>626239.79999999993</v>
      </c>
      <c r="C37617" s="7">
        <f t="shared" si="587"/>
        <v>626.23979999999995</v>
      </c>
    </row>
    <row r="37618" spans="1:3" x14ac:dyDescent="0.25">
      <c r="A37618" s="2" t="s">
        <v>22855</v>
      </c>
      <c r="B37618" s="6">
        <v>626256.44999999995</v>
      </c>
      <c r="C37618" s="7">
        <f t="shared" si="587"/>
        <v>626.25644999999997</v>
      </c>
    </row>
    <row r="37619" spans="1:3" x14ac:dyDescent="0.25">
      <c r="A37619" s="2" t="s">
        <v>22856</v>
      </c>
      <c r="B37619" s="6">
        <v>626273.1</v>
      </c>
      <c r="C37619" s="7">
        <f t="shared" si="587"/>
        <v>626.2731</v>
      </c>
    </row>
    <row r="37620" spans="1:3" x14ac:dyDescent="0.25">
      <c r="A37620" s="2" t="s">
        <v>22857</v>
      </c>
      <c r="B37620" s="6">
        <v>626289.75</v>
      </c>
      <c r="C37620" s="7">
        <f t="shared" si="587"/>
        <v>626.28975000000003</v>
      </c>
    </row>
    <row r="37621" spans="1:3" x14ac:dyDescent="0.25">
      <c r="A37621" s="2" t="s">
        <v>22858</v>
      </c>
      <c r="B37621" s="6">
        <v>626306.39999999991</v>
      </c>
      <c r="C37621" s="7">
        <f t="shared" si="587"/>
        <v>626.30639999999994</v>
      </c>
    </row>
    <row r="37622" spans="1:3" x14ac:dyDescent="0.25">
      <c r="A37622" s="2" t="s">
        <v>22859</v>
      </c>
      <c r="B37622" s="6">
        <v>626323.04999999993</v>
      </c>
      <c r="C37622" s="7">
        <f t="shared" si="587"/>
        <v>626.32304999999997</v>
      </c>
    </row>
    <row r="37623" spans="1:3" x14ac:dyDescent="0.25">
      <c r="A37623" s="2" t="s">
        <v>22860</v>
      </c>
      <c r="B37623" s="6">
        <v>626339.69999999995</v>
      </c>
      <c r="C37623" s="7">
        <f t="shared" si="587"/>
        <v>626.33969999999999</v>
      </c>
    </row>
    <row r="37624" spans="1:3" x14ac:dyDescent="0.25">
      <c r="A37624" s="2" t="s">
        <v>22861</v>
      </c>
      <c r="B37624" s="6">
        <v>626356.35</v>
      </c>
      <c r="C37624" s="7">
        <f t="shared" si="587"/>
        <v>626.35635000000002</v>
      </c>
    </row>
    <row r="37625" spans="1:3" x14ac:dyDescent="0.25">
      <c r="A37625" s="2" t="s">
        <v>22862</v>
      </c>
      <c r="B37625" s="6">
        <v>626373</v>
      </c>
      <c r="C37625" s="7">
        <f t="shared" si="587"/>
        <v>626.37300000000005</v>
      </c>
    </row>
    <row r="37626" spans="1:3" x14ac:dyDescent="0.25">
      <c r="A37626" s="2" t="s">
        <v>22863</v>
      </c>
      <c r="B37626" s="6">
        <v>626389.64999999991</v>
      </c>
      <c r="C37626" s="7">
        <f t="shared" si="587"/>
        <v>626.38964999999996</v>
      </c>
    </row>
    <row r="37627" spans="1:3" x14ac:dyDescent="0.25">
      <c r="A37627" s="2" t="s">
        <v>22864</v>
      </c>
      <c r="B37627" s="6">
        <v>626406.29999999993</v>
      </c>
      <c r="C37627" s="7">
        <f t="shared" si="587"/>
        <v>626.40629999999987</v>
      </c>
    </row>
    <row r="37628" spans="1:3" x14ac:dyDescent="0.25">
      <c r="A37628" s="2" t="s">
        <v>22865</v>
      </c>
      <c r="B37628" s="6">
        <v>626422.94999999995</v>
      </c>
      <c r="C37628" s="7">
        <f t="shared" si="587"/>
        <v>626.4229499999999</v>
      </c>
    </row>
    <row r="37629" spans="1:3" x14ac:dyDescent="0.25">
      <c r="A37629" s="2" t="s">
        <v>22866</v>
      </c>
      <c r="B37629" s="6">
        <v>626439.6</v>
      </c>
      <c r="C37629" s="7">
        <f t="shared" si="587"/>
        <v>626.43959999999993</v>
      </c>
    </row>
    <row r="37630" spans="1:3" x14ac:dyDescent="0.25">
      <c r="A37630" s="2" t="s">
        <v>22867</v>
      </c>
      <c r="B37630" s="6">
        <v>626456.25</v>
      </c>
      <c r="C37630" s="7">
        <f t="shared" si="587"/>
        <v>626.45624999999995</v>
      </c>
    </row>
    <row r="37631" spans="1:3" x14ac:dyDescent="0.25">
      <c r="A37631" s="2" t="s">
        <v>22868</v>
      </c>
      <c r="B37631" s="6">
        <v>626472.89999999991</v>
      </c>
      <c r="C37631" s="7">
        <f t="shared" si="587"/>
        <v>626.47289999999987</v>
      </c>
    </row>
    <row r="37632" spans="1:3" x14ac:dyDescent="0.25">
      <c r="A37632" s="2" t="s">
        <v>22869</v>
      </c>
      <c r="B37632" s="6">
        <v>626489.54999999993</v>
      </c>
      <c r="C37632" s="7">
        <f t="shared" si="587"/>
        <v>626.48954999999989</v>
      </c>
    </row>
    <row r="37633" spans="1:3" x14ac:dyDescent="0.25">
      <c r="A37633" s="2" t="s">
        <v>22870</v>
      </c>
      <c r="B37633" s="6">
        <v>626506.19999999995</v>
      </c>
      <c r="C37633" s="7">
        <f t="shared" si="587"/>
        <v>626.50619999999992</v>
      </c>
    </row>
    <row r="37634" spans="1:3" x14ac:dyDescent="0.25">
      <c r="A37634" s="2" t="s">
        <v>22871</v>
      </c>
      <c r="B37634" s="6">
        <v>626522.85</v>
      </c>
      <c r="C37634" s="7">
        <f t="shared" si="587"/>
        <v>626.52284999999995</v>
      </c>
    </row>
    <row r="37635" spans="1:3" x14ac:dyDescent="0.25">
      <c r="A37635" s="2" t="s">
        <v>22872</v>
      </c>
      <c r="B37635" s="6">
        <v>626539.5</v>
      </c>
      <c r="C37635" s="7">
        <f t="shared" ref="C37635:C37698" si="588">B37635/1000</f>
        <v>626.53949999999998</v>
      </c>
    </row>
    <row r="37636" spans="1:3" x14ac:dyDescent="0.25">
      <c r="A37636" s="2" t="s">
        <v>22873</v>
      </c>
      <c r="B37636" s="6">
        <v>626556.14999999991</v>
      </c>
      <c r="C37636" s="7">
        <f t="shared" si="588"/>
        <v>626.55614999999989</v>
      </c>
    </row>
    <row r="37637" spans="1:3" x14ac:dyDescent="0.25">
      <c r="A37637" s="2" t="s">
        <v>22874</v>
      </c>
      <c r="B37637" s="6">
        <v>626572.79999999993</v>
      </c>
      <c r="C37637" s="7">
        <f t="shared" si="588"/>
        <v>626.57279999999992</v>
      </c>
    </row>
    <row r="37638" spans="1:3" x14ac:dyDescent="0.25">
      <c r="A37638" s="2" t="s">
        <v>22875</v>
      </c>
      <c r="B37638" s="6">
        <v>626589.44999999995</v>
      </c>
      <c r="C37638" s="7">
        <f t="shared" si="588"/>
        <v>626.58944999999994</v>
      </c>
    </row>
    <row r="37639" spans="1:3" x14ac:dyDescent="0.25">
      <c r="A37639" s="2" t="s">
        <v>22876</v>
      </c>
      <c r="B37639" s="6">
        <v>626606.1</v>
      </c>
      <c r="C37639" s="7">
        <f t="shared" si="588"/>
        <v>626.60609999999997</v>
      </c>
    </row>
    <row r="37640" spans="1:3" x14ac:dyDescent="0.25">
      <c r="A37640" s="2" t="s">
        <v>22877</v>
      </c>
      <c r="B37640" s="6">
        <v>626622.75</v>
      </c>
      <c r="C37640" s="7">
        <f t="shared" si="588"/>
        <v>626.62275</v>
      </c>
    </row>
    <row r="37641" spans="1:3" x14ac:dyDescent="0.25">
      <c r="A37641" s="2" t="s">
        <v>22878</v>
      </c>
      <c r="B37641" s="6">
        <v>626639.39999999991</v>
      </c>
      <c r="C37641" s="7">
        <f t="shared" si="588"/>
        <v>626.63939999999991</v>
      </c>
    </row>
    <row r="37642" spans="1:3" x14ac:dyDescent="0.25">
      <c r="A37642" s="2" t="s">
        <v>22879</v>
      </c>
      <c r="B37642" s="6">
        <v>626656.04999999993</v>
      </c>
      <c r="C37642" s="7">
        <f t="shared" si="588"/>
        <v>626.65604999999994</v>
      </c>
    </row>
    <row r="37643" spans="1:3" x14ac:dyDescent="0.25">
      <c r="A37643" s="2" t="s">
        <v>22880</v>
      </c>
      <c r="B37643" s="6">
        <v>626672.69999999995</v>
      </c>
      <c r="C37643" s="7">
        <f t="shared" si="588"/>
        <v>626.67269999999996</v>
      </c>
    </row>
    <row r="37644" spans="1:3" x14ac:dyDescent="0.25">
      <c r="A37644" s="2" t="s">
        <v>22881</v>
      </c>
      <c r="B37644" s="6">
        <v>626689.35</v>
      </c>
      <c r="C37644" s="7">
        <f t="shared" si="588"/>
        <v>626.68934999999999</v>
      </c>
    </row>
    <row r="37645" spans="1:3" x14ac:dyDescent="0.25">
      <c r="A37645" s="2" t="s">
        <v>22882</v>
      </c>
      <c r="B37645" s="6">
        <v>626706</v>
      </c>
      <c r="C37645" s="7">
        <f t="shared" si="588"/>
        <v>626.70600000000002</v>
      </c>
    </row>
    <row r="37646" spans="1:3" x14ac:dyDescent="0.25">
      <c r="A37646" s="2" t="s">
        <v>22883</v>
      </c>
      <c r="B37646" s="6">
        <v>626722.64999999991</v>
      </c>
      <c r="C37646" s="7">
        <f t="shared" si="588"/>
        <v>626.72264999999993</v>
      </c>
    </row>
    <row r="37647" spans="1:3" x14ac:dyDescent="0.25">
      <c r="A37647" s="2" t="s">
        <v>22884</v>
      </c>
      <c r="B37647" s="6">
        <v>626739.29999999993</v>
      </c>
      <c r="C37647" s="7">
        <f t="shared" si="588"/>
        <v>626.73929999999996</v>
      </c>
    </row>
    <row r="37648" spans="1:3" x14ac:dyDescent="0.25">
      <c r="A37648" s="2" t="s">
        <v>22885</v>
      </c>
      <c r="B37648" s="6">
        <v>626755.94999999995</v>
      </c>
      <c r="C37648" s="7">
        <f t="shared" si="588"/>
        <v>626.75594999999998</v>
      </c>
    </row>
    <row r="37649" spans="1:3" x14ac:dyDescent="0.25">
      <c r="A37649" s="2" t="s">
        <v>22886</v>
      </c>
      <c r="B37649" s="6">
        <v>626772.6</v>
      </c>
      <c r="C37649" s="7">
        <f t="shared" si="588"/>
        <v>626.77260000000001</v>
      </c>
    </row>
    <row r="37650" spans="1:3" x14ac:dyDescent="0.25">
      <c r="A37650" s="2" t="s">
        <v>22887</v>
      </c>
      <c r="B37650" s="6">
        <v>626789.25</v>
      </c>
      <c r="C37650" s="7">
        <f t="shared" si="588"/>
        <v>626.78925000000004</v>
      </c>
    </row>
    <row r="37651" spans="1:3" x14ac:dyDescent="0.25">
      <c r="A37651" s="2" t="s">
        <v>22888</v>
      </c>
      <c r="B37651" s="6">
        <v>626805.89999999991</v>
      </c>
      <c r="C37651" s="7">
        <f t="shared" si="588"/>
        <v>626.80589999999995</v>
      </c>
    </row>
    <row r="37652" spans="1:3" x14ac:dyDescent="0.25">
      <c r="A37652" s="2" t="s">
        <v>22889</v>
      </c>
      <c r="B37652" s="6">
        <v>626822.54999999993</v>
      </c>
      <c r="C37652" s="7">
        <f t="shared" si="588"/>
        <v>626.82254999999998</v>
      </c>
    </row>
    <row r="37653" spans="1:3" x14ac:dyDescent="0.25">
      <c r="A37653" s="2" t="s">
        <v>22890</v>
      </c>
      <c r="B37653" s="6">
        <v>626839.19999999995</v>
      </c>
      <c r="C37653" s="7">
        <f t="shared" si="588"/>
        <v>626.83920000000001</v>
      </c>
    </row>
    <row r="37654" spans="1:3" x14ac:dyDescent="0.25">
      <c r="A37654" s="2" t="s">
        <v>22891</v>
      </c>
      <c r="B37654" s="6">
        <v>626855.85</v>
      </c>
      <c r="C37654" s="7">
        <f t="shared" si="588"/>
        <v>626.85585000000003</v>
      </c>
    </row>
    <row r="37655" spans="1:3" x14ac:dyDescent="0.25">
      <c r="A37655" s="2" t="s">
        <v>22892</v>
      </c>
      <c r="B37655" s="6">
        <v>626872.5</v>
      </c>
      <c r="C37655" s="7">
        <f t="shared" si="588"/>
        <v>626.87249999999995</v>
      </c>
    </row>
    <row r="37656" spans="1:3" x14ac:dyDescent="0.25">
      <c r="A37656" s="2" t="s">
        <v>22893</v>
      </c>
      <c r="B37656" s="6">
        <v>626889.14999999991</v>
      </c>
      <c r="C37656" s="7">
        <f t="shared" si="588"/>
        <v>626.88914999999986</v>
      </c>
    </row>
    <row r="37657" spans="1:3" x14ac:dyDescent="0.25">
      <c r="A37657" s="2" t="s">
        <v>22894</v>
      </c>
      <c r="B37657" s="6">
        <v>626905.79999999993</v>
      </c>
      <c r="C37657" s="7">
        <f t="shared" si="588"/>
        <v>626.90579999999989</v>
      </c>
    </row>
    <row r="37658" spans="1:3" x14ac:dyDescent="0.25">
      <c r="A37658" s="2" t="s">
        <v>22895</v>
      </c>
      <c r="B37658" s="6">
        <v>626922.44999999995</v>
      </c>
      <c r="C37658" s="7">
        <f t="shared" si="588"/>
        <v>626.92244999999991</v>
      </c>
    </row>
    <row r="37659" spans="1:3" x14ac:dyDescent="0.25">
      <c r="A37659" s="2" t="s">
        <v>22896</v>
      </c>
      <c r="B37659" s="6">
        <v>626939.1</v>
      </c>
      <c r="C37659" s="7">
        <f t="shared" si="588"/>
        <v>626.93909999999994</v>
      </c>
    </row>
    <row r="37660" spans="1:3" x14ac:dyDescent="0.25">
      <c r="A37660" s="2" t="s">
        <v>22897</v>
      </c>
      <c r="B37660" s="6">
        <v>626955.75</v>
      </c>
      <c r="C37660" s="7">
        <f t="shared" si="588"/>
        <v>626.95574999999997</v>
      </c>
    </row>
    <row r="37661" spans="1:3" x14ac:dyDescent="0.25">
      <c r="A37661" s="2" t="s">
        <v>22898</v>
      </c>
      <c r="B37661" s="6">
        <v>626972.39999999991</v>
      </c>
      <c r="C37661" s="7">
        <f t="shared" si="588"/>
        <v>626.97239999999988</v>
      </c>
    </row>
    <row r="37662" spans="1:3" x14ac:dyDescent="0.25">
      <c r="A37662" s="2" t="s">
        <v>22899</v>
      </c>
      <c r="B37662" s="6">
        <v>626989.04999999993</v>
      </c>
      <c r="C37662" s="7">
        <f t="shared" si="588"/>
        <v>626.98904999999991</v>
      </c>
    </row>
    <row r="37663" spans="1:3" x14ac:dyDescent="0.25">
      <c r="A37663" s="2" t="s">
        <v>22900</v>
      </c>
      <c r="B37663" s="6">
        <v>627005.69999999995</v>
      </c>
      <c r="C37663" s="7">
        <f t="shared" si="588"/>
        <v>627.00569999999993</v>
      </c>
    </row>
    <row r="37664" spans="1:3" x14ac:dyDescent="0.25">
      <c r="A37664" s="2" t="s">
        <v>22901</v>
      </c>
      <c r="B37664" s="6">
        <v>627022.35</v>
      </c>
      <c r="C37664" s="7">
        <f t="shared" si="588"/>
        <v>627.02234999999996</v>
      </c>
    </row>
    <row r="37665" spans="1:3" x14ac:dyDescent="0.25">
      <c r="A37665" s="2" t="s">
        <v>22902</v>
      </c>
      <c r="B37665" s="6">
        <v>627039</v>
      </c>
      <c r="C37665" s="7">
        <f t="shared" si="588"/>
        <v>627.03899999999999</v>
      </c>
    </row>
    <row r="37666" spans="1:3" x14ac:dyDescent="0.25">
      <c r="A37666" s="2" t="s">
        <v>22903</v>
      </c>
      <c r="B37666" s="6">
        <v>627055.64999999991</v>
      </c>
      <c r="C37666" s="7">
        <f t="shared" si="588"/>
        <v>627.0556499999999</v>
      </c>
    </row>
    <row r="37667" spans="1:3" x14ac:dyDescent="0.25">
      <c r="A37667" s="2" t="s">
        <v>22904</v>
      </c>
      <c r="B37667" s="6">
        <v>627072.29999999993</v>
      </c>
      <c r="C37667" s="7">
        <f t="shared" si="588"/>
        <v>627.07229999999993</v>
      </c>
    </row>
    <row r="37668" spans="1:3" x14ac:dyDescent="0.25">
      <c r="A37668" s="2" t="s">
        <v>22905</v>
      </c>
      <c r="B37668" s="6">
        <v>627088.94999999995</v>
      </c>
      <c r="C37668" s="7">
        <f t="shared" si="588"/>
        <v>627.08894999999995</v>
      </c>
    </row>
    <row r="37669" spans="1:3" x14ac:dyDescent="0.25">
      <c r="A37669" s="2" t="s">
        <v>22906</v>
      </c>
      <c r="B37669" s="6">
        <v>627105.6</v>
      </c>
      <c r="C37669" s="7">
        <f t="shared" si="588"/>
        <v>627.10559999999998</v>
      </c>
    </row>
    <row r="37670" spans="1:3" x14ac:dyDescent="0.25">
      <c r="A37670" s="2" t="s">
        <v>22907</v>
      </c>
      <c r="B37670" s="6">
        <v>627122.25</v>
      </c>
      <c r="C37670" s="7">
        <f t="shared" si="588"/>
        <v>627.12225000000001</v>
      </c>
    </row>
    <row r="37671" spans="1:3" x14ac:dyDescent="0.25">
      <c r="A37671" s="2" t="s">
        <v>22908</v>
      </c>
      <c r="B37671" s="6">
        <v>627138.89999999991</v>
      </c>
      <c r="C37671" s="7">
        <f t="shared" si="588"/>
        <v>627.13889999999992</v>
      </c>
    </row>
    <row r="37672" spans="1:3" x14ac:dyDescent="0.25">
      <c r="A37672" s="2" t="s">
        <v>22909</v>
      </c>
      <c r="B37672" s="6">
        <v>627155.54999999993</v>
      </c>
      <c r="C37672" s="7">
        <f t="shared" si="588"/>
        <v>627.15554999999995</v>
      </c>
    </row>
    <row r="37673" spans="1:3" x14ac:dyDescent="0.25">
      <c r="A37673" s="2" t="s">
        <v>22910</v>
      </c>
      <c r="B37673" s="6">
        <v>627172.19999999995</v>
      </c>
      <c r="C37673" s="7">
        <f t="shared" si="588"/>
        <v>627.17219999999998</v>
      </c>
    </row>
    <row r="37674" spans="1:3" x14ac:dyDescent="0.25">
      <c r="A37674" s="2" t="s">
        <v>22911</v>
      </c>
      <c r="B37674" s="6">
        <v>627188.85</v>
      </c>
      <c r="C37674" s="7">
        <f t="shared" si="588"/>
        <v>627.18885</v>
      </c>
    </row>
    <row r="37675" spans="1:3" x14ac:dyDescent="0.25">
      <c r="A37675" s="2" t="s">
        <v>22912</v>
      </c>
      <c r="B37675" s="6">
        <v>627205.5</v>
      </c>
      <c r="C37675" s="7">
        <f t="shared" si="588"/>
        <v>627.20550000000003</v>
      </c>
    </row>
    <row r="37676" spans="1:3" x14ac:dyDescent="0.25">
      <c r="A37676" s="2" t="s">
        <v>22913</v>
      </c>
      <c r="B37676" s="6">
        <v>627222.14999999991</v>
      </c>
      <c r="C37676" s="7">
        <f t="shared" si="588"/>
        <v>627.22214999999994</v>
      </c>
    </row>
    <row r="37677" spans="1:3" x14ac:dyDescent="0.25">
      <c r="A37677" s="2" t="s">
        <v>22914</v>
      </c>
      <c r="B37677" s="6">
        <v>627238.79999999993</v>
      </c>
      <c r="C37677" s="7">
        <f t="shared" si="588"/>
        <v>627.23879999999997</v>
      </c>
    </row>
    <row r="37678" spans="1:3" x14ac:dyDescent="0.25">
      <c r="A37678" s="2" t="s">
        <v>22915</v>
      </c>
      <c r="B37678" s="6">
        <v>627255.44999999995</v>
      </c>
      <c r="C37678" s="7">
        <f t="shared" si="588"/>
        <v>627.25545</v>
      </c>
    </row>
    <row r="37679" spans="1:3" x14ac:dyDescent="0.25">
      <c r="A37679" s="2" t="s">
        <v>22916</v>
      </c>
      <c r="B37679" s="6">
        <v>627272.1</v>
      </c>
      <c r="C37679" s="7">
        <f t="shared" si="588"/>
        <v>627.27210000000002</v>
      </c>
    </row>
    <row r="37680" spans="1:3" x14ac:dyDescent="0.25">
      <c r="A37680" s="2" t="s">
        <v>22917</v>
      </c>
      <c r="B37680" s="6">
        <v>627288.75</v>
      </c>
      <c r="C37680" s="7">
        <f t="shared" si="588"/>
        <v>627.28875000000005</v>
      </c>
    </row>
    <row r="37681" spans="1:3" x14ac:dyDescent="0.25">
      <c r="A37681" s="2" t="s">
        <v>22918</v>
      </c>
      <c r="B37681" s="6">
        <v>627305.39999999991</v>
      </c>
      <c r="C37681" s="7">
        <f t="shared" si="588"/>
        <v>627.30539999999996</v>
      </c>
    </row>
    <row r="37682" spans="1:3" x14ac:dyDescent="0.25">
      <c r="A37682" s="2" t="s">
        <v>22919</v>
      </c>
      <c r="B37682" s="6">
        <v>627322.04999999993</v>
      </c>
      <c r="C37682" s="7">
        <f t="shared" si="588"/>
        <v>627.32204999999988</v>
      </c>
    </row>
    <row r="37683" spans="1:3" x14ac:dyDescent="0.25">
      <c r="A37683" s="2" t="s">
        <v>22920</v>
      </c>
      <c r="B37683" s="6">
        <v>627338.69999999995</v>
      </c>
      <c r="C37683" s="7">
        <f t="shared" si="588"/>
        <v>627.3386999999999</v>
      </c>
    </row>
    <row r="37684" spans="1:3" x14ac:dyDescent="0.25">
      <c r="A37684" s="2" t="s">
        <v>22921</v>
      </c>
      <c r="B37684" s="6">
        <v>627355.35</v>
      </c>
      <c r="C37684" s="7">
        <f t="shared" si="588"/>
        <v>627.35534999999993</v>
      </c>
    </row>
    <row r="37685" spans="1:3" x14ac:dyDescent="0.25">
      <c r="A37685" s="2" t="s">
        <v>22922</v>
      </c>
      <c r="B37685" s="6">
        <v>627372</v>
      </c>
      <c r="C37685" s="7">
        <f t="shared" si="588"/>
        <v>627.37199999999996</v>
      </c>
    </row>
    <row r="37686" spans="1:3" x14ac:dyDescent="0.25">
      <c r="A37686" s="2" t="s">
        <v>22923</v>
      </c>
      <c r="B37686" s="6">
        <v>627388.64999999991</v>
      </c>
      <c r="C37686" s="7">
        <f t="shared" si="588"/>
        <v>627.38864999999987</v>
      </c>
    </row>
    <row r="37687" spans="1:3" x14ac:dyDescent="0.25">
      <c r="A37687" s="2" t="s">
        <v>22924</v>
      </c>
      <c r="B37687" s="6">
        <v>627405.29999999993</v>
      </c>
      <c r="C37687" s="7">
        <f t="shared" si="588"/>
        <v>627.4052999999999</v>
      </c>
    </row>
    <row r="37688" spans="1:3" x14ac:dyDescent="0.25">
      <c r="A37688" s="2" t="s">
        <v>22925</v>
      </c>
      <c r="B37688" s="6">
        <v>627421.94999999995</v>
      </c>
      <c r="C37688" s="7">
        <f t="shared" si="588"/>
        <v>627.42194999999992</v>
      </c>
    </row>
    <row r="37689" spans="1:3" x14ac:dyDescent="0.25">
      <c r="A37689" s="2" t="s">
        <v>22926</v>
      </c>
      <c r="B37689" s="6">
        <v>627438.6</v>
      </c>
      <c r="C37689" s="7">
        <f t="shared" si="588"/>
        <v>627.43859999999995</v>
      </c>
    </row>
    <row r="37690" spans="1:3" x14ac:dyDescent="0.25">
      <c r="A37690" s="2" t="s">
        <v>22927</v>
      </c>
      <c r="B37690" s="6">
        <v>627455.25</v>
      </c>
      <c r="C37690" s="7">
        <f t="shared" si="588"/>
        <v>627.45524999999998</v>
      </c>
    </row>
    <row r="37691" spans="1:3" x14ac:dyDescent="0.25">
      <c r="A37691" s="2" t="s">
        <v>22928</v>
      </c>
      <c r="B37691" s="6">
        <v>627471.89999999991</v>
      </c>
      <c r="C37691" s="7">
        <f t="shared" si="588"/>
        <v>627.47189999999989</v>
      </c>
    </row>
    <row r="37692" spans="1:3" x14ac:dyDescent="0.25">
      <c r="A37692" s="2" t="s">
        <v>22929</v>
      </c>
      <c r="B37692" s="6">
        <v>627488.54999999993</v>
      </c>
      <c r="C37692" s="7">
        <f t="shared" si="588"/>
        <v>627.48854999999992</v>
      </c>
    </row>
    <row r="37693" spans="1:3" x14ac:dyDescent="0.25">
      <c r="A37693" s="2" t="s">
        <v>22930</v>
      </c>
      <c r="B37693" s="6">
        <v>627505.19999999995</v>
      </c>
      <c r="C37693" s="7">
        <f t="shared" si="588"/>
        <v>627.50519999999995</v>
      </c>
    </row>
    <row r="37694" spans="1:3" x14ac:dyDescent="0.25">
      <c r="A37694" s="2" t="s">
        <v>22931</v>
      </c>
      <c r="B37694" s="6">
        <v>627521.85</v>
      </c>
      <c r="C37694" s="7">
        <f t="shared" si="588"/>
        <v>627.52184999999997</v>
      </c>
    </row>
    <row r="37695" spans="1:3" x14ac:dyDescent="0.25">
      <c r="A37695" s="2" t="s">
        <v>22932</v>
      </c>
      <c r="B37695" s="6">
        <v>627538.5</v>
      </c>
      <c r="C37695" s="7">
        <f t="shared" si="588"/>
        <v>627.5385</v>
      </c>
    </row>
    <row r="37696" spans="1:3" x14ac:dyDescent="0.25">
      <c r="A37696" s="2" t="s">
        <v>22933</v>
      </c>
      <c r="B37696" s="6">
        <v>627555.14999999991</v>
      </c>
      <c r="C37696" s="7">
        <f t="shared" si="588"/>
        <v>627.55514999999991</v>
      </c>
    </row>
    <row r="37697" spans="1:3" x14ac:dyDescent="0.25">
      <c r="A37697" s="2" t="s">
        <v>22934</v>
      </c>
      <c r="B37697" s="6">
        <v>627571.79999999993</v>
      </c>
      <c r="C37697" s="7">
        <f t="shared" si="588"/>
        <v>627.57179999999994</v>
      </c>
    </row>
    <row r="37698" spans="1:3" x14ac:dyDescent="0.25">
      <c r="A37698" s="2" t="s">
        <v>22935</v>
      </c>
      <c r="B37698" s="6">
        <v>627588.44999999995</v>
      </c>
      <c r="C37698" s="7">
        <f t="shared" si="588"/>
        <v>627.58844999999997</v>
      </c>
    </row>
    <row r="37699" spans="1:3" x14ac:dyDescent="0.25">
      <c r="A37699" s="2" t="s">
        <v>22936</v>
      </c>
      <c r="B37699" s="6">
        <v>627605.1</v>
      </c>
      <c r="C37699" s="7">
        <f t="shared" ref="C37699:C37762" si="589">B37699/1000</f>
        <v>627.60509999999999</v>
      </c>
    </row>
    <row r="37700" spans="1:3" x14ac:dyDescent="0.25">
      <c r="A37700" s="2" t="s">
        <v>22937</v>
      </c>
      <c r="B37700" s="6">
        <v>627621.75</v>
      </c>
      <c r="C37700" s="7">
        <f t="shared" si="589"/>
        <v>627.62175000000002</v>
      </c>
    </row>
    <row r="37701" spans="1:3" x14ac:dyDescent="0.25">
      <c r="A37701" s="2" t="s">
        <v>22938</v>
      </c>
      <c r="B37701" s="6">
        <v>627638.39999999991</v>
      </c>
      <c r="C37701" s="7">
        <f t="shared" si="589"/>
        <v>627.63839999999993</v>
      </c>
    </row>
    <row r="37702" spans="1:3" x14ac:dyDescent="0.25">
      <c r="A37702" s="2" t="s">
        <v>22939</v>
      </c>
      <c r="B37702" s="6">
        <v>627655.04999999993</v>
      </c>
      <c r="C37702" s="7">
        <f t="shared" si="589"/>
        <v>627.65504999999996</v>
      </c>
    </row>
    <row r="37703" spans="1:3" x14ac:dyDescent="0.25">
      <c r="A37703" s="2" t="s">
        <v>22940</v>
      </c>
      <c r="B37703" s="6">
        <v>627671.69999999995</v>
      </c>
      <c r="C37703" s="7">
        <f t="shared" si="589"/>
        <v>627.67169999999999</v>
      </c>
    </row>
    <row r="37704" spans="1:3" x14ac:dyDescent="0.25">
      <c r="A37704" s="2" t="s">
        <v>22941</v>
      </c>
      <c r="B37704" s="6">
        <v>627688.35</v>
      </c>
      <c r="C37704" s="7">
        <f t="shared" si="589"/>
        <v>627.68835000000001</v>
      </c>
    </row>
    <row r="37705" spans="1:3" x14ac:dyDescent="0.25">
      <c r="A37705" s="2" t="s">
        <v>22942</v>
      </c>
      <c r="B37705" s="6">
        <v>627705</v>
      </c>
      <c r="C37705" s="7">
        <f t="shared" si="589"/>
        <v>627.70500000000004</v>
      </c>
    </row>
    <row r="37706" spans="1:3" x14ac:dyDescent="0.25">
      <c r="A37706" s="2" t="s">
        <v>22943</v>
      </c>
      <c r="B37706" s="6">
        <v>627721.64999999991</v>
      </c>
      <c r="C37706" s="7">
        <f t="shared" si="589"/>
        <v>627.72164999999995</v>
      </c>
    </row>
    <row r="37707" spans="1:3" x14ac:dyDescent="0.25">
      <c r="A37707" s="2" t="s">
        <v>22944</v>
      </c>
      <c r="B37707" s="6">
        <v>627738.29999999993</v>
      </c>
      <c r="C37707" s="7">
        <f t="shared" si="589"/>
        <v>627.73829999999998</v>
      </c>
    </row>
    <row r="37708" spans="1:3" x14ac:dyDescent="0.25">
      <c r="A37708" s="2" t="s">
        <v>22945</v>
      </c>
      <c r="B37708" s="6">
        <v>627754.94999999995</v>
      </c>
      <c r="C37708" s="7">
        <f t="shared" si="589"/>
        <v>627.75495000000001</v>
      </c>
    </row>
    <row r="37709" spans="1:3" x14ac:dyDescent="0.25">
      <c r="A37709" s="2" t="s">
        <v>22946</v>
      </c>
      <c r="B37709" s="6">
        <v>627771.6</v>
      </c>
      <c r="C37709" s="7">
        <f t="shared" si="589"/>
        <v>627.77159999999992</v>
      </c>
    </row>
    <row r="37710" spans="1:3" x14ac:dyDescent="0.25">
      <c r="A37710" s="2" t="s">
        <v>22947</v>
      </c>
      <c r="B37710" s="6">
        <v>627788.25</v>
      </c>
      <c r="C37710" s="7">
        <f t="shared" si="589"/>
        <v>627.78824999999995</v>
      </c>
    </row>
    <row r="37711" spans="1:3" x14ac:dyDescent="0.25">
      <c r="A37711" s="2" t="s">
        <v>22948</v>
      </c>
      <c r="B37711" s="6">
        <v>627804.89999999991</v>
      </c>
      <c r="C37711" s="7">
        <f t="shared" si="589"/>
        <v>627.80489999999986</v>
      </c>
    </row>
    <row r="37712" spans="1:3" x14ac:dyDescent="0.25">
      <c r="A37712" s="2" t="s">
        <v>22949</v>
      </c>
      <c r="B37712" s="6">
        <v>627821.54999999993</v>
      </c>
      <c r="C37712" s="7">
        <f t="shared" si="589"/>
        <v>627.82154999999989</v>
      </c>
    </row>
    <row r="37713" spans="1:3" x14ac:dyDescent="0.25">
      <c r="A37713" s="2" t="s">
        <v>22950</v>
      </c>
      <c r="B37713" s="6">
        <v>627838.19999999995</v>
      </c>
      <c r="C37713" s="7">
        <f t="shared" si="589"/>
        <v>627.83819999999992</v>
      </c>
    </row>
    <row r="37714" spans="1:3" x14ac:dyDescent="0.25">
      <c r="A37714" s="2" t="s">
        <v>22951</v>
      </c>
      <c r="B37714" s="6">
        <v>627854.85</v>
      </c>
      <c r="C37714" s="7">
        <f t="shared" si="589"/>
        <v>627.85484999999994</v>
      </c>
    </row>
    <row r="37715" spans="1:3" x14ac:dyDescent="0.25">
      <c r="A37715" s="2" t="s">
        <v>22952</v>
      </c>
      <c r="B37715" s="6">
        <v>627871.5</v>
      </c>
      <c r="C37715" s="7">
        <f t="shared" si="589"/>
        <v>627.87149999999997</v>
      </c>
    </row>
    <row r="37716" spans="1:3" x14ac:dyDescent="0.25">
      <c r="A37716" s="2" t="s">
        <v>22953</v>
      </c>
      <c r="B37716" s="6">
        <v>627888.14999999991</v>
      </c>
      <c r="C37716" s="7">
        <f t="shared" si="589"/>
        <v>627.88814999999988</v>
      </c>
    </row>
    <row r="37717" spans="1:3" x14ac:dyDescent="0.25">
      <c r="A37717" s="2" t="s">
        <v>22954</v>
      </c>
      <c r="B37717" s="6">
        <v>627904.79999999993</v>
      </c>
      <c r="C37717" s="7">
        <f t="shared" si="589"/>
        <v>627.90479999999991</v>
      </c>
    </row>
    <row r="37718" spans="1:3" x14ac:dyDescent="0.25">
      <c r="A37718" s="2" t="s">
        <v>22955</v>
      </c>
      <c r="B37718" s="6">
        <v>627921.44999999995</v>
      </c>
      <c r="C37718" s="7">
        <f t="shared" si="589"/>
        <v>627.92144999999994</v>
      </c>
    </row>
    <row r="37719" spans="1:3" x14ac:dyDescent="0.25">
      <c r="A37719" s="2" t="s">
        <v>22956</v>
      </c>
      <c r="B37719" s="6">
        <v>627938.1</v>
      </c>
      <c r="C37719" s="7">
        <f t="shared" si="589"/>
        <v>627.93809999999996</v>
      </c>
    </row>
    <row r="37720" spans="1:3" x14ac:dyDescent="0.25">
      <c r="A37720" s="2" t="s">
        <v>22957</v>
      </c>
      <c r="B37720" s="6">
        <v>627954.75</v>
      </c>
      <c r="C37720" s="7">
        <f t="shared" si="589"/>
        <v>627.95474999999999</v>
      </c>
    </row>
    <row r="37721" spans="1:3" x14ac:dyDescent="0.25">
      <c r="A37721" s="2" t="s">
        <v>22958</v>
      </c>
      <c r="B37721" s="6">
        <v>627971.39999999991</v>
      </c>
      <c r="C37721" s="7">
        <f t="shared" si="589"/>
        <v>627.9713999999999</v>
      </c>
    </row>
    <row r="37722" spans="1:3" x14ac:dyDescent="0.25">
      <c r="A37722" s="2" t="s">
        <v>22959</v>
      </c>
      <c r="B37722" s="6">
        <v>627988.04999999993</v>
      </c>
      <c r="C37722" s="7">
        <f t="shared" si="589"/>
        <v>627.98804999999993</v>
      </c>
    </row>
    <row r="37723" spans="1:3" x14ac:dyDescent="0.25">
      <c r="A37723" s="2" t="s">
        <v>22960</v>
      </c>
      <c r="B37723" s="6">
        <v>628004.69999999995</v>
      </c>
      <c r="C37723" s="7">
        <f t="shared" si="589"/>
        <v>628.00469999999996</v>
      </c>
    </row>
    <row r="37724" spans="1:3" x14ac:dyDescent="0.25">
      <c r="A37724" s="2" t="s">
        <v>22961</v>
      </c>
      <c r="B37724" s="6">
        <v>628021.35</v>
      </c>
      <c r="C37724" s="7">
        <f t="shared" si="589"/>
        <v>628.02134999999998</v>
      </c>
    </row>
    <row r="37725" spans="1:3" x14ac:dyDescent="0.25">
      <c r="A37725" s="2" t="s">
        <v>22962</v>
      </c>
      <c r="B37725" s="6">
        <v>628038</v>
      </c>
      <c r="C37725" s="7">
        <f t="shared" si="589"/>
        <v>628.03800000000001</v>
      </c>
    </row>
    <row r="37726" spans="1:3" x14ac:dyDescent="0.25">
      <c r="A37726" s="2" t="s">
        <v>22963</v>
      </c>
      <c r="B37726" s="6">
        <v>628054.64999999991</v>
      </c>
      <c r="C37726" s="7">
        <f t="shared" si="589"/>
        <v>628.05464999999992</v>
      </c>
    </row>
    <row r="37727" spans="1:3" x14ac:dyDescent="0.25">
      <c r="A37727" s="2" t="s">
        <v>22964</v>
      </c>
      <c r="B37727" s="6">
        <v>628071.29999999993</v>
      </c>
      <c r="C37727" s="7">
        <f t="shared" si="589"/>
        <v>628.07129999999995</v>
      </c>
    </row>
    <row r="37728" spans="1:3" x14ac:dyDescent="0.25">
      <c r="A37728" s="2" t="s">
        <v>22965</v>
      </c>
      <c r="B37728" s="6">
        <v>628087.94999999995</v>
      </c>
      <c r="C37728" s="7">
        <f t="shared" si="589"/>
        <v>628.08794999999998</v>
      </c>
    </row>
    <row r="37729" spans="1:3" x14ac:dyDescent="0.25">
      <c r="A37729" s="2" t="s">
        <v>22966</v>
      </c>
      <c r="B37729" s="6">
        <v>628104.6</v>
      </c>
      <c r="C37729" s="7">
        <f t="shared" si="589"/>
        <v>628.1046</v>
      </c>
    </row>
    <row r="37730" spans="1:3" x14ac:dyDescent="0.25">
      <c r="A37730" s="2" t="s">
        <v>22967</v>
      </c>
      <c r="B37730" s="6">
        <v>628121.25</v>
      </c>
      <c r="C37730" s="7">
        <f t="shared" si="589"/>
        <v>628.12125000000003</v>
      </c>
    </row>
    <row r="37731" spans="1:3" x14ac:dyDescent="0.25">
      <c r="A37731" s="2" t="s">
        <v>22968</v>
      </c>
      <c r="B37731" s="6">
        <v>628137.89999999991</v>
      </c>
      <c r="C37731" s="7">
        <f t="shared" si="589"/>
        <v>628.13789999999995</v>
      </c>
    </row>
    <row r="37732" spans="1:3" x14ac:dyDescent="0.25">
      <c r="A37732" s="2" t="s">
        <v>22969</v>
      </c>
      <c r="B37732" s="6">
        <v>628154.54999999993</v>
      </c>
      <c r="C37732" s="7">
        <f t="shared" si="589"/>
        <v>628.15454999999997</v>
      </c>
    </row>
    <row r="37733" spans="1:3" x14ac:dyDescent="0.25">
      <c r="A37733" s="2" t="s">
        <v>22970</v>
      </c>
      <c r="B37733" s="6">
        <v>628171.19999999995</v>
      </c>
      <c r="C37733" s="7">
        <f t="shared" si="589"/>
        <v>628.1712</v>
      </c>
    </row>
    <row r="37734" spans="1:3" x14ac:dyDescent="0.25">
      <c r="A37734" s="2" t="s">
        <v>22971</v>
      </c>
      <c r="B37734" s="6">
        <v>628187.85</v>
      </c>
      <c r="C37734" s="7">
        <f t="shared" si="589"/>
        <v>628.18785000000003</v>
      </c>
    </row>
    <row r="37735" spans="1:3" x14ac:dyDescent="0.25">
      <c r="A37735" s="2" t="s">
        <v>22972</v>
      </c>
      <c r="B37735" s="6">
        <v>628204.5</v>
      </c>
      <c r="C37735" s="7">
        <f t="shared" si="589"/>
        <v>628.20450000000005</v>
      </c>
    </row>
    <row r="37736" spans="1:3" x14ac:dyDescent="0.25">
      <c r="A37736" s="2" t="s">
        <v>22973</v>
      </c>
      <c r="B37736" s="6">
        <v>628221.14999999991</v>
      </c>
      <c r="C37736" s="7">
        <f t="shared" si="589"/>
        <v>628.22114999999985</v>
      </c>
    </row>
    <row r="37737" spans="1:3" x14ac:dyDescent="0.25">
      <c r="A37737" s="2" t="s">
        <v>22974</v>
      </c>
      <c r="B37737" s="6">
        <v>628237.79999999993</v>
      </c>
      <c r="C37737" s="7">
        <f t="shared" si="589"/>
        <v>628.23779999999988</v>
      </c>
    </row>
    <row r="37738" spans="1:3" x14ac:dyDescent="0.25">
      <c r="A37738" s="2" t="s">
        <v>22975</v>
      </c>
      <c r="B37738" s="6">
        <v>628254.44999999995</v>
      </c>
      <c r="C37738" s="7">
        <f t="shared" si="589"/>
        <v>628.25444999999991</v>
      </c>
    </row>
    <row r="37739" spans="1:3" x14ac:dyDescent="0.25">
      <c r="A37739" s="2" t="s">
        <v>22976</v>
      </c>
      <c r="B37739" s="6">
        <v>628271.1</v>
      </c>
      <c r="C37739" s="7">
        <f t="shared" si="589"/>
        <v>628.27109999999993</v>
      </c>
    </row>
    <row r="37740" spans="1:3" x14ac:dyDescent="0.25">
      <c r="A37740" s="2" t="s">
        <v>22977</v>
      </c>
      <c r="B37740" s="6">
        <v>628287.75</v>
      </c>
      <c r="C37740" s="7">
        <f t="shared" si="589"/>
        <v>628.28774999999996</v>
      </c>
    </row>
    <row r="37741" spans="1:3" x14ac:dyDescent="0.25">
      <c r="A37741" s="2" t="s">
        <v>22978</v>
      </c>
      <c r="B37741" s="6">
        <v>628304.39999999991</v>
      </c>
      <c r="C37741" s="7">
        <f t="shared" si="589"/>
        <v>628.30439999999987</v>
      </c>
    </row>
    <row r="37742" spans="1:3" x14ac:dyDescent="0.25">
      <c r="A37742" s="2" t="s">
        <v>22979</v>
      </c>
      <c r="B37742" s="6">
        <v>628321.04999999993</v>
      </c>
      <c r="C37742" s="7">
        <f t="shared" si="589"/>
        <v>628.3210499999999</v>
      </c>
    </row>
    <row r="37743" spans="1:3" x14ac:dyDescent="0.25">
      <c r="A37743" s="2" t="s">
        <v>22980</v>
      </c>
      <c r="B37743" s="6">
        <v>628337.69999999995</v>
      </c>
      <c r="C37743" s="7">
        <f t="shared" si="589"/>
        <v>628.33769999999993</v>
      </c>
    </row>
    <row r="37744" spans="1:3" x14ac:dyDescent="0.25">
      <c r="A37744" s="2" t="s">
        <v>22981</v>
      </c>
      <c r="B37744" s="6">
        <v>628354.35</v>
      </c>
      <c r="C37744" s="7">
        <f t="shared" si="589"/>
        <v>628.35434999999995</v>
      </c>
    </row>
    <row r="37745" spans="1:3" x14ac:dyDescent="0.25">
      <c r="A37745" s="2" t="s">
        <v>22982</v>
      </c>
      <c r="B37745" s="6">
        <v>628371</v>
      </c>
      <c r="C37745" s="7">
        <f t="shared" si="589"/>
        <v>628.37099999999998</v>
      </c>
    </row>
    <row r="37746" spans="1:3" x14ac:dyDescent="0.25">
      <c r="A37746" s="2" t="s">
        <v>22983</v>
      </c>
      <c r="B37746" s="6">
        <v>628387.64999999991</v>
      </c>
      <c r="C37746" s="7">
        <f t="shared" si="589"/>
        <v>628.38764999999989</v>
      </c>
    </row>
    <row r="37747" spans="1:3" x14ac:dyDescent="0.25">
      <c r="A37747" s="2" t="s">
        <v>22984</v>
      </c>
      <c r="B37747" s="6">
        <v>628404.29999999993</v>
      </c>
      <c r="C37747" s="7">
        <f t="shared" si="589"/>
        <v>628.40429999999992</v>
      </c>
    </row>
    <row r="37748" spans="1:3" x14ac:dyDescent="0.25">
      <c r="A37748" s="2" t="s">
        <v>22985</v>
      </c>
      <c r="B37748" s="6">
        <v>628420.94999999995</v>
      </c>
      <c r="C37748" s="7">
        <f t="shared" si="589"/>
        <v>628.42094999999995</v>
      </c>
    </row>
    <row r="37749" spans="1:3" x14ac:dyDescent="0.25">
      <c r="A37749" s="2" t="s">
        <v>22986</v>
      </c>
      <c r="B37749" s="6">
        <v>628437.6</v>
      </c>
      <c r="C37749" s="7">
        <f t="shared" si="589"/>
        <v>628.43759999999997</v>
      </c>
    </row>
    <row r="37750" spans="1:3" x14ac:dyDescent="0.25">
      <c r="A37750" s="2" t="s">
        <v>22987</v>
      </c>
      <c r="B37750" s="6">
        <v>628454.25</v>
      </c>
      <c r="C37750" s="7">
        <f t="shared" si="589"/>
        <v>628.45425</v>
      </c>
    </row>
    <row r="37751" spans="1:3" x14ac:dyDescent="0.25">
      <c r="A37751" s="2" t="s">
        <v>22988</v>
      </c>
      <c r="B37751" s="6">
        <v>628470.89999999991</v>
      </c>
      <c r="C37751" s="7">
        <f t="shared" si="589"/>
        <v>628.47089999999992</v>
      </c>
    </row>
    <row r="37752" spans="1:3" x14ac:dyDescent="0.25">
      <c r="A37752" s="2" t="s">
        <v>22989</v>
      </c>
      <c r="B37752" s="6">
        <v>628487.54999999993</v>
      </c>
      <c r="C37752" s="7">
        <f t="shared" si="589"/>
        <v>628.48754999999994</v>
      </c>
    </row>
    <row r="37753" spans="1:3" x14ac:dyDescent="0.25">
      <c r="A37753" s="2" t="s">
        <v>22990</v>
      </c>
      <c r="B37753" s="6">
        <v>628504.19999999995</v>
      </c>
      <c r="C37753" s="7">
        <f t="shared" si="589"/>
        <v>628.50419999999997</v>
      </c>
    </row>
    <row r="37754" spans="1:3" x14ac:dyDescent="0.25">
      <c r="A37754" s="2" t="s">
        <v>22991</v>
      </c>
      <c r="B37754" s="6">
        <v>628520.85</v>
      </c>
      <c r="C37754" s="7">
        <f t="shared" si="589"/>
        <v>628.52085</v>
      </c>
    </row>
    <row r="37755" spans="1:3" x14ac:dyDescent="0.25">
      <c r="A37755" s="2" t="s">
        <v>22992</v>
      </c>
      <c r="B37755" s="6">
        <v>628537.5</v>
      </c>
      <c r="C37755" s="7">
        <f t="shared" si="589"/>
        <v>628.53750000000002</v>
      </c>
    </row>
    <row r="37756" spans="1:3" x14ac:dyDescent="0.25">
      <c r="A37756" s="2" t="s">
        <v>22993</v>
      </c>
      <c r="B37756" s="6">
        <v>628554.14999999991</v>
      </c>
      <c r="C37756" s="7">
        <f t="shared" si="589"/>
        <v>628.55414999999994</v>
      </c>
    </row>
    <row r="37757" spans="1:3" x14ac:dyDescent="0.25">
      <c r="A37757" s="2" t="s">
        <v>22994</v>
      </c>
      <c r="B37757" s="6">
        <v>628570.79999999993</v>
      </c>
      <c r="C37757" s="7">
        <f t="shared" si="589"/>
        <v>628.57079999999996</v>
      </c>
    </row>
    <row r="37758" spans="1:3" x14ac:dyDescent="0.25">
      <c r="A37758" s="2" t="s">
        <v>22995</v>
      </c>
      <c r="B37758" s="6">
        <v>628587.44999999995</v>
      </c>
      <c r="C37758" s="7">
        <f t="shared" si="589"/>
        <v>628.58744999999999</v>
      </c>
    </row>
    <row r="37759" spans="1:3" x14ac:dyDescent="0.25">
      <c r="A37759" s="2" t="s">
        <v>22996</v>
      </c>
      <c r="B37759" s="6">
        <v>628604.1</v>
      </c>
      <c r="C37759" s="7">
        <f t="shared" si="589"/>
        <v>628.60410000000002</v>
      </c>
    </row>
    <row r="37760" spans="1:3" x14ac:dyDescent="0.25">
      <c r="A37760" s="2" t="s">
        <v>22997</v>
      </c>
      <c r="B37760" s="6">
        <v>628620.75</v>
      </c>
      <c r="C37760" s="7">
        <f t="shared" si="589"/>
        <v>628.62075000000004</v>
      </c>
    </row>
    <row r="37761" spans="1:3" x14ac:dyDescent="0.25">
      <c r="A37761" s="2" t="s">
        <v>22998</v>
      </c>
      <c r="B37761" s="6">
        <v>628637.39999999991</v>
      </c>
      <c r="C37761" s="7">
        <f t="shared" si="589"/>
        <v>628.63739999999996</v>
      </c>
    </row>
    <row r="37762" spans="1:3" x14ac:dyDescent="0.25">
      <c r="A37762" s="2" t="s">
        <v>22999</v>
      </c>
      <c r="B37762" s="6">
        <v>628654.04999999993</v>
      </c>
      <c r="C37762" s="7">
        <f t="shared" si="589"/>
        <v>628.65404999999998</v>
      </c>
    </row>
    <row r="37763" spans="1:3" x14ac:dyDescent="0.25">
      <c r="A37763" s="2" t="s">
        <v>23000</v>
      </c>
      <c r="B37763" s="6">
        <v>628670.69999999995</v>
      </c>
      <c r="C37763" s="7">
        <f t="shared" ref="C37763:C37826" si="590">B37763/1000</f>
        <v>628.6706999999999</v>
      </c>
    </row>
    <row r="37764" spans="1:3" x14ac:dyDescent="0.25">
      <c r="A37764" s="2" t="s">
        <v>23001</v>
      </c>
      <c r="B37764" s="6">
        <v>628687.35</v>
      </c>
      <c r="C37764" s="7">
        <f t="shared" si="590"/>
        <v>628.68734999999992</v>
      </c>
    </row>
    <row r="37765" spans="1:3" x14ac:dyDescent="0.25">
      <c r="A37765" s="2" t="s">
        <v>23002</v>
      </c>
      <c r="B37765" s="6">
        <v>628704</v>
      </c>
      <c r="C37765" s="7">
        <f t="shared" si="590"/>
        <v>628.70399999999995</v>
      </c>
    </row>
    <row r="37766" spans="1:3" x14ac:dyDescent="0.25">
      <c r="A37766" s="2" t="s">
        <v>23003</v>
      </c>
      <c r="B37766" s="6">
        <v>628720.64999999991</v>
      </c>
      <c r="C37766" s="7">
        <f t="shared" si="590"/>
        <v>628.72064999999986</v>
      </c>
    </row>
    <row r="37767" spans="1:3" x14ac:dyDescent="0.25">
      <c r="A37767" s="2" t="s">
        <v>23004</v>
      </c>
      <c r="B37767" s="6">
        <v>628737.29999999993</v>
      </c>
      <c r="C37767" s="7">
        <f t="shared" si="590"/>
        <v>628.73729999999989</v>
      </c>
    </row>
    <row r="37768" spans="1:3" x14ac:dyDescent="0.25">
      <c r="A37768" s="2" t="s">
        <v>23005</v>
      </c>
      <c r="B37768" s="6">
        <v>628753.94999999995</v>
      </c>
      <c r="C37768" s="7">
        <f t="shared" si="590"/>
        <v>628.75394999999992</v>
      </c>
    </row>
    <row r="37769" spans="1:3" x14ac:dyDescent="0.25">
      <c r="A37769" s="2" t="s">
        <v>23006</v>
      </c>
      <c r="B37769" s="6">
        <v>628770.6</v>
      </c>
      <c r="C37769" s="7">
        <f t="shared" si="590"/>
        <v>628.77059999999994</v>
      </c>
    </row>
    <row r="37770" spans="1:3" x14ac:dyDescent="0.25">
      <c r="A37770" s="2" t="s">
        <v>23007</v>
      </c>
      <c r="B37770" s="6">
        <v>628787.25</v>
      </c>
      <c r="C37770" s="7">
        <f t="shared" si="590"/>
        <v>628.78724999999997</v>
      </c>
    </row>
    <row r="37771" spans="1:3" x14ac:dyDescent="0.25">
      <c r="A37771" s="2" t="s">
        <v>23008</v>
      </c>
      <c r="B37771" s="6">
        <v>628803.89999999991</v>
      </c>
      <c r="C37771" s="7">
        <f t="shared" si="590"/>
        <v>628.80389999999989</v>
      </c>
    </row>
    <row r="37772" spans="1:3" x14ac:dyDescent="0.25">
      <c r="A37772" s="2" t="s">
        <v>23009</v>
      </c>
      <c r="B37772" s="6">
        <v>628820.54999999993</v>
      </c>
      <c r="C37772" s="7">
        <f t="shared" si="590"/>
        <v>628.82054999999991</v>
      </c>
    </row>
    <row r="37773" spans="1:3" x14ac:dyDescent="0.25">
      <c r="A37773" s="2" t="s">
        <v>23010</v>
      </c>
      <c r="B37773" s="6">
        <v>628837.19999999995</v>
      </c>
      <c r="C37773" s="7">
        <f t="shared" si="590"/>
        <v>628.83719999999994</v>
      </c>
    </row>
    <row r="37774" spans="1:3" x14ac:dyDescent="0.25">
      <c r="A37774" s="2" t="s">
        <v>23011</v>
      </c>
      <c r="B37774" s="6">
        <v>628853.85</v>
      </c>
      <c r="C37774" s="7">
        <f t="shared" si="590"/>
        <v>628.85384999999997</v>
      </c>
    </row>
    <row r="37775" spans="1:3" x14ac:dyDescent="0.25">
      <c r="A37775" s="2" t="s">
        <v>23012</v>
      </c>
      <c r="B37775" s="6">
        <v>628870.5</v>
      </c>
      <c r="C37775" s="7">
        <f t="shared" si="590"/>
        <v>628.87049999999999</v>
      </c>
    </row>
    <row r="37776" spans="1:3" x14ac:dyDescent="0.25">
      <c r="A37776" s="2" t="s">
        <v>23013</v>
      </c>
      <c r="B37776" s="6">
        <v>628887.14999999991</v>
      </c>
      <c r="C37776" s="7">
        <f t="shared" si="590"/>
        <v>628.88714999999991</v>
      </c>
    </row>
    <row r="37777" spans="1:3" x14ac:dyDescent="0.25">
      <c r="A37777" s="2" t="s">
        <v>23014</v>
      </c>
      <c r="B37777" s="6">
        <v>628903.79999999993</v>
      </c>
      <c r="C37777" s="7">
        <f t="shared" si="590"/>
        <v>628.90379999999993</v>
      </c>
    </row>
    <row r="37778" spans="1:3" x14ac:dyDescent="0.25">
      <c r="A37778" s="2" t="s">
        <v>23015</v>
      </c>
      <c r="B37778" s="6">
        <v>628920.44999999995</v>
      </c>
      <c r="C37778" s="7">
        <f t="shared" si="590"/>
        <v>628.92044999999996</v>
      </c>
    </row>
    <row r="37779" spans="1:3" x14ac:dyDescent="0.25">
      <c r="A37779" s="2" t="s">
        <v>23016</v>
      </c>
      <c r="B37779" s="6">
        <v>628937.1</v>
      </c>
      <c r="C37779" s="7">
        <f t="shared" si="590"/>
        <v>628.93709999999999</v>
      </c>
    </row>
    <row r="37780" spans="1:3" x14ac:dyDescent="0.25">
      <c r="A37780" s="2" t="s">
        <v>23017</v>
      </c>
      <c r="B37780" s="6">
        <v>628953.75</v>
      </c>
      <c r="C37780" s="7">
        <f t="shared" si="590"/>
        <v>628.95375000000001</v>
      </c>
    </row>
    <row r="37781" spans="1:3" x14ac:dyDescent="0.25">
      <c r="A37781" s="2" t="s">
        <v>23018</v>
      </c>
      <c r="B37781" s="6">
        <v>628970.39999999991</v>
      </c>
      <c r="C37781" s="7">
        <f t="shared" si="590"/>
        <v>628.97039999999993</v>
      </c>
    </row>
    <row r="37782" spans="1:3" x14ac:dyDescent="0.25">
      <c r="A37782" s="2" t="s">
        <v>23019</v>
      </c>
      <c r="B37782" s="6">
        <v>628987.04999999993</v>
      </c>
      <c r="C37782" s="7">
        <f t="shared" si="590"/>
        <v>628.98704999999995</v>
      </c>
    </row>
    <row r="37783" spans="1:3" x14ac:dyDescent="0.25">
      <c r="A37783" s="2" t="s">
        <v>23020</v>
      </c>
      <c r="B37783" s="6">
        <v>629003.69999999995</v>
      </c>
      <c r="C37783" s="7">
        <f t="shared" si="590"/>
        <v>629.00369999999998</v>
      </c>
    </row>
    <row r="37784" spans="1:3" x14ac:dyDescent="0.25">
      <c r="A37784" s="2" t="s">
        <v>23021</v>
      </c>
      <c r="B37784" s="6">
        <v>629020.35</v>
      </c>
      <c r="C37784" s="7">
        <f t="shared" si="590"/>
        <v>629.02035000000001</v>
      </c>
    </row>
    <row r="37785" spans="1:3" x14ac:dyDescent="0.25">
      <c r="A37785" s="2" t="s">
        <v>23022</v>
      </c>
      <c r="B37785" s="6">
        <v>629037</v>
      </c>
      <c r="C37785" s="7">
        <f t="shared" si="590"/>
        <v>629.03700000000003</v>
      </c>
    </row>
    <row r="37786" spans="1:3" x14ac:dyDescent="0.25">
      <c r="A37786" s="2" t="s">
        <v>23023</v>
      </c>
      <c r="B37786" s="6">
        <v>629053.64999999991</v>
      </c>
      <c r="C37786" s="7">
        <f t="shared" si="590"/>
        <v>629.05364999999995</v>
      </c>
    </row>
    <row r="37787" spans="1:3" x14ac:dyDescent="0.25">
      <c r="A37787" s="2" t="s">
        <v>23024</v>
      </c>
      <c r="B37787" s="6">
        <v>629070.29999999993</v>
      </c>
      <c r="C37787" s="7">
        <f t="shared" si="590"/>
        <v>629.07029999999997</v>
      </c>
    </row>
    <row r="37788" spans="1:3" x14ac:dyDescent="0.25">
      <c r="A37788" s="2" t="s">
        <v>23025</v>
      </c>
      <c r="B37788" s="6">
        <v>629086.94999999995</v>
      </c>
      <c r="C37788" s="7">
        <f t="shared" si="590"/>
        <v>629.08695</v>
      </c>
    </row>
    <row r="37789" spans="1:3" x14ac:dyDescent="0.25">
      <c r="A37789" s="2" t="s">
        <v>23026</v>
      </c>
      <c r="B37789" s="6">
        <v>629103.6</v>
      </c>
      <c r="C37789" s="7">
        <f t="shared" si="590"/>
        <v>629.10360000000003</v>
      </c>
    </row>
    <row r="37790" spans="1:3" x14ac:dyDescent="0.25">
      <c r="A37790" s="2" t="s">
        <v>23027</v>
      </c>
      <c r="B37790" s="6">
        <v>629120.25</v>
      </c>
      <c r="C37790" s="7">
        <f t="shared" si="590"/>
        <v>629.12025000000006</v>
      </c>
    </row>
    <row r="37791" spans="1:3" x14ac:dyDescent="0.25">
      <c r="A37791" s="2" t="s">
        <v>23028</v>
      </c>
      <c r="B37791" s="6">
        <v>629136.89999999991</v>
      </c>
      <c r="C37791" s="7">
        <f t="shared" si="590"/>
        <v>629.13689999999986</v>
      </c>
    </row>
    <row r="37792" spans="1:3" x14ac:dyDescent="0.25">
      <c r="A37792" s="2" t="s">
        <v>23029</v>
      </c>
      <c r="B37792" s="6">
        <v>629153.54999999993</v>
      </c>
      <c r="C37792" s="7">
        <f t="shared" si="590"/>
        <v>629.15354999999988</v>
      </c>
    </row>
    <row r="37793" spans="1:3" x14ac:dyDescent="0.25">
      <c r="A37793" s="2" t="s">
        <v>23030</v>
      </c>
      <c r="B37793" s="6">
        <v>629170.19999999995</v>
      </c>
      <c r="C37793" s="7">
        <f t="shared" si="590"/>
        <v>629.17019999999991</v>
      </c>
    </row>
    <row r="37794" spans="1:3" x14ac:dyDescent="0.25">
      <c r="A37794" s="2" t="s">
        <v>23031</v>
      </c>
      <c r="B37794" s="6">
        <v>629186.85</v>
      </c>
      <c r="C37794" s="7">
        <f t="shared" si="590"/>
        <v>629.18684999999994</v>
      </c>
    </row>
    <row r="37795" spans="1:3" x14ac:dyDescent="0.25">
      <c r="A37795" s="2" t="s">
        <v>23032</v>
      </c>
      <c r="B37795" s="6">
        <v>629203.5</v>
      </c>
      <c r="C37795" s="7">
        <f t="shared" si="590"/>
        <v>629.20349999999996</v>
      </c>
    </row>
    <row r="37796" spans="1:3" x14ac:dyDescent="0.25">
      <c r="A37796" s="2" t="s">
        <v>23033</v>
      </c>
      <c r="B37796" s="6">
        <v>629220.14999999991</v>
      </c>
      <c r="C37796" s="7">
        <f t="shared" si="590"/>
        <v>629.22014999999988</v>
      </c>
    </row>
    <row r="37797" spans="1:3" x14ac:dyDescent="0.25">
      <c r="A37797" s="2" t="s">
        <v>23034</v>
      </c>
      <c r="B37797" s="6">
        <v>629236.79999999993</v>
      </c>
      <c r="C37797" s="7">
        <f t="shared" si="590"/>
        <v>629.2367999999999</v>
      </c>
    </row>
    <row r="37798" spans="1:3" x14ac:dyDescent="0.25">
      <c r="A37798" s="2" t="s">
        <v>23035</v>
      </c>
      <c r="B37798" s="6">
        <v>629253.44999999995</v>
      </c>
      <c r="C37798" s="7">
        <f t="shared" si="590"/>
        <v>629.25344999999993</v>
      </c>
    </row>
    <row r="37799" spans="1:3" x14ac:dyDescent="0.25">
      <c r="A37799" s="2" t="s">
        <v>23036</v>
      </c>
      <c r="B37799" s="6">
        <v>629270.1</v>
      </c>
      <c r="C37799" s="7">
        <f t="shared" si="590"/>
        <v>629.27009999999996</v>
      </c>
    </row>
    <row r="37800" spans="1:3" x14ac:dyDescent="0.25">
      <c r="A37800" s="2" t="s">
        <v>23037</v>
      </c>
      <c r="B37800" s="6">
        <v>629286.75</v>
      </c>
      <c r="C37800" s="7">
        <f t="shared" si="590"/>
        <v>629.28674999999998</v>
      </c>
    </row>
    <row r="37801" spans="1:3" x14ac:dyDescent="0.25">
      <c r="A37801" s="2" t="s">
        <v>23038</v>
      </c>
      <c r="B37801" s="6">
        <v>629303.39999999991</v>
      </c>
      <c r="C37801" s="7">
        <f t="shared" si="590"/>
        <v>629.3033999999999</v>
      </c>
    </row>
    <row r="37802" spans="1:3" x14ac:dyDescent="0.25">
      <c r="A37802" s="2" t="s">
        <v>23039</v>
      </c>
      <c r="B37802" s="6">
        <v>629320.04999999993</v>
      </c>
      <c r="C37802" s="7">
        <f t="shared" si="590"/>
        <v>629.32004999999992</v>
      </c>
    </row>
    <row r="37803" spans="1:3" x14ac:dyDescent="0.25">
      <c r="A37803" s="2" t="s">
        <v>23040</v>
      </c>
      <c r="B37803" s="6">
        <v>629336.69999999995</v>
      </c>
      <c r="C37803" s="7">
        <f t="shared" si="590"/>
        <v>629.33669999999995</v>
      </c>
    </row>
    <row r="37804" spans="1:3" x14ac:dyDescent="0.25">
      <c r="A37804" s="2" t="s">
        <v>23041</v>
      </c>
      <c r="B37804" s="6">
        <v>629353.35</v>
      </c>
      <c r="C37804" s="7">
        <f t="shared" si="590"/>
        <v>629.35334999999998</v>
      </c>
    </row>
    <row r="37805" spans="1:3" x14ac:dyDescent="0.25">
      <c r="A37805" s="2" t="s">
        <v>23042</v>
      </c>
      <c r="B37805" s="6">
        <v>629370</v>
      </c>
      <c r="C37805" s="7">
        <f t="shared" si="590"/>
        <v>629.37</v>
      </c>
    </row>
    <row r="37806" spans="1:3" x14ac:dyDescent="0.25">
      <c r="A37806" s="2" t="s">
        <v>23043</v>
      </c>
      <c r="B37806" s="6">
        <v>629386.64999999991</v>
      </c>
      <c r="C37806" s="7">
        <f t="shared" si="590"/>
        <v>629.38664999999992</v>
      </c>
    </row>
    <row r="37807" spans="1:3" x14ac:dyDescent="0.25">
      <c r="A37807" s="2" t="s">
        <v>23044</v>
      </c>
      <c r="B37807" s="6">
        <v>629403.29999999993</v>
      </c>
      <c r="C37807" s="7">
        <f t="shared" si="590"/>
        <v>629.40329999999994</v>
      </c>
    </row>
    <row r="37808" spans="1:3" x14ac:dyDescent="0.25">
      <c r="A37808" s="2" t="s">
        <v>23045</v>
      </c>
      <c r="B37808" s="6">
        <v>629419.94999999995</v>
      </c>
      <c r="C37808" s="7">
        <f t="shared" si="590"/>
        <v>629.41994999999997</v>
      </c>
    </row>
    <row r="37809" spans="1:3" x14ac:dyDescent="0.25">
      <c r="A37809" s="2" t="s">
        <v>23046</v>
      </c>
      <c r="B37809" s="6">
        <v>629436.6</v>
      </c>
      <c r="C37809" s="7">
        <f t="shared" si="590"/>
        <v>629.4366</v>
      </c>
    </row>
    <row r="37810" spans="1:3" x14ac:dyDescent="0.25">
      <c r="A37810" s="2" t="s">
        <v>23047</v>
      </c>
      <c r="B37810" s="6">
        <v>629453.25</v>
      </c>
      <c r="C37810" s="7">
        <f t="shared" si="590"/>
        <v>629.45325000000003</v>
      </c>
    </row>
    <row r="37811" spans="1:3" x14ac:dyDescent="0.25">
      <c r="A37811" s="2" t="s">
        <v>23048</v>
      </c>
      <c r="B37811" s="6">
        <v>629469.89999999991</v>
      </c>
      <c r="C37811" s="7">
        <f t="shared" si="590"/>
        <v>629.46989999999994</v>
      </c>
    </row>
    <row r="37812" spans="1:3" x14ac:dyDescent="0.25">
      <c r="A37812" s="2" t="s">
        <v>23049</v>
      </c>
      <c r="B37812" s="6">
        <v>629486.54999999993</v>
      </c>
      <c r="C37812" s="7">
        <f t="shared" si="590"/>
        <v>629.48654999999997</v>
      </c>
    </row>
    <row r="37813" spans="1:3" x14ac:dyDescent="0.25">
      <c r="A37813" s="2" t="s">
        <v>23050</v>
      </c>
      <c r="B37813" s="6">
        <v>629503.19999999995</v>
      </c>
      <c r="C37813" s="7">
        <f t="shared" si="590"/>
        <v>629.50319999999999</v>
      </c>
    </row>
    <row r="37814" spans="1:3" x14ac:dyDescent="0.25">
      <c r="A37814" s="2" t="s">
        <v>23051</v>
      </c>
      <c r="B37814" s="6">
        <v>629519.85</v>
      </c>
      <c r="C37814" s="7">
        <f t="shared" si="590"/>
        <v>629.51985000000002</v>
      </c>
    </row>
    <row r="37815" spans="1:3" x14ac:dyDescent="0.25">
      <c r="A37815" s="2" t="s">
        <v>23052</v>
      </c>
      <c r="B37815" s="6">
        <v>629536.5</v>
      </c>
      <c r="C37815" s="7">
        <f t="shared" si="590"/>
        <v>629.53650000000005</v>
      </c>
    </row>
    <row r="37816" spans="1:3" x14ac:dyDescent="0.25">
      <c r="A37816" s="2" t="s">
        <v>23053</v>
      </c>
      <c r="B37816" s="6">
        <v>629553.14999999991</v>
      </c>
      <c r="C37816" s="7">
        <f t="shared" si="590"/>
        <v>629.55314999999996</v>
      </c>
    </row>
    <row r="37817" spans="1:3" x14ac:dyDescent="0.25">
      <c r="A37817" s="2" t="s">
        <v>23054</v>
      </c>
      <c r="B37817" s="6">
        <v>629569.79999999993</v>
      </c>
      <c r="C37817" s="7">
        <f t="shared" si="590"/>
        <v>629.56979999999999</v>
      </c>
    </row>
    <row r="37818" spans="1:3" x14ac:dyDescent="0.25">
      <c r="A37818" s="2" t="s">
        <v>23055</v>
      </c>
      <c r="B37818" s="6">
        <v>629586.44999999995</v>
      </c>
      <c r="C37818" s="7">
        <f t="shared" si="590"/>
        <v>629.5864499999999</v>
      </c>
    </row>
    <row r="37819" spans="1:3" x14ac:dyDescent="0.25">
      <c r="A37819" s="2" t="s">
        <v>23056</v>
      </c>
      <c r="B37819" s="6">
        <v>629603.1</v>
      </c>
      <c r="C37819" s="7">
        <f t="shared" si="590"/>
        <v>629.60309999999993</v>
      </c>
    </row>
    <row r="37820" spans="1:3" x14ac:dyDescent="0.25">
      <c r="A37820" s="2" t="s">
        <v>23057</v>
      </c>
      <c r="B37820" s="6">
        <v>629619.75</v>
      </c>
      <c r="C37820" s="7">
        <f t="shared" si="590"/>
        <v>629.61974999999995</v>
      </c>
    </row>
    <row r="37821" spans="1:3" x14ac:dyDescent="0.25">
      <c r="A37821" s="2" t="s">
        <v>23058</v>
      </c>
      <c r="B37821" s="6">
        <v>629636.39999999991</v>
      </c>
      <c r="C37821" s="7">
        <f t="shared" si="590"/>
        <v>629.63639999999987</v>
      </c>
    </row>
    <row r="37822" spans="1:3" x14ac:dyDescent="0.25">
      <c r="A37822" s="2" t="s">
        <v>23059</v>
      </c>
      <c r="B37822" s="6">
        <v>629653.04999999993</v>
      </c>
      <c r="C37822" s="7">
        <f t="shared" si="590"/>
        <v>629.65304999999989</v>
      </c>
    </row>
    <row r="37823" spans="1:3" x14ac:dyDescent="0.25">
      <c r="A37823" s="2" t="s">
        <v>23060</v>
      </c>
      <c r="B37823" s="6">
        <v>629669.69999999995</v>
      </c>
      <c r="C37823" s="7">
        <f t="shared" si="590"/>
        <v>629.66969999999992</v>
      </c>
    </row>
    <row r="37824" spans="1:3" x14ac:dyDescent="0.25">
      <c r="A37824" s="2" t="s">
        <v>23061</v>
      </c>
      <c r="B37824" s="6">
        <v>629686.35</v>
      </c>
      <c r="C37824" s="7">
        <f t="shared" si="590"/>
        <v>629.68634999999995</v>
      </c>
    </row>
    <row r="37825" spans="1:3" x14ac:dyDescent="0.25">
      <c r="A37825" s="2" t="s">
        <v>23062</v>
      </c>
      <c r="B37825" s="6">
        <v>629703</v>
      </c>
      <c r="C37825" s="7">
        <f t="shared" si="590"/>
        <v>629.70299999999997</v>
      </c>
    </row>
    <row r="37826" spans="1:3" x14ac:dyDescent="0.25">
      <c r="A37826" s="2" t="s">
        <v>23063</v>
      </c>
      <c r="B37826" s="6">
        <v>629719.64999999991</v>
      </c>
      <c r="C37826" s="7">
        <f t="shared" si="590"/>
        <v>629.71964999999989</v>
      </c>
    </row>
    <row r="37827" spans="1:3" x14ac:dyDescent="0.25">
      <c r="A37827" s="2" t="s">
        <v>23064</v>
      </c>
      <c r="B37827" s="6">
        <v>629736.29999999993</v>
      </c>
      <c r="C37827" s="7">
        <f t="shared" ref="C37827:C37890" si="591">B37827/1000</f>
        <v>629.73629999999991</v>
      </c>
    </row>
    <row r="37828" spans="1:3" x14ac:dyDescent="0.25">
      <c r="A37828" s="2" t="s">
        <v>23065</v>
      </c>
      <c r="B37828" s="6">
        <v>629752.94999999995</v>
      </c>
      <c r="C37828" s="7">
        <f t="shared" si="591"/>
        <v>629.75294999999994</v>
      </c>
    </row>
    <row r="37829" spans="1:3" x14ac:dyDescent="0.25">
      <c r="A37829" s="2" t="s">
        <v>23066</v>
      </c>
      <c r="B37829" s="6">
        <v>629769.6</v>
      </c>
      <c r="C37829" s="7">
        <f t="shared" si="591"/>
        <v>629.76959999999997</v>
      </c>
    </row>
    <row r="37830" spans="1:3" x14ac:dyDescent="0.25">
      <c r="A37830" s="2" t="s">
        <v>23067</v>
      </c>
      <c r="B37830" s="6">
        <v>629786.25</v>
      </c>
      <c r="C37830" s="7">
        <f t="shared" si="591"/>
        <v>629.78625</v>
      </c>
    </row>
    <row r="37831" spans="1:3" x14ac:dyDescent="0.25">
      <c r="A37831" s="2" t="s">
        <v>23068</v>
      </c>
      <c r="B37831" s="6">
        <v>629802.89999999991</v>
      </c>
      <c r="C37831" s="7">
        <f t="shared" si="591"/>
        <v>629.80289999999991</v>
      </c>
    </row>
    <row r="37832" spans="1:3" x14ac:dyDescent="0.25">
      <c r="A37832" s="2" t="s">
        <v>23069</v>
      </c>
      <c r="B37832" s="6">
        <v>629819.54999999993</v>
      </c>
      <c r="C37832" s="7">
        <f t="shared" si="591"/>
        <v>629.81954999999994</v>
      </c>
    </row>
    <row r="37833" spans="1:3" x14ac:dyDescent="0.25">
      <c r="A37833" s="2" t="s">
        <v>23070</v>
      </c>
      <c r="B37833" s="6">
        <v>629836.19999999995</v>
      </c>
      <c r="C37833" s="7">
        <f t="shared" si="591"/>
        <v>629.83619999999996</v>
      </c>
    </row>
    <row r="37834" spans="1:3" x14ac:dyDescent="0.25">
      <c r="A37834" s="2" t="s">
        <v>23071</v>
      </c>
      <c r="B37834" s="6">
        <v>629852.85</v>
      </c>
      <c r="C37834" s="7">
        <f t="shared" si="591"/>
        <v>629.85284999999999</v>
      </c>
    </row>
    <row r="37835" spans="1:3" x14ac:dyDescent="0.25">
      <c r="A37835" s="2" t="s">
        <v>23072</v>
      </c>
      <c r="B37835" s="6">
        <v>629869.5</v>
      </c>
      <c r="C37835" s="7">
        <f t="shared" si="591"/>
        <v>629.86950000000002</v>
      </c>
    </row>
    <row r="37836" spans="1:3" x14ac:dyDescent="0.25">
      <c r="A37836" s="2" t="s">
        <v>23073</v>
      </c>
      <c r="B37836" s="6">
        <v>629886.14999999991</v>
      </c>
      <c r="C37836" s="7">
        <f t="shared" si="591"/>
        <v>629.88614999999993</v>
      </c>
    </row>
    <row r="37837" spans="1:3" x14ac:dyDescent="0.25">
      <c r="A37837" s="2" t="s">
        <v>23074</v>
      </c>
      <c r="B37837" s="6">
        <v>629902.79999999993</v>
      </c>
      <c r="C37837" s="7">
        <f t="shared" si="591"/>
        <v>629.90279999999996</v>
      </c>
    </row>
    <row r="37838" spans="1:3" x14ac:dyDescent="0.25">
      <c r="A37838" s="2" t="s">
        <v>23075</v>
      </c>
      <c r="B37838" s="6">
        <v>629919.44999999995</v>
      </c>
      <c r="C37838" s="7">
        <f t="shared" si="591"/>
        <v>629.91944999999998</v>
      </c>
    </row>
    <row r="37839" spans="1:3" x14ac:dyDescent="0.25">
      <c r="A37839" s="2" t="s">
        <v>23076</v>
      </c>
      <c r="B37839" s="6">
        <v>629936.1</v>
      </c>
      <c r="C37839" s="7">
        <f t="shared" si="591"/>
        <v>629.93610000000001</v>
      </c>
    </row>
    <row r="37840" spans="1:3" x14ac:dyDescent="0.25">
      <c r="A37840" s="2" t="s">
        <v>23077</v>
      </c>
      <c r="B37840" s="6">
        <v>629952.75</v>
      </c>
      <c r="C37840" s="7">
        <f t="shared" si="591"/>
        <v>629.95275000000004</v>
      </c>
    </row>
    <row r="37841" spans="1:3" x14ac:dyDescent="0.25">
      <c r="A37841" s="2" t="s">
        <v>23078</v>
      </c>
      <c r="B37841" s="6">
        <v>629969.39999999991</v>
      </c>
      <c r="C37841" s="7">
        <f t="shared" si="591"/>
        <v>629.96939999999995</v>
      </c>
    </row>
    <row r="37842" spans="1:3" x14ac:dyDescent="0.25">
      <c r="A37842" s="2" t="s">
        <v>23079</v>
      </c>
      <c r="B37842" s="6">
        <v>629986.04999999993</v>
      </c>
      <c r="C37842" s="7">
        <f t="shared" si="591"/>
        <v>629.98604999999998</v>
      </c>
    </row>
    <row r="37843" spans="1:3" x14ac:dyDescent="0.25">
      <c r="A37843" s="2" t="s">
        <v>23080</v>
      </c>
      <c r="B37843" s="6">
        <v>630002.69999999995</v>
      </c>
      <c r="C37843" s="7">
        <f t="shared" si="591"/>
        <v>630.0027</v>
      </c>
    </row>
    <row r="37844" spans="1:3" x14ac:dyDescent="0.25">
      <c r="A37844" s="2" t="s">
        <v>23081</v>
      </c>
      <c r="B37844" s="6">
        <v>630019.35</v>
      </c>
      <c r="C37844" s="7">
        <f t="shared" si="591"/>
        <v>630.01935000000003</v>
      </c>
    </row>
    <row r="37845" spans="1:3" x14ac:dyDescent="0.25">
      <c r="A37845" s="2" t="s">
        <v>23082</v>
      </c>
      <c r="B37845" s="6">
        <v>630036</v>
      </c>
      <c r="C37845" s="7">
        <f t="shared" si="591"/>
        <v>630.03599999999994</v>
      </c>
    </row>
    <row r="37846" spans="1:3" x14ac:dyDescent="0.25">
      <c r="A37846" s="2" t="s">
        <v>23083</v>
      </c>
      <c r="B37846" s="6">
        <v>630052.64999999991</v>
      </c>
      <c r="C37846" s="7">
        <f t="shared" si="591"/>
        <v>630.05264999999986</v>
      </c>
    </row>
    <row r="37847" spans="1:3" x14ac:dyDescent="0.25">
      <c r="A37847" s="2" t="s">
        <v>23084</v>
      </c>
      <c r="B37847" s="6">
        <v>630069.29999999993</v>
      </c>
      <c r="C37847" s="7">
        <f t="shared" si="591"/>
        <v>630.06929999999988</v>
      </c>
    </row>
    <row r="37848" spans="1:3" x14ac:dyDescent="0.25">
      <c r="A37848" s="2" t="s">
        <v>23085</v>
      </c>
      <c r="B37848" s="6">
        <v>630085.94999999995</v>
      </c>
      <c r="C37848" s="7">
        <f t="shared" si="591"/>
        <v>630.08594999999991</v>
      </c>
    </row>
    <row r="37849" spans="1:3" x14ac:dyDescent="0.25">
      <c r="A37849" s="2" t="s">
        <v>23086</v>
      </c>
      <c r="B37849" s="6">
        <v>630102.6</v>
      </c>
      <c r="C37849" s="7">
        <f t="shared" si="591"/>
        <v>630.10259999999994</v>
      </c>
    </row>
    <row r="37850" spans="1:3" x14ac:dyDescent="0.25">
      <c r="A37850" s="2" t="s">
        <v>23087</v>
      </c>
      <c r="B37850" s="6">
        <v>630119.25</v>
      </c>
      <c r="C37850" s="7">
        <f t="shared" si="591"/>
        <v>630.11924999999997</v>
      </c>
    </row>
    <row r="37851" spans="1:3" x14ac:dyDescent="0.25">
      <c r="A37851" s="2" t="s">
        <v>23088</v>
      </c>
      <c r="B37851" s="6">
        <v>630135.89999999991</v>
      </c>
      <c r="C37851" s="7">
        <f t="shared" si="591"/>
        <v>630.13589999999988</v>
      </c>
    </row>
    <row r="37852" spans="1:3" x14ac:dyDescent="0.25">
      <c r="A37852" s="2" t="s">
        <v>23089</v>
      </c>
      <c r="B37852" s="6">
        <v>630152.54999999993</v>
      </c>
      <c r="C37852" s="7">
        <f t="shared" si="591"/>
        <v>630.15254999999991</v>
      </c>
    </row>
    <row r="37853" spans="1:3" x14ac:dyDescent="0.25">
      <c r="A37853" s="2" t="s">
        <v>23090</v>
      </c>
      <c r="B37853" s="6">
        <v>630169.19999999995</v>
      </c>
      <c r="C37853" s="7">
        <f t="shared" si="591"/>
        <v>630.16919999999993</v>
      </c>
    </row>
    <row r="37854" spans="1:3" x14ac:dyDescent="0.25">
      <c r="A37854" s="2" t="s">
        <v>23091</v>
      </c>
      <c r="B37854" s="6">
        <v>630185.85</v>
      </c>
      <c r="C37854" s="7">
        <f t="shared" si="591"/>
        <v>630.18584999999996</v>
      </c>
    </row>
    <row r="37855" spans="1:3" x14ac:dyDescent="0.25">
      <c r="A37855" s="2" t="s">
        <v>23092</v>
      </c>
      <c r="B37855" s="6">
        <v>630202.5</v>
      </c>
      <c r="C37855" s="7">
        <f t="shared" si="591"/>
        <v>630.20249999999999</v>
      </c>
    </row>
    <row r="37856" spans="1:3" x14ac:dyDescent="0.25">
      <c r="A37856" s="2" t="s">
        <v>23093</v>
      </c>
      <c r="B37856" s="6">
        <v>630219.14999999991</v>
      </c>
      <c r="C37856" s="7">
        <f t="shared" si="591"/>
        <v>630.2191499999999</v>
      </c>
    </row>
    <row r="37857" spans="1:3" x14ac:dyDescent="0.25">
      <c r="A37857" s="2" t="s">
        <v>23094</v>
      </c>
      <c r="B37857" s="6">
        <v>630235.79999999993</v>
      </c>
      <c r="C37857" s="7">
        <f t="shared" si="591"/>
        <v>630.23579999999993</v>
      </c>
    </row>
    <row r="37858" spans="1:3" x14ac:dyDescent="0.25">
      <c r="A37858" s="2" t="s">
        <v>23095</v>
      </c>
      <c r="B37858" s="6">
        <v>630252.44999999995</v>
      </c>
      <c r="C37858" s="7">
        <f t="shared" si="591"/>
        <v>630.25244999999995</v>
      </c>
    </row>
    <row r="37859" spans="1:3" x14ac:dyDescent="0.25">
      <c r="A37859" s="2" t="s">
        <v>23096</v>
      </c>
      <c r="B37859" s="6">
        <v>630269.1</v>
      </c>
      <c r="C37859" s="7">
        <f t="shared" si="591"/>
        <v>630.26909999999998</v>
      </c>
    </row>
    <row r="37860" spans="1:3" x14ac:dyDescent="0.25">
      <c r="A37860" s="2" t="s">
        <v>23097</v>
      </c>
      <c r="B37860" s="6">
        <v>630285.75</v>
      </c>
      <c r="C37860" s="7">
        <f t="shared" si="591"/>
        <v>630.28575000000001</v>
      </c>
    </row>
    <row r="37861" spans="1:3" x14ac:dyDescent="0.25">
      <c r="A37861" s="2" t="s">
        <v>23098</v>
      </c>
      <c r="B37861" s="6">
        <v>630302.39999999991</v>
      </c>
      <c r="C37861" s="7">
        <f t="shared" si="591"/>
        <v>630.30239999999992</v>
      </c>
    </row>
    <row r="37862" spans="1:3" x14ac:dyDescent="0.25">
      <c r="A37862" s="2" t="s">
        <v>23099</v>
      </c>
      <c r="B37862" s="6">
        <v>630319.04999999993</v>
      </c>
      <c r="C37862" s="7">
        <f t="shared" si="591"/>
        <v>630.31904999999995</v>
      </c>
    </row>
    <row r="37863" spans="1:3" x14ac:dyDescent="0.25">
      <c r="A37863" s="2" t="s">
        <v>23100</v>
      </c>
      <c r="B37863" s="6">
        <v>630335.69999999995</v>
      </c>
      <c r="C37863" s="7">
        <f t="shared" si="591"/>
        <v>630.33569999999997</v>
      </c>
    </row>
    <row r="37864" spans="1:3" x14ac:dyDescent="0.25">
      <c r="A37864" s="2" t="s">
        <v>23101</v>
      </c>
      <c r="B37864" s="6">
        <v>630352.35</v>
      </c>
      <c r="C37864" s="7">
        <f t="shared" si="591"/>
        <v>630.35235</v>
      </c>
    </row>
    <row r="37865" spans="1:3" x14ac:dyDescent="0.25">
      <c r="A37865" s="2" t="s">
        <v>23102</v>
      </c>
      <c r="B37865" s="6">
        <v>630369</v>
      </c>
      <c r="C37865" s="7">
        <f t="shared" si="591"/>
        <v>630.36900000000003</v>
      </c>
    </row>
    <row r="37866" spans="1:3" x14ac:dyDescent="0.25">
      <c r="A37866" s="2" t="s">
        <v>23103</v>
      </c>
      <c r="B37866" s="6">
        <v>630385.64999999991</v>
      </c>
      <c r="C37866" s="7">
        <f t="shared" si="591"/>
        <v>630.38564999999994</v>
      </c>
    </row>
    <row r="37867" spans="1:3" x14ac:dyDescent="0.25">
      <c r="A37867" s="2" t="s">
        <v>23104</v>
      </c>
      <c r="B37867" s="6">
        <v>630402.29999999993</v>
      </c>
      <c r="C37867" s="7">
        <f t="shared" si="591"/>
        <v>630.40229999999997</v>
      </c>
    </row>
    <row r="37868" spans="1:3" x14ac:dyDescent="0.25">
      <c r="A37868" s="2" t="s">
        <v>23105</v>
      </c>
      <c r="B37868" s="6">
        <v>630418.94999999995</v>
      </c>
      <c r="C37868" s="7">
        <f t="shared" si="591"/>
        <v>630.41895</v>
      </c>
    </row>
    <row r="37869" spans="1:3" x14ac:dyDescent="0.25">
      <c r="A37869" s="2" t="s">
        <v>23106</v>
      </c>
      <c r="B37869" s="6">
        <v>630435.6</v>
      </c>
      <c r="C37869" s="7">
        <f t="shared" si="591"/>
        <v>630.43560000000002</v>
      </c>
    </row>
    <row r="37870" spans="1:3" x14ac:dyDescent="0.25">
      <c r="A37870" s="2" t="s">
        <v>23107</v>
      </c>
      <c r="B37870" s="6">
        <v>630452.25</v>
      </c>
      <c r="C37870" s="7">
        <f t="shared" si="591"/>
        <v>630.45225000000005</v>
      </c>
    </row>
    <row r="37871" spans="1:3" x14ac:dyDescent="0.25">
      <c r="A37871" s="2" t="s">
        <v>23108</v>
      </c>
      <c r="B37871" s="6">
        <v>630468.89999999991</v>
      </c>
      <c r="C37871" s="7">
        <f t="shared" si="591"/>
        <v>630.46889999999996</v>
      </c>
    </row>
    <row r="37872" spans="1:3" x14ac:dyDescent="0.25">
      <c r="A37872" s="2" t="s">
        <v>23109</v>
      </c>
      <c r="B37872" s="6">
        <v>630485.54999999993</v>
      </c>
      <c r="C37872" s="7">
        <f t="shared" si="591"/>
        <v>630.48554999999988</v>
      </c>
    </row>
    <row r="37873" spans="1:3" x14ac:dyDescent="0.25">
      <c r="A37873" s="2" t="s">
        <v>23110</v>
      </c>
      <c r="B37873" s="6">
        <v>630502.19999999995</v>
      </c>
      <c r="C37873" s="7">
        <f t="shared" si="591"/>
        <v>630.5021999999999</v>
      </c>
    </row>
    <row r="37874" spans="1:3" x14ac:dyDescent="0.25">
      <c r="A37874" s="2" t="s">
        <v>23111</v>
      </c>
      <c r="B37874" s="6">
        <v>630518.85</v>
      </c>
      <c r="C37874" s="7">
        <f t="shared" si="591"/>
        <v>630.51884999999993</v>
      </c>
    </row>
    <row r="37875" spans="1:3" x14ac:dyDescent="0.25">
      <c r="A37875" s="2" t="s">
        <v>23112</v>
      </c>
      <c r="B37875" s="6">
        <v>630535.5</v>
      </c>
      <c r="C37875" s="7">
        <f t="shared" si="591"/>
        <v>630.53549999999996</v>
      </c>
    </row>
    <row r="37876" spans="1:3" x14ac:dyDescent="0.25">
      <c r="A37876" s="2" t="s">
        <v>23113</v>
      </c>
      <c r="B37876" s="6">
        <v>630552.14999999991</v>
      </c>
      <c r="C37876" s="7">
        <f t="shared" si="591"/>
        <v>630.55214999999987</v>
      </c>
    </row>
    <row r="37877" spans="1:3" x14ac:dyDescent="0.25">
      <c r="A37877" s="2" t="s">
        <v>23114</v>
      </c>
      <c r="B37877" s="6">
        <v>630568.79999999993</v>
      </c>
      <c r="C37877" s="7">
        <f t="shared" si="591"/>
        <v>630.5687999999999</v>
      </c>
    </row>
    <row r="37878" spans="1:3" x14ac:dyDescent="0.25">
      <c r="A37878" s="2" t="s">
        <v>23115</v>
      </c>
      <c r="B37878" s="6">
        <v>630585.44999999995</v>
      </c>
      <c r="C37878" s="7">
        <f t="shared" si="591"/>
        <v>630.58544999999992</v>
      </c>
    </row>
    <row r="37879" spans="1:3" x14ac:dyDescent="0.25">
      <c r="A37879" s="2" t="s">
        <v>23116</v>
      </c>
      <c r="B37879" s="6">
        <v>630602.1</v>
      </c>
      <c r="C37879" s="7">
        <f t="shared" si="591"/>
        <v>630.60209999999995</v>
      </c>
    </row>
    <row r="37880" spans="1:3" x14ac:dyDescent="0.25">
      <c r="A37880" s="2" t="s">
        <v>23117</v>
      </c>
      <c r="B37880" s="6">
        <v>630618.75</v>
      </c>
      <c r="C37880" s="7">
        <f t="shared" si="591"/>
        <v>630.61874999999998</v>
      </c>
    </row>
    <row r="37881" spans="1:3" x14ac:dyDescent="0.25">
      <c r="A37881" s="2" t="s">
        <v>23118</v>
      </c>
      <c r="B37881" s="6">
        <v>630635.39999999991</v>
      </c>
      <c r="C37881" s="7">
        <f t="shared" si="591"/>
        <v>630.63539999999989</v>
      </c>
    </row>
    <row r="37882" spans="1:3" x14ac:dyDescent="0.25">
      <c r="A37882" s="2" t="s">
        <v>23119</v>
      </c>
      <c r="B37882" s="6">
        <v>630652.04999999993</v>
      </c>
      <c r="C37882" s="7">
        <f t="shared" si="591"/>
        <v>630.65204999999992</v>
      </c>
    </row>
    <row r="37883" spans="1:3" x14ac:dyDescent="0.25">
      <c r="A37883" s="2" t="s">
        <v>23120</v>
      </c>
      <c r="B37883" s="6">
        <v>630668.69999999995</v>
      </c>
      <c r="C37883" s="7">
        <f t="shared" si="591"/>
        <v>630.66869999999994</v>
      </c>
    </row>
    <row r="37884" spans="1:3" x14ac:dyDescent="0.25">
      <c r="A37884" s="2" t="s">
        <v>23121</v>
      </c>
      <c r="B37884" s="6">
        <v>630685.35</v>
      </c>
      <c r="C37884" s="7">
        <f t="shared" si="591"/>
        <v>630.68534999999997</v>
      </c>
    </row>
    <row r="37885" spans="1:3" x14ac:dyDescent="0.25">
      <c r="A37885" s="2" t="s">
        <v>23122</v>
      </c>
      <c r="B37885" s="6">
        <v>630702</v>
      </c>
      <c r="C37885" s="7">
        <f t="shared" si="591"/>
        <v>630.702</v>
      </c>
    </row>
    <row r="37886" spans="1:3" x14ac:dyDescent="0.25">
      <c r="A37886" s="2" t="s">
        <v>23123</v>
      </c>
      <c r="B37886" s="6">
        <v>630718.64999999991</v>
      </c>
      <c r="C37886" s="7">
        <f t="shared" si="591"/>
        <v>630.71864999999991</v>
      </c>
    </row>
    <row r="37887" spans="1:3" x14ac:dyDescent="0.25">
      <c r="A37887" s="2" t="s">
        <v>23124</v>
      </c>
      <c r="B37887" s="6">
        <v>630735.29999999993</v>
      </c>
      <c r="C37887" s="7">
        <f t="shared" si="591"/>
        <v>630.73529999999994</v>
      </c>
    </row>
    <row r="37888" spans="1:3" x14ac:dyDescent="0.25">
      <c r="A37888" s="2" t="s">
        <v>23125</v>
      </c>
      <c r="B37888" s="6">
        <v>630751.94999999995</v>
      </c>
      <c r="C37888" s="7">
        <f t="shared" si="591"/>
        <v>630.75194999999997</v>
      </c>
    </row>
    <row r="37889" spans="1:3" x14ac:dyDescent="0.25">
      <c r="A37889" s="2" t="s">
        <v>23126</v>
      </c>
      <c r="B37889" s="6">
        <v>630768.6</v>
      </c>
      <c r="C37889" s="7">
        <f t="shared" si="591"/>
        <v>630.76859999999999</v>
      </c>
    </row>
    <row r="37890" spans="1:3" x14ac:dyDescent="0.25">
      <c r="A37890" s="2" t="s">
        <v>23127</v>
      </c>
      <c r="B37890" s="6">
        <v>630785.25</v>
      </c>
      <c r="C37890" s="7">
        <f t="shared" si="591"/>
        <v>630.78525000000002</v>
      </c>
    </row>
    <row r="37891" spans="1:3" x14ac:dyDescent="0.25">
      <c r="A37891" s="2" t="s">
        <v>23128</v>
      </c>
      <c r="B37891" s="6">
        <v>630801.89999999991</v>
      </c>
      <c r="C37891" s="7">
        <f t="shared" ref="C37891:C37954" si="592">B37891/1000</f>
        <v>630.80189999999993</v>
      </c>
    </row>
    <row r="37892" spans="1:3" x14ac:dyDescent="0.25">
      <c r="A37892" s="2" t="s">
        <v>23129</v>
      </c>
      <c r="B37892" s="6">
        <v>630818.54999999993</v>
      </c>
      <c r="C37892" s="7">
        <f t="shared" si="592"/>
        <v>630.81854999999996</v>
      </c>
    </row>
    <row r="37893" spans="1:3" x14ac:dyDescent="0.25">
      <c r="A37893" s="2" t="s">
        <v>23130</v>
      </c>
      <c r="B37893" s="6">
        <v>630835.19999999995</v>
      </c>
      <c r="C37893" s="7">
        <f t="shared" si="592"/>
        <v>630.83519999999999</v>
      </c>
    </row>
    <row r="37894" spans="1:3" x14ac:dyDescent="0.25">
      <c r="A37894" s="2" t="s">
        <v>23131</v>
      </c>
      <c r="B37894" s="6">
        <v>630851.85</v>
      </c>
      <c r="C37894" s="7">
        <f t="shared" si="592"/>
        <v>630.85185000000001</v>
      </c>
    </row>
    <row r="37895" spans="1:3" x14ac:dyDescent="0.25">
      <c r="A37895" s="2" t="s">
        <v>23132</v>
      </c>
      <c r="B37895" s="6">
        <v>630868.5</v>
      </c>
      <c r="C37895" s="7">
        <f t="shared" si="592"/>
        <v>630.86850000000004</v>
      </c>
    </row>
    <row r="37896" spans="1:3" x14ac:dyDescent="0.25">
      <c r="A37896" s="2" t="s">
        <v>23133</v>
      </c>
      <c r="B37896" s="6">
        <v>630885.14999999991</v>
      </c>
      <c r="C37896" s="7">
        <f t="shared" si="592"/>
        <v>630.88514999999995</v>
      </c>
    </row>
    <row r="37897" spans="1:3" x14ac:dyDescent="0.25">
      <c r="A37897" s="2" t="s">
        <v>23134</v>
      </c>
      <c r="B37897" s="6">
        <v>630901.79999999993</v>
      </c>
      <c r="C37897" s="7">
        <f t="shared" si="592"/>
        <v>630.90179999999998</v>
      </c>
    </row>
    <row r="37898" spans="1:3" x14ac:dyDescent="0.25">
      <c r="A37898" s="2" t="s">
        <v>23135</v>
      </c>
      <c r="B37898" s="6">
        <v>630918.44999999995</v>
      </c>
      <c r="C37898" s="7">
        <f t="shared" si="592"/>
        <v>630.91845000000001</v>
      </c>
    </row>
    <row r="37899" spans="1:3" x14ac:dyDescent="0.25">
      <c r="A37899" s="2" t="s">
        <v>23136</v>
      </c>
      <c r="B37899" s="6">
        <v>630935.1</v>
      </c>
      <c r="C37899" s="7">
        <f t="shared" si="592"/>
        <v>630.93509999999992</v>
      </c>
    </row>
    <row r="37900" spans="1:3" x14ac:dyDescent="0.25">
      <c r="A37900" s="2" t="s">
        <v>23137</v>
      </c>
      <c r="B37900" s="6">
        <v>630951.75</v>
      </c>
      <c r="C37900" s="7">
        <f t="shared" si="592"/>
        <v>630.95174999999995</v>
      </c>
    </row>
    <row r="37901" spans="1:3" x14ac:dyDescent="0.25">
      <c r="A37901" s="2" t="s">
        <v>23138</v>
      </c>
      <c r="B37901" s="6">
        <v>630968.39999999991</v>
      </c>
      <c r="C37901" s="7">
        <f t="shared" si="592"/>
        <v>630.96839999999986</v>
      </c>
    </row>
    <row r="37902" spans="1:3" x14ac:dyDescent="0.25">
      <c r="A37902" s="2" t="s">
        <v>23139</v>
      </c>
      <c r="B37902" s="6">
        <v>630985.04999999993</v>
      </c>
      <c r="C37902" s="7">
        <f t="shared" si="592"/>
        <v>630.98504999999989</v>
      </c>
    </row>
    <row r="37903" spans="1:3" x14ac:dyDescent="0.25">
      <c r="A37903" s="2" t="s">
        <v>23140</v>
      </c>
      <c r="B37903" s="6">
        <v>631001.69999999995</v>
      </c>
      <c r="C37903" s="7">
        <f t="shared" si="592"/>
        <v>631.00169999999991</v>
      </c>
    </row>
    <row r="37904" spans="1:3" x14ac:dyDescent="0.25">
      <c r="A37904" s="2" t="s">
        <v>23141</v>
      </c>
      <c r="B37904" s="6">
        <v>631018.35</v>
      </c>
      <c r="C37904" s="7">
        <f t="shared" si="592"/>
        <v>631.01834999999994</v>
      </c>
    </row>
    <row r="37905" spans="1:3" x14ac:dyDescent="0.25">
      <c r="A37905" s="2" t="s">
        <v>23142</v>
      </c>
      <c r="B37905" s="6">
        <v>631035</v>
      </c>
      <c r="C37905" s="7">
        <f t="shared" si="592"/>
        <v>631.03499999999997</v>
      </c>
    </row>
    <row r="37906" spans="1:3" x14ac:dyDescent="0.25">
      <c r="A37906" s="2" t="s">
        <v>23143</v>
      </c>
      <c r="B37906" s="6">
        <v>631051.64999999991</v>
      </c>
      <c r="C37906" s="7">
        <f t="shared" si="592"/>
        <v>631.05164999999988</v>
      </c>
    </row>
    <row r="37907" spans="1:3" x14ac:dyDescent="0.25">
      <c r="A37907" s="2" t="s">
        <v>23144</v>
      </c>
      <c r="B37907" s="6">
        <v>631068.29999999993</v>
      </c>
      <c r="C37907" s="7">
        <f t="shared" si="592"/>
        <v>631.06829999999991</v>
      </c>
    </row>
    <row r="37908" spans="1:3" x14ac:dyDescent="0.25">
      <c r="A37908" s="2" t="s">
        <v>23145</v>
      </c>
      <c r="B37908" s="6">
        <v>631084.94999999995</v>
      </c>
      <c r="C37908" s="7">
        <f t="shared" si="592"/>
        <v>631.08494999999994</v>
      </c>
    </row>
    <row r="37909" spans="1:3" x14ac:dyDescent="0.25">
      <c r="A37909" s="2" t="s">
        <v>23146</v>
      </c>
      <c r="B37909" s="6">
        <v>631101.6</v>
      </c>
      <c r="C37909" s="7">
        <f t="shared" si="592"/>
        <v>631.10159999999996</v>
      </c>
    </row>
    <row r="37910" spans="1:3" x14ac:dyDescent="0.25">
      <c r="A37910" s="2" t="s">
        <v>23147</v>
      </c>
      <c r="B37910" s="6">
        <v>631118.25</v>
      </c>
      <c r="C37910" s="7">
        <f t="shared" si="592"/>
        <v>631.11824999999999</v>
      </c>
    </row>
    <row r="37911" spans="1:3" x14ac:dyDescent="0.25">
      <c r="A37911" s="2" t="s">
        <v>23148</v>
      </c>
      <c r="B37911" s="6">
        <v>631134.89999999991</v>
      </c>
      <c r="C37911" s="7">
        <f t="shared" si="592"/>
        <v>631.1348999999999</v>
      </c>
    </row>
    <row r="37912" spans="1:3" x14ac:dyDescent="0.25">
      <c r="A37912" s="2" t="s">
        <v>23149</v>
      </c>
      <c r="B37912" s="6">
        <v>631151.54999999993</v>
      </c>
      <c r="C37912" s="7">
        <f t="shared" si="592"/>
        <v>631.15154999999993</v>
      </c>
    </row>
    <row r="37913" spans="1:3" x14ac:dyDescent="0.25">
      <c r="A37913" s="2" t="s">
        <v>23150</v>
      </c>
      <c r="B37913" s="6">
        <v>631168.19999999995</v>
      </c>
      <c r="C37913" s="7">
        <f t="shared" si="592"/>
        <v>631.16819999999996</v>
      </c>
    </row>
    <row r="37914" spans="1:3" x14ac:dyDescent="0.25">
      <c r="A37914" s="2" t="s">
        <v>23151</v>
      </c>
      <c r="B37914" s="6">
        <v>631184.85</v>
      </c>
      <c r="C37914" s="7">
        <f t="shared" si="592"/>
        <v>631.18484999999998</v>
      </c>
    </row>
    <row r="37915" spans="1:3" x14ac:dyDescent="0.25">
      <c r="A37915" s="2" t="s">
        <v>23152</v>
      </c>
      <c r="B37915" s="6">
        <v>631201.5</v>
      </c>
      <c r="C37915" s="7">
        <f t="shared" si="592"/>
        <v>631.20150000000001</v>
      </c>
    </row>
    <row r="37916" spans="1:3" x14ac:dyDescent="0.25">
      <c r="A37916" s="2" t="s">
        <v>23153</v>
      </c>
      <c r="B37916" s="6">
        <v>631218.14999999991</v>
      </c>
      <c r="C37916" s="7">
        <f t="shared" si="592"/>
        <v>631.21814999999992</v>
      </c>
    </row>
    <row r="37917" spans="1:3" x14ac:dyDescent="0.25">
      <c r="A37917" s="2" t="s">
        <v>23154</v>
      </c>
      <c r="B37917" s="6">
        <v>631234.79999999993</v>
      </c>
      <c r="C37917" s="7">
        <f t="shared" si="592"/>
        <v>631.23479999999995</v>
      </c>
    </row>
    <row r="37918" spans="1:3" x14ac:dyDescent="0.25">
      <c r="A37918" s="2" t="s">
        <v>23155</v>
      </c>
      <c r="B37918" s="6">
        <v>631251.44999999995</v>
      </c>
      <c r="C37918" s="7">
        <f t="shared" si="592"/>
        <v>631.25144999999998</v>
      </c>
    </row>
    <row r="37919" spans="1:3" x14ac:dyDescent="0.25">
      <c r="A37919" s="2" t="s">
        <v>23156</v>
      </c>
      <c r="B37919" s="6">
        <v>631268.1</v>
      </c>
      <c r="C37919" s="7">
        <f t="shared" si="592"/>
        <v>631.2681</v>
      </c>
    </row>
    <row r="37920" spans="1:3" x14ac:dyDescent="0.25">
      <c r="A37920" s="2" t="s">
        <v>23157</v>
      </c>
      <c r="B37920" s="6">
        <v>631284.75</v>
      </c>
      <c r="C37920" s="7">
        <f t="shared" si="592"/>
        <v>631.28475000000003</v>
      </c>
    </row>
    <row r="37921" spans="1:3" x14ac:dyDescent="0.25">
      <c r="A37921" s="2" t="s">
        <v>23158</v>
      </c>
      <c r="B37921" s="6">
        <v>631301.39999999991</v>
      </c>
      <c r="C37921" s="7">
        <f t="shared" si="592"/>
        <v>631.30139999999994</v>
      </c>
    </row>
    <row r="37922" spans="1:3" x14ac:dyDescent="0.25">
      <c r="A37922" s="2" t="s">
        <v>23159</v>
      </c>
      <c r="B37922" s="6">
        <v>631318.04999999993</v>
      </c>
      <c r="C37922" s="7">
        <f t="shared" si="592"/>
        <v>631.31804999999997</v>
      </c>
    </row>
    <row r="37923" spans="1:3" x14ac:dyDescent="0.25">
      <c r="A37923" s="2" t="s">
        <v>23160</v>
      </c>
      <c r="B37923" s="6">
        <v>631334.69999999995</v>
      </c>
      <c r="C37923" s="7">
        <f t="shared" si="592"/>
        <v>631.3347</v>
      </c>
    </row>
    <row r="37924" spans="1:3" x14ac:dyDescent="0.25">
      <c r="A37924" s="2" t="s">
        <v>23161</v>
      </c>
      <c r="B37924" s="6">
        <v>631351.35</v>
      </c>
      <c r="C37924" s="7">
        <f t="shared" si="592"/>
        <v>631.35135000000002</v>
      </c>
    </row>
    <row r="37925" spans="1:3" x14ac:dyDescent="0.25">
      <c r="A37925" s="2" t="s">
        <v>23162</v>
      </c>
      <c r="B37925" s="6">
        <v>631368</v>
      </c>
      <c r="C37925" s="7">
        <f t="shared" si="592"/>
        <v>631.36800000000005</v>
      </c>
    </row>
    <row r="37926" spans="1:3" x14ac:dyDescent="0.25">
      <c r="A37926" s="2" t="s">
        <v>23163</v>
      </c>
      <c r="B37926" s="6">
        <v>631384.64999999991</v>
      </c>
      <c r="C37926" s="7">
        <f t="shared" si="592"/>
        <v>631.38464999999985</v>
      </c>
    </row>
    <row r="37927" spans="1:3" x14ac:dyDescent="0.25">
      <c r="A37927" s="2" t="s">
        <v>23164</v>
      </c>
      <c r="B37927" s="6">
        <v>631401.29999999993</v>
      </c>
      <c r="C37927" s="7">
        <f t="shared" si="592"/>
        <v>631.40129999999988</v>
      </c>
    </row>
    <row r="37928" spans="1:3" x14ac:dyDescent="0.25">
      <c r="A37928" s="2" t="s">
        <v>23165</v>
      </c>
      <c r="B37928" s="6">
        <v>631417.94999999995</v>
      </c>
      <c r="C37928" s="7">
        <f t="shared" si="592"/>
        <v>631.41794999999991</v>
      </c>
    </row>
    <row r="37929" spans="1:3" x14ac:dyDescent="0.25">
      <c r="A37929" s="2" t="s">
        <v>23166</v>
      </c>
      <c r="B37929" s="6">
        <v>631434.6</v>
      </c>
      <c r="C37929" s="7">
        <f t="shared" si="592"/>
        <v>631.43459999999993</v>
      </c>
    </row>
    <row r="37930" spans="1:3" x14ac:dyDescent="0.25">
      <c r="A37930" s="2" t="s">
        <v>23167</v>
      </c>
      <c r="B37930" s="6">
        <v>631451.25</v>
      </c>
      <c r="C37930" s="7">
        <f t="shared" si="592"/>
        <v>631.45124999999996</v>
      </c>
    </row>
    <row r="37931" spans="1:3" x14ac:dyDescent="0.25">
      <c r="A37931" s="2" t="s">
        <v>23168</v>
      </c>
      <c r="B37931" s="6">
        <v>631467.89999999991</v>
      </c>
      <c r="C37931" s="7">
        <f t="shared" si="592"/>
        <v>631.46789999999987</v>
      </c>
    </row>
    <row r="37932" spans="1:3" x14ac:dyDescent="0.25">
      <c r="A37932" s="2" t="s">
        <v>23169</v>
      </c>
      <c r="B37932" s="6">
        <v>631484.54999999993</v>
      </c>
      <c r="C37932" s="7">
        <f t="shared" si="592"/>
        <v>631.4845499999999</v>
      </c>
    </row>
    <row r="37933" spans="1:3" x14ac:dyDescent="0.25">
      <c r="A37933" s="2" t="s">
        <v>23170</v>
      </c>
      <c r="B37933" s="6">
        <v>631501.19999999995</v>
      </c>
      <c r="C37933" s="7">
        <f t="shared" si="592"/>
        <v>631.50119999999993</v>
      </c>
    </row>
    <row r="37934" spans="1:3" x14ac:dyDescent="0.25">
      <c r="A37934" s="2" t="s">
        <v>23171</v>
      </c>
      <c r="B37934" s="6">
        <v>631517.85</v>
      </c>
      <c r="C37934" s="7">
        <f t="shared" si="592"/>
        <v>631.51784999999995</v>
      </c>
    </row>
    <row r="37935" spans="1:3" x14ac:dyDescent="0.25">
      <c r="A37935" s="2" t="s">
        <v>23172</v>
      </c>
      <c r="B37935" s="6">
        <v>631534.5</v>
      </c>
      <c r="C37935" s="7">
        <f t="shared" si="592"/>
        <v>631.53449999999998</v>
      </c>
    </row>
    <row r="37936" spans="1:3" x14ac:dyDescent="0.25">
      <c r="A37936" s="2" t="s">
        <v>23173</v>
      </c>
      <c r="B37936" s="6">
        <v>631551.14999999991</v>
      </c>
      <c r="C37936" s="7">
        <f t="shared" si="592"/>
        <v>631.55114999999989</v>
      </c>
    </row>
    <row r="37937" spans="1:3" x14ac:dyDescent="0.25">
      <c r="A37937" s="2" t="s">
        <v>23174</v>
      </c>
      <c r="B37937" s="6">
        <v>631567.79999999993</v>
      </c>
      <c r="C37937" s="7">
        <f t="shared" si="592"/>
        <v>631.56779999999992</v>
      </c>
    </row>
    <row r="37938" spans="1:3" x14ac:dyDescent="0.25">
      <c r="A37938" s="2" t="s">
        <v>23175</v>
      </c>
      <c r="B37938" s="6">
        <v>631584.44999999995</v>
      </c>
      <c r="C37938" s="7">
        <f t="shared" si="592"/>
        <v>631.58444999999995</v>
      </c>
    </row>
    <row r="37939" spans="1:3" x14ac:dyDescent="0.25">
      <c r="A37939" s="2" t="s">
        <v>23176</v>
      </c>
      <c r="B37939" s="6">
        <v>631601.1</v>
      </c>
      <c r="C37939" s="7">
        <f t="shared" si="592"/>
        <v>631.60109999999997</v>
      </c>
    </row>
    <row r="37940" spans="1:3" x14ac:dyDescent="0.25">
      <c r="A37940" s="2" t="s">
        <v>23177</v>
      </c>
      <c r="B37940" s="6">
        <v>631617.75</v>
      </c>
      <c r="C37940" s="7">
        <f t="shared" si="592"/>
        <v>631.61775</v>
      </c>
    </row>
    <row r="37941" spans="1:3" x14ac:dyDescent="0.25">
      <c r="A37941" s="2" t="s">
        <v>23178</v>
      </c>
      <c r="B37941" s="6">
        <v>631634.39999999991</v>
      </c>
      <c r="C37941" s="7">
        <f t="shared" si="592"/>
        <v>631.63439999999991</v>
      </c>
    </row>
    <row r="37942" spans="1:3" x14ac:dyDescent="0.25">
      <c r="A37942" s="2" t="s">
        <v>23179</v>
      </c>
      <c r="B37942" s="6">
        <v>631651.04999999993</v>
      </c>
      <c r="C37942" s="7">
        <f t="shared" si="592"/>
        <v>631.65104999999994</v>
      </c>
    </row>
    <row r="37943" spans="1:3" x14ac:dyDescent="0.25">
      <c r="A37943" s="2" t="s">
        <v>23180</v>
      </c>
      <c r="B37943" s="6">
        <v>631667.69999999995</v>
      </c>
      <c r="C37943" s="7">
        <f t="shared" si="592"/>
        <v>631.66769999999997</v>
      </c>
    </row>
    <row r="37944" spans="1:3" x14ac:dyDescent="0.25">
      <c r="A37944" s="2" t="s">
        <v>23181</v>
      </c>
      <c r="B37944" s="6">
        <v>631684.35</v>
      </c>
      <c r="C37944" s="7">
        <f t="shared" si="592"/>
        <v>631.68434999999999</v>
      </c>
    </row>
    <row r="37945" spans="1:3" x14ac:dyDescent="0.25">
      <c r="A37945" s="2" t="s">
        <v>23182</v>
      </c>
      <c r="B37945" s="6">
        <v>631701</v>
      </c>
      <c r="C37945" s="7">
        <f t="shared" si="592"/>
        <v>631.70100000000002</v>
      </c>
    </row>
    <row r="37946" spans="1:3" x14ac:dyDescent="0.25">
      <c r="A37946" s="2" t="s">
        <v>23183</v>
      </c>
      <c r="B37946" s="6">
        <v>631717.64999999991</v>
      </c>
      <c r="C37946" s="7">
        <f t="shared" si="592"/>
        <v>631.71764999999994</v>
      </c>
    </row>
    <row r="37947" spans="1:3" x14ac:dyDescent="0.25">
      <c r="A37947" s="2" t="s">
        <v>23184</v>
      </c>
      <c r="B37947" s="6">
        <v>631734.29999999993</v>
      </c>
      <c r="C37947" s="7">
        <f t="shared" si="592"/>
        <v>631.73429999999996</v>
      </c>
    </row>
    <row r="37948" spans="1:3" x14ac:dyDescent="0.25">
      <c r="A37948" s="2" t="s">
        <v>23185</v>
      </c>
      <c r="B37948" s="6">
        <v>631750.94999999995</v>
      </c>
      <c r="C37948" s="7">
        <f t="shared" si="592"/>
        <v>631.75094999999999</v>
      </c>
    </row>
    <row r="37949" spans="1:3" x14ac:dyDescent="0.25">
      <c r="A37949" s="2" t="s">
        <v>23186</v>
      </c>
      <c r="B37949" s="6">
        <v>631767.6</v>
      </c>
      <c r="C37949" s="7">
        <f t="shared" si="592"/>
        <v>631.76760000000002</v>
      </c>
    </row>
    <row r="37950" spans="1:3" x14ac:dyDescent="0.25">
      <c r="A37950" s="2" t="s">
        <v>23187</v>
      </c>
      <c r="B37950" s="6">
        <v>631784.25</v>
      </c>
      <c r="C37950" s="7">
        <f t="shared" si="592"/>
        <v>631.78425000000004</v>
      </c>
    </row>
    <row r="37951" spans="1:3" x14ac:dyDescent="0.25">
      <c r="A37951" s="2" t="s">
        <v>23188</v>
      </c>
      <c r="B37951" s="6">
        <v>631800.89999999991</v>
      </c>
      <c r="C37951" s="7">
        <f t="shared" si="592"/>
        <v>631.80089999999996</v>
      </c>
    </row>
    <row r="37952" spans="1:3" x14ac:dyDescent="0.25">
      <c r="A37952" s="2" t="s">
        <v>23189</v>
      </c>
      <c r="B37952" s="6">
        <v>631817.54999999993</v>
      </c>
      <c r="C37952" s="7">
        <f t="shared" si="592"/>
        <v>631.81754999999998</v>
      </c>
    </row>
    <row r="37953" spans="1:3" x14ac:dyDescent="0.25">
      <c r="A37953" s="2" t="s">
        <v>23190</v>
      </c>
      <c r="B37953" s="6">
        <v>631834.19999999995</v>
      </c>
      <c r="C37953" s="7">
        <f t="shared" si="592"/>
        <v>631.83420000000001</v>
      </c>
    </row>
    <row r="37954" spans="1:3" x14ac:dyDescent="0.25">
      <c r="A37954" s="2" t="s">
        <v>23191</v>
      </c>
      <c r="B37954" s="6">
        <v>631850.85</v>
      </c>
      <c r="C37954" s="7">
        <f t="shared" si="592"/>
        <v>631.85084999999992</v>
      </c>
    </row>
    <row r="37955" spans="1:3" x14ac:dyDescent="0.25">
      <c r="A37955" s="2" t="s">
        <v>23192</v>
      </c>
      <c r="B37955" s="6">
        <v>631867.5</v>
      </c>
      <c r="C37955" s="7">
        <f t="shared" ref="C37955:C38018" si="593">B37955/1000</f>
        <v>631.86749999999995</v>
      </c>
    </row>
    <row r="37956" spans="1:3" x14ac:dyDescent="0.25">
      <c r="A37956" s="2" t="s">
        <v>23193</v>
      </c>
      <c r="B37956" s="6">
        <v>631884.14999999991</v>
      </c>
      <c r="C37956" s="7">
        <f t="shared" si="593"/>
        <v>631.88414999999986</v>
      </c>
    </row>
    <row r="37957" spans="1:3" x14ac:dyDescent="0.25">
      <c r="A37957" s="2" t="s">
        <v>23194</v>
      </c>
      <c r="B37957" s="6">
        <v>631900.79999999993</v>
      </c>
      <c r="C37957" s="7">
        <f t="shared" si="593"/>
        <v>631.90079999999989</v>
      </c>
    </row>
    <row r="37958" spans="1:3" x14ac:dyDescent="0.25">
      <c r="A37958" s="2" t="s">
        <v>23195</v>
      </c>
      <c r="B37958" s="6">
        <v>631917.44999999995</v>
      </c>
      <c r="C37958" s="7">
        <f t="shared" si="593"/>
        <v>631.91744999999992</v>
      </c>
    </row>
    <row r="37959" spans="1:3" x14ac:dyDescent="0.25">
      <c r="A37959" s="2" t="s">
        <v>23196</v>
      </c>
      <c r="B37959" s="6">
        <v>631934.1</v>
      </c>
      <c r="C37959" s="7">
        <f t="shared" si="593"/>
        <v>631.93409999999994</v>
      </c>
    </row>
    <row r="37960" spans="1:3" x14ac:dyDescent="0.25">
      <c r="A37960" s="2" t="s">
        <v>23197</v>
      </c>
      <c r="B37960" s="6">
        <v>631950.75</v>
      </c>
      <c r="C37960" s="7">
        <f t="shared" si="593"/>
        <v>631.95074999999997</v>
      </c>
    </row>
    <row r="37961" spans="1:3" x14ac:dyDescent="0.25">
      <c r="A37961" s="2" t="s">
        <v>23198</v>
      </c>
      <c r="B37961" s="6">
        <v>631967.39999999991</v>
      </c>
      <c r="C37961" s="7">
        <f t="shared" si="593"/>
        <v>631.96739999999988</v>
      </c>
    </row>
    <row r="37962" spans="1:3" x14ac:dyDescent="0.25">
      <c r="A37962" s="2" t="s">
        <v>23199</v>
      </c>
      <c r="B37962" s="6">
        <v>631984.04999999993</v>
      </c>
      <c r="C37962" s="7">
        <f t="shared" si="593"/>
        <v>631.98404999999991</v>
      </c>
    </row>
    <row r="37963" spans="1:3" x14ac:dyDescent="0.25">
      <c r="A37963" s="2" t="s">
        <v>23200</v>
      </c>
      <c r="B37963" s="6">
        <v>632000.69999999995</v>
      </c>
      <c r="C37963" s="7">
        <f t="shared" si="593"/>
        <v>632.00069999999994</v>
      </c>
    </row>
    <row r="37964" spans="1:3" x14ac:dyDescent="0.25">
      <c r="A37964" s="2" t="s">
        <v>23201</v>
      </c>
      <c r="B37964" s="6">
        <v>632017.35</v>
      </c>
      <c r="C37964" s="7">
        <f t="shared" si="593"/>
        <v>632.01734999999996</v>
      </c>
    </row>
    <row r="37965" spans="1:3" x14ac:dyDescent="0.25">
      <c r="A37965" s="2" t="s">
        <v>23202</v>
      </c>
      <c r="B37965" s="6">
        <v>632034</v>
      </c>
      <c r="C37965" s="7">
        <f t="shared" si="593"/>
        <v>632.03399999999999</v>
      </c>
    </row>
    <row r="37966" spans="1:3" x14ac:dyDescent="0.25">
      <c r="A37966" s="2" t="s">
        <v>23203</v>
      </c>
      <c r="B37966" s="6">
        <v>632050.64999999991</v>
      </c>
      <c r="C37966" s="7">
        <f t="shared" si="593"/>
        <v>632.05064999999991</v>
      </c>
    </row>
    <row r="37967" spans="1:3" x14ac:dyDescent="0.25">
      <c r="A37967" s="2" t="s">
        <v>23204</v>
      </c>
      <c r="B37967" s="6">
        <v>632067.29999999993</v>
      </c>
      <c r="C37967" s="7">
        <f t="shared" si="593"/>
        <v>632.06729999999993</v>
      </c>
    </row>
    <row r="37968" spans="1:3" x14ac:dyDescent="0.25">
      <c r="A37968" s="2" t="s">
        <v>23205</v>
      </c>
      <c r="B37968" s="6">
        <v>632083.94999999995</v>
      </c>
      <c r="C37968" s="7">
        <f t="shared" si="593"/>
        <v>632.08394999999996</v>
      </c>
    </row>
    <row r="37969" spans="1:3" x14ac:dyDescent="0.25">
      <c r="A37969" s="2" t="s">
        <v>23206</v>
      </c>
      <c r="B37969" s="6">
        <v>632100.6</v>
      </c>
      <c r="C37969" s="7">
        <f t="shared" si="593"/>
        <v>632.10059999999999</v>
      </c>
    </row>
    <row r="37970" spans="1:3" x14ac:dyDescent="0.25">
      <c r="A37970" s="2" t="s">
        <v>23207</v>
      </c>
      <c r="B37970" s="6">
        <v>632117.25</v>
      </c>
      <c r="C37970" s="7">
        <f t="shared" si="593"/>
        <v>632.11725000000001</v>
      </c>
    </row>
    <row r="37971" spans="1:3" x14ac:dyDescent="0.25">
      <c r="A37971" s="2" t="s">
        <v>23208</v>
      </c>
      <c r="B37971" s="6">
        <v>632133.89999999991</v>
      </c>
      <c r="C37971" s="7">
        <f t="shared" si="593"/>
        <v>632.13389999999993</v>
      </c>
    </row>
    <row r="37972" spans="1:3" x14ac:dyDescent="0.25">
      <c r="A37972" s="2" t="s">
        <v>23209</v>
      </c>
      <c r="B37972" s="6">
        <v>632150.54999999993</v>
      </c>
      <c r="C37972" s="7">
        <f t="shared" si="593"/>
        <v>632.15054999999995</v>
      </c>
    </row>
    <row r="37973" spans="1:3" x14ac:dyDescent="0.25">
      <c r="A37973" s="2" t="s">
        <v>23210</v>
      </c>
      <c r="B37973" s="6">
        <v>632167.19999999995</v>
      </c>
      <c r="C37973" s="7">
        <f t="shared" si="593"/>
        <v>632.16719999999998</v>
      </c>
    </row>
    <row r="37974" spans="1:3" x14ac:dyDescent="0.25">
      <c r="A37974" s="2" t="s">
        <v>23211</v>
      </c>
      <c r="B37974" s="6">
        <v>632183.85</v>
      </c>
      <c r="C37974" s="7">
        <f t="shared" si="593"/>
        <v>632.18385000000001</v>
      </c>
    </row>
    <row r="37975" spans="1:3" x14ac:dyDescent="0.25">
      <c r="A37975" s="2" t="s">
        <v>23212</v>
      </c>
      <c r="B37975" s="6">
        <v>632200.5</v>
      </c>
      <c r="C37975" s="7">
        <f t="shared" si="593"/>
        <v>632.20050000000003</v>
      </c>
    </row>
    <row r="37976" spans="1:3" x14ac:dyDescent="0.25">
      <c r="A37976" s="2" t="s">
        <v>23213</v>
      </c>
      <c r="B37976" s="6">
        <v>632217.14999999991</v>
      </c>
      <c r="C37976" s="7">
        <f t="shared" si="593"/>
        <v>632.21714999999995</v>
      </c>
    </row>
    <row r="37977" spans="1:3" x14ac:dyDescent="0.25">
      <c r="A37977" s="2" t="s">
        <v>23214</v>
      </c>
      <c r="B37977" s="6">
        <v>632233.79999999993</v>
      </c>
      <c r="C37977" s="7">
        <f t="shared" si="593"/>
        <v>632.23379999999997</v>
      </c>
    </row>
    <row r="37978" spans="1:3" x14ac:dyDescent="0.25">
      <c r="A37978" s="2" t="s">
        <v>23215</v>
      </c>
      <c r="B37978" s="6">
        <v>632250.44999999995</v>
      </c>
      <c r="C37978" s="7">
        <f t="shared" si="593"/>
        <v>632.25045</v>
      </c>
    </row>
    <row r="37979" spans="1:3" x14ac:dyDescent="0.25">
      <c r="A37979" s="2" t="s">
        <v>23216</v>
      </c>
      <c r="B37979" s="6">
        <v>632267.1</v>
      </c>
      <c r="C37979" s="7">
        <f t="shared" si="593"/>
        <v>632.26710000000003</v>
      </c>
    </row>
    <row r="37980" spans="1:3" x14ac:dyDescent="0.25">
      <c r="A37980" s="2" t="s">
        <v>23217</v>
      </c>
      <c r="B37980" s="6">
        <v>632283.75</v>
      </c>
      <c r="C37980" s="7">
        <f t="shared" si="593"/>
        <v>632.28375000000005</v>
      </c>
    </row>
    <row r="37981" spans="1:3" x14ac:dyDescent="0.25">
      <c r="A37981" s="2" t="s">
        <v>23218</v>
      </c>
      <c r="B37981" s="6">
        <v>632300.39999999991</v>
      </c>
      <c r="C37981" s="7">
        <f t="shared" si="593"/>
        <v>632.30039999999985</v>
      </c>
    </row>
    <row r="37982" spans="1:3" x14ac:dyDescent="0.25">
      <c r="A37982" s="2" t="s">
        <v>23219</v>
      </c>
      <c r="B37982" s="6">
        <v>632317.04999999993</v>
      </c>
      <c r="C37982" s="7">
        <f t="shared" si="593"/>
        <v>632.31704999999988</v>
      </c>
    </row>
    <row r="37983" spans="1:3" x14ac:dyDescent="0.25">
      <c r="A37983" s="2" t="s">
        <v>23220</v>
      </c>
      <c r="B37983" s="6">
        <v>632333.69999999995</v>
      </c>
      <c r="C37983" s="7">
        <f t="shared" si="593"/>
        <v>632.33369999999991</v>
      </c>
    </row>
    <row r="37984" spans="1:3" x14ac:dyDescent="0.25">
      <c r="A37984" s="2" t="s">
        <v>23221</v>
      </c>
      <c r="B37984" s="6">
        <v>632350.35</v>
      </c>
      <c r="C37984" s="7">
        <f t="shared" si="593"/>
        <v>632.35034999999993</v>
      </c>
    </row>
    <row r="37985" spans="1:3" x14ac:dyDescent="0.25">
      <c r="A37985" s="2" t="s">
        <v>23222</v>
      </c>
      <c r="B37985" s="6">
        <v>632367</v>
      </c>
      <c r="C37985" s="7">
        <f t="shared" si="593"/>
        <v>632.36699999999996</v>
      </c>
    </row>
    <row r="37986" spans="1:3" x14ac:dyDescent="0.25">
      <c r="A37986" s="2" t="s">
        <v>23223</v>
      </c>
      <c r="B37986" s="6">
        <v>632383.64999999991</v>
      </c>
      <c r="C37986" s="7">
        <f t="shared" si="593"/>
        <v>632.38364999999988</v>
      </c>
    </row>
    <row r="37987" spans="1:3" x14ac:dyDescent="0.25">
      <c r="A37987" s="2" t="s">
        <v>23224</v>
      </c>
      <c r="B37987" s="6">
        <v>632400.29999999993</v>
      </c>
      <c r="C37987" s="7">
        <f t="shared" si="593"/>
        <v>632.4002999999999</v>
      </c>
    </row>
    <row r="37988" spans="1:3" x14ac:dyDescent="0.25">
      <c r="A37988" s="2" t="s">
        <v>23225</v>
      </c>
      <c r="B37988" s="6">
        <v>632416.94999999995</v>
      </c>
      <c r="C37988" s="7">
        <f t="shared" si="593"/>
        <v>632.41694999999993</v>
      </c>
    </row>
    <row r="37989" spans="1:3" x14ac:dyDescent="0.25">
      <c r="A37989" s="2" t="s">
        <v>23226</v>
      </c>
      <c r="B37989" s="6">
        <v>632433.6</v>
      </c>
      <c r="C37989" s="7">
        <f t="shared" si="593"/>
        <v>632.43359999999996</v>
      </c>
    </row>
    <row r="37990" spans="1:3" x14ac:dyDescent="0.25">
      <c r="A37990" s="2" t="s">
        <v>23227</v>
      </c>
      <c r="B37990" s="6">
        <v>632450.25</v>
      </c>
      <c r="C37990" s="7">
        <f t="shared" si="593"/>
        <v>632.45024999999998</v>
      </c>
    </row>
    <row r="37991" spans="1:3" x14ac:dyDescent="0.25">
      <c r="A37991" s="2" t="s">
        <v>23228</v>
      </c>
      <c r="B37991" s="6">
        <v>632466.89999999991</v>
      </c>
      <c r="C37991" s="7">
        <f t="shared" si="593"/>
        <v>632.4668999999999</v>
      </c>
    </row>
    <row r="37992" spans="1:3" x14ac:dyDescent="0.25">
      <c r="A37992" s="2" t="s">
        <v>23229</v>
      </c>
      <c r="B37992" s="6">
        <v>632483.54999999993</v>
      </c>
      <c r="C37992" s="7">
        <f t="shared" si="593"/>
        <v>632.48354999999992</v>
      </c>
    </row>
    <row r="37993" spans="1:3" x14ac:dyDescent="0.25">
      <c r="A37993" s="2" t="s">
        <v>23230</v>
      </c>
      <c r="B37993" s="6">
        <v>632500.19999999995</v>
      </c>
      <c r="C37993" s="7">
        <f t="shared" si="593"/>
        <v>632.50019999999995</v>
      </c>
    </row>
    <row r="37994" spans="1:3" x14ac:dyDescent="0.25">
      <c r="A37994" s="2" t="s">
        <v>23231</v>
      </c>
      <c r="B37994" s="6">
        <v>632516.85</v>
      </c>
      <c r="C37994" s="7">
        <f t="shared" si="593"/>
        <v>632.51684999999998</v>
      </c>
    </row>
    <row r="37995" spans="1:3" x14ac:dyDescent="0.25">
      <c r="A37995" s="2" t="s">
        <v>23232</v>
      </c>
      <c r="B37995" s="6">
        <v>632533.5</v>
      </c>
      <c r="C37995" s="7">
        <f t="shared" si="593"/>
        <v>632.5335</v>
      </c>
    </row>
    <row r="37996" spans="1:3" x14ac:dyDescent="0.25">
      <c r="A37996" s="2" t="s">
        <v>23233</v>
      </c>
      <c r="B37996" s="6">
        <v>632550.14999999991</v>
      </c>
      <c r="C37996" s="7">
        <f t="shared" si="593"/>
        <v>632.55014999999992</v>
      </c>
    </row>
    <row r="37997" spans="1:3" x14ac:dyDescent="0.25">
      <c r="A37997" s="2" t="s">
        <v>23234</v>
      </c>
      <c r="B37997" s="6">
        <v>632566.79999999993</v>
      </c>
      <c r="C37997" s="7">
        <f t="shared" si="593"/>
        <v>632.56679999999994</v>
      </c>
    </row>
    <row r="37998" spans="1:3" x14ac:dyDescent="0.25">
      <c r="A37998" s="2" t="s">
        <v>23235</v>
      </c>
      <c r="B37998" s="6">
        <v>632583.44999999995</v>
      </c>
      <c r="C37998" s="7">
        <f t="shared" si="593"/>
        <v>632.58344999999997</v>
      </c>
    </row>
    <row r="37999" spans="1:3" x14ac:dyDescent="0.25">
      <c r="A37999" s="2" t="s">
        <v>23236</v>
      </c>
      <c r="B37999" s="6">
        <v>632600.1</v>
      </c>
      <c r="C37999" s="7">
        <f t="shared" si="593"/>
        <v>632.6001</v>
      </c>
    </row>
    <row r="38000" spans="1:3" x14ac:dyDescent="0.25">
      <c r="A38000" s="2" t="s">
        <v>23237</v>
      </c>
      <c r="B38000" s="6">
        <v>632616.75</v>
      </c>
      <c r="C38000" s="7">
        <f t="shared" si="593"/>
        <v>632.61675000000002</v>
      </c>
    </row>
    <row r="38001" spans="1:3" x14ac:dyDescent="0.25">
      <c r="A38001" s="2" t="s">
        <v>23238</v>
      </c>
      <c r="B38001" s="6">
        <v>632633.39999999991</v>
      </c>
      <c r="C38001" s="7">
        <f t="shared" si="593"/>
        <v>632.63339999999994</v>
      </c>
    </row>
    <row r="38002" spans="1:3" x14ac:dyDescent="0.25">
      <c r="A38002" s="2" t="s">
        <v>23239</v>
      </c>
      <c r="B38002" s="6">
        <v>632650.04999999993</v>
      </c>
      <c r="C38002" s="7">
        <f t="shared" si="593"/>
        <v>632.65004999999996</v>
      </c>
    </row>
    <row r="38003" spans="1:3" x14ac:dyDescent="0.25">
      <c r="A38003" s="2" t="s">
        <v>23240</v>
      </c>
      <c r="B38003" s="6">
        <v>632666.69999999995</v>
      </c>
      <c r="C38003" s="7">
        <f t="shared" si="593"/>
        <v>632.66669999999999</v>
      </c>
    </row>
    <row r="38004" spans="1:3" x14ac:dyDescent="0.25">
      <c r="A38004" s="2" t="s">
        <v>23241</v>
      </c>
      <c r="B38004" s="6">
        <v>632683.35</v>
      </c>
      <c r="C38004" s="7">
        <f t="shared" si="593"/>
        <v>632.68335000000002</v>
      </c>
    </row>
    <row r="38005" spans="1:3" x14ac:dyDescent="0.25">
      <c r="A38005" s="2" t="s">
        <v>23242</v>
      </c>
      <c r="B38005" s="6">
        <v>632700</v>
      </c>
      <c r="C38005" s="7">
        <f t="shared" si="593"/>
        <v>632.70000000000005</v>
      </c>
    </row>
    <row r="38006" spans="1:3" x14ac:dyDescent="0.25">
      <c r="A38006" s="2" t="s">
        <v>23243</v>
      </c>
      <c r="B38006" s="6">
        <v>632716.64999999991</v>
      </c>
      <c r="C38006" s="7">
        <f t="shared" si="593"/>
        <v>632.71664999999996</v>
      </c>
    </row>
    <row r="38007" spans="1:3" x14ac:dyDescent="0.25">
      <c r="A38007" s="2" t="s">
        <v>23244</v>
      </c>
      <c r="B38007" s="6">
        <v>632733.29999999993</v>
      </c>
      <c r="C38007" s="7">
        <f t="shared" si="593"/>
        <v>632.73329999999999</v>
      </c>
    </row>
    <row r="38008" spans="1:3" x14ac:dyDescent="0.25">
      <c r="A38008" s="2" t="s">
        <v>23245</v>
      </c>
      <c r="B38008" s="6">
        <v>632749.94999999995</v>
      </c>
      <c r="C38008" s="7">
        <f t="shared" si="593"/>
        <v>632.7499499999999</v>
      </c>
    </row>
    <row r="38009" spans="1:3" x14ac:dyDescent="0.25">
      <c r="A38009" s="2" t="s">
        <v>23246</v>
      </c>
      <c r="B38009" s="6">
        <v>632766.6</v>
      </c>
      <c r="C38009" s="7">
        <f t="shared" si="593"/>
        <v>632.76659999999993</v>
      </c>
    </row>
    <row r="38010" spans="1:3" x14ac:dyDescent="0.25">
      <c r="A38010" s="2" t="s">
        <v>23247</v>
      </c>
      <c r="B38010" s="6">
        <v>632783.25</v>
      </c>
      <c r="C38010" s="7">
        <f t="shared" si="593"/>
        <v>632.78324999999995</v>
      </c>
    </row>
    <row r="38011" spans="1:3" x14ac:dyDescent="0.25">
      <c r="A38011" s="2" t="s">
        <v>23248</v>
      </c>
      <c r="B38011" s="6">
        <v>632799.89999999991</v>
      </c>
      <c r="C38011" s="7">
        <f t="shared" si="593"/>
        <v>632.79989999999987</v>
      </c>
    </row>
    <row r="38012" spans="1:3" x14ac:dyDescent="0.25">
      <c r="A38012" s="2" t="s">
        <v>23249</v>
      </c>
      <c r="B38012" s="6">
        <v>632816.54999999993</v>
      </c>
      <c r="C38012" s="7">
        <f t="shared" si="593"/>
        <v>632.81654999999989</v>
      </c>
    </row>
    <row r="38013" spans="1:3" x14ac:dyDescent="0.25">
      <c r="A38013" s="2" t="s">
        <v>23250</v>
      </c>
      <c r="B38013" s="6">
        <v>632833.19999999995</v>
      </c>
      <c r="C38013" s="7">
        <f t="shared" si="593"/>
        <v>632.83319999999992</v>
      </c>
    </row>
    <row r="38014" spans="1:3" x14ac:dyDescent="0.25">
      <c r="A38014" s="2" t="s">
        <v>23251</v>
      </c>
      <c r="B38014" s="6">
        <v>632849.85</v>
      </c>
      <c r="C38014" s="7">
        <f t="shared" si="593"/>
        <v>632.84984999999995</v>
      </c>
    </row>
    <row r="38015" spans="1:3" x14ac:dyDescent="0.25">
      <c r="A38015" s="2" t="s">
        <v>23252</v>
      </c>
      <c r="B38015" s="6">
        <v>632866.5</v>
      </c>
      <c r="C38015" s="7">
        <f t="shared" si="593"/>
        <v>632.86649999999997</v>
      </c>
    </row>
    <row r="38016" spans="1:3" x14ac:dyDescent="0.25">
      <c r="A38016" s="2" t="s">
        <v>23253</v>
      </c>
      <c r="B38016" s="6">
        <v>632883.14999999991</v>
      </c>
      <c r="C38016" s="7">
        <f t="shared" si="593"/>
        <v>632.88314999999989</v>
      </c>
    </row>
    <row r="38017" spans="1:3" x14ac:dyDescent="0.25">
      <c r="A38017" s="2" t="s">
        <v>23254</v>
      </c>
      <c r="B38017" s="6">
        <v>632899.79999999993</v>
      </c>
      <c r="C38017" s="7">
        <f t="shared" si="593"/>
        <v>632.89979999999991</v>
      </c>
    </row>
    <row r="38018" spans="1:3" x14ac:dyDescent="0.25">
      <c r="A38018" s="2" t="s">
        <v>23255</v>
      </c>
      <c r="B38018" s="6">
        <v>632916.44999999995</v>
      </c>
      <c r="C38018" s="7">
        <f t="shared" si="593"/>
        <v>632.91644999999994</v>
      </c>
    </row>
    <row r="38019" spans="1:3" x14ac:dyDescent="0.25">
      <c r="A38019" s="2" t="s">
        <v>23256</v>
      </c>
      <c r="B38019" s="6">
        <v>632933.1</v>
      </c>
      <c r="C38019" s="7">
        <f t="shared" ref="C38019:C38082" si="594">B38019/1000</f>
        <v>632.93309999999997</v>
      </c>
    </row>
    <row r="38020" spans="1:3" x14ac:dyDescent="0.25">
      <c r="A38020" s="2" t="s">
        <v>23257</v>
      </c>
      <c r="B38020" s="6">
        <v>632949.75</v>
      </c>
      <c r="C38020" s="7">
        <f t="shared" si="594"/>
        <v>632.94974999999999</v>
      </c>
    </row>
    <row r="38021" spans="1:3" x14ac:dyDescent="0.25">
      <c r="A38021" s="2" t="s">
        <v>23258</v>
      </c>
      <c r="B38021" s="6">
        <v>632966.39999999991</v>
      </c>
      <c r="C38021" s="7">
        <f t="shared" si="594"/>
        <v>632.96639999999991</v>
      </c>
    </row>
    <row r="38022" spans="1:3" x14ac:dyDescent="0.25">
      <c r="A38022" s="2" t="s">
        <v>23259</v>
      </c>
      <c r="B38022" s="6">
        <v>632983.04999999993</v>
      </c>
      <c r="C38022" s="7">
        <f t="shared" si="594"/>
        <v>632.98304999999993</v>
      </c>
    </row>
    <row r="38023" spans="1:3" x14ac:dyDescent="0.25">
      <c r="A38023" s="2" t="s">
        <v>23260</v>
      </c>
      <c r="B38023" s="6">
        <v>632999.69999999995</v>
      </c>
      <c r="C38023" s="7">
        <f t="shared" si="594"/>
        <v>632.99969999999996</v>
      </c>
    </row>
    <row r="38024" spans="1:3" x14ac:dyDescent="0.25">
      <c r="A38024" s="2" t="s">
        <v>23261</v>
      </c>
      <c r="B38024" s="6">
        <v>633016.35</v>
      </c>
      <c r="C38024" s="7">
        <f t="shared" si="594"/>
        <v>633.01634999999999</v>
      </c>
    </row>
    <row r="38025" spans="1:3" x14ac:dyDescent="0.25">
      <c r="A38025" s="2" t="s">
        <v>23262</v>
      </c>
      <c r="B38025" s="6">
        <v>633033</v>
      </c>
      <c r="C38025" s="7">
        <f t="shared" si="594"/>
        <v>633.03300000000002</v>
      </c>
    </row>
    <row r="38026" spans="1:3" x14ac:dyDescent="0.25">
      <c r="A38026" s="2" t="s">
        <v>23263</v>
      </c>
      <c r="B38026" s="6">
        <v>633049.64999999991</v>
      </c>
      <c r="C38026" s="7">
        <f t="shared" si="594"/>
        <v>633.04964999999993</v>
      </c>
    </row>
    <row r="38027" spans="1:3" x14ac:dyDescent="0.25">
      <c r="A38027" s="2" t="s">
        <v>23264</v>
      </c>
      <c r="B38027" s="6">
        <v>633066.29999999993</v>
      </c>
      <c r="C38027" s="7">
        <f t="shared" si="594"/>
        <v>633.06629999999996</v>
      </c>
    </row>
    <row r="38028" spans="1:3" x14ac:dyDescent="0.25">
      <c r="A38028" s="2" t="s">
        <v>23265</v>
      </c>
      <c r="B38028" s="6">
        <v>633082.94999999995</v>
      </c>
      <c r="C38028" s="7">
        <f t="shared" si="594"/>
        <v>633.08294999999998</v>
      </c>
    </row>
    <row r="38029" spans="1:3" x14ac:dyDescent="0.25">
      <c r="A38029" s="2" t="s">
        <v>23266</v>
      </c>
      <c r="B38029" s="6">
        <v>633099.6</v>
      </c>
      <c r="C38029" s="7">
        <f t="shared" si="594"/>
        <v>633.09960000000001</v>
      </c>
    </row>
    <row r="38030" spans="1:3" x14ac:dyDescent="0.25">
      <c r="A38030" s="2" t="s">
        <v>23267</v>
      </c>
      <c r="B38030" s="6">
        <v>633116.25</v>
      </c>
      <c r="C38030" s="7">
        <f t="shared" si="594"/>
        <v>633.11625000000004</v>
      </c>
    </row>
    <row r="38031" spans="1:3" x14ac:dyDescent="0.25">
      <c r="A38031" s="2" t="s">
        <v>23268</v>
      </c>
      <c r="B38031" s="6">
        <v>633132.89999999991</v>
      </c>
      <c r="C38031" s="7">
        <f t="shared" si="594"/>
        <v>633.13289999999995</v>
      </c>
    </row>
    <row r="38032" spans="1:3" x14ac:dyDescent="0.25">
      <c r="A38032" s="2" t="s">
        <v>23269</v>
      </c>
      <c r="B38032" s="6">
        <v>633149.54999999993</v>
      </c>
      <c r="C38032" s="7">
        <f t="shared" si="594"/>
        <v>633.14954999999998</v>
      </c>
    </row>
    <row r="38033" spans="1:3" x14ac:dyDescent="0.25">
      <c r="A38033" s="2" t="s">
        <v>23270</v>
      </c>
      <c r="B38033" s="6">
        <v>633166.19999999995</v>
      </c>
      <c r="C38033" s="7">
        <f t="shared" si="594"/>
        <v>633.1662</v>
      </c>
    </row>
    <row r="38034" spans="1:3" x14ac:dyDescent="0.25">
      <c r="A38034" s="2" t="s">
        <v>23271</v>
      </c>
      <c r="B38034" s="6">
        <v>633182.85</v>
      </c>
      <c r="C38034" s="7">
        <f t="shared" si="594"/>
        <v>633.18285000000003</v>
      </c>
    </row>
    <row r="38035" spans="1:3" x14ac:dyDescent="0.25">
      <c r="A38035" s="2" t="s">
        <v>23272</v>
      </c>
      <c r="B38035" s="6">
        <v>633199.5</v>
      </c>
      <c r="C38035" s="7">
        <f t="shared" si="594"/>
        <v>633.19949999999994</v>
      </c>
    </row>
    <row r="38036" spans="1:3" x14ac:dyDescent="0.25">
      <c r="A38036" s="2" t="s">
        <v>23273</v>
      </c>
      <c r="B38036" s="6">
        <v>633216.14999999991</v>
      </c>
      <c r="C38036" s="7">
        <f t="shared" si="594"/>
        <v>633.21614999999986</v>
      </c>
    </row>
    <row r="38037" spans="1:3" x14ac:dyDescent="0.25">
      <c r="A38037" s="2" t="s">
        <v>23274</v>
      </c>
      <c r="B38037" s="6">
        <v>633232.79999999993</v>
      </c>
      <c r="C38037" s="7">
        <f t="shared" si="594"/>
        <v>633.23279999999988</v>
      </c>
    </row>
    <row r="38038" spans="1:3" x14ac:dyDescent="0.25">
      <c r="A38038" s="2" t="s">
        <v>23275</v>
      </c>
      <c r="B38038" s="6">
        <v>633249.44999999995</v>
      </c>
      <c r="C38038" s="7">
        <f t="shared" si="594"/>
        <v>633.24944999999991</v>
      </c>
    </row>
    <row r="38039" spans="1:3" x14ac:dyDescent="0.25">
      <c r="A38039" s="2" t="s">
        <v>23276</v>
      </c>
      <c r="B38039" s="6">
        <v>633266.1</v>
      </c>
      <c r="C38039" s="7">
        <f t="shared" si="594"/>
        <v>633.26609999999994</v>
      </c>
    </row>
    <row r="38040" spans="1:3" x14ac:dyDescent="0.25">
      <c r="A38040" s="2" t="s">
        <v>23277</v>
      </c>
      <c r="B38040" s="6">
        <v>633282.75</v>
      </c>
      <c r="C38040" s="7">
        <f t="shared" si="594"/>
        <v>633.28274999999996</v>
      </c>
    </row>
    <row r="38041" spans="1:3" x14ac:dyDescent="0.25">
      <c r="A38041" s="2" t="s">
        <v>23278</v>
      </c>
      <c r="B38041" s="6">
        <v>633299.39999999991</v>
      </c>
      <c r="C38041" s="7">
        <f t="shared" si="594"/>
        <v>633.29939999999988</v>
      </c>
    </row>
    <row r="38042" spans="1:3" x14ac:dyDescent="0.25">
      <c r="A38042" s="2" t="s">
        <v>23279</v>
      </c>
      <c r="B38042" s="6">
        <v>633316.04999999993</v>
      </c>
      <c r="C38042" s="7">
        <f t="shared" si="594"/>
        <v>633.3160499999999</v>
      </c>
    </row>
    <row r="38043" spans="1:3" x14ac:dyDescent="0.25">
      <c r="A38043" s="2" t="s">
        <v>23280</v>
      </c>
      <c r="B38043" s="6">
        <v>633332.69999999995</v>
      </c>
      <c r="C38043" s="7">
        <f t="shared" si="594"/>
        <v>633.33269999999993</v>
      </c>
    </row>
    <row r="38044" spans="1:3" x14ac:dyDescent="0.25">
      <c r="A38044" s="2" t="s">
        <v>23281</v>
      </c>
      <c r="B38044" s="6">
        <v>633349.35</v>
      </c>
      <c r="C38044" s="7">
        <f t="shared" si="594"/>
        <v>633.34934999999996</v>
      </c>
    </row>
    <row r="38045" spans="1:3" x14ac:dyDescent="0.25">
      <c r="A38045" s="2" t="s">
        <v>23282</v>
      </c>
      <c r="B38045" s="6">
        <v>633366</v>
      </c>
      <c r="C38045" s="7">
        <f t="shared" si="594"/>
        <v>633.36599999999999</v>
      </c>
    </row>
    <row r="38046" spans="1:3" x14ac:dyDescent="0.25">
      <c r="A38046" s="2" t="s">
        <v>23283</v>
      </c>
      <c r="B38046" s="6">
        <v>633382.64999999991</v>
      </c>
      <c r="C38046" s="7">
        <f t="shared" si="594"/>
        <v>633.3826499999999</v>
      </c>
    </row>
    <row r="38047" spans="1:3" x14ac:dyDescent="0.25">
      <c r="A38047" s="2" t="s">
        <v>23284</v>
      </c>
      <c r="B38047" s="6">
        <v>633399.29999999993</v>
      </c>
      <c r="C38047" s="7">
        <f t="shared" si="594"/>
        <v>633.39929999999993</v>
      </c>
    </row>
    <row r="38048" spans="1:3" x14ac:dyDescent="0.25">
      <c r="A38048" s="2" t="s">
        <v>23285</v>
      </c>
      <c r="B38048" s="6">
        <v>633415.94999999995</v>
      </c>
      <c r="C38048" s="7">
        <f t="shared" si="594"/>
        <v>633.41594999999995</v>
      </c>
    </row>
    <row r="38049" spans="1:3" x14ac:dyDescent="0.25">
      <c r="A38049" s="2" t="s">
        <v>23286</v>
      </c>
      <c r="B38049" s="6">
        <v>633432.6</v>
      </c>
      <c r="C38049" s="7">
        <f t="shared" si="594"/>
        <v>633.43259999999998</v>
      </c>
    </row>
    <row r="38050" spans="1:3" x14ac:dyDescent="0.25">
      <c r="A38050" s="2" t="s">
        <v>23287</v>
      </c>
      <c r="B38050" s="6">
        <v>633449.25</v>
      </c>
      <c r="C38050" s="7">
        <f t="shared" si="594"/>
        <v>633.44925000000001</v>
      </c>
    </row>
    <row r="38051" spans="1:3" x14ac:dyDescent="0.25">
      <c r="A38051" s="2" t="s">
        <v>23288</v>
      </c>
      <c r="B38051" s="6">
        <v>633465.89999999991</v>
      </c>
      <c r="C38051" s="7">
        <f t="shared" si="594"/>
        <v>633.46589999999992</v>
      </c>
    </row>
    <row r="38052" spans="1:3" x14ac:dyDescent="0.25">
      <c r="A38052" s="2" t="s">
        <v>23289</v>
      </c>
      <c r="B38052" s="6">
        <v>633482.54999999993</v>
      </c>
      <c r="C38052" s="7">
        <f t="shared" si="594"/>
        <v>633.48254999999995</v>
      </c>
    </row>
    <row r="38053" spans="1:3" x14ac:dyDescent="0.25">
      <c r="A38053" s="2" t="s">
        <v>23290</v>
      </c>
      <c r="B38053" s="6">
        <v>633499.19999999995</v>
      </c>
      <c r="C38053" s="7">
        <f t="shared" si="594"/>
        <v>633.49919999999997</v>
      </c>
    </row>
    <row r="38054" spans="1:3" x14ac:dyDescent="0.25">
      <c r="A38054" s="2" t="s">
        <v>23291</v>
      </c>
      <c r="B38054" s="6">
        <v>633515.85</v>
      </c>
      <c r="C38054" s="7">
        <f t="shared" si="594"/>
        <v>633.51585</v>
      </c>
    </row>
    <row r="38055" spans="1:3" x14ac:dyDescent="0.25">
      <c r="A38055" s="2" t="s">
        <v>23292</v>
      </c>
      <c r="B38055" s="6">
        <v>633532.5</v>
      </c>
      <c r="C38055" s="7">
        <f t="shared" si="594"/>
        <v>633.53250000000003</v>
      </c>
    </row>
    <row r="38056" spans="1:3" x14ac:dyDescent="0.25">
      <c r="A38056" s="2" t="s">
        <v>23293</v>
      </c>
      <c r="B38056" s="6">
        <v>633549.14999999991</v>
      </c>
      <c r="C38056" s="7">
        <f t="shared" si="594"/>
        <v>633.54914999999994</v>
      </c>
    </row>
    <row r="38057" spans="1:3" x14ac:dyDescent="0.25">
      <c r="A38057" s="2" t="s">
        <v>23294</v>
      </c>
      <c r="B38057" s="6">
        <v>633565.79999999993</v>
      </c>
      <c r="C38057" s="7">
        <f t="shared" si="594"/>
        <v>633.56579999999997</v>
      </c>
    </row>
    <row r="38058" spans="1:3" x14ac:dyDescent="0.25">
      <c r="A38058" s="2" t="s">
        <v>23295</v>
      </c>
      <c r="B38058" s="6">
        <v>633582.44999999995</v>
      </c>
      <c r="C38058" s="7">
        <f t="shared" si="594"/>
        <v>633.58244999999999</v>
      </c>
    </row>
    <row r="38059" spans="1:3" x14ac:dyDescent="0.25">
      <c r="A38059" s="2" t="s">
        <v>23296</v>
      </c>
      <c r="B38059" s="6">
        <v>633599.1</v>
      </c>
      <c r="C38059" s="7">
        <f t="shared" si="594"/>
        <v>633.59910000000002</v>
      </c>
    </row>
    <row r="38060" spans="1:3" x14ac:dyDescent="0.25">
      <c r="A38060" s="2" t="s">
        <v>23297</v>
      </c>
      <c r="B38060" s="6">
        <v>633615.75</v>
      </c>
      <c r="C38060" s="7">
        <f t="shared" si="594"/>
        <v>633.61575000000005</v>
      </c>
    </row>
    <row r="38061" spans="1:3" x14ac:dyDescent="0.25">
      <c r="A38061" s="2" t="s">
        <v>23298</v>
      </c>
      <c r="B38061" s="6">
        <v>633632.39999999991</v>
      </c>
      <c r="C38061" s="7">
        <f t="shared" si="594"/>
        <v>633.63239999999996</v>
      </c>
    </row>
    <row r="38062" spans="1:3" x14ac:dyDescent="0.25">
      <c r="A38062" s="2" t="s">
        <v>23299</v>
      </c>
      <c r="B38062" s="6">
        <v>633649.04999999993</v>
      </c>
      <c r="C38062" s="7">
        <f t="shared" si="594"/>
        <v>633.64904999999987</v>
      </c>
    </row>
    <row r="38063" spans="1:3" x14ac:dyDescent="0.25">
      <c r="A38063" s="2" t="s">
        <v>23300</v>
      </c>
      <c r="B38063" s="6">
        <v>633665.69999999995</v>
      </c>
      <c r="C38063" s="7">
        <f t="shared" si="594"/>
        <v>633.6656999999999</v>
      </c>
    </row>
    <row r="38064" spans="1:3" x14ac:dyDescent="0.25">
      <c r="A38064" s="2" t="s">
        <v>23301</v>
      </c>
      <c r="B38064" s="6">
        <v>633682.35</v>
      </c>
      <c r="C38064" s="7">
        <f t="shared" si="594"/>
        <v>633.68234999999993</v>
      </c>
    </row>
    <row r="38065" spans="1:3" x14ac:dyDescent="0.25">
      <c r="A38065" s="2" t="s">
        <v>23302</v>
      </c>
      <c r="B38065" s="6">
        <v>633699</v>
      </c>
      <c r="C38065" s="7">
        <f t="shared" si="594"/>
        <v>633.69899999999996</v>
      </c>
    </row>
    <row r="38066" spans="1:3" x14ac:dyDescent="0.25">
      <c r="A38066" s="2" t="s">
        <v>23303</v>
      </c>
      <c r="B38066" s="6">
        <v>633715.64999999991</v>
      </c>
      <c r="C38066" s="7">
        <f t="shared" si="594"/>
        <v>633.71564999999987</v>
      </c>
    </row>
    <row r="38067" spans="1:3" x14ac:dyDescent="0.25">
      <c r="A38067" s="2" t="s">
        <v>23304</v>
      </c>
      <c r="B38067" s="6">
        <v>633732.29999999993</v>
      </c>
      <c r="C38067" s="7">
        <f t="shared" si="594"/>
        <v>633.7322999999999</v>
      </c>
    </row>
    <row r="38068" spans="1:3" x14ac:dyDescent="0.25">
      <c r="A38068" s="2" t="s">
        <v>23305</v>
      </c>
      <c r="B38068" s="6">
        <v>633748.94999999995</v>
      </c>
      <c r="C38068" s="7">
        <f t="shared" si="594"/>
        <v>633.74894999999992</v>
      </c>
    </row>
    <row r="38069" spans="1:3" x14ac:dyDescent="0.25">
      <c r="A38069" s="2" t="s">
        <v>23306</v>
      </c>
      <c r="B38069" s="6">
        <v>633765.6</v>
      </c>
      <c r="C38069" s="7">
        <f t="shared" si="594"/>
        <v>633.76559999999995</v>
      </c>
    </row>
    <row r="38070" spans="1:3" x14ac:dyDescent="0.25">
      <c r="A38070" s="2" t="s">
        <v>23307</v>
      </c>
      <c r="B38070" s="6">
        <v>633782.25</v>
      </c>
      <c r="C38070" s="7">
        <f t="shared" si="594"/>
        <v>633.78224999999998</v>
      </c>
    </row>
    <row r="38071" spans="1:3" x14ac:dyDescent="0.25">
      <c r="A38071" s="2" t="s">
        <v>23308</v>
      </c>
      <c r="B38071" s="6">
        <v>633798.89999999991</v>
      </c>
      <c r="C38071" s="7">
        <f t="shared" si="594"/>
        <v>633.79889999999989</v>
      </c>
    </row>
    <row r="38072" spans="1:3" x14ac:dyDescent="0.25">
      <c r="A38072" s="2" t="s">
        <v>23309</v>
      </c>
      <c r="B38072" s="6">
        <v>633815.54999999993</v>
      </c>
      <c r="C38072" s="7">
        <f t="shared" si="594"/>
        <v>633.81554999999992</v>
      </c>
    </row>
    <row r="38073" spans="1:3" x14ac:dyDescent="0.25">
      <c r="A38073" s="2" t="s">
        <v>23310</v>
      </c>
      <c r="B38073" s="6">
        <v>633832.19999999995</v>
      </c>
      <c r="C38073" s="7">
        <f t="shared" si="594"/>
        <v>633.83219999999994</v>
      </c>
    </row>
    <row r="38074" spans="1:3" x14ac:dyDescent="0.25">
      <c r="A38074" s="2" t="s">
        <v>23311</v>
      </c>
      <c r="B38074" s="6">
        <v>633848.85</v>
      </c>
      <c r="C38074" s="7">
        <f t="shared" si="594"/>
        <v>633.84884999999997</v>
      </c>
    </row>
    <row r="38075" spans="1:3" x14ac:dyDescent="0.25">
      <c r="A38075" s="2" t="s">
        <v>23312</v>
      </c>
      <c r="B38075" s="6">
        <v>633865.5</v>
      </c>
      <c r="C38075" s="7">
        <f t="shared" si="594"/>
        <v>633.8655</v>
      </c>
    </row>
    <row r="38076" spans="1:3" x14ac:dyDescent="0.25">
      <c r="A38076" s="2" t="s">
        <v>23313</v>
      </c>
      <c r="B38076" s="6">
        <v>633882.14999999991</v>
      </c>
      <c r="C38076" s="7">
        <f t="shared" si="594"/>
        <v>633.88214999999991</v>
      </c>
    </row>
    <row r="38077" spans="1:3" x14ac:dyDescent="0.25">
      <c r="A38077" s="2" t="s">
        <v>23314</v>
      </c>
      <c r="B38077" s="6">
        <v>633898.79999999993</v>
      </c>
      <c r="C38077" s="7">
        <f t="shared" si="594"/>
        <v>633.89879999999994</v>
      </c>
    </row>
    <row r="38078" spans="1:3" x14ac:dyDescent="0.25">
      <c r="A38078" s="2" t="s">
        <v>23315</v>
      </c>
      <c r="B38078" s="6">
        <v>633915.44999999995</v>
      </c>
      <c r="C38078" s="7">
        <f t="shared" si="594"/>
        <v>633.91544999999996</v>
      </c>
    </row>
    <row r="38079" spans="1:3" x14ac:dyDescent="0.25">
      <c r="A38079" s="2" t="s">
        <v>23316</v>
      </c>
      <c r="B38079" s="6">
        <v>633932.1</v>
      </c>
      <c r="C38079" s="7">
        <f t="shared" si="594"/>
        <v>633.93209999999999</v>
      </c>
    </row>
    <row r="38080" spans="1:3" x14ac:dyDescent="0.25">
      <c r="A38080" s="2" t="s">
        <v>23317</v>
      </c>
      <c r="B38080" s="6">
        <v>633948.75</v>
      </c>
      <c r="C38080" s="7">
        <f t="shared" si="594"/>
        <v>633.94875000000002</v>
      </c>
    </row>
    <row r="38081" spans="1:3" x14ac:dyDescent="0.25">
      <c r="A38081" s="2" t="s">
        <v>23318</v>
      </c>
      <c r="B38081" s="6">
        <v>633965.39999999991</v>
      </c>
      <c r="C38081" s="7">
        <f t="shared" si="594"/>
        <v>633.96539999999993</v>
      </c>
    </row>
    <row r="38082" spans="1:3" x14ac:dyDescent="0.25">
      <c r="A38082" s="2" t="s">
        <v>23319</v>
      </c>
      <c r="B38082" s="6">
        <v>633982.04999999993</v>
      </c>
      <c r="C38082" s="7">
        <f t="shared" si="594"/>
        <v>633.98204999999996</v>
      </c>
    </row>
    <row r="38083" spans="1:3" x14ac:dyDescent="0.25">
      <c r="A38083" s="2" t="s">
        <v>23320</v>
      </c>
      <c r="B38083" s="6">
        <v>633998.69999999995</v>
      </c>
      <c r="C38083" s="7">
        <f t="shared" ref="C38083:C38146" si="595">B38083/1000</f>
        <v>633.99869999999999</v>
      </c>
    </row>
    <row r="38084" spans="1:3" x14ac:dyDescent="0.25">
      <c r="A38084" s="2" t="s">
        <v>23321</v>
      </c>
      <c r="B38084" s="6">
        <v>634015.35</v>
      </c>
      <c r="C38084" s="7">
        <f t="shared" si="595"/>
        <v>634.01535000000001</v>
      </c>
    </row>
    <row r="38085" spans="1:3" x14ac:dyDescent="0.25">
      <c r="A38085" s="2" t="s">
        <v>23322</v>
      </c>
      <c r="B38085" s="6">
        <v>634032</v>
      </c>
      <c r="C38085" s="7">
        <f t="shared" si="595"/>
        <v>634.03200000000004</v>
      </c>
    </row>
    <row r="38086" spans="1:3" x14ac:dyDescent="0.25">
      <c r="A38086" s="2" t="s">
        <v>23323</v>
      </c>
      <c r="B38086" s="6">
        <v>634048.64999999991</v>
      </c>
      <c r="C38086" s="7">
        <f t="shared" si="595"/>
        <v>634.04864999999995</v>
      </c>
    </row>
    <row r="38087" spans="1:3" x14ac:dyDescent="0.25">
      <c r="A38087" s="2" t="s">
        <v>23324</v>
      </c>
      <c r="B38087" s="6">
        <v>634065.29999999993</v>
      </c>
      <c r="C38087" s="7">
        <f t="shared" si="595"/>
        <v>634.06529999999998</v>
      </c>
    </row>
    <row r="38088" spans="1:3" x14ac:dyDescent="0.25">
      <c r="A38088" s="2" t="s">
        <v>23325</v>
      </c>
      <c r="B38088" s="6">
        <v>634081.94999999995</v>
      </c>
      <c r="C38088" s="7">
        <f t="shared" si="595"/>
        <v>634.08195000000001</v>
      </c>
    </row>
    <row r="38089" spans="1:3" x14ac:dyDescent="0.25">
      <c r="A38089" s="2" t="s">
        <v>23326</v>
      </c>
      <c r="B38089" s="6">
        <v>634098.6</v>
      </c>
      <c r="C38089" s="7">
        <f t="shared" si="595"/>
        <v>634.09860000000003</v>
      </c>
    </row>
    <row r="38090" spans="1:3" x14ac:dyDescent="0.25">
      <c r="A38090" s="2" t="s">
        <v>23327</v>
      </c>
      <c r="B38090" s="6">
        <v>634115.25</v>
      </c>
      <c r="C38090" s="7">
        <f t="shared" si="595"/>
        <v>634.11524999999995</v>
      </c>
    </row>
    <row r="38091" spans="1:3" x14ac:dyDescent="0.25">
      <c r="A38091" s="2" t="s">
        <v>23328</v>
      </c>
      <c r="B38091" s="6">
        <v>634131.89999999991</v>
      </c>
      <c r="C38091" s="7">
        <f t="shared" si="595"/>
        <v>634.13189999999986</v>
      </c>
    </row>
    <row r="38092" spans="1:3" x14ac:dyDescent="0.25">
      <c r="A38092" s="2" t="s">
        <v>23329</v>
      </c>
      <c r="B38092" s="6">
        <v>634148.54999999993</v>
      </c>
      <c r="C38092" s="7">
        <f t="shared" si="595"/>
        <v>634.14854999999989</v>
      </c>
    </row>
    <row r="38093" spans="1:3" x14ac:dyDescent="0.25">
      <c r="A38093" s="2" t="s">
        <v>23330</v>
      </c>
      <c r="B38093" s="6">
        <v>634165.19999999995</v>
      </c>
      <c r="C38093" s="7">
        <f t="shared" si="595"/>
        <v>634.16519999999991</v>
      </c>
    </row>
    <row r="38094" spans="1:3" x14ac:dyDescent="0.25">
      <c r="A38094" s="2" t="s">
        <v>23331</v>
      </c>
      <c r="B38094" s="6">
        <v>634181.85</v>
      </c>
      <c r="C38094" s="7">
        <f t="shared" si="595"/>
        <v>634.18184999999994</v>
      </c>
    </row>
    <row r="38095" spans="1:3" x14ac:dyDescent="0.25">
      <c r="A38095" s="2" t="s">
        <v>23332</v>
      </c>
      <c r="B38095" s="6">
        <v>634198.5</v>
      </c>
      <c r="C38095" s="7">
        <f t="shared" si="595"/>
        <v>634.19849999999997</v>
      </c>
    </row>
    <row r="38096" spans="1:3" x14ac:dyDescent="0.25">
      <c r="A38096" s="2" t="s">
        <v>23333</v>
      </c>
      <c r="B38096" s="6">
        <v>634215.14999999991</v>
      </c>
      <c r="C38096" s="7">
        <f t="shared" si="595"/>
        <v>634.21514999999988</v>
      </c>
    </row>
    <row r="38097" spans="1:3" x14ac:dyDescent="0.25">
      <c r="A38097" s="2" t="s">
        <v>23334</v>
      </c>
      <c r="B38097" s="6">
        <v>634231.79999999993</v>
      </c>
      <c r="C38097" s="7">
        <f t="shared" si="595"/>
        <v>634.23179999999991</v>
      </c>
    </row>
    <row r="38098" spans="1:3" x14ac:dyDescent="0.25">
      <c r="A38098" s="2" t="s">
        <v>23335</v>
      </c>
      <c r="B38098" s="6">
        <v>634248.44999999995</v>
      </c>
      <c r="C38098" s="7">
        <f t="shared" si="595"/>
        <v>634.24844999999993</v>
      </c>
    </row>
    <row r="38099" spans="1:3" x14ac:dyDescent="0.25">
      <c r="A38099" s="2" t="s">
        <v>23336</v>
      </c>
      <c r="B38099" s="6">
        <v>634265.1</v>
      </c>
      <c r="C38099" s="7">
        <f t="shared" si="595"/>
        <v>634.26509999999996</v>
      </c>
    </row>
    <row r="38100" spans="1:3" x14ac:dyDescent="0.25">
      <c r="A38100" s="2" t="s">
        <v>23337</v>
      </c>
      <c r="B38100" s="6">
        <v>634281.75</v>
      </c>
      <c r="C38100" s="7">
        <f t="shared" si="595"/>
        <v>634.28174999999999</v>
      </c>
    </row>
    <row r="38101" spans="1:3" x14ac:dyDescent="0.25">
      <c r="A38101" s="2" t="s">
        <v>23338</v>
      </c>
      <c r="B38101" s="6">
        <v>634298.39999999991</v>
      </c>
      <c r="C38101" s="7">
        <f t="shared" si="595"/>
        <v>634.2983999999999</v>
      </c>
    </row>
    <row r="38102" spans="1:3" x14ac:dyDescent="0.25">
      <c r="A38102" s="2" t="s">
        <v>23339</v>
      </c>
      <c r="B38102" s="6">
        <v>634315.04999999993</v>
      </c>
      <c r="C38102" s="7">
        <f t="shared" si="595"/>
        <v>634.31504999999993</v>
      </c>
    </row>
    <row r="38103" spans="1:3" x14ac:dyDescent="0.25">
      <c r="A38103" s="2" t="s">
        <v>23340</v>
      </c>
      <c r="B38103" s="6">
        <v>634331.69999999995</v>
      </c>
      <c r="C38103" s="7">
        <f t="shared" si="595"/>
        <v>634.33169999999996</v>
      </c>
    </row>
    <row r="38104" spans="1:3" x14ac:dyDescent="0.25">
      <c r="A38104" s="2" t="s">
        <v>23341</v>
      </c>
      <c r="B38104" s="6">
        <v>634348.35</v>
      </c>
      <c r="C38104" s="7">
        <f t="shared" si="595"/>
        <v>634.34834999999998</v>
      </c>
    </row>
    <row r="38105" spans="1:3" x14ac:dyDescent="0.25">
      <c r="A38105" s="2" t="s">
        <v>23342</v>
      </c>
      <c r="B38105" s="6">
        <v>634365</v>
      </c>
      <c r="C38105" s="7">
        <f t="shared" si="595"/>
        <v>634.36500000000001</v>
      </c>
    </row>
    <row r="38106" spans="1:3" x14ac:dyDescent="0.25">
      <c r="A38106" s="2" t="s">
        <v>23343</v>
      </c>
      <c r="B38106" s="6">
        <v>634381.64999999991</v>
      </c>
      <c r="C38106" s="7">
        <f t="shared" si="595"/>
        <v>634.38164999999992</v>
      </c>
    </row>
    <row r="38107" spans="1:3" x14ac:dyDescent="0.25">
      <c r="A38107" s="2" t="s">
        <v>23344</v>
      </c>
      <c r="B38107" s="6">
        <v>634398.29999999993</v>
      </c>
      <c r="C38107" s="7">
        <f t="shared" si="595"/>
        <v>634.39829999999995</v>
      </c>
    </row>
    <row r="38108" spans="1:3" x14ac:dyDescent="0.25">
      <c r="A38108" s="2" t="s">
        <v>23345</v>
      </c>
      <c r="B38108" s="6">
        <v>634414.94999999995</v>
      </c>
      <c r="C38108" s="7">
        <f t="shared" si="595"/>
        <v>634.41494999999998</v>
      </c>
    </row>
    <row r="38109" spans="1:3" x14ac:dyDescent="0.25">
      <c r="A38109" s="2" t="s">
        <v>23346</v>
      </c>
      <c r="B38109" s="6">
        <v>634431.6</v>
      </c>
      <c r="C38109" s="7">
        <f t="shared" si="595"/>
        <v>634.4316</v>
      </c>
    </row>
    <row r="38110" spans="1:3" x14ac:dyDescent="0.25">
      <c r="A38110" s="2" t="s">
        <v>23347</v>
      </c>
      <c r="B38110" s="6">
        <v>634448.25</v>
      </c>
      <c r="C38110" s="7">
        <f t="shared" si="595"/>
        <v>634.44825000000003</v>
      </c>
    </row>
    <row r="38111" spans="1:3" x14ac:dyDescent="0.25">
      <c r="A38111" s="2" t="s">
        <v>23348</v>
      </c>
      <c r="B38111" s="6">
        <v>634464.89999999991</v>
      </c>
      <c r="C38111" s="7">
        <f t="shared" si="595"/>
        <v>634.46489999999994</v>
      </c>
    </row>
    <row r="38112" spans="1:3" x14ac:dyDescent="0.25">
      <c r="A38112" s="2" t="s">
        <v>23349</v>
      </c>
      <c r="B38112" s="6">
        <v>634481.54999999993</v>
      </c>
      <c r="C38112" s="7">
        <f t="shared" si="595"/>
        <v>634.48154999999997</v>
      </c>
    </row>
    <row r="38113" spans="1:3" x14ac:dyDescent="0.25">
      <c r="A38113" s="2" t="s">
        <v>23350</v>
      </c>
      <c r="B38113" s="6">
        <v>634498.19999999995</v>
      </c>
      <c r="C38113" s="7">
        <f t="shared" si="595"/>
        <v>634.4982</v>
      </c>
    </row>
    <row r="38114" spans="1:3" x14ac:dyDescent="0.25">
      <c r="A38114" s="2" t="s">
        <v>23351</v>
      </c>
      <c r="B38114" s="6">
        <v>634514.85</v>
      </c>
      <c r="C38114" s="7">
        <f t="shared" si="595"/>
        <v>634.51485000000002</v>
      </c>
    </row>
    <row r="38115" spans="1:3" x14ac:dyDescent="0.25">
      <c r="A38115" s="2" t="s">
        <v>23352</v>
      </c>
      <c r="B38115" s="6">
        <v>634531.5</v>
      </c>
      <c r="C38115" s="7">
        <f t="shared" si="595"/>
        <v>634.53150000000005</v>
      </c>
    </row>
    <row r="38116" spans="1:3" x14ac:dyDescent="0.25">
      <c r="A38116" s="2" t="s">
        <v>23353</v>
      </c>
      <c r="B38116" s="6">
        <v>634548.14999999991</v>
      </c>
      <c r="C38116" s="7">
        <f t="shared" si="595"/>
        <v>634.54814999999985</v>
      </c>
    </row>
    <row r="38117" spans="1:3" x14ac:dyDescent="0.25">
      <c r="A38117" s="2" t="s">
        <v>23354</v>
      </c>
      <c r="B38117" s="6">
        <v>634564.79999999993</v>
      </c>
      <c r="C38117" s="7">
        <f t="shared" si="595"/>
        <v>634.56479999999988</v>
      </c>
    </row>
    <row r="38118" spans="1:3" x14ac:dyDescent="0.25">
      <c r="A38118" s="2" t="s">
        <v>23355</v>
      </c>
      <c r="B38118" s="6">
        <v>634581.44999999995</v>
      </c>
      <c r="C38118" s="7">
        <f t="shared" si="595"/>
        <v>634.5814499999999</v>
      </c>
    </row>
    <row r="38119" spans="1:3" x14ac:dyDescent="0.25">
      <c r="A38119" s="2" t="s">
        <v>23356</v>
      </c>
      <c r="B38119" s="6">
        <v>634598.1</v>
      </c>
      <c r="C38119" s="7">
        <f t="shared" si="595"/>
        <v>634.59809999999993</v>
      </c>
    </row>
    <row r="38120" spans="1:3" x14ac:dyDescent="0.25">
      <c r="A38120" s="2" t="s">
        <v>23357</v>
      </c>
      <c r="B38120" s="6">
        <v>634614.75</v>
      </c>
      <c r="C38120" s="7">
        <f t="shared" si="595"/>
        <v>634.61474999999996</v>
      </c>
    </row>
    <row r="38121" spans="1:3" x14ac:dyDescent="0.25">
      <c r="A38121" s="2" t="s">
        <v>23358</v>
      </c>
      <c r="B38121" s="6">
        <v>634631.39999999991</v>
      </c>
      <c r="C38121" s="7">
        <f t="shared" si="595"/>
        <v>634.63139999999987</v>
      </c>
    </row>
    <row r="38122" spans="1:3" x14ac:dyDescent="0.25">
      <c r="A38122" s="2" t="s">
        <v>23359</v>
      </c>
      <c r="B38122" s="6">
        <v>634648.04999999993</v>
      </c>
      <c r="C38122" s="7">
        <f t="shared" si="595"/>
        <v>634.6480499999999</v>
      </c>
    </row>
    <row r="38123" spans="1:3" x14ac:dyDescent="0.25">
      <c r="A38123" s="2" t="s">
        <v>23360</v>
      </c>
      <c r="B38123" s="6">
        <v>634664.69999999995</v>
      </c>
      <c r="C38123" s="7">
        <f t="shared" si="595"/>
        <v>634.66469999999993</v>
      </c>
    </row>
    <row r="38124" spans="1:3" x14ac:dyDescent="0.25">
      <c r="A38124" s="2" t="s">
        <v>23361</v>
      </c>
      <c r="B38124" s="6">
        <v>634681.35</v>
      </c>
      <c r="C38124" s="7">
        <f t="shared" si="595"/>
        <v>634.68134999999995</v>
      </c>
    </row>
    <row r="38125" spans="1:3" x14ac:dyDescent="0.25">
      <c r="A38125" s="2" t="s">
        <v>23362</v>
      </c>
      <c r="B38125" s="6">
        <v>634698</v>
      </c>
      <c r="C38125" s="7">
        <f t="shared" si="595"/>
        <v>634.69799999999998</v>
      </c>
    </row>
    <row r="38126" spans="1:3" x14ac:dyDescent="0.25">
      <c r="A38126" s="2" t="s">
        <v>23363</v>
      </c>
      <c r="B38126" s="6">
        <v>634714.64999999991</v>
      </c>
      <c r="C38126" s="7">
        <f t="shared" si="595"/>
        <v>634.71464999999989</v>
      </c>
    </row>
    <row r="38127" spans="1:3" x14ac:dyDescent="0.25">
      <c r="A38127" s="2" t="s">
        <v>23364</v>
      </c>
      <c r="B38127" s="6">
        <v>634731.29999999993</v>
      </c>
      <c r="C38127" s="7">
        <f t="shared" si="595"/>
        <v>634.73129999999992</v>
      </c>
    </row>
    <row r="38128" spans="1:3" x14ac:dyDescent="0.25">
      <c r="A38128" s="2" t="s">
        <v>23365</v>
      </c>
      <c r="B38128" s="6">
        <v>634747.94999999995</v>
      </c>
      <c r="C38128" s="7">
        <f t="shared" si="595"/>
        <v>634.74794999999995</v>
      </c>
    </row>
    <row r="38129" spans="1:3" x14ac:dyDescent="0.25">
      <c r="A38129" s="2" t="s">
        <v>23366</v>
      </c>
      <c r="B38129" s="6">
        <v>634764.6</v>
      </c>
      <c r="C38129" s="7">
        <f t="shared" si="595"/>
        <v>634.76459999999997</v>
      </c>
    </row>
    <row r="38130" spans="1:3" x14ac:dyDescent="0.25">
      <c r="A38130" s="2" t="s">
        <v>23367</v>
      </c>
      <c r="B38130" s="6">
        <v>634781.25</v>
      </c>
      <c r="C38130" s="7">
        <f t="shared" si="595"/>
        <v>634.78125</v>
      </c>
    </row>
    <row r="38131" spans="1:3" x14ac:dyDescent="0.25">
      <c r="A38131" s="2" t="s">
        <v>23368</v>
      </c>
      <c r="B38131" s="6">
        <v>634797.89999999991</v>
      </c>
      <c r="C38131" s="7">
        <f t="shared" si="595"/>
        <v>634.79789999999991</v>
      </c>
    </row>
    <row r="38132" spans="1:3" x14ac:dyDescent="0.25">
      <c r="A38132" s="2" t="s">
        <v>23369</v>
      </c>
      <c r="B38132" s="6">
        <v>634814.54999999993</v>
      </c>
      <c r="C38132" s="7">
        <f t="shared" si="595"/>
        <v>634.81454999999994</v>
      </c>
    </row>
    <row r="38133" spans="1:3" x14ac:dyDescent="0.25">
      <c r="A38133" s="2" t="s">
        <v>23370</v>
      </c>
      <c r="B38133" s="6">
        <v>634831.19999999995</v>
      </c>
      <c r="C38133" s="7">
        <f t="shared" si="595"/>
        <v>634.83119999999997</v>
      </c>
    </row>
    <row r="38134" spans="1:3" x14ac:dyDescent="0.25">
      <c r="A38134" s="2" t="s">
        <v>23371</v>
      </c>
      <c r="B38134" s="6">
        <v>634847.85</v>
      </c>
      <c r="C38134" s="7">
        <f t="shared" si="595"/>
        <v>634.84784999999999</v>
      </c>
    </row>
    <row r="38135" spans="1:3" x14ac:dyDescent="0.25">
      <c r="A38135" s="2" t="s">
        <v>23372</v>
      </c>
      <c r="B38135" s="6">
        <v>634864.5</v>
      </c>
      <c r="C38135" s="7">
        <f t="shared" si="595"/>
        <v>634.86450000000002</v>
      </c>
    </row>
    <row r="38136" spans="1:3" x14ac:dyDescent="0.25">
      <c r="A38136" s="2" t="s">
        <v>23373</v>
      </c>
      <c r="B38136" s="6">
        <v>634881.14999999991</v>
      </c>
      <c r="C38136" s="7">
        <f t="shared" si="595"/>
        <v>634.88114999999993</v>
      </c>
    </row>
    <row r="38137" spans="1:3" x14ac:dyDescent="0.25">
      <c r="A38137" s="2" t="s">
        <v>23374</v>
      </c>
      <c r="B38137" s="6">
        <v>634897.79999999993</v>
      </c>
      <c r="C38137" s="7">
        <f t="shared" si="595"/>
        <v>634.89779999999996</v>
      </c>
    </row>
    <row r="38138" spans="1:3" x14ac:dyDescent="0.25">
      <c r="A38138" s="2" t="s">
        <v>23375</v>
      </c>
      <c r="B38138" s="6">
        <v>634914.44999999995</v>
      </c>
      <c r="C38138" s="7">
        <f t="shared" si="595"/>
        <v>634.91444999999999</v>
      </c>
    </row>
    <row r="38139" spans="1:3" x14ac:dyDescent="0.25">
      <c r="A38139" s="2" t="s">
        <v>23376</v>
      </c>
      <c r="B38139" s="6">
        <v>634931.1</v>
      </c>
      <c r="C38139" s="7">
        <f t="shared" si="595"/>
        <v>634.93110000000001</v>
      </c>
    </row>
    <row r="38140" spans="1:3" x14ac:dyDescent="0.25">
      <c r="A38140" s="2" t="s">
        <v>23377</v>
      </c>
      <c r="B38140" s="6">
        <v>634947.75</v>
      </c>
      <c r="C38140" s="7">
        <f t="shared" si="595"/>
        <v>634.94775000000004</v>
      </c>
    </row>
    <row r="38141" spans="1:3" x14ac:dyDescent="0.25">
      <c r="A38141" s="2" t="s">
        <v>23378</v>
      </c>
      <c r="B38141" s="6">
        <v>634964.39999999991</v>
      </c>
      <c r="C38141" s="7">
        <f t="shared" si="595"/>
        <v>634.96439999999996</v>
      </c>
    </row>
    <row r="38142" spans="1:3" x14ac:dyDescent="0.25">
      <c r="A38142" s="2" t="s">
        <v>23379</v>
      </c>
      <c r="B38142" s="6">
        <v>634981.04999999993</v>
      </c>
      <c r="C38142" s="7">
        <f t="shared" si="595"/>
        <v>634.98104999999998</v>
      </c>
    </row>
    <row r="38143" spans="1:3" x14ac:dyDescent="0.25">
      <c r="A38143" s="2" t="s">
        <v>23380</v>
      </c>
      <c r="B38143" s="6">
        <v>634997.69999999995</v>
      </c>
      <c r="C38143" s="7">
        <f t="shared" si="595"/>
        <v>634.99770000000001</v>
      </c>
    </row>
    <row r="38144" spans="1:3" x14ac:dyDescent="0.25">
      <c r="A38144" s="2" t="s">
        <v>23381</v>
      </c>
      <c r="B38144" s="6">
        <v>635014.35</v>
      </c>
      <c r="C38144" s="7">
        <f t="shared" si="595"/>
        <v>635.01434999999992</v>
      </c>
    </row>
    <row r="38145" spans="1:3" x14ac:dyDescent="0.25">
      <c r="A38145" s="2" t="s">
        <v>23382</v>
      </c>
      <c r="B38145" s="6">
        <v>635031</v>
      </c>
      <c r="C38145" s="7">
        <f t="shared" si="595"/>
        <v>635.03099999999995</v>
      </c>
    </row>
    <row r="38146" spans="1:3" x14ac:dyDescent="0.25">
      <c r="A38146" s="2" t="s">
        <v>23383</v>
      </c>
      <c r="B38146" s="6">
        <v>635047.64999999991</v>
      </c>
      <c r="C38146" s="7">
        <f t="shared" si="595"/>
        <v>635.04764999999986</v>
      </c>
    </row>
    <row r="38147" spans="1:3" x14ac:dyDescent="0.25">
      <c r="A38147" s="2" t="s">
        <v>23384</v>
      </c>
      <c r="B38147" s="6">
        <v>635064.29999999993</v>
      </c>
      <c r="C38147" s="7">
        <f t="shared" ref="C38147:C38210" si="596">B38147/1000</f>
        <v>635.06429999999989</v>
      </c>
    </row>
    <row r="38148" spans="1:3" x14ac:dyDescent="0.25">
      <c r="A38148" s="2" t="s">
        <v>23385</v>
      </c>
      <c r="B38148" s="6">
        <v>635080.94999999995</v>
      </c>
      <c r="C38148" s="7">
        <f t="shared" si="596"/>
        <v>635.08094999999992</v>
      </c>
    </row>
    <row r="38149" spans="1:3" x14ac:dyDescent="0.25">
      <c r="A38149" s="2" t="s">
        <v>23386</v>
      </c>
      <c r="B38149" s="6">
        <v>635097.59999999998</v>
      </c>
      <c r="C38149" s="7">
        <f t="shared" si="596"/>
        <v>635.09759999999994</v>
      </c>
    </row>
    <row r="38150" spans="1:3" x14ac:dyDescent="0.25">
      <c r="A38150" s="2" t="s">
        <v>23387</v>
      </c>
      <c r="B38150" s="6">
        <v>635114.25</v>
      </c>
      <c r="C38150" s="7">
        <f t="shared" si="596"/>
        <v>635.11424999999997</v>
      </c>
    </row>
    <row r="38151" spans="1:3" x14ac:dyDescent="0.25">
      <c r="A38151" s="2" t="s">
        <v>23388</v>
      </c>
      <c r="B38151" s="6">
        <v>635130.89999999991</v>
      </c>
      <c r="C38151" s="7">
        <f t="shared" si="596"/>
        <v>635.13089999999988</v>
      </c>
    </row>
    <row r="38152" spans="1:3" x14ac:dyDescent="0.25">
      <c r="A38152" s="2" t="s">
        <v>23389</v>
      </c>
      <c r="B38152" s="6">
        <v>635147.54999999993</v>
      </c>
      <c r="C38152" s="7">
        <f t="shared" si="596"/>
        <v>635.14754999999991</v>
      </c>
    </row>
    <row r="38153" spans="1:3" x14ac:dyDescent="0.25">
      <c r="A38153" s="2" t="s">
        <v>23390</v>
      </c>
      <c r="B38153" s="6">
        <v>635164.19999999995</v>
      </c>
      <c r="C38153" s="7">
        <f t="shared" si="596"/>
        <v>635.16419999999994</v>
      </c>
    </row>
    <row r="38154" spans="1:3" x14ac:dyDescent="0.25">
      <c r="A38154" s="2" t="s">
        <v>23391</v>
      </c>
      <c r="B38154" s="6">
        <v>635180.85</v>
      </c>
      <c r="C38154" s="7">
        <f t="shared" si="596"/>
        <v>635.18084999999996</v>
      </c>
    </row>
    <row r="38155" spans="1:3" x14ac:dyDescent="0.25">
      <c r="A38155" s="2" t="s">
        <v>23392</v>
      </c>
      <c r="B38155" s="6">
        <v>635197.5</v>
      </c>
      <c r="C38155" s="7">
        <f t="shared" si="596"/>
        <v>635.19749999999999</v>
      </c>
    </row>
    <row r="38156" spans="1:3" x14ac:dyDescent="0.25">
      <c r="A38156" s="2" t="s">
        <v>23393</v>
      </c>
      <c r="B38156" s="6">
        <v>635214.14999999991</v>
      </c>
      <c r="C38156" s="7">
        <f t="shared" si="596"/>
        <v>635.2141499999999</v>
      </c>
    </row>
    <row r="38157" spans="1:3" x14ac:dyDescent="0.25">
      <c r="A38157" s="2" t="s">
        <v>23394</v>
      </c>
      <c r="B38157" s="6">
        <v>635230.79999999993</v>
      </c>
      <c r="C38157" s="7">
        <f t="shared" si="596"/>
        <v>635.23079999999993</v>
      </c>
    </row>
    <row r="38158" spans="1:3" x14ac:dyDescent="0.25">
      <c r="A38158" s="2" t="s">
        <v>23395</v>
      </c>
      <c r="B38158" s="6">
        <v>635247.44999999995</v>
      </c>
      <c r="C38158" s="7">
        <f t="shared" si="596"/>
        <v>635.24744999999996</v>
      </c>
    </row>
    <row r="38159" spans="1:3" x14ac:dyDescent="0.25">
      <c r="A38159" s="2" t="s">
        <v>23396</v>
      </c>
      <c r="B38159" s="6">
        <v>635264.1</v>
      </c>
      <c r="C38159" s="7">
        <f t="shared" si="596"/>
        <v>635.26409999999998</v>
      </c>
    </row>
    <row r="38160" spans="1:3" x14ac:dyDescent="0.25">
      <c r="A38160" s="2" t="s">
        <v>23397</v>
      </c>
      <c r="B38160" s="6">
        <v>635280.75</v>
      </c>
      <c r="C38160" s="7">
        <f t="shared" si="596"/>
        <v>635.28075000000001</v>
      </c>
    </row>
    <row r="38161" spans="1:3" x14ac:dyDescent="0.25">
      <c r="A38161" s="2" t="s">
        <v>23398</v>
      </c>
      <c r="B38161" s="6">
        <v>635297.39999999991</v>
      </c>
      <c r="C38161" s="7">
        <f t="shared" si="596"/>
        <v>635.29739999999993</v>
      </c>
    </row>
    <row r="38162" spans="1:3" x14ac:dyDescent="0.25">
      <c r="A38162" s="2" t="s">
        <v>23399</v>
      </c>
      <c r="B38162" s="6">
        <v>635314.04999999993</v>
      </c>
      <c r="C38162" s="7">
        <f t="shared" si="596"/>
        <v>635.31404999999995</v>
      </c>
    </row>
    <row r="38163" spans="1:3" x14ac:dyDescent="0.25">
      <c r="A38163" s="2" t="s">
        <v>23400</v>
      </c>
      <c r="B38163" s="6">
        <v>635330.69999999995</v>
      </c>
      <c r="C38163" s="7">
        <f t="shared" si="596"/>
        <v>635.33069999999998</v>
      </c>
    </row>
    <row r="38164" spans="1:3" x14ac:dyDescent="0.25">
      <c r="A38164" s="2" t="s">
        <v>23401</v>
      </c>
      <c r="B38164" s="6">
        <v>635347.35</v>
      </c>
      <c r="C38164" s="7">
        <f t="shared" si="596"/>
        <v>635.34735000000001</v>
      </c>
    </row>
    <row r="38165" spans="1:3" x14ac:dyDescent="0.25">
      <c r="A38165" s="2" t="s">
        <v>23402</v>
      </c>
      <c r="B38165" s="6">
        <v>635364</v>
      </c>
      <c r="C38165" s="7">
        <f t="shared" si="596"/>
        <v>635.36400000000003</v>
      </c>
    </row>
    <row r="38166" spans="1:3" x14ac:dyDescent="0.25">
      <c r="A38166" s="2" t="s">
        <v>23403</v>
      </c>
      <c r="B38166" s="6">
        <v>635380.64999999991</v>
      </c>
      <c r="C38166" s="7">
        <f t="shared" si="596"/>
        <v>635.38064999999995</v>
      </c>
    </row>
    <row r="38167" spans="1:3" x14ac:dyDescent="0.25">
      <c r="A38167" s="2" t="s">
        <v>23404</v>
      </c>
      <c r="B38167" s="6">
        <v>635397.29999999993</v>
      </c>
      <c r="C38167" s="7">
        <f t="shared" si="596"/>
        <v>635.39729999999997</v>
      </c>
    </row>
    <row r="38168" spans="1:3" x14ac:dyDescent="0.25">
      <c r="A38168" s="2" t="s">
        <v>23405</v>
      </c>
      <c r="B38168" s="6">
        <v>635413.94999999995</v>
      </c>
      <c r="C38168" s="7">
        <f t="shared" si="596"/>
        <v>635.41395</v>
      </c>
    </row>
    <row r="38169" spans="1:3" x14ac:dyDescent="0.25">
      <c r="A38169" s="2" t="s">
        <v>23406</v>
      </c>
      <c r="B38169" s="6">
        <v>635430.6</v>
      </c>
      <c r="C38169" s="7">
        <f t="shared" si="596"/>
        <v>635.43060000000003</v>
      </c>
    </row>
    <row r="38170" spans="1:3" x14ac:dyDescent="0.25">
      <c r="A38170" s="2" t="s">
        <v>23407</v>
      </c>
      <c r="B38170" s="6">
        <v>635447.25</v>
      </c>
      <c r="C38170" s="7">
        <f t="shared" si="596"/>
        <v>635.44725000000005</v>
      </c>
    </row>
    <row r="38171" spans="1:3" x14ac:dyDescent="0.25">
      <c r="A38171" s="2" t="s">
        <v>23408</v>
      </c>
      <c r="B38171" s="6">
        <v>635463.89999999991</v>
      </c>
      <c r="C38171" s="7">
        <f t="shared" si="596"/>
        <v>635.46389999999985</v>
      </c>
    </row>
    <row r="38172" spans="1:3" x14ac:dyDescent="0.25">
      <c r="A38172" s="2" t="s">
        <v>23409</v>
      </c>
      <c r="B38172" s="6">
        <v>635480.54999999993</v>
      </c>
      <c r="C38172" s="7">
        <f t="shared" si="596"/>
        <v>635.48054999999988</v>
      </c>
    </row>
    <row r="38173" spans="1:3" x14ac:dyDescent="0.25">
      <c r="A38173" s="2" t="s">
        <v>23410</v>
      </c>
      <c r="B38173" s="6">
        <v>635497.19999999995</v>
      </c>
      <c r="C38173" s="7">
        <f t="shared" si="596"/>
        <v>635.49719999999991</v>
      </c>
    </row>
    <row r="38174" spans="1:3" x14ac:dyDescent="0.25">
      <c r="A38174" s="2" t="s">
        <v>23411</v>
      </c>
      <c r="B38174" s="6">
        <v>635513.85</v>
      </c>
      <c r="C38174" s="7">
        <f t="shared" si="596"/>
        <v>635.51384999999993</v>
      </c>
    </row>
    <row r="38175" spans="1:3" x14ac:dyDescent="0.25">
      <c r="A38175" s="2" t="s">
        <v>23412</v>
      </c>
      <c r="B38175" s="6">
        <v>635530.5</v>
      </c>
      <c r="C38175" s="7">
        <f t="shared" si="596"/>
        <v>635.53049999999996</v>
      </c>
    </row>
    <row r="38176" spans="1:3" x14ac:dyDescent="0.25">
      <c r="A38176" s="2" t="s">
        <v>23413</v>
      </c>
      <c r="B38176" s="6">
        <v>635547.14999999991</v>
      </c>
      <c r="C38176" s="7">
        <f t="shared" si="596"/>
        <v>635.54714999999987</v>
      </c>
    </row>
    <row r="38177" spans="1:3" x14ac:dyDescent="0.25">
      <c r="A38177" s="2" t="s">
        <v>23414</v>
      </c>
      <c r="B38177" s="6">
        <v>635563.79999999993</v>
      </c>
      <c r="C38177" s="7">
        <f t="shared" si="596"/>
        <v>635.5637999999999</v>
      </c>
    </row>
    <row r="38178" spans="1:3" x14ac:dyDescent="0.25">
      <c r="A38178" s="2" t="s">
        <v>23415</v>
      </c>
      <c r="B38178" s="6">
        <v>635580.44999999995</v>
      </c>
      <c r="C38178" s="7">
        <f t="shared" si="596"/>
        <v>635.58044999999993</v>
      </c>
    </row>
    <row r="38179" spans="1:3" x14ac:dyDescent="0.25">
      <c r="A38179" s="2" t="s">
        <v>23416</v>
      </c>
      <c r="B38179" s="6">
        <v>635597.1</v>
      </c>
      <c r="C38179" s="7">
        <f t="shared" si="596"/>
        <v>635.59709999999995</v>
      </c>
    </row>
    <row r="38180" spans="1:3" x14ac:dyDescent="0.25">
      <c r="A38180" s="2" t="s">
        <v>23417</v>
      </c>
      <c r="B38180" s="6">
        <v>635613.75</v>
      </c>
      <c r="C38180" s="7">
        <f t="shared" si="596"/>
        <v>635.61374999999998</v>
      </c>
    </row>
    <row r="38181" spans="1:3" x14ac:dyDescent="0.25">
      <c r="A38181" s="2" t="s">
        <v>23418</v>
      </c>
      <c r="B38181" s="6">
        <v>635630.39999999991</v>
      </c>
      <c r="C38181" s="7">
        <f t="shared" si="596"/>
        <v>635.6303999999999</v>
      </c>
    </row>
    <row r="38182" spans="1:3" x14ac:dyDescent="0.25">
      <c r="A38182" s="2" t="s">
        <v>23419</v>
      </c>
      <c r="B38182" s="6">
        <v>635647.04999999993</v>
      </c>
      <c r="C38182" s="7">
        <f t="shared" si="596"/>
        <v>635.64704999999992</v>
      </c>
    </row>
    <row r="38183" spans="1:3" x14ac:dyDescent="0.25">
      <c r="A38183" s="2" t="s">
        <v>23420</v>
      </c>
      <c r="B38183" s="6">
        <v>635663.69999999995</v>
      </c>
      <c r="C38183" s="7">
        <f t="shared" si="596"/>
        <v>635.66369999999995</v>
      </c>
    </row>
    <row r="38184" spans="1:3" x14ac:dyDescent="0.25">
      <c r="A38184" s="2" t="s">
        <v>23421</v>
      </c>
      <c r="B38184" s="6">
        <v>635680.35</v>
      </c>
      <c r="C38184" s="7">
        <f t="shared" si="596"/>
        <v>635.68034999999998</v>
      </c>
    </row>
    <row r="38185" spans="1:3" x14ac:dyDescent="0.25">
      <c r="A38185" s="2" t="s">
        <v>23422</v>
      </c>
      <c r="B38185" s="6">
        <v>635697</v>
      </c>
      <c r="C38185" s="7">
        <f t="shared" si="596"/>
        <v>635.697</v>
      </c>
    </row>
    <row r="38186" spans="1:3" x14ac:dyDescent="0.25">
      <c r="A38186" s="2" t="s">
        <v>23423</v>
      </c>
      <c r="B38186" s="6">
        <v>635713.64999999991</v>
      </c>
      <c r="C38186" s="7">
        <f t="shared" si="596"/>
        <v>635.71364999999992</v>
      </c>
    </row>
    <row r="38187" spans="1:3" x14ac:dyDescent="0.25">
      <c r="A38187" s="2" t="s">
        <v>23424</v>
      </c>
      <c r="B38187" s="6">
        <v>635730.29999999993</v>
      </c>
      <c r="C38187" s="7">
        <f t="shared" si="596"/>
        <v>635.73029999999994</v>
      </c>
    </row>
    <row r="38188" spans="1:3" x14ac:dyDescent="0.25">
      <c r="A38188" s="2" t="s">
        <v>23425</v>
      </c>
      <c r="B38188" s="6">
        <v>635746.94999999995</v>
      </c>
      <c r="C38188" s="7">
        <f t="shared" si="596"/>
        <v>635.74694999999997</v>
      </c>
    </row>
    <row r="38189" spans="1:3" x14ac:dyDescent="0.25">
      <c r="A38189" s="2" t="s">
        <v>23426</v>
      </c>
      <c r="B38189" s="6">
        <v>635763.6</v>
      </c>
      <c r="C38189" s="7">
        <f t="shared" si="596"/>
        <v>635.7636</v>
      </c>
    </row>
    <row r="38190" spans="1:3" x14ac:dyDescent="0.25">
      <c r="A38190" s="2" t="s">
        <v>23427</v>
      </c>
      <c r="B38190" s="6">
        <v>635780.25</v>
      </c>
      <c r="C38190" s="7">
        <f t="shared" si="596"/>
        <v>635.78025000000002</v>
      </c>
    </row>
    <row r="38191" spans="1:3" x14ac:dyDescent="0.25">
      <c r="A38191" s="2" t="s">
        <v>23428</v>
      </c>
      <c r="B38191" s="6">
        <v>635796.89999999991</v>
      </c>
      <c r="C38191" s="7">
        <f t="shared" si="596"/>
        <v>635.79689999999994</v>
      </c>
    </row>
    <row r="38192" spans="1:3" x14ac:dyDescent="0.25">
      <c r="A38192" s="2" t="s">
        <v>23429</v>
      </c>
      <c r="B38192" s="6">
        <v>635813.54999999993</v>
      </c>
      <c r="C38192" s="7">
        <f t="shared" si="596"/>
        <v>635.81354999999996</v>
      </c>
    </row>
    <row r="38193" spans="1:3" x14ac:dyDescent="0.25">
      <c r="A38193" s="2" t="s">
        <v>23430</v>
      </c>
      <c r="B38193" s="6">
        <v>635830.19999999995</v>
      </c>
      <c r="C38193" s="7">
        <f t="shared" si="596"/>
        <v>635.83019999999999</v>
      </c>
    </row>
    <row r="38194" spans="1:3" x14ac:dyDescent="0.25">
      <c r="A38194" s="2" t="s">
        <v>23431</v>
      </c>
      <c r="B38194" s="6">
        <v>635846.85</v>
      </c>
      <c r="C38194" s="7">
        <f t="shared" si="596"/>
        <v>635.84685000000002</v>
      </c>
    </row>
    <row r="38195" spans="1:3" x14ac:dyDescent="0.25">
      <c r="A38195" s="2" t="s">
        <v>23432</v>
      </c>
      <c r="B38195" s="6">
        <v>635863.5</v>
      </c>
      <c r="C38195" s="7">
        <f t="shared" si="596"/>
        <v>635.86350000000004</v>
      </c>
    </row>
    <row r="38196" spans="1:3" x14ac:dyDescent="0.25">
      <c r="A38196" s="2" t="s">
        <v>23433</v>
      </c>
      <c r="B38196" s="6">
        <v>635880.14999999991</v>
      </c>
      <c r="C38196" s="7">
        <f t="shared" si="596"/>
        <v>635.88014999999996</v>
      </c>
    </row>
    <row r="38197" spans="1:3" x14ac:dyDescent="0.25">
      <c r="A38197" s="2" t="s">
        <v>23434</v>
      </c>
      <c r="B38197" s="6">
        <v>635896.79999999993</v>
      </c>
      <c r="C38197" s="7">
        <f t="shared" si="596"/>
        <v>635.89679999999998</v>
      </c>
    </row>
    <row r="38198" spans="1:3" x14ac:dyDescent="0.25">
      <c r="A38198" s="2" t="s">
        <v>23435</v>
      </c>
      <c r="B38198" s="6">
        <v>635913.44999999995</v>
      </c>
      <c r="C38198" s="7">
        <f t="shared" si="596"/>
        <v>635.9134499999999</v>
      </c>
    </row>
    <row r="38199" spans="1:3" x14ac:dyDescent="0.25">
      <c r="A38199" s="2" t="s">
        <v>23436</v>
      </c>
      <c r="B38199" s="6">
        <v>635930.1</v>
      </c>
      <c r="C38199" s="7">
        <f t="shared" si="596"/>
        <v>635.93009999999992</v>
      </c>
    </row>
    <row r="38200" spans="1:3" x14ac:dyDescent="0.25">
      <c r="A38200" s="2" t="s">
        <v>23437</v>
      </c>
      <c r="B38200" s="6">
        <v>635946.75</v>
      </c>
      <c r="C38200" s="7">
        <f t="shared" si="596"/>
        <v>635.94674999999995</v>
      </c>
    </row>
    <row r="38201" spans="1:3" x14ac:dyDescent="0.25">
      <c r="A38201" s="2" t="s">
        <v>23438</v>
      </c>
      <c r="B38201" s="6">
        <v>635963.39999999991</v>
      </c>
      <c r="C38201" s="7">
        <f t="shared" si="596"/>
        <v>635.96339999999987</v>
      </c>
    </row>
    <row r="38202" spans="1:3" x14ac:dyDescent="0.25">
      <c r="A38202" s="2" t="s">
        <v>23439</v>
      </c>
      <c r="B38202" s="6">
        <v>635980.04999999993</v>
      </c>
      <c r="C38202" s="7">
        <f t="shared" si="596"/>
        <v>635.98004999999989</v>
      </c>
    </row>
    <row r="38203" spans="1:3" x14ac:dyDescent="0.25">
      <c r="A38203" s="2" t="s">
        <v>23440</v>
      </c>
      <c r="B38203" s="6">
        <v>635996.69999999995</v>
      </c>
      <c r="C38203" s="7">
        <f t="shared" si="596"/>
        <v>635.99669999999992</v>
      </c>
    </row>
    <row r="38204" spans="1:3" x14ac:dyDescent="0.25">
      <c r="A38204" s="2" t="s">
        <v>23441</v>
      </c>
      <c r="B38204" s="6">
        <v>636013.35</v>
      </c>
      <c r="C38204" s="7">
        <f t="shared" si="596"/>
        <v>636.01334999999995</v>
      </c>
    </row>
    <row r="38205" spans="1:3" x14ac:dyDescent="0.25">
      <c r="A38205" s="2" t="s">
        <v>23442</v>
      </c>
      <c r="B38205" s="6">
        <v>636030</v>
      </c>
      <c r="C38205" s="7">
        <f t="shared" si="596"/>
        <v>636.03</v>
      </c>
    </row>
    <row r="38206" spans="1:3" x14ac:dyDescent="0.25">
      <c r="A38206" s="2" t="s">
        <v>23443</v>
      </c>
      <c r="B38206" s="6">
        <v>636046.64999999991</v>
      </c>
      <c r="C38206" s="7">
        <f t="shared" si="596"/>
        <v>636.04664999999989</v>
      </c>
    </row>
    <row r="38207" spans="1:3" x14ac:dyDescent="0.25">
      <c r="A38207" s="2" t="s">
        <v>23444</v>
      </c>
      <c r="B38207" s="6">
        <v>636063.29999999993</v>
      </c>
      <c r="C38207" s="7">
        <f t="shared" si="596"/>
        <v>636.06329999999991</v>
      </c>
    </row>
    <row r="38208" spans="1:3" x14ac:dyDescent="0.25">
      <c r="A38208" s="2" t="s">
        <v>23445</v>
      </c>
      <c r="B38208" s="6">
        <v>636079.94999999995</v>
      </c>
      <c r="C38208" s="7">
        <f t="shared" si="596"/>
        <v>636.07994999999994</v>
      </c>
    </row>
    <row r="38209" spans="1:3" x14ac:dyDescent="0.25">
      <c r="A38209" s="2" t="s">
        <v>23446</v>
      </c>
      <c r="B38209" s="6">
        <v>636096.6</v>
      </c>
      <c r="C38209" s="7">
        <f t="shared" si="596"/>
        <v>636.09659999999997</v>
      </c>
    </row>
    <row r="38210" spans="1:3" x14ac:dyDescent="0.25">
      <c r="A38210" s="2" t="s">
        <v>23447</v>
      </c>
      <c r="B38210" s="6">
        <v>636113.25</v>
      </c>
      <c r="C38210" s="7">
        <f t="shared" si="596"/>
        <v>636.11324999999999</v>
      </c>
    </row>
    <row r="38211" spans="1:3" x14ac:dyDescent="0.25">
      <c r="A38211" s="2" t="s">
        <v>23448</v>
      </c>
      <c r="B38211" s="6">
        <v>636129.89999999991</v>
      </c>
      <c r="C38211" s="7">
        <f t="shared" ref="C38211:C38274" si="597">B38211/1000</f>
        <v>636.12989999999991</v>
      </c>
    </row>
    <row r="38212" spans="1:3" x14ac:dyDescent="0.25">
      <c r="A38212" s="2" t="s">
        <v>23449</v>
      </c>
      <c r="B38212" s="6">
        <v>636146.54999999993</v>
      </c>
      <c r="C38212" s="7">
        <f t="shared" si="597"/>
        <v>636.14654999999993</v>
      </c>
    </row>
    <row r="38213" spans="1:3" x14ac:dyDescent="0.25">
      <c r="A38213" s="2" t="s">
        <v>23450</v>
      </c>
      <c r="B38213" s="6">
        <v>636163.19999999995</v>
      </c>
      <c r="C38213" s="7">
        <f t="shared" si="597"/>
        <v>636.16319999999996</v>
      </c>
    </row>
    <row r="38214" spans="1:3" x14ac:dyDescent="0.25">
      <c r="A38214" s="2" t="s">
        <v>23451</v>
      </c>
      <c r="B38214" s="6">
        <v>636179.85</v>
      </c>
      <c r="C38214" s="7">
        <f t="shared" si="597"/>
        <v>636.17984999999999</v>
      </c>
    </row>
    <row r="38215" spans="1:3" x14ac:dyDescent="0.25">
      <c r="A38215" s="2" t="s">
        <v>23452</v>
      </c>
      <c r="B38215" s="6">
        <v>636196.5</v>
      </c>
      <c r="C38215" s="7">
        <f t="shared" si="597"/>
        <v>636.19650000000001</v>
      </c>
    </row>
    <row r="38216" spans="1:3" x14ac:dyDescent="0.25">
      <c r="A38216" s="2" t="s">
        <v>23453</v>
      </c>
      <c r="B38216" s="6">
        <v>636213.14999999991</v>
      </c>
      <c r="C38216" s="7">
        <f t="shared" si="597"/>
        <v>636.21314999999993</v>
      </c>
    </row>
    <row r="38217" spans="1:3" x14ac:dyDescent="0.25">
      <c r="A38217" s="2" t="s">
        <v>23454</v>
      </c>
      <c r="B38217" s="6">
        <v>636229.79999999993</v>
      </c>
      <c r="C38217" s="7">
        <f t="shared" si="597"/>
        <v>636.22979999999995</v>
      </c>
    </row>
    <row r="38218" spans="1:3" x14ac:dyDescent="0.25">
      <c r="A38218" s="2" t="s">
        <v>23455</v>
      </c>
      <c r="B38218" s="6">
        <v>636246.44999999995</v>
      </c>
      <c r="C38218" s="7">
        <f t="shared" si="597"/>
        <v>636.24644999999998</v>
      </c>
    </row>
    <row r="38219" spans="1:3" x14ac:dyDescent="0.25">
      <c r="A38219" s="2" t="s">
        <v>23456</v>
      </c>
      <c r="B38219" s="6">
        <v>636263.1</v>
      </c>
      <c r="C38219" s="7">
        <f t="shared" si="597"/>
        <v>636.26310000000001</v>
      </c>
    </row>
    <row r="38220" spans="1:3" x14ac:dyDescent="0.25">
      <c r="A38220" s="2" t="s">
        <v>23457</v>
      </c>
      <c r="B38220" s="6">
        <v>636279.75</v>
      </c>
      <c r="C38220" s="7">
        <f t="shared" si="597"/>
        <v>636.27975000000004</v>
      </c>
    </row>
    <row r="38221" spans="1:3" x14ac:dyDescent="0.25">
      <c r="A38221" s="2" t="s">
        <v>23458</v>
      </c>
      <c r="B38221" s="6">
        <v>636296.39999999991</v>
      </c>
      <c r="C38221" s="7">
        <f t="shared" si="597"/>
        <v>636.29639999999995</v>
      </c>
    </row>
    <row r="38222" spans="1:3" x14ac:dyDescent="0.25">
      <c r="A38222" s="2" t="s">
        <v>23459</v>
      </c>
      <c r="B38222" s="6">
        <v>636313.04999999993</v>
      </c>
      <c r="C38222" s="7">
        <f t="shared" si="597"/>
        <v>636.31304999999998</v>
      </c>
    </row>
    <row r="38223" spans="1:3" x14ac:dyDescent="0.25">
      <c r="A38223" s="2" t="s">
        <v>23460</v>
      </c>
      <c r="B38223" s="6">
        <v>636329.69999999995</v>
      </c>
      <c r="C38223" s="7">
        <f t="shared" si="597"/>
        <v>636.3297</v>
      </c>
    </row>
    <row r="38224" spans="1:3" x14ac:dyDescent="0.25">
      <c r="A38224" s="2" t="s">
        <v>23461</v>
      </c>
      <c r="B38224" s="6">
        <v>636346.35</v>
      </c>
      <c r="C38224" s="7">
        <f t="shared" si="597"/>
        <v>636.34635000000003</v>
      </c>
    </row>
    <row r="38225" spans="1:3" x14ac:dyDescent="0.25">
      <c r="A38225" s="2" t="s">
        <v>23462</v>
      </c>
      <c r="B38225" s="6">
        <v>636363</v>
      </c>
      <c r="C38225" s="7">
        <f t="shared" si="597"/>
        <v>636.36300000000006</v>
      </c>
    </row>
    <row r="38226" spans="1:3" x14ac:dyDescent="0.25">
      <c r="A38226" s="2" t="s">
        <v>23463</v>
      </c>
      <c r="B38226" s="6">
        <v>636379.64999999991</v>
      </c>
      <c r="C38226" s="7">
        <f t="shared" si="597"/>
        <v>636.37964999999986</v>
      </c>
    </row>
    <row r="38227" spans="1:3" x14ac:dyDescent="0.25">
      <c r="A38227" s="2" t="s">
        <v>23464</v>
      </c>
      <c r="B38227" s="6">
        <v>636396.29999999993</v>
      </c>
      <c r="C38227" s="7">
        <f t="shared" si="597"/>
        <v>636.39629999999988</v>
      </c>
    </row>
    <row r="38228" spans="1:3" x14ac:dyDescent="0.25">
      <c r="A38228" s="2" t="s">
        <v>23465</v>
      </c>
      <c r="B38228" s="6">
        <v>636412.94999999995</v>
      </c>
      <c r="C38228" s="7">
        <f t="shared" si="597"/>
        <v>636.41294999999991</v>
      </c>
    </row>
    <row r="38229" spans="1:3" x14ac:dyDescent="0.25">
      <c r="A38229" s="2" t="s">
        <v>23466</v>
      </c>
      <c r="B38229" s="6">
        <v>636429.6</v>
      </c>
      <c r="C38229" s="7">
        <f t="shared" si="597"/>
        <v>636.42959999999994</v>
      </c>
    </row>
    <row r="38230" spans="1:3" x14ac:dyDescent="0.25">
      <c r="A38230" s="2" t="s">
        <v>23467</v>
      </c>
      <c r="B38230" s="6">
        <v>636446.25</v>
      </c>
      <c r="C38230" s="7">
        <f t="shared" si="597"/>
        <v>636.44624999999996</v>
      </c>
    </row>
    <row r="38231" spans="1:3" x14ac:dyDescent="0.25">
      <c r="A38231" s="2" t="s">
        <v>23468</v>
      </c>
      <c r="B38231" s="6">
        <v>636462.89999999991</v>
      </c>
      <c r="C38231" s="7">
        <f t="shared" si="597"/>
        <v>636.46289999999988</v>
      </c>
    </row>
    <row r="38232" spans="1:3" x14ac:dyDescent="0.25">
      <c r="A38232" s="2" t="s">
        <v>23469</v>
      </c>
      <c r="B38232" s="6">
        <v>636479.54999999993</v>
      </c>
      <c r="C38232" s="7">
        <f t="shared" si="597"/>
        <v>636.4795499999999</v>
      </c>
    </row>
    <row r="38233" spans="1:3" x14ac:dyDescent="0.25">
      <c r="A38233" s="2" t="s">
        <v>23470</v>
      </c>
      <c r="B38233" s="6">
        <v>636496.19999999995</v>
      </c>
      <c r="C38233" s="7">
        <f t="shared" si="597"/>
        <v>636.49619999999993</v>
      </c>
    </row>
    <row r="38234" spans="1:3" x14ac:dyDescent="0.25">
      <c r="A38234" s="2" t="s">
        <v>23471</v>
      </c>
      <c r="B38234" s="6">
        <v>636512.85</v>
      </c>
      <c r="C38234" s="7">
        <f t="shared" si="597"/>
        <v>636.51284999999996</v>
      </c>
    </row>
    <row r="38235" spans="1:3" x14ac:dyDescent="0.25">
      <c r="A38235" s="2" t="s">
        <v>23472</v>
      </c>
      <c r="B38235" s="6">
        <v>636529.5</v>
      </c>
      <c r="C38235" s="7">
        <f t="shared" si="597"/>
        <v>636.52949999999998</v>
      </c>
    </row>
    <row r="38236" spans="1:3" x14ac:dyDescent="0.25">
      <c r="A38236" s="2" t="s">
        <v>23473</v>
      </c>
      <c r="B38236" s="6">
        <v>636546.14999999991</v>
      </c>
      <c r="C38236" s="7">
        <f t="shared" si="597"/>
        <v>636.5461499999999</v>
      </c>
    </row>
    <row r="38237" spans="1:3" x14ac:dyDescent="0.25">
      <c r="A38237" s="2" t="s">
        <v>23474</v>
      </c>
      <c r="B38237" s="6">
        <v>636562.79999999993</v>
      </c>
      <c r="C38237" s="7">
        <f t="shared" si="597"/>
        <v>636.56279999999992</v>
      </c>
    </row>
    <row r="38238" spans="1:3" x14ac:dyDescent="0.25">
      <c r="A38238" s="2" t="s">
        <v>23475</v>
      </c>
      <c r="B38238" s="6">
        <v>636579.44999999995</v>
      </c>
      <c r="C38238" s="7">
        <f t="shared" si="597"/>
        <v>636.57944999999995</v>
      </c>
    </row>
    <row r="38239" spans="1:3" x14ac:dyDescent="0.25">
      <c r="A38239" s="2" t="s">
        <v>23476</v>
      </c>
      <c r="B38239" s="6">
        <v>636596.1</v>
      </c>
      <c r="C38239" s="7">
        <f t="shared" si="597"/>
        <v>636.59609999999998</v>
      </c>
    </row>
    <row r="38240" spans="1:3" x14ac:dyDescent="0.25">
      <c r="A38240" s="2" t="s">
        <v>23477</v>
      </c>
      <c r="B38240" s="6">
        <v>636612.75</v>
      </c>
      <c r="C38240" s="7">
        <f t="shared" si="597"/>
        <v>636.61275000000001</v>
      </c>
    </row>
    <row r="38241" spans="1:3" x14ac:dyDescent="0.25">
      <c r="A38241" s="2" t="s">
        <v>23478</v>
      </c>
      <c r="B38241" s="6">
        <v>636629.39999999991</v>
      </c>
      <c r="C38241" s="7">
        <f t="shared" si="597"/>
        <v>636.62939999999992</v>
      </c>
    </row>
    <row r="38242" spans="1:3" x14ac:dyDescent="0.25">
      <c r="A38242" s="2" t="s">
        <v>23479</v>
      </c>
      <c r="B38242" s="6">
        <v>636646.04999999993</v>
      </c>
      <c r="C38242" s="7">
        <f t="shared" si="597"/>
        <v>636.64604999999995</v>
      </c>
    </row>
    <row r="38243" spans="1:3" x14ac:dyDescent="0.25">
      <c r="A38243" s="2" t="s">
        <v>23480</v>
      </c>
      <c r="B38243" s="6">
        <v>636662.69999999995</v>
      </c>
      <c r="C38243" s="7">
        <f t="shared" si="597"/>
        <v>636.66269999999997</v>
      </c>
    </row>
    <row r="38244" spans="1:3" x14ac:dyDescent="0.25">
      <c r="A38244" s="2" t="s">
        <v>23481</v>
      </c>
      <c r="B38244" s="6">
        <v>636679.35</v>
      </c>
      <c r="C38244" s="7">
        <f t="shared" si="597"/>
        <v>636.67935</v>
      </c>
    </row>
    <row r="38245" spans="1:3" x14ac:dyDescent="0.25">
      <c r="A38245" s="2" t="s">
        <v>23482</v>
      </c>
      <c r="B38245" s="6">
        <v>636696</v>
      </c>
      <c r="C38245" s="7">
        <f t="shared" si="597"/>
        <v>636.69600000000003</v>
      </c>
    </row>
    <row r="38246" spans="1:3" x14ac:dyDescent="0.25">
      <c r="A38246" s="2" t="s">
        <v>23483</v>
      </c>
      <c r="B38246" s="6">
        <v>636712.64999999991</v>
      </c>
      <c r="C38246" s="7">
        <f t="shared" si="597"/>
        <v>636.71264999999994</v>
      </c>
    </row>
    <row r="38247" spans="1:3" x14ac:dyDescent="0.25">
      <c r="A38247" s="2" t="s">
        <v>23484</v>
      </c>
      <c r="B38247" s="6">
        <v>636729.29999999993</v>
      </c>
      <c r="C38247" s="7">
        <f t="shared" si="597"/>
        <v>636.72929999999997</v>
      </c>
    </row>
    <row r="38248" spans="1:3" x14ac:dyDescent="0.25">
      <c r="A38248" s="2" t="s">
        <v>23485</v>
      </c>
      <c r="B38248" s="6">
        <v>636745.94999999995</v>
      </c>
      <c r="C38248" s="7">
        <f t="shared" si="597"/>
        <v>636.74594999999999</v>
      </c>
    </row>
    <row r="38249" spans="1:3" x14ac:dyDescent="0.25">
      <c r="A38249" s="2" t="s">
        <v>23486</v>
      </c>
      <c r="B38249" s="6">
        <v>636762.6</v>
      </c>
      <c r="C38249" s="7">
        <f t="shared" si="597"/>
        <v>636.76260000000002</v>
      </c>
    </row>
    <row r="38250" spans="1:3" x14ac:dyDescent="0.25">
      <c r="A38250" s="2" t="s">
        <v>23487</v>
      </c>
      <c r="B38250" s="6">
        <v>636779.25</v>
      </c>
      <c r="C38250" s="7">
        <f t="shared" si="597"/>
        <v>636.77925000000005</v>
      </c>
    </row>
    <row r="38251" spans="1:3" x14ac:dyDescent="0.25">
      <c r="A38251" s="2" t="s">
        <v>23488</v>
      </c>
      <c r="B38251" s="6">
        <v>636795.89999999991</v>
      </c>
      <c r="C38251" s="7">
        <f t="shared" si="597"/>
        <v>636.79589999999996</v>
      </c>
    </row>
    <row r="38252" spans="1:3" x14ac:dyDescent="0.25">
      <c r="A38252" s="2" t="s">
        <v>23489</v>
      </c>
      <c r="B38252" s="6">
        <v>636812.54999999993</v>
      </c>
      <c r="C38252" s="7">
        <f t="shared" si="597"/>
        <v>636.81254999999987</v>
      </c>
    </row>
    <row r="38253" spans="1:3" x14ac:dyDescent="0.25">
      <c r="A38253" s="2" t="s">
        <v>23490</v>
      </c>
      <c r="B38253" s="6">
        <v>636829.19999999995</v>
      </c>
      <c r="C38253" s="7">
        <f t="shared" si="597"/>
        <v>636.8291999999999</v>
      </c>
    </row>
    <row r="38254" spans="1:3" x14ac:dyDescent="0.25">
      <c r="A38254" s="2" t="s">
        <v>23491</v>
      </c>
      <c r="B38254" s="6">
        <v>636845.85</v>
      </c>
      <c r="C38254" s="7">
        <f t="shared" si="597"/>
        <v>636.84584999999993</v>
      </c>
    </row>
    <row r="38255" spans="1:3" x14ac:dyDescent="0.25">
      <c r="A38255" s="2" t="s">
        <v>23492</v>
      </c>
      <c r="B38255" s="6">
        <v>636862.5</v>
      </c>
      <c r="C38255" s="7">
        <f t="shared" si="597"/>
        <v>636.86249999999995</v>
      </c>
    </row>
    <row r="38256" spans="1:3" x14ac:dyDescent="0.25">
      <c r="A38256" s="2" t="s">
        <v>23493</v>
      </c>
      <c r="B38256" s="6">
        <v>636879.14999999991</v>
      </c>
      <c r="C38256" s="7">
        <f t="shared" si="597"/>
        <v>636.87914999999987</v>
      </c>
    </row>
    <row r="38257" spans="1:3" x14ac:dyDescent="0.25">
      <c r="A38257" s="2" t="s">
        <v>23494</v>
      </c>
      <c r="B38257" s="6">
        <v>636895.79999999993</v>
      </c>
      <c r="C38257" s="7">
        <f t="shared" si="597"/>
        <v>636.89579999999989</v>
      </c>
    </row>
    <row r="38258" spans="1:3" x14ac:dyDescent="0.25">
      <c r="A38258" s="2" t="s">
        <v>23495</v>
      </c>
      <c r="B38258" s="6">
        <v>636912.44999999995</v>
      </c>
      <c r="C38258" s="7">
        <f t="shared" si="597"/>
        <v>636.91244999999992</v>
      </c>
    </row>
    <row r="38259" spans="1:3" x14ac:dyDescent="0.25">
      <c r="A38259" s="2" t="s">
        <v>23496</v>
      </c>
      <c r="B38259" s="6">
        <v>636929.1</v>
      </c>
      <c r="C38259" s="7">
        <f t="shared" si="597"/>
        <v>636.92909999999995</v>
      </c>
    </row>
    <row r="38260" spans="1:3" x14ac:dyDescent="0.25">
      <c r="A38260" s="2" t="s">
        <v>23497</v>
      </c>
      <c r="B38260" s="6">
        <v>636945.75</v>
      </c>
      <c r="C38260" s="7">
        <f t="shared" si="597"/>
        <v>636.94574999999998</v>
      </c>
    </row>
    <row r="38261" spans="1:3" x14ac:dyDescent="0.25">
      <c r="A38261" s="2" t="s">
        <v>23498</v>
      </c>
      <c r="B38261" s="6">
        <v>636962.39999999991</v>
      </c>
      <c r="C38261" s="7">
        <f t="shared" si="597"/>
        <v>636.96239999999989</v>
      </c>
    </row>
    <row r="38262" spans="1:3" x14ac:dyDescent="0.25">
      <c r="A38262" s="2" t="s">
        <v>23499</v>
      </c>
      <c r="B38262" s="6">
        <v>636979.04999999993</v>
      </c>
      <c r="C38262" s="7">
        <f t="shared" si="597"/>
        <v>636.97904999999992</v>
      </c>
    </row>
    <row r="38263" spans="1:3" x14ac:dyDescent="0.25">
      <c r="A38263" s="2" t="s">
        <v>23500</v>
      </c>
      <c r="B38263" s="6">
        <v>636995.69999999995</v>
      </c>
      <c r="C38263" s="7">
        <f t="shared" si="597"/>
        <v>636.99569999999994</v>
      </c>
    </row>
    <row r="38264" spans="1:3" x14ac:dyDescent="0.25">
      <c r="A38264" s="2" t="s">
        <v>23501</v>
      </c>
      <c r="B38264" s="6">
        <v>637012.35</v>
      </c>
      <c r="C38264" s="7">
        <f t="shared" si="597"/>
        <v>637.01234999999997</v>
      </c>
    </row>
    <row r="38265" spans="1:3" x14ac:dyDescent="0.25">
      <c r="A38265" s="2" t="s">
        <v>23502</v>
      </c>
      <c r="B38265" s="6">
        <v>637029</v>
      </c>
      <c r="C38265" s="7">
        <f t="shared" si="597"/>
        <v>637.029</v>
      </c>
    </row>
    <row r="38266" spans="1:3" x14ac:dyDescent="0.25">
      <c r="A38266" s="2" t="s">
        <v>23503</v>
      </c>
      <c r="B38266" s="6">
        <v>637045.64999999991</v>
      </c>
      <c r="C38266" s="7">
        <f t="shared" si="597"/>
        <v>637.04564999999991</v>
      </c>
    </row>
    <row r="38267" spans="1:3" x14ac:dyDescent="0.25">
      <c r="A38267" s="2" t="s">
        <v>23504</v>
      </c>
      <c r="B38267" s="6">
        <v>637062.29999999993</v>
      </c>
      <c r="C38267" s="7">
        <f t="shared" si="597"/>
        <v>637.06229999999994</v>
      </c>
    </row>
    <row r="38268" spans="1:3" x14ac:dyDescent="0.25">
      <c r="A38268" s="2" t="s">
        <v>23505</v>
      </c>
      <c r="B38268" s="6">
        <v>637078.94999999995</v>
      </c>
      <c r="C38268" s="7">
        <f t="shared" si="597"/>
        <v>637.07894999999996</v>
      </c>
    </row>
    <row r="38269" spans="1:3" x14ac:dyDescent="0.25">
      <c r="A38269" s="2" t="s">
        <v>23506</v>
      </c>
      <c r="B38269" s="6">
        <v>637095.6</v>
      </c>
      <c r="C38269" s="7">
        <f t="shared" si="597"/>
        <v>637.09559999999999</v>
      </c>
    </row>
    <row r="38270" spans="1:3" x14ac:dyDescent="0.25">
      <c r="A38270" s="2" t="s">
        <v>23507</v>
      </c>
      <c r="B38270" s="6">
        <v>637112.25</v>
      </c>
      <c r="C38270" s="7">
        <f t="shared" si="597"/>
        <v>637.11225000000002</v>
      </c>
    </row>
    <row r="38271" spans="1:3" x14ac:dyDescent="0.25">
      <c r="A38271" s="2" t="s">
        <v>23508</v>
      </c>
      <c r="B38271" s="6">
        <v>637128.89999999991</v>
      </c>
      <c r="C38271" s="7">
        <f t="shared" si="597"/>
        <v>637.12889999999993</v>
      </c>
    </row>
    <row r="38272" spans="1:3" x14ac:dyDescent="0.25">
      <c r="A38272" s="2" t="s">
        <v>23509</v>
      </c>
      <c r="B38272" s="6">
        <v>637145.54999999993</v>
      </c>
      <c r="C38272" s="7">
        <f t="shared" si="597"/>
        <v>637.14554999999996</v>
      </c>
    </row>
    <row r="38273" spans="1:3" x14ac:dyDescent="0.25">
      <c r="A38273" s="2" t="s">
        <v>23510</v>
      </c>
      <c r="B38273" s="6">
        <v>637162.19999999995</v>
      </c>
      <c r="C38273" s="7">
        <f t="shared" si="597"/>
        <v>637.16219999999998</v>
      </c>
    </row>
    <row r="38274" spans="1:3" x14ac:dyDescent="0.25">
      <c r="A38274" s="2" t="s">
        <v>23511</v>
      </c>
      <c r="B38274" s="6">
        <v>637178.85</v>
      </c>
      <c r="C38274" s="7">
        <f t="shared" si="597"/>
        <v>637.17885000000001</v>
      </c>
    </row>
    <row r="38275" spans="1:3" x14ac:dyDescent="0.25">
      <c r="A38275" s="2" t="s">
        <v>23512</v>
      </c>
      <c r="B38275" s="6">
        <v>637195.5</v>
      </c>
      <c r="C38275" s="7">
        <f t="shared" ref="C38275:C38338" si="598">B38275/1000</f>
        <v>637.19550000000004</v>
      </c>
    </row>
    <row r="38276" spans="1:3" x14ac:dyDescent="0.25">
      <c r="A38276" s="2" t="s">
        <v>23513</v>
      </c>
      <c r="B38276" s="6">
        <v>637212.14999999991</v>
      </c>
      <c r="C38276" s="7">
        <f t="shared" si="598"/>
        <v>637.21214999999995</v>
      </c>
    </row>
    <row r="38277" spans="1:3" x14ac:dyDescent="0.25">
      <c r="A38277" s="2" t="s">
        <v>23514</v>
      </c>
      <c r="B38277" s="6">
        <v>637228.79999999993</v>
      </c>
      <c r="C38277" s="7">
        <f t="shared" si="598"/>
        <v>637.22879999999998</v>
      </c>
    </row>
    <row r="38278" spans="1:3" x14ac:dyDescent="0.25">
      <c r="A38278" s="2" t="s">
        <v>23515</v>
      </c>
      <c r="B38278" s="6">
        <v>637245.44999999995</v>
      </c>
      <c r="C38278" s="7">
        <f t="shared" si="598"/>
        <v>637.24545000000001</v>
      </c>
    </row>
    <row r="38279" spans="1:3" x14ac:dyDescent="0.25">
      <c r="A38279" s="2" t="s">
        <v>23516</v>
      </c>
      <c r="B38279" s="6">
        <v>637262.1</v>
      </c>
      <c r="C38279" s="7">
        <f t="shared" si="598"/>
        <v>637.26210000000003</v>
      </c>
    </row>
    <row r="38280" spans="1:3" x14ac:dyDescent="0.25">
      <c r="A38280" s="2" t="s">
        <v>23517</v>
      </c>
      <c r="B38280" s="6">
        <v>637278.75</v>
      </c>
      <c r="C38280" s="7">
        <f t="shared" si="598"/>
        <v>637.27874999999995</v>
      </c>
    </row>
    <row r="38281" spans="1:3" x14ac:dyDescent="0.25">
      <c r="A38281" s="2" t="s">
        <v>23518</v>
      </c>
      <c r="B38281" s="6">
        <v>637295.39999999991</v>
      </c>
      <c r="C38281" s="7">
        <f t="shared" si="598"/>
        <v>637.29539999999986</v>
      </c>
    </row>
    <row r="38282" spans="1:3" x14ac:dyDescent="0.25">
      <c r="A38282" s="2" t="s">
        <v>23519</v>
      </c>
      <c r="B38282" s="6">
        <v>637312.04999999993</v>
      </c>
      <c r="C38282" s="7">
        <f t="shared" si="598"/>
        <v>637.31204999999989</v>
      </c>
    </row>
    <row r="38283" spans="1:3" x14ac:dyDescent="0.25">
      <c r="A38283" s="2" t="s">
        <v>23520</v>
      </c>
      <c r="B38283" s="6">
        <v>637328.69999999995</v>
      </c>
      <c r="C38283" s="7">
        <f t="shared" si="598"/>
        <v>637.32869999999991</v>
      </c>
    </row>
    <row r="38284" spans="1:3" x14ac:dyDescent="0.25">
      <c r="A38284" s="2" t="s">
        <v>23521</v>
      </c>
      <c r="B38284" s="6">
        <v>637345.35</v>
      </c>
      <c r="C38284" s="7">
        <f t="shared" si="598"/>
        <v>637.34534999999994</v>
      </c>
    </row>
    <row r="38285" spans="1:3" x14ac:dyDescent="0.25">
      <c r="A38285" s="2" t="s">
        <v>23522</v>
      </c>
      <c r="B38285" s="6">
        <v>637362</v>
      </c>
      <c r="C38285" s="7">
        <f t="shared" si="598"/>
        <v>637.36199999999997</v>
      </c>
    </row>
    <row r="38286" spans="1:3" x14ac:dyDescent="0.25">
      <c r="A38286" s="2" t="s">
        <v>23523</v>
      </c>
      <c r="B38286" s="6">
        <v>637378.64999999991</v>
      </c>
      <c r="C38286" s="7">
        <f t="shared" si="598"/>
        <v>637.37864999999988</v>
      </c>
    </row>
    <row r="38287" spans="1:3" x14ac:dyDescent="0.25">
      <c r="A38287" s="2" t="s">
        <v>23524</v>
      </c>
      <c r="B38287" s="6">
        <v>637395.29999999993</v>
      </c>
      <c r="C38287" s="7">
        <f t="shared" si="598"/>
        <v>637.39529999999991</v>
      </c>
    </row>
    <row r="38288" spans="1:3" x14ac:dyDescent="0.25">
      <c r="A38288" s="2" t="s">
        <v>23525</v>
      </c>
      <c r="B38288" s="6">
        <v>637411.94999999995</v>
      </c>
      <c r="C38288" s="7">
        <f t="shared" si="598"/>
        <v>637.41194999999993</v>
      </c>
    </row>
    <row r="38289" spans="1:3" x14ac:dyDescent="0.25">
      <c r="A38289" s="2" t="s">
        <v>23526</v>
      </c>
      <c r="B38289" s="6">
        <v>637428.6</v>
      </c>
      <c r="C38289" s="7">
        <f t="shared" si="598"/>
        <v>637.42859999999996</v>
      </c>
    </row>
    <row r="38290" spans="1:3" x14ac:dyDescent="0.25">
      <c r="A38290" s="2" t="s">
        <v>23527</v>
      </c>
      <c r="B38290" s="6">
        <v>637445.25</v>
      </c>
      <c r="C38290" s="7">
        <f t="shared" si="598"/>
        <v>637.44524999999999</v>
      </c>
    </row>
    <row r="38291" spans="1:3" x14ac:dyDescent="0.25">
      <c r="A38291" s="2" t="s">
        <v>23528</v>
      </c>
      <c r="B38291" s="6">
        <v>637461.89999999991</v>
      </c>
      <c r="C38291" s="7">
        <f t="shared" si="598"/>
        <v>637.4618999999999</v>
      </c>
    </row>
    <row r="38292" spans="1:3" x14ac:dyDescent="0.25">
      <c r="A38292" s="2" t="s">
        <v>23529</v>
      </c>
      <c r="B38292" s="6">
        <v>637478.54999999993</v>
      </c>
      <c r="C38292" s="7">
        <f t="shared" si="598"/>
        <v>637.47854999999993</v>
      </c>
    </row>
    <row r="38293" spans="1:3" x14ac:dyDescent="0.25">
      <c r="A38293" s="2" t="s">
        <v>23530</v>
      </c>
      <c r="B38293" s="6">
        <v>637495.19999999995</v>
      </c>
      <c r="C38293" s="7">
        <f t="shared" si="598"/>
        <v>637.49519999999995</v>
      </c>
    </row>
    <row r="38294" spans="1:3" x14ac:dyDescent="0.25">
      <c r="A38294" s="2" t="s">
        <v>23531</v>
      </c>
      <c r="B38294" s="6">
        <v>637511.85</v>
      </c>
      <c r="C38294" s="7">
        <f t="shared" si="598"/>
        <v>637.51184999999998</v>
      </c>
    </row>
    <row r="38295" spans="1:3" x14ac:dyDescent="0.25">
      <c r="A38295" s="2" t="s">
        <v>23532</v>
      </c>
      <c r="B38295" s="6">
        <v>637528.5</v>
      </c>
      <c r="C38295" s="7">
        <f t="shared" si="598"/>
        <v>637.52850000000001</v>
      </c>
    </row>
    <row r="38296" spans="1:3" x14ac:dyDescent="0.25">
      <c r="A38296" s="2" t="s">
        <v>23533</v>
      </c>
      <c r="B38296" s="6">
        <v>637545.14999999991</v>
      </c>
      <c r="C38296" s="7">
        <f t="shared" si="598"/>
        <v>637.54514999999992</v>
      </c>
    </row>
    <row r="38297" spans="1:3" x14ac:dyDescent="0.25">
      <c r="A38297" s="2" t="s">
        <v>23534</v>
      </c>
      <c r="B38297" s="6">
        <v>637561.79999999993</v>
      </c>
      <c r="C38297" s="7">
        <f t="shared" si="598"/>
        <v>637.56179999999995</v>
      </c>
    </row>
    <row r="38298" spans="1:3" x14ac:dyDescent="0.25">
      <c r="A38298" s="2" t="s">
        <v>23535</v>
      </c>
      <c r="B38298" s="6">
        <v>637578.44999999995</v>
      </c>
      <c r="C38298" s="7">
        <f t="shared" si="598"/>
        <v>637.57844999999998</v>
      </c>
    </row>
    <row r="38299" spans="1:3" x14ac:dyDescent="0.25">
      <c r="A38299" s="2" t="s">
        <v>23536</v>
      </c>
      <c r="B38299" s="6">
        <v>637595.1</v>
      </c>
      <c r="C38299" s="7">
        <f t="shared" si="598"/>
        <v>637.5951</v>
      </c>
    </row>
    <row r="38300" spans="1:3" x14ac:dyDescent="0.25">
      <c r="A38300" s="2" t="s">
        <v>23537</v>
      </c>
      <c r="B38300" s="6">
        <v>637611.75</v>
      </c>
      <c r="C38300" s="7">
        <f t="shared" si="598"/>
        <v>637.61175000000003</v>
      </c>
    </row>
    <row r="38301" spans="1:3" x14ac:dyDescent="0.25">
      <c r="A38301" s="2" t="s">
        <v>23538</v>
      </c>
      <c r="B38301" s="6">
        <v>637628.39999999991</v>
      </c>
      <c r="C38301" s="7">
        <f t="shared" si="598"/>
        <v>637.62839999999994</v>
      </c>
    </row>
    <row r="38302" spans="1:3" x14ac:dyDescent="0.25">
      <c r="A38302" s="2" t="s">
        <v>23539</v>
      </c>
      <c r="B38302" s="6">
        <v>637645.04999999993</v>
      </c>
      <c r="C38302" s="7">
        <f t="shared" si="598"/>
        <v>637.64504999999997</v>
      </c>
    </row>
    <row r="38303" spans="1:3" x14ac:dyDescent="0.25">
      <c r="A38303" s="2" t="s">
        <v>23540</v>
      </c>
      <c r="B38303" s="6">
        <v>637661.69999999995</v>
      </c>
      <c r="C38303" s="7">
        <f t="shared" si="598"/>
        <v>637.6617</v>
      </c>
    </row>
    <row r="38304" spans="1:3" x14ac:dyDescent="0.25">
      <c r="A38304" s="2" t="s">
        <v>23541</v>
      </c>
      <c r="B38304" s="6">
        <v>637678.35</v>
      </c>
      <c r="C38304" s="7">
        <f t="shared" si="598"/>
        <v>637.67835000000002</v>
      </c>
    </row>
    <row r="38305" spans="1:3" x14ac:dyDescent="0.25">
      <c r="A38305" s="2" t="s">
        <v>23542</v>
      </c>
      <c r="B38305" s="6">
        <v>637695</v>
      </c>
      <c r="C38305" s="7">
        <f t="shared" si="598"/>
        <v>637.69500000000005</v>
      </c>
    </row>
    <row r="38306" spans="1:3" x14ac:dyDescent="0.25">
      <c r="A38306" s="2" t="s">
        <v>23543</v>
      </c>
      <c r="B38306" s="6">
        <v>637711.64999999991</v>
      </c>
      <c r="C38306" s="7">
        <f t="shared" si="598"/>
        <v>637.71164999999996</v>
      </c>
    </row>
    <row r="38307" spans="1:3" x14ac:dyDescent="0.25">
      <c r="A38307" s="2" t="s">
        <v>23544</v>
      </c>
      <c r="B38307" s="6">
        <v>637728.29999999993</v>
      </c>
      <c r="C38307" s="7">
        <f t="shared" si="598"/>
        <v>637.72829999999988</v>
      </c>
    </row>
    <row r="38308" spans="1:3" x14ac:dyDescent="0.25">
      <c r="A38308" s="2" t="s">
        <v>23545</v>
      </c>
      <c r="B38308" s="6">
        <v>637744.94999999995</v>
      </c>
      <c r="C38308" s="7">
        <f t="shared" si="598"/>
        <v>637.7449499999999</v>
      </c>
    </row>
    <row r="38309" spans="1:3" x14ac:dyDescent="0.25">
      <c r="A38309" s="2" t="s">
        <v>23546</v>
      </c>
      <c r="B38309" s="6">
        <v>637761.6</v>
      </c>
      <c r="C38309" s="7">
        <f t="shared" si="598"/>
        <v>637.76159999999993</v>
      </c>
    </row>
    <row r="38310" spans="1:3" x14ac:dyDescent="0.25">
      <c r="A38310" s="2" t="s">
        <v>23547</v>
      </c>
      <c r="B38310" s="6">
        <v>637778.25</v>
      </c>
      <c r="C38310" s="7">
        <f t="shared" si="598"/>
        <v>637.77824999999996</v>
      </c>
    </row>
    <row r="38311" spans="1:3" x14ac:dyDescent="0.25">
      <c r="A38311" s="2" t="s">
        <v>23548</v>
      </c>
      <c r="B38311" s="6">
        <v>637794.89999999991</v>
      </c>
      <c r="C38311" s="7">
        <f t="shared" si="598"/>
        <v>637.79489999999987</v>
      </c>
    </row>
    <row r="38312" spans="1:3" x14ac:dyDescent="0.25">
      <c r="A38312" s="2" t="s">
        <v>23549</v>
      </c>
      <c r="B38312" s="6">
        <v>637811.54999999993</v>
      </c>
      <c r="C38312" s="7">
        <f t="shared" si="598"/>
        <v>637.8115499999999</v>
      </c>
    </row>
    <row r="38313" spans="1:3" x14ac:dyDescent="0.25">
      <c r="A38313" s="2" t="s">
        <v>23550</v>
      </c>
      <c r="B38313" s="6">
        <v>637828.19999999995</v>
      </c>
      <c r="C38313" s="7">
        <f t="shared" si="598"/>
        <v>637.82819999999992</v>
      </c>
    </row>
    <row r="38314" spans="1:3" x14ac:dyDescent="0.25">
      <c r="A38314" s="2" t="s">
        <v>23551</v>
      </c>
      <c r="B38314" s="6">
        <v>637844.85</v>
      </c>
      <c r="C38314" s="7">
        <f t="shared" si="598"/>
        <v>637.84484999999995</v>
      </c>
    </row>
    <row r="38315" spans="1:3" x14ac:dyDescent="0.25">
      <c r="A38315" s="2" t="s">
        <v>23552</v>
      </c>
      <c r="B38315" s="6">
        <v>637861.5</v>
      </c>
      <c r="C38315" s="7">
        <f t="shared" si="598"/>
        <v>637.86149999999998</v>
      </c>
    </row>
    <row r="38316" spans="1:3" x14ac:dyDescent="0.25">
      <c r="A38316" s="2" t="s">
        <v>23553</v>
      </c>
      <c r="B38316" s="6">
        <v>637878.14999999991</v>
      </c>
      <c r="C38316" s="7">
        <f t="shared" si="598"/>
        <v>637.87814999999989</v>
      </c>
    </row>
    <row r="38317" spans="1:3" x14ac:dyDescent="0.25">
      <c r="A38317" s="2" t="s">
        <v>23554</v>
      </c>
      <c r="B38317" s="6">
        <v>637894.79999999993</v>
      </c>
      <c r="C38317" s="7">
        <f t="shared" si="598"/>
        <v>637.89479999999992</v>
      </c>
    </row>
    <row r="38318" spans="1:3" x14ac:dyDescent="0.25">
      <c r="A38318" s="2" t="s">
        <v>23555</v>
      </c>
      <c r="B38318" s="6">
        <v>637911.44999999995</v>
      </c>
      <c r="C38318" s="7">
        <f t="shared" si="598"/>
        <v>637.91144999999995</v>
      </c>
    </row>
    <row r="38319" spans="1:3" x14ac:dyDescent="0.25">
      <c r="A38319" s="2" t="s">
        <v>23556</v>
      </c>
      <c r="B38319" s="6">
        <v>637928.1</v>
      </c>
      <c r="C38319" s="7">
        <f t="shared" si="598"/>
        <v>637.92809999999997</v>
      </c>
    </row>
    <row r="38320" spans="1:3" x14ac:dyDescent="0.25">
      <c r="A38320" s="2" t="s">
        <v>23557</v>
      </c>
      <c r="B38320" s="6">
        <v>637944.75</v>
      </c>
      <c r="C38320" s="7">
        <f t="shared" si="598"/>
        <v>637.94475</v>
      </c>
    </row>
    <row r="38321" spans="1:3" x14ac:dyDescent="0.25">
      <c r="A38321" s="2" t="s">
        <v>23558</v>
      </c>
      <c r="B38321" s="6">
        <v>637961.39999999991</v>
      </c>
      <c r="C38321" s="7">
        <f t="shared" si="598"/>
        <v>637.96139999999991</v>
      </c>
    </row>
    <row r="38322" spans="1:3" x14ac:dyDescent="0.25">
      <c r="A38322" s="2" t="s">
        <v>23559</v>
      </c>
      <c r="B38322" s="6">
        <v>637978.04999999993</v>
      </c>
      <c r="C38322" s="7">
        <f t="shared" si="598"/>
        <v>637.97804999999994</v>
      </c>
    </row>
    <row r="38323" spans="1:3" x14ac:dyDescent="0.25">
      <c r="A38323" s="2" t="s">
        <v>23560</v>
      </c>
      <c r="B38323" s="6">
        <v>637994.69999999995</v>
      </c>
      <c r="C38323" s="7">
        <f t="shared" si="598"/>
        <v>637.99469999999997</v>
      </c>
    </row>
    <row r="38324" spans="1:3" x14ac:dyDescent="0.25">
      <c r="A38324" s="2" t="s">
        <v>23561</v>
      </c>
      <c r="B38324" s="6">
        <v>638011.35</v>
      </c>
      <c r="C38324" s="7">
        <f t="shared" si="598"/>
        <v>638.01134999999999</v>
      </c>
    </row>
    <row r="38325" spans="1:3" x14ac:dyDescent="0.25">
      <c r="A38325" s="2" t="s">
        <v>23562</v>
      </c>
      <c r="B38325" s="6">
        <v>638028</v>
      </c>
      <c r="C38325" s="7">
        <f t="shared" si="598"/>
        <v>638.02800000000002</v>
      </c>
    </row>
    <row r="38326" spans="1:3" x14ac:dyDescent="0.25">
      <c r="A38326" s="2" t="s">
        <v>23563</v>
      </c>
      <c r="B38326" s="6">
        <v>638044.64999999991</v>
      </c>
      <c r="C38326" s="7">
        <f t="shared" si="598"/>
        <v>638.04464999999993</v>
      </c>
    </row>
    <row r="38327" spans="1:3" x14ac:dyDescent="0.25">
      <c r="A38327" s="2" t="s">
        <v>23564</v>
      </c>
      <c r="B38327" s="6">
        <v>638061.29999999993</v>
      </c>
      <c r="C38327" s="7">
        <f t="shared" si="598"/>
        <v>638.06129999999996</v>
      </c>
    </row>
    <row r="38328" spans="1:3" x14ac:dyDescent="0.25">
      <c r="A38328" s="2" t="s">
        <v>23565</v>
      </c>
      <c r="B38328" s="6">
        <v>638077.94999999995</v>
      </c>
      <c r="C38328" s="7">
        <f t="shared" si="598"/>
        <v>638.07794999999999</v>
      </c>
    </row>
    <row r="38329" spans="1:3" x14ac:dyDescent="0.25">
      <c r="A38329" s="2" t="s">
        <v>23566</v>
      </c>
      <c r="B38329" s="6">
        <v>638094.6</v>
      </c>
      <c r="C38329" s="7">
        <f t="shared" si="598"/>
        <v>638.09460000000001</v>
      </c>
    </row>
    <row r="38330" spans="1:3" x14ac:dyDescent="0.25">
      <c r="A38330" s="2" t="s">
        <v>23567</v>
      </c>
      <c r="B38330" s="6">
        <v>638111.25</v>
      </c>
      <c r="C38330" s="7">
        <f t="shared" si="598"/>
        <v>638.11125000000004</v>
      </c>
    </row>
    <row r="38331" spans="1:3" x14ac:dyDescent="0.25">
      <c r="A38331" s="2" t="s">
        <v>23568</v>
      </c>
      <c r="B38331" s="6">
        <v>638127.89999999991</v>
      </c>
      <c r="C38331" s="7">
        <f t="shared" si="598"/>
        <v>638.12789999999995</v>
      </c>
    </row>
    <row r="38332" spans="1:3" x14ac:dyDescent="0.25">
      <c r="A38332" s="2" t="s">
        <v>23569</v>
      </c>
      <c r="B38332" s="6">
        <v>638144.54999999993</v>
      </c>
      <c r="C38332" s="7">
        <f t="shared" si="598"/>
        <v>638.14454999999998</v>
      </c>
    </row>
    <row r="38333" spans="1:3" x14ac:dyDescent="0.25">
      <c r="A38333" s="2" t="s">
        <v>23570</v>
      </c>
      <c r="B38333" s="6">
        <v>638161.19999999995</v>
      </c>
      <c r="C38333" s="7">
        <f t="shared" si="598"/>
        <v>638.16120000000001</v>
      </c>
    </row>
    <row r="38334" spans="1:3" x14ac:dyDescent="0.25">
      <c r="A38334" s="2" t="s">
        <v>23571</v>
      </c>
      <c r="B38334" s="6">
        <v>638177.85</v>
      </c>
      <c r="C38334" s="7">
        <f t="shared" si="598"/>
        <v>638.17784999999992</v>
      </c>
    </row>
    <row r="38335" spans="1:3" x14ac:dyDescent="0.25">
      <c r="A38335" s="2" t="s">
        <v>23572</v>
      </c>
      <c r="B38335" s="6">
        <v>638194.5</v>
      </c>
      <c r="C38335" s="7">
        <f t="shared" si="598"/>
        <v>638.19449999999995</v>
      </c>
    </row>
    <row r="38336" spans="1:3" x14ac:dyDescent="0.25">
      <c r="A38336" s="2" t="s">
        <v>23573</v>
      </c>
      <c r="B38336" s="6">
        <v>638211.14999999991</v>
      </c>
      <c r="C38336" s="7">
        <f t="shared" si="598"/>
        <v>638.21114999999986</v>
      </c>
    </row>
    <row r="38337" spans="1:3" x14ac:dyDescent="0.25">
      <c r="A38337" s="2" t="s">
        <v>23574</v>
      </c>
      <c r="B38337" s="6">
        <v>638227.79999999993</v>
      </c>
      <c r="C38337" s="7">
        <f t="shared" si="598"/>
        <v>638.22779999999989</v>
      </c>
    </row>
    <row r="38338" spans="1:3" x14ac:dyDescent="0.25">
      <c r="A38338" s="2" t="s">
        <v>23575</v>
      </c>
      <c r="B38338" s="6">
        <v>638244.44999999995</v>
      </c>
      <c r="C38338" s="7">
        <f t="shared" si="598"/>
        <v>638.24444999999992</v>
      </c>
    </row>
    <row r="38339" spans="1:3" x14ac:dyDescent="0.25">
      <c r="A38339" s="2" t="s">
        <v>23576</v>
      </c>
      <c r="B38339" s="6">
        <v>638261.1</v>
      </c>
      <c r="C38339" s="7">
        <f t="shared" ref="C38339:C38402" si="599">B38339/1000</f>
        <v>638.26109999999994</v>
      </c>
    </row>
    <row r="38340" spans="1:3" x14ac:dyDescent="0.25">
      <c r="A38340" s="2" t="s">
        <v>23577</v>
      </c>
      <c r="B38340" s="6">
        <v>638277.75</v>
      </c>
      <c r="C38340" s="7">
        <f t="shared" si="599"/>
        <v>638.27774999999997</v>
      </c>
    </row>
    <row r="38341" spans="1:3" x14ac:dyDescent="0.25">
      <c r="A38341" s="2" t="s">
        <v>23578</v>
      </c>
      <c r="B38341" s="6">
        <v>638294.39999999991</v>
      </c>
      <c r="C38341" s="7">
        <f t="shared" si="599"/>
        <v>638.29439999999988</v>
      </c>
    </row>
    <row r="38342" spans="1:3" x14ac:dyDescent="0.25">
      <c r="A38342" s="2" t="s">
        <v>23579</v>
      </c>
      <c r="B38342" s="6">
        <v>638311.04999999993</v>
      </c>
      <c r="C38342" s="7">
        <f t="shared" si="599"/>
        <v>638.31104999999991</v>
      </c>
    </row>
    <row r="38343" spans="1:3" x14ac:dyDescent="0.25">
      <c r="A38343" s="2" t="s">
        <v>23580</v>
      </c>
      <c r="B38343" s="6">
        <v>638327.69999999995</v>
      </c>
      <c r="C38343" s="7">
        <f t="shared" si="599"/>
        <v>638.32769999999994</v>
      </c>
    </row>
    <row r="38344" spans="1:3" x14ac:dyDescent="0.25">
      <c r="A38344" s="2" t="s">
        <v>23581</v>
      </c>
      <c r="B38344" s="6">
        <v>638344.35</v>
      </c>
      <c r="C38344" s="7">
        <f t="shared" si="599"/>
        <v>638.34434999999996</v>
      </c>
    </row>
    <row r="38345" spans="1:3" x14ac:dyDescent="0.25">
      <c r="A38345" s="2" t="s">
        <v>23582</v>
      </c>
      <c r="B38345" s="6">
        <v>638361</v>
      </c>
      <c r="C38345" s="7">
        <f t="shared" si="599"/>
        <v>638.36099999999999</v>
      </c>
    </row>
    <row r="38346" spans="1:3" x14ac:dyDescent="0.25">
      <c r="A38346" s="2" t="s">
        <v>23583</v>
      </c>
      <c r="B38346" s="6">
        <v>638377.64999999991</v>
      </c>
      <c r="C38346" s="7">
        <f t="shared" si="599"/>
        <v>638.3776499999999</v>
      </c>
    </row>
    <row r="38347" spans="1:3" x14ac:dyDescent="0.25">
      <c r="A38347" s="2" t="s">
        <v>23584</v>
      </c>
      <c r="B38347" s="6">
        <v>638394.29999999993</v>
      </c>
      <c r="C38347" s="7">
        <f t="shared" si="599"/>
        <v>638.39429999999993</v>
      </c>
    </row>
    <row r="38348" spans="1:3" x14ac:dyDescent="0.25">
      <c r="A38348" s="2" t="s">
        <v>23585</v>
      </c>
      <c r="B38348" s="6">
        <v>638410.94999999995</v>
      </c>
      <c r="C38348" s="7">
        <f t="shared" si="599"/>
        <v>638.41094999999996</v>
      </c>
    </row>
    <row r="38349" spans="1:3" x14ac:dyDescent="0.25">
      <c r="A38349" s="2" t="s">
        <v>23586</v>
      </c>
      <c r="B38349" s="6">
        <v>638427.6</v>
      </c>
      <c r="C38349" s="7">
        <f t="shared" si="599"/>
        <v>638.42759999999998</v>
      </c>
    </row>
    <row r="38350" spans="1:3" x14ac:dyDescent="0.25">
      <c r="A38350" s="2" t="s">
        <v>23587</v>
      </c>
      <c r="B38350" s="6">
        <v>638444.25</v>
      </c>
      <c r="C38350" s="7">
        <f t="shared" si="599"/>
        <v>638.44425000000001</v>
      </c>
    </row>
    <row r="38351" spans="1:3" x14ac:dyDescent="0.25">
      <c r="A38351" s="2" t="s">
        <v>23588</v>
      </c>
      <c r="B38351" s="6">
        <v>638460.89999999991</v>
      </c>
      <c r="C38351" s="7">
        <f t="shared" si="599"/>
        <v>638.46089999999992</v>
      </c>
    </row>
    <row r="38352" spans="1:3" x14ac:dyDescent="0.25">
      <c r="A38352" s="2" t="s">
        <v>23589</v>
      </c>
      <c r="B38352" s="6">
        <v>638477.54999999993</v>
      </c>
      <c r="C38352" s="7">
        <f t="shared" si="599"/>
        <v>638.47754999999995</v>
      </c>
    </row>
    <row r="38353" spans="1:3" x14ac:dyDescent="0.25">
      <c r="A38353" s="2" t="s">
        <v>23590</v>
      </c>
      <c r="B38353" s="6">
        <v>638494.19999999995</v>
      </c>
      <c r="C38353" s="7">
        <f t="shared" si="599"/>
        <v>638.49419999999998</v>
      </c>
    </row>
    <row r="38354" spans="1:3" x14ac:dyDescent="0.25">
      <c r="A38354" s="2" t="s">
        <v>23591</v>
      </c>
      <c r="B38354" s="6">
        <v>638510.85</v>
      </c>
      <c r="C38354" s="7">
        <f t="shared" si="599"/>
        <v>638.51085</v>
      </c>
    </row>
    <row r="38355" spans="1:3" x14ac:dyDescent="0.25">
      <c r="A38355" s="2" t="s">
        <v>23592</v>
      </c>
      <c r="B38355" s="6">
        <v>638527.5</v>
      </c>
      <c r="C38355" s="7">
        <f t="shared" si="599"/>
        <v>638.52750000000003</v>
      </c>
    </row>
    <row r="38356" spans="1:3" x14ac:dyDescent="0.25">
      <c r="A38356" s="2" t="s">
        <v>23593</v>
      </c>
      <c r="B38356" s="6">
        <v>638544.14999999991</v>
      </c>
      <c r="C38356" s="7">
        <f t="shared" si="599"/>
        <v>638.54414999999995</v>
      </c>
    </row>
    <row r="38357" spans="1:3" x14ac:dyDescent="0.25">
      <c r="A38357" s="2" t="s">
        <v>23594</v>
      </c>
      <c r="B38357" s="6">
        <v>638560.79999999993</v>
      </c>
      <c r="C38357" s="7">
        <f t="shared" si="599"/>
        <v>638.56079999999997</v>
      </c>
    </row>
    <row r="38358" spans="1:3" x14ac:dyDescent="0.25">
      <c r="A38358" s="2" t="s">
        <v>23595</v>
      </c>
      <c r="B38358" s="6">
        <v>638577.44999999995</v>
      </c>
      <c r="C38358" s="7">
        <f t="shared" si="599"/>
        <v>638.57745</v>
      </c>
    </row>
    <row r="38359" spans="1:3" x14ac:dyDescent="0.25">
      <c r="A38359" s="2" t="s">
        <v>23596</v>
      </c>
      <c r="B38359" s="6">
        <v>638594.1</v>
      </c>
      <c r="C38359" s="7">
        <f t="shared" si="599"/>
        <v>638.59410000000003</v>
      </c>
    </row>
    <row r="38360" spans="1:3" x14ac:dyDescent="0.25">
      <c r="A38360" s="2" t="s">
        <v>23597</v>
      </c>
      <c r="B38360" s="6">
        <v>638610.75</v>
      </c>
      <c r="C38360" s="7">
        <f t="shared" si="599"/>
        <v>638.61075000000005</v>
      </c>
    </row>
    <row r="38361" spans="1:3" x14ac:dyDescent="0.25">
      <c r="A38361" s="2" t="s">
        <v>23598</v>
      </c>
      <c r="B38361" s="6">
        <v>638627.39999999991</v>
      </c>
      <c r="C38361" s="7">
        <f t="shared" si="599"/>
        <v>638.62739999999985</v>
      </c>
    </row>
    <row r="38362" spans="1:3" x14ac:dyDescent="0.25">
      <c r="A38362" s="2" t="s">
        <v>23599</v>
      </c>
      <c r="B38362" s="6">
        <v>638644.04999999993</v>
      </c>
      <c r="C38362" s="7">
        <f t="shared" si="599"/>
        <v>638.64404999999988</v>
      </c>
    </row>
    <row r="38363" spans="1:3" x14ac:dyDescent="0.25">
      <c r="A38363" s="2" t="s">
        <v>23600</v>
      </c>
      <c r="B38363" s="6">
        <v>638660.69999999995</v>
      </c>
      <c r="C38363" s="7">
        <f t="shared" si="599"/>
        <v>638.66069999999991</v>
      </c>
    </row>
    <row r="38364" spans="1:3" x14ac:dyDescent="0.25">
      <c r="A38364" s="2" t="s">
        <v>23601</v>
      </c>
      <c r="B38364" s="6">
        <v>638677.35</v>
      </c>
      <c r="C38364" s="7">
        <f t="shared" si="599"/>
        <v>638.67734999999993</v>
      </c>
    </row>
    <row r="38365" spans="1:3" x14ac:dyDescent="0.25">
      <c r="A38365" s="2" t="s">
        <v>23602</v>
      </c>
      <c r="B38365" s="6">
        <v>638694</v>
      </c>
      <c r="C38365" s="7">
        <f t="shared" si="599"/>
        <v>638.69399999999996</v>
      </c>
    </row>
    <row r="38366" spans="1:3" x14ac:dyDescent="0.25">
      <c r="A38366" s="2" t="s">
        <v>23603</v>
      </c>
      <c r="B38366" s="6">
        <v>638710.64999999991</v>
      </c>
      <c r="C38366" s="7">
        <f t="shared" si="599"/>
        <v>638.71064999999987</v>
      </c>
    </row>
    <row r="38367" spans="1:3" x14ac:dyDescent="0.25">
      <c r="A38367" s="2" t="s">
        <v>23604</v>
      </c>
      <c r="B38367" s="6">
        <v>638727.29999999993</v>
      </c>
      <c r="C38367" s="7">
        <f t="shared" si="599"/>
        <v>638.7272999999999</v>
      </c>
    </row>
    <row r="38368" spans="1:3" x14ac:dyDescent="0.25">
      <c r="A38368" s="2" t="s">
        <v>23605</v>
      </c>
      <c r="B38368" s="6">
        <v>638743.94999999995</v>
      </c>
      <c r="C38368" s="7">
        <f t="shared" si="599"/>
        <v>638.74394999999993</v>
      </c>
    </row>
    <row r="38369" spans="1:3" x14ac:dyDescent="0.25">
      <c r="A38369" s="2" t="s">
        <v>23606</v>
      </c>
      <c r="B38369" s="6">
        <v>638760.6</v>
      </c>
      <c r="C38369" s="7">
        <f t="shared" si="599"/>
        <v>638.76059999999995</v>
      </c>
    </row>
    <row r="38370" spans="1:3" x14ac:dyDescent="0.25">
      <c r="A38370" s="2" t="s">
        <v>23607</v>
      </c>
      <c r="B38370" s="6">
        <v>638777.25</v>
      </c>
      <c r="C38370" s="7">
        <f t="shared" si="599"/>
        <v>638.77724999999998</v>
      </c>
    </row>
    <row r="38371" spans="1:3" x14ac:dyDescent="0.25">
      <c r="A38371" s="2" t="s">
        <v>23608</v>
      </c>
      <c r="B38371" s="6">
        <v>638793.89999999991</v>
      </c>
      <c r="C38371" s="7">
        <f t="shared" si="599"/>
        <v>638.79389999999989</v>
      </c>
    </row>
    <row r="38372" spans="1:3" x14ac:dyDescent="0.25">
      <c r="A38372" s="2" t="s">
        <v>23609</v>
      </c>
      <c r="B38372" s="6">
        <v>638810.54999999993</v>
      </c>
      <c r="C38372" s="7">
        <f t="shared" si="599"/>
        <v>638.81054999999992</v>
      </c>
    </row>
    <row r="38373" spans="1:3" x14ac:dyDescent="0.25">
      <c r="A38373" s="2" t="s">
        <v>23610</v>
      </c>
      <c r="B38373" s="6">
        <v>638827.19999999995</v>
      </c>
      <c r="C38373" s="7">
        <f t="shared" si="599"/>
        <v>638.82719999999995</v>
      </c>
    </row>
    <row r="38374" spans="1:3" x14ac:dyDescent="0.25">
      <c r="A38374" s="2" t="s">
        <v>23611</v>
      </c>
      <c r="B38374" s="6">
        <v>638843.85</v>
      </c>
      <c r="C38374" s="7">
        <f t="shared" si="599"/>
        <v>638.84384999999997</v>
      </c>
    </row>
    <row r="38375" spans="1:3" x14ac:dyDescent="0.25">
      <c r="A38375" s="2" t="s">
        <v>23612</v>
      </c>
      <c r="B38375" s="6">
        <v>638860.5</v>
      </c>
      <c r="C38375" s="7">
        <f t="shared" si="599"/>
        <v>638.8605</v>
      </c>
    </row>
    <row r="38376" spans="1:3" x14ac:dyDescent="0.25">
      <c r="A38376" s="2" t="s">
        <v>23613</v>
      </c>
      <c r="B38376" s="6">
        <v>638877.14999999991</v>
      </c>
      <c r="C38376" s="7">
        <f t="shared" si="599"/>
        <v>638.87714999999992</v>
      </c>
    </row>
    <row r="38377" spans="1:3" x14ac:dyDescent="0.25">
      <c r="A38377" s="2" t="s">
        <v>23614</v>
      </c>
      <c r="B38377" s="6">
        <v>638893.79999999993</v>
      </c>
      <c r="C38377" s="7">
        <f t="shared" si="599"/>
        <v>638.89379999999994</v>
      </c>
    </row>
    <row r="38378" spans="1:3" x14ac:dyDescent="0.25">
      <c r="A38378" s="2" t="s">
        <v>23615</v>
      </c>
      <c r="B38378" s="6">
        <v>638910.44999999995</v>
      </c>
      <c r="C38378" s="7">
        <f t="shared" si="599"/>
        <v>638.91044999999997</v>
      </c>
    </row>
    <row r="38379" spans="1:3" x14ac:dyDescent="0.25">
      <c r="A38379" s="2" t="s">
        <v>23616</v>
      </c>
      <c r="B38379" s="6">
        <v>638927.1</v>
      </c>
      <c r="C38379" s="7">
        <f t="shared" si="599"/>
        <v>638.9271</v>
      </c>
    </row>
    <row r="38380" spans="1:3" x14ac:dyDescent="0.25">
      <c r="A38380" s="2" t="s">
        <v>23617</v>
      </c>
      <c r="B38380" s="6">
        <v>638943.75</v>
      </c>
      <c r="C38380" s="7">
        <f t="shared" si="599"/>
        <v>638.94375000000002</v>
      </c>
    </row>
    <row r="38381" spans="1:3" x14ac:dyDescent="0.25">
      <c r="A38381" s="2" t="s">
        <v>23618</v>
      </c>
      <c r="B38381" s="6">
        <v>638960.39999999991</v>
      </c>
      <c r="C38381" s="7">
        <f t="shared" si="599"/>
        <v>638.96039999999994</v>
      </c>
    </row>
    <row r="38382" spans="1:3" x14ac:dyDescent="0.25">
      <c r="A38382" s="2" t="s">
        <v>23619</v>
      </c>
      <c r="B38382" s="6">
        <v>638977.04999999993</v>
      </c>
      <c r="C38382" s="7">
        <f t="shared" si="599"/>
        <v>638.97704999999996</v>
      </c>
    </row>
    <row r="38383" spans="1:3" x14ac:dyDescent="0.25">
      <c r="A38383" s="2" t="s">
        <v>23620</v>
      </c>
      <c r="B38383" s="6">
        <v>638993.69999999995</v>
      </c>
      <c r="C38383" s="7">
        <f t="shared" si="599"/>
        <v>638.99369999999999</v>
      </c>
    </row>
    <row r="38384" spans="1:3" x14ac:dyDescent="0.25">
      <c r="A38384" s="2" t="s">
        <v>23621</v>
      </c>
      <c r="B38384" s="6">
        <v>639010.35</v>
      </c>
      <c r="C38384" s="7">
        <f t="shared" si="599"/>
        <v>639.01035000000002</v>
      </c>
    </row>
    <row r="38385" spans="1:3" x14ac:dyDescent="0.25">
      <c r="A38385" s="2" t="s">
        <v>23622</v>
      </c>
      <c r="B38385" s="6">
        <v>639027</v>
      </c>
      <c r="C38385" s="7">
        <f t="shared" si="599"/>
        <v>639.02700000000004</v>
      </c>
    </row>
    <row r="38386" spans="1:3" x14ac:dyDescent="0.25">
      <c r="A38386" s="2" t="s">
        <v>23623</v>
      </c>
      <c r="B38386" s="6">
        <v>639043.64999999991</v>
      </c>
      <c r="C38386" s="7">
        <f t="shared" si="599"/>
        <v>639.04364999999996</v>
      </c>
    </row>
    <row r="38387" spans="1:3" x14ac:dyDescent="0.25">
      <c r="A38387" s="2" t="s">
        <v>23624</v>
      </c>
      <c r="B38387" s="6">
        <v>639060.29999999993</v>
      </c>
      <c r="C38387" s="7">
        <f t="shared" si="599"/>
        <v>639.06029999999998</v>
      </c>
    </row>
    <row r="38388" spans="1:3" x14ac:dyDescent="0.25">
      <c r="A38388" s="2" t="s">
        <v>23625</v>
      </c>
      <c r="B38388" s="6">
        <v>639076.94999999995</v>
      </c>
      <c r="C38388" s="7">
        <f t="shared" si="599"/>
        <v>639.0769499999999</v>
      </c>
    </row>
    <row r="38389" spans="1:3" x14ac:dyDescent="0.25">
      <c r="A38389" s="2" t="s">
        <v>23626</v>
      </c>
      <c r="B38389" s="6">
        <v>639093.6</v>
      </c>
      <c r="C38389" s="7">
        <f t="shared" si="599"/>
        <v>639.09359999999992</v>
      </c>
    </row>
    <row r="38390" spans="1:3" x14ac:dyDescent="0.25">
      <c r="A38390" s="2" t="s">
        <v>23627</v>
      </c>
      <c r="B38390" s="6">
        <v>639110.25</v>
      </c>
      <c r="C38390" s="7">
        <f t="shared" si="599"/>
        <v>639.11024999999995</v>
      </c>
    </row>
    <row r="38391" spans="1:3" x14ac:dyDescent="0.25">
      <c r="A38391" s="2" t="s">
        <v>23628</v>
      </c>
      <c r="B38391" s="6">
        <v>639126.89999999991</v>
      </c>
      <c r="C38391" s="7">
        <f t="shared" si="599"/>
        <v>639.12689999999986</v>
      </c>
    </row>
    <row r="38392" spans="1:3" x14ac:dyDescent="0.25">
      <c r="A38392" s="2" t="s">
        <v>23629</v>
      </c>
      <c r="B38392" s="6">
        <v>639143.54999999993</v>
      </c>
      <c r="C38392" s="7">
        <f t="shared" si="599"/>
        <v>639.14354999999989</v>
      </c>
    </row>
    <row r="38393" spans="1:3" x14ac:dyDescent="0.25">
      <c r="A38393" s="2" t="s">
        <v>23630</v>
      </c>
      <c r="B38393" s="6">
        <v>639160.19999999995</v>
      </c>
      <c r="C38393" s="7">
        <f t="shared" si="599"/>
        <v>639.16019999999992</v>
      </c>
    </row>
    <row r="38394" spans="1:3" x14ac:dyDescent="0.25">
      <c r="A38394" s="2" t="s">
        <v>23631</v>
      </c>
      <c r="B38394" s="6">
        <v>639176.85</v>
      </c>
      <c r="C38394" s="7">
        <f t="shared" si="599"/>
        <v>639.17684999999994</v>
      </c>
    </row>
    <row r="38395" spans="1:3" x14ac:dyDescent="0.25">
      <c r="A38395" s="2" t="s">
        <v>23632</v>
      </c>
      <c r="B38395" s="6">
        <v>639193.5</v>
      </c>
      <c r="C38395" s="7">
        <f t="shared" si="599"/>
        <v>639.19349999999997</v>
      </c>
    </row>
    <row r="38396" spans="1:3" x14ac:dyDescent="0.25">
      <c r="A38396" s="2" t="s">
        <v>23633</v>
      </c>
      <c r="B38396" s="6">
        <v>639210.14999999991</v>
      </c>
      <c r="C38396" s="7">
        <f t="shared" si="599"/>
        <v>639.21014999999989</v>
      </c>
    </row>
    <row r="38397" spans="1:3" x14ac:dyDescent="0.25">
      <c r="A38397" s="2" t="s">
        <v>23634</v>
      </c>
      <c r="B38397" s="6">
        <v>639226.79999999993</v>
      </c>
      <c r="C38397" s="7">
        <f t="shared" si="599"/>
        <v>639.22679999999991</v>
      </c>
    </row>
    <row r="38398" spans="1:3" x14ac:dyDescent="0.25">
      <c r="A38398" s="2" t="s">
        <v>23635</v>
      </c>
      <c r="B38398" s="6">
        <v>639243.44999999995</v>
      </c>
      <c r="C38398" s="7">
        <f t="shared" si="599"/>
        <v>639.24344999999994</v>
      </c>
    </row>
    <row r="38399" spans="1:3" x14ac:dyDescent="0.25">
      <c r="A38399" s="2" t="s">
        <v>23636</v>
      </c>
      <c r="B38399" s="6">
        <v>639260.1</v>
      </c>
      <c r="C38399" s="7">
        <f t="shared" si="599"/>
        <v>639.26009999999997</v>
      </c>
    </row>
    <row r="38400" spans="1:3" x14ac:dyDescent="0.25">
      <c r="A38400" s="2" t="s">
        <v>23637</v>
      </c>
      <c r="B38400" s="6">
        <v>639276.75</v>
      </c>
      <c r="C38400" s="7">
        <f t="shared" si="599"/>
        <v>639.27674999999999</v>
      </c>
    </row>
    <row r="38401" spans="1:3" x14ac:dyDescent="0.25">
      <c r="A38401" s="2" t="s">
        <v>23638</v>
      </c>
      <c r="B38401" s="6">
        <v>639293.39999999991</v>
      </c>
      <c r="C38401" s="7">
        <f t="shared" si="599"/>
        <v>639.29339999999991</v>
      </c>
    </row>
    <row r="38402" spans="1:3" x14ac:dyDescent="0.25">
      <c r="A38402" s="2" t="s">
        <v>23639</v>
      </c>
      <c r="B38402" s="6">
        <v>639310.04999999993</v>
      </c>
      <c r="C38402" s="7">
        <f t="shared" si="599"/>
        <v>639.31004999999993</v>
      </c>
    </row>
    <row r="38403" spans="1:3" x14ac:dyDescent="0.25">
      <c r="A38403" s="2" t="s">
        <v>23640</v>
      </c>
      <c r="B38403" s="6">
        <v>639326.69999999995</v>
      </c>
      <c r="C38403" s="7">
        <f t="shared" ref="C38403:C38466" si="600">B38403/1000</f>
        <v>639.32669999999996</v>
      </c>
    </row>
    <row r="38404" spans="1:3" x14ac:dyDescent="0.25">
      <c r="A38404" s="2" t="s">
        <v>23641</v>
      </c>
      <c r="B38404" s="6">
        <v>639343.35</v>
      </c>
      <c r="C38404" s="7">
        <f t="shared" si="600"/>
        <v>639.34334999999999</v>
      </c>
    </row>
    <row r="38405" spans="1:3" x14ac:dyDescent="0.25">
      <c r="A38405" s="2" t="s">
        <v>23642</v>
      </c>
      <c r="B38405" s="6">
        <v>639360</v>
      </c>
      <c r="C38405" s="7">
        <f t="shared" si="600"/>
        <v>639.36</v>
      </c>
    </row>
    <row r="38406" spans="1:3" x14ac:dyDescent="0.25">
      <c r="A38406" s="2" t="s">
        <v>23643</v>
      </c>
      <c r="B38406" s="6">
        <v>639376.64999999991</v>
      </c>
      <c r="C38406" s="7">
        <f t="shared" si="600"/>
        <v>639.37664999999993</v>
      </c>
    </row>
    <row r="38407" spans="1:3" x14ac:dyDescent="0.25">
      <c r="A38407" s="2" t="s">
        <v>23644</v>
      </c>
      <c r="B38407" s="6">
        <v>639393.29999999993</v>
      </c>
      <c r="C38407" s="7">
        <f t="shared" si="600"/>
        <v>639.39329999999995</v>
      </c>
    </row>
    <row r="38408" spans="1:3" x14ac:dyDescent="0.25">
      <c r="A38408" s="2" t="s">
        <v>23645</v>
      </c>
      <c r="B38408" s="6">
        <v>639409.94999999995</v>
      </c>
      <c r="C38408" s="7">
        <f t="shared" si="600"/>
        <v>639.40994999999998</v>
      </c>
    </row>
    <row r="38409" spans="1:3" x14ac:dyDescent="0.25">
      <c r="A38409" s="2" t="s">
        <v>23646</v>
      </c>
      <c r="B38409" s="6">
        <v>639426.6</v>
      </c>
      <c r="C38409" s="7">
        <f t="shared" si="600"/>
        <v>639.42660000000001</v>
      </c>
    </row>
    <row r="38410" spans="1:3" x14ac:dyDescent="0.25">
      <c r="A38410" s="2" t="s">
        <v>23647</v>
      </c>
      <c r="B38410" s="6">
        <v>639443.25</v>
      </c>
      <c r="C38410" s="7">
        <f t="shared" si="600"/>
        <v>639.44325000000003</v>
      </c>
    </row>
    <row r="38411" spans="1:3" x14ac:dyDescent="0.25">
      <c r="A38411" s="2" t="s">
        <v>23648</v>
      </c>
      <c r="B38411" s="6">
        <v>639459.89999999991</v>
      </c>
      <c r="C38411" s="7">
        <f t="shared" si="600"/>
        <v>639.45989999999995</v>
      </c>
    </row>
    <row r="38412" spans="1:3" x14ac:dyDescent="0.25">
      <c r="A38412" s="2" t="s">
        <v>23649</v>
      </c>
      <c r="B38412" s="6">
        <v>639476.54999999993</v>
      </c>
      <c r="C38412" s="7">
        <f t="shared" si="600"/>
        <v>639.47654999999997</v>
      </c>
    </row>
    <row r="38413" spans="1:3" x14ac:dyDescent="0.25">
      <c r="A38413" s="2" t="s">
        <v>23650</v>
      </c>
      <c r="B38413" s="6">
        <v>639493.19999999995</v>
      </c>
      <c r="C38413" s="7">
        <f t="shared" si="600"/>
        <v>639.4932</v>
      </c>
    </row>
    <row r="38414" spans="1:3" x14ac:dyDescent="0.25">
      <c r="A38414" s="2" t="s">
        <v>23651</v>
      </c>
      <c r="B38414" s="6">
        <v>639509.85</v>
      </c>
      <c r="C38414" s="7">
        <f t="shared" si="600"/>
        <v>639.50985000000003</v>
      </c>
    </row>
    <row r="38415" spans="1:3" x14ac:dyDescent="0.25">
      <c r="A38415" s="2" t="s">
        <v>23652</v>
      </c>
      <c r="B38415" s="6">
        <v>639526.5</v>
      </c>
      <c r="C38415" s="7">
        <f t="shared" si="600"/>
        <v>639.52650000000006</v>
      </c>
    </row>
    <row r="38416" spans="1:3" x14ac:dyDescent="0.25">
      <c r="A38416" s="2" t="s">
        <v>23653</v>
      </c>
      <c r="B38416" s="6">
        <v>639543.14999999991</v>
      </c>
      <c r="C38416" s="7">
        <f t="shared" si="600"/>
        <v>639.54314999999986</v>
      </c>
    </row>
    <row r="38417" spans="1:3" x14ac:dyDescent="0.25">
      <c r="A38417" s="2" t="s">
        <v>23654</v>
      </c>
      <c r="B38417" s="6">
        <v>639559.79999999993</v>
      </c>
      <c r="C38417" s="7">
        <f t="shared" si="600"/>
        <v>639.55979999999988</v>
      </c>
    </row>
    <row r="38418" spans="1:3" x14ac:dyDescent="0.25">
      <c r="A38418" s="2" t="s">
        <v>23655</v>
      </c>
      <c r="B38418" s="6">
        <v>639576.44999999995</v>
      </c>
      <c r="C38418" s="7">
        <f t="shared" si="600"/>
        <v>639.57644999999991</v>
      </c>
    </row>
    <row r="38419" spans="1:3" x14ac:dyDescent="0.25">
      <c r="A38419" s="2" t="s">
        <v>23656</v>
      </c>
      <c r="B38419" s="6">
        <v>639593.1</v>
      </c>
      <c r="C38419" s="7">
        <f t="shared" si="600"/>
        <v>639.59309999999994</v>
      </c>
    </row>
    <row r="38420" spans="1:3" x14ac:dyDescent="0.25">
      <c r="A38420" s="2" t="s">
        <v>23657</v>
      </c>
      <c r="B38420" s="6">
        <v>639609.75</v>
      </c>
      <c r="C38420" s="7">
        <f t="shared" si="600"/>
        <v>639.60974999999996</v>
      </c>
    </row>
    <row r="38421" spans="1:3" x14ac:dyDescent="0.25">
      <c r="A38421" s="2" t="s">
        <v>23658</v>
      </c>
      <c r="B38421" s="6">
        <v>639626.39999999991</v>
      </c>
      <c r="C38421" s="7">
        <f t="shared" si="600"/>
        <v>639.62639999999988</v>
      </c>
    </row>
    <row r="38422" spans="1:3" x14ac:dyDescent="0.25">
      <c r="A38422" s="2" t="s">
        <v>23659</v>
      </c>
      <c r="B38422" s="6">
        <v>639643.04999999993</v>
      </c>
      <c r="C38422" s="7">
        <f t="shared" si="600"/>
        <v>639.6430499999999</v>
      </c>
    </row>
    <row r="38423" spans="1:3" x14ac:dyDescent="0.25">
      <c r="A38423" s="2" t="s">
        <v>23660</v>
      </c>
      <c r="B38423" s="6">
        <v>639659.69999999995</v>
      </c>
      <c r="C38423" s="7">
        <f t="shared" si="600"/>
        <v>639.65969999999993</v>
      </c>
    </row>
    <row r="38424" spans="1:3" x14ac:dyDescent="0.25">
      <c r="A38424" s="2" t="s">
        <v>23661</v>
      </c>
      <c r="B38424" s="6">
        <v>639676.35</v>
      </c>
      <c r="C38424" s="7">
        <f t="shared" si="600"/>
        <v>639.67634999999996</v>
      </c>
    </row>
    <row r="38425" spans="1:3" x14ac:dyDescent="0.25">
      <c r="A38425" s="2" t="s">
        <v>23662</v>
      </c>
      <c r="B38425" s="6">
        <v>639693</v>
      </c>
      <c r="C38425" s="7">
        <f t="shared" si="600"/>
        <v>639.69299999999998</v>
      </c>
    </row>
    <row r="38426" spans="1:3" x14ac:dyDescent="0.25">
      <c r="A38426" s="2" t="s">
        <v>23663</v>
      </c>
      <c r="B38426" s="6">
        <v>639709.64999999991</v>
      </c>
      <c r="C38426" s="7">
        <f t="shared" si="600"/>
        <v>639.7096499999999</v>
      </c>
    </row>
    <row r="38427" spans="1:3" x14ac:dyDescent="0.25">
      <c r="A38427" s="2" t="s">
        <v>23664</v>
      </c>
      <c r="B38427" s="6">
        <v>639726.29999999993</v>
      </c>
      <c r="C38427" s="7">
        <f t="shared" si="600"/>
        <v>639.72629999999992</v>
      </c>
    </row>
    <row r="38428" spans="1:3" x14ac:dyDescent="0.25">
      <c r="A38428" s="2" t="s">
        <v>23665</v>
      </c>
      <c r="B38428" s="6">
        <v>639742.94999999995</v>
      </c>
      <c r="C38428" s="7">
        <f t="shared" si="600"/>
        <v>639.74294999999995</v>
      </c>
    </row>
    <row r="38429" spans="1:3" x14ac:dyDescent="0.25">
      <c r="A38429" s="2" t="s">
        <v>23666</v>
      </c>
      <c r="B38429" s="6">
        <v>639759.6</v>
      </c>
      <c r="C38429" s="7">
        <f t="shared" si="600"/>
        <v>639.75959999999998</v>
      </c>
    </row>
    <row r="38430" spans="1:3" x14ac:dyDescent="0.25">
      <c r="A38430" s="2" t="s">
        <v>23667</v>
      </c>
      <c r="B38430" s="6">
        <v>639776.25</v>
      </c>
      <c r="C38430" s="7">
        <f t="shared" si="600"/>
        <v>639.77625</v>
      </c>
    </row>
    <row r="38431" spans="1:3" x14ac:dyDescent="0.25">
      <c r="A38431" s="2" t="s">
        <v>23668</v>
      </c>
      <c r="B38431" s="6">
        <v>639792.89999999991</v>
      </c>
      <c r="C38431" s="7">
        <f t="shared" si="600"/>
        <v>639.79289999999992</v>
      </c>
    </row>
    <row r="38432" spans="1:3" x14ac:dyDescent="0.25">
      <c r="A38432" s="2" t="s">
        <v>23669</v>
      </c>
      <c r="B38432" s="6">
        <v>639809.54999999993</v>
      </c>
      <c r="C38432" s="7">
        <f t="shared" si="600"/>
        <v>639.80954999999994</v>
      </c>
    </row>
    <row r="38433" spans="1:3" x14ac:dyDescent="0.25">
      <c r="A38433" s="2" t="s">
        <v>23670</v>
      </c>
      <c r="B38433" s="6">
        <v>639826.19999999995</v>
      </c>
      <c r="C38433" s="7">
        <f t="shared" si="600"/>
        <v>639.82619999999997</v>
      </c>
    </row>
    <row r="38434" spans="1:3" x14ac:dyDescent="0.25">
      <c r="A38434" s="2" t="s">
        <v>23671</v>
      </c>
      <c r="B38434" s="6">
        <v>639842.85</v>
      </c>
      <c r="C38434" s="7">
        <f t="shared" si="600"/>
        <v>639.84285</v>
      </c>
    </row>
    <row r="38435" spans="1:3" x14ac:dyDescent="0.25">
      <c r="A38435" s="2" t="s">
        <v>23672</v>
      </c>
      <c r="B38435" s="6">
        <v>639859.5</v>
      </c>
      <c r="C38435" s="7">
        <f t="shared" si="600"/>
        <v>639.85950000000003</v>
      </c>
    </row>
    <row r="38436" spans="1:3" x14ac:dyDescent="0.25">
      <c r="A38436" s="2" t="s">
        <v>23673</v>
      </c>
      <c r="B38436" s="6">
        <v>639876.14999999991</v>
      </c>
      <c r="C38436" s="7">
        <f t="shared" si="600"/>
        <v>639.87614999999994</v>
      </c>
    </row>
    <row r="38437" spans="1:3" x14ac:dyDescent="0.25">
      <c r="A38437" s="2" t="s">
        <v>23674</v>
      </c>
      <c r="B38437" s="6">
        <v>639892.79999999993</v>
      </c>
      <c r="C38437" s="7">
        <f t="shared" si="600"/>
        <v>639.89279999999997</v>
      </c>
    </row>
    <row r="38438" spans="1:3" x14ac:dyDescent="0.25">
      <c r="A38438" s="2" t="s">
        <v>23675</v>
      </c>
      <c r="B38438" s="6">
        <v>639909.44999999995</v>
      </c>
      <c r="C38438" s="7">
        <f t="shared" si="600"/>
        <v>639.90944999999999</v>
      </c>
    </row>
    <row r="38439" spans="1:3" x14ac:dyDescent="0.25">
      <c r="A38439" s="2" t="s">
        <v>23676</v>
      </c>
      <c r="B38439" s="6">
        <v>639926.1</v>
      </c>
      <c r="C38439" s="7">
        <f t="shared" si="600"/>
        <v>639.92610000000002</v>
      </c>
    </row>
    <row r="38440" spans="1:3" x14ac:dyDescent="0.25">
      <c r="A38440" s="2" t="s">
        <v>23677</v>
      </c>
      <c r="B38440" s="6">
        <v>639942.75</v>
      </c>
      <c r="C38440" s="7">
        <f t="shared" si="600"/>
        <v>639.94275000000005</v>
      </c>
    </row>
    <row r="38441" spans="1:3" x14ac:dyDescent="0.25">
      <c r="A38441" s="2" t="s">
        <v>23678</v>
      </c>
      <c r="B38441" s="6">
        <v>639959.39999999991</v>
      </c>
      <c r="C38441" s="7">
        <f t="shared" si="600"/>
        <v>639.95939999999996</v>
      </c>
    </row>
    <row r="38442" spans="1:3" x14ac:dyDescent="0.25">
      <c r="A38442" s="2" t="s">
        <v>23679</v>
      </c>
      <c r="B38442" s="6">
        <v>639976.04999999993</v>
      </c>
      <c r="C38442" s="7">
        <f t="shared" si="600"/>
        <v>639.97604999999999</v>
      </c>
    </row>
    <row r="38443" spans="1:3" x14ac:dyDescent="0.25">
      <c r="A38443" s="2" t="s">
        <v>23680</v>
      </c>
      <c r="B38443" s="6">
        <v>639992.69999999995</v>
      </c>
      <c r="C38443" s="7">
        <f t="shared" si="600"/>
        <v>639.9926999999999</v>
      </c>
    </row>
    <row r="38444" spans="1:3" x14ac:dyDescent="0.25">
      <c r="A38444" s="2" t="s">
        <v>23681</v>
      </c>
      <c r="B38444" s="6">
        <v>640009.35</v>
      </c>
      <c r="C38444" s="7">
        <f t="shared" si="600"/>
        <v>640.00934999999993</v>
      </c>
    </row>
    <row r="38445" spans="1:3" x14ac:dyDescent="0.25">
      <c r="A38445" s="2" t="s">
        <v>23682</v>
      </c>
      <c r="B38445" s="6">
        <v>640026</v>
      </c>
      <c r="C38445" s="7">
        <f t="shared" si="600"/>
        <v>640.02599999999995</v>
      </c>
    </row>
    <row r="38446" spans="1:3" x14ac:dyDescent="0.25">
      <c r="A38446" s="2" t="s">
        <v>23683</v>
      </c>
      <c r="B38446" s="6">
        <v>640042.64999999991</v>
      </c>
      <c r="C38446" s="7">
        <f t="shared" si="600"/>
        <v>640.04264999999987</v>
      </c>
    </row>
    <row r="38447" spans="1:3" x14ac:dyDescent="0.25">
      <c r="A38447" s="2" t="s">
        <v>23684</v>
      </c>
      <c r="B38447" s="6">
        <v>640059.29999999993</v>
      </c>
      <c r="C38447" s="7">
        <f t="shared" si="600"/>
        <v>640.05929999999989</v>
      </c>
    </row>
    <row r="38448" spans="1:3" x14ac:dyDescent="0.25">
      <c r="A38448" s="2" t="s">
        <v>23685</v>
      </c>
      <c r="B38448" s="6">
        <v>640075.94999999995</v>
      </c>
      <c r="C38448" s="7">
        <f t="shared" si="600"/>
        <v>640.07594999999992</v>
      </c>
    </row>
    <row r="38449" spans="1:3" x14ac:dyDescent="0.25">
      <c r="A38449" s="2" t="s">
        <v>23686</v>
      </c>
      <c r="B38449" s="6">
        <v>640092.6</v>
      </c>
      <c r="C38449" s="7">
        <f t="shared" si="600"/>
        <v>640.09259999999995</v>
      </c>
    </row>
    <row r="38450" spans="1:3" x14ac:dyDescent="0.25">
      <c r="A38450" s="2" t="s">
        <v>23687</v>
      </c>
      <c r="B38450" s="6">
        <v>640109.25</v>
      </c>
      <c r="C38450" s="7">
        <f t="shared" si="600"/>
        <v>640.10924999999997</v>
      </c>
    </row>
    <row r="38451" spans="1:3" x14ac:dyDescent="0.25">
      <c r="A38451" s="2" t="s">
        <v>23688</v>
      </c>
      <c r="B38451" s="6">
        <v>640125.89999999991</v>
      </c>
      <c r="C38451" s="7">
        <f t="shared" si="600"/>
        <v>640.12589999999989</v>
      </c>
    </row>
    <row r="38452" spans="1:3" x14ac:dyDescent="0.25">
      <c r="A38452" s="2" t="s">
        <v>23689</v>
      </c>
      <c r="B38452" s="6">
        <v>640142.54999999993</v>
      </c>
      <c r="C38452" s="7">
        <f t="shared" si="600"/>
        <v>640.14254999999991</v>
      </c>
    </row>
    <row r="38453" spans="1:3" x14ac:dyDescent="0.25">
      <c r="A38453" s="2" t="s">
        <v>23690</v>
      </c>
      <c r="B38453" s="6">
        <v>640159.19999999995</v>
      </c>
      <c r="C38453" s="7">
        <f t="shared" si="600"/>
        <v>640.15919999999994</v>
      </c>
    </row>
    <row r="38454" spans="1:3" x14ac:dyDescent="0.25">
      <c r="A38454" s="2" t="s">
        <v>23691</v>
      </c>
      <c r="B38454" s="6">
        <v>640175.85</v>
      </c>
      <c r="C38454" s="7">
        <f t="shared" si="600"/>
        <v>640.17584999999997</v>
      </c>
    </row>
    <row r="38455" spans="1:3" x14ac:dyDescent="0.25">
      <c r="A38455" s="2" t="s">
        <v>23692</v>
      </c>
      <c r="B38455" s="6">
        <v>640192.5</v>
      </c>
      <c r="C38455" s="7">
        <f t="shared" si="600"/>
        <v>640.1925</v>
      </c>
    </row>
    <row r="38456" spans="1:3" x14ac:dyDescent="0.25">
      <c r="A38456" s="2" t="s">
        <v>23693</v>
      </c>
      <c r="B38456" s="6">
        <v>640209.14999999991</v>
      </c>
      <c r="C38456" s="7">
        <f t="shared" si="600"/>
        <v>640.20914999999991</v>
      </c>
    </row>
    <row r="38457" spans="1:3" x14ac:dyDescent="0.25">
      <c r="A38457" s="2" t="s">
        <v>23694</v>
      </c>
      <c r="B38457" s="6">
        <v>640225.79999999993</v>
      </c>
      <c r="C38457" s="7">
        <f t="shared" si="600"/>
        <v>640.22579999999994</v>
      </c>
    </row>
    <row r="38458" spans="1:3" x14ac:dyDescent="0.25">
      <c r="A38458" s="2" t="s">
        <v>23695</v>
      </c>
      <c r="B38458" s="6">
        <v>640242.44999999995</v>
      </c>
      <c r="C38458" s="7">
        <f t="shared" si="600"/>
        <v>640.24244999999996</v>
      </c>
    </row>
    <row r="38459" spans="1:3" x14ac:dyDescent="0.25">
      <c r="A38459" s="2" t="s">
        <v>23696</v>
      </c>
      <c r="B38459" s="6">
        <v>640259.1</v>
      </c>
      <c r="C38459" s="7">
        <f t="shared" si="600"/>
        <v>640.25909999999999</v>
      </c>
    </row>
    <row r="38460" spans="1:3" x14ac:dyDescent="0.25">
      <c r="A38460" s="2" t="s">
        <v>23697</v>
      </c>
      <c r="B38460" s="6">
        <v>640275.75</v>
      </c>
      <c r="C38460" s="7">
        <f t="shared" si="600"/>
        <v>640.27575000000002</v>
      </c>
    </row>
    <row r="38461" spans="1:3" x14ac:dyDescent="0.25">
      <c r="A38461" s="2" t="s">
        <v>23698</v>
      </c>
      <c r="B38461" s="6">
        <v>640292.39999999991</v>
      </c>
      <c r="C38461" s="7">
        <f t="shared" si="600"/>
        <v>640.29239999999993</v>
      </c>
    </row>
    <row r="38462" spans="1:3" x14ac:dyDescent="0.25">
      <c r="A38462" s="2" t="s">
        <v>23699</v>
      </c>
      <c r="B38462" s="6">
        <v>640309.04999999993</v>
      </c>
      <c r="C38462" s="7">
        <f t="shared" si="600"/>
        <v>640.30904999999996</v>
      </c>
    </row>
    <row r="38463" spans="1:3" x14ac:dyDescent="0.25">
      <c r="A38463" s="2" t="s">
        <v>23700</v>
      </c>
      <c r="B38463" s="6">
        <v>640325.69999999995</v>
      </c>
      <c r="C38463" s="7">
        <f t="shared" si="600"/>
        <v>640.32569999999998</v>
      </c>
    </row>
    <row r="38464" spans="1:3" x14ac:dyDescent="0.25">
      <c r="A38464" s="2" t="s">
        <v>23701</v>
      </c>
      <c r="B38464" s="6">
        <v>640342.35</v>
      </c>
      <c r="C38464" s="7">
        <f t="shared" si="600"/>
        <v>640.34235000000001</v>
      </c>
    </row>
    <row r="38465" spans="1:3" x14ac:dyDescent="0.25">
      <c r="A38465" s="2" t="s">
        <v>23702</v>
      </c>
      <c r="B38465" s="6">
        <v>640359</v>
      </c>
      <c r="C38465" s="7">
        <f t="shared" si="600"/>
        <v>640.35900000000004</v>
      </c>
    </row>
    <row r="38466" spans="1:3" x14ac:dyDescent="0.25">
      <c r="A38466" s="2" t="s">
        <v>23703</v>
      </c>
      <c r="B38466" s="6">
        <v>640375.64999999991</v>
      </c>
      <c r="C38466" s="7">
        <f t="shared" si="600"/>
        <v>640.37564999999995</v>
      </c>
    </row>
    <row r="38467" spans="1:3" x14ac:dyDescent="0.25">
      <c r="A38467" s="2" t="s">
        <v>23704</v>
      </c>
      <c r="B38467" s="6">
        <v>640392.29999999993</v>
      </c>
      <c r="C38467" s="7">
        <f t="shared" ref="C38467:C38530" si="601">B38467/1000</f>
        <v>640.39229999999998</v>
      </c>
    </row>
    <row r="38468" spans="1:3" x14ac:dyDescent="0.25">
      <c r="A38468" s="2" t="s">
        <v>23705</v>
      </c>
      <c r="B38468" s="6">
        <v>640408.94999999995</v>
      </c>
      <c r="C38468" s="7">
        <f t="shared" si="601"/>
        <v>640.40895</v>
      </c>
    </row>
    <row r="38469" spans="1:3" x14ac:dyDescent="0.25">
      <c r="A38469" s="2" t="s">
        <v>23706</v>
      </c>
      <c r="B38469" s="6">
        <v>640425.6</v>
      </c>
      <c r="C38469" s="7">
        <f t="shared" si="601"/>
        <v>640.42560000000003</v>
      </c>
    </row>
    <row r="38470" spans="1:3" x14ac:dyDescent="0.25">
      <c r="A38470" s="2" t="s">
        <v>23707</v>
      </c>
      <c r="B38470" s="6">
        <v>640442.25</v>
      </c>
      <c r="C38470" s="7">
        <f t="shared" si="601"/>
        <v>640.44224999999994</v>
      </c>
    </row>
    <row r="38471" spans="1:3" x14ac:dyDescent="0.25">
      <c r="A38471" s="2" t="s">
        <v>23708</v>
      </c>
      <c r="B38471" s="6">
        <v>640458.89999999991</v>
      </c>
      <c r="C38471" s="7">
        <f t="shared" si="601"/>
        <v>640.45889999999986</v>
      </c>
    </row>
    <row r="38472" spans="1:3" x14ac:dyDescent="0.25">
      <c r="A38472" s="2" t="s">
        <v>23709</v>
      </c>
      <c r="B38472" s="6">
        <v>640475.54999999993</v>
      </c>
      <c r="C38472" s="7">
        <f t="shared" si="601"/>
        <v>640.47554999999988</v>
      </c>
    </row>
    <row r="38473" spans="1:3" x14ac:dyDescent="0.25">
      <c r="A38473" s="2" t="s">
        <v>23710</v>
      </c>
      <c r="B38473" s="6">
        <v>640492.19999999995</v>
      </c>
      <c r="C38473" s="7">
        <f t="shared" si="601"/>
        <v>640.49219999999991</v>
      </c>
    </row>
    <row r="38474" spans="1:3" x14ac:dyDescent="0.25">
      <c r="A38474" s="2" t="s">
        <v>23711</v>
      </c>
      <c r="B38474" s="6">
        <v>640508.85</v>
      </c>
      <c r="C38474" s="7">
        <f t="shared" si="601"/>
        <v>640.50884999999994</v>
      </c>
    </row>
    <row r="38475" spans="1:3" x14ac:dyDescent="0.25">
      <c r="A38475" s="2" t="s">
        <v>23712</v>
      </c>
      <c r="B38475" s="6">
        <v>640525.5</v>
      </c>
      <c r="C38475" s="7">
        <f t="shared" si="601"/>
        <v>640.52549999999997</v>
      </c>
    </row>
    <row r="38476" spans="1:3" x14ac:dyDescent="0.25">
      <c r="A38476" s="2" t="s">
        <v>23713</v>
      </c>
      <c r="B38476" s="6">
        <v>640542.14999999991</v>
      </c>
      <c r="C38476" s="7">
        <f t="shared" si="601"/>
        <v>640.54214999999988</v>
      </c>
    </row>
    <row r="38477" spans="1:3" x14ac:dyDescent="0.25">
      <c r="A38477" s="2" t="s">
        <v>23714</v>
      </c>
      <c r="B38477" s="6">
        <v>640558.79999999993</v>
      </c>
      <c r="C38477" s="7">
        <f t="shared" si="601"/>
        <v>640.55879999999991</v>
      </c>
    </row>
    <row r="38478" spans="1:3" x14ac:dyDescent="0.25">
      <c r="A38478" s="2" t="s">
        <v>23715</v>
      </c>
      <c r="B38478" s="6">
        <v>640575.44999999995</v>
      </c>
      <c r="C38478" s="7">
        <f t="shared" si="601"/>
        <v>640.57544999999993</v>
      </c>
    </row>
    <row r="38479" spans="1:3" x14ac:dyDescent="0.25">
      <c r="A38479" s="2" t="s">
        <v>23716</v>
      </c>
      <c r="B38479" s="6">
        <v>640592.1</v>
      </c>
      <c r="C38479" s="7">
        <f t="shared" si="601"/>
        <v>640.59209999999996</v>
      </c>
    </row>
    <row r="38480" spans="1:3" x14ac:dyDescent="0.25">
      <c r="A38480" s="2" t="s">
        <v>23717</v>
      </c>
      <c r="B38480" s="6">
        <v>640608.75</v>
      </c>
      <c r="C38480" s="7">
        <f t="shared" si="601"/>
        <v>640.60874999999999</v>
      </c>
    </row>
    <row r="38481" spans="1:3" x14ac:dyDescent="0.25">
      <c r="A38481" s="2" t="s">
        <v>23718</v>
      </c>
      <c r="B38481" s="6">
        <v>640625.39999999991</v>
      </c>
      <c r="C38481" s="7">
        <f t="shared" si="601"/>
        <v>640.6253999999999</v>
      </c>
    </row>
    <row r="38482" spans="1:3" x14ac:dyDescent="0.25">
      <c r="A38482" s="2" t="s">
        <v>23719</v>
      </c>
      <c r="B38482" s="6">
        <v>640642.04999999993</v>
      </c>
      <c r="C38482" s="7">
        <f t="shared" si="601"/>
        <v>640.64204999999993</v>
      </c>
    </row>
    <row r="38483" spans="1:3" x14ac:dyDescent="0.25">
      <c r="A38483" s="2" t="s">
        <v>23720</v>
      </c>
      <c r="B38483" s="6">
        <v>640658.69999999995</v>
      </c>
      <c r="C38483" s="7">
        <f t="shared" si="601"/>
        <v>640.65869999999995</v>
      </c>
    </row>
    <row r="38484" spans="1:3" x14ac:dyDescent="0.25">
      <c r="A38484" s="2" t="s">
        <v>23721</v>
      </c>
      <c r="B38484" s="6">
        <v>640675.35</v>
      </c>
      <c r="C38484" s="7">
        <f t="shared" si="601"/>
        <v>640.67534999999998</v>
      </c>
    </row>
    <row r="38485" spans="1:3" x14ac:dyDescent="0.25">
      <c r="A38485" s="2" t="s">
        <v>23722</v>
      </c>
      <c r="B38485" s="6">
        <v>640692</v>
      </c>
      <c r="C38485" s="7">
        <f t="shared" si="601"/>
        <v>640.69200000000001</v>
      </c>
    </row>
    <row r="38486" spans="1:3" x14ac:dyDescent="0.25">
      <c r="A38486" s="2" t="s">
        <v>23723</v>
      </c>
      <c r="B38486" s="6">
        <v>640708.64999999991</v>
      </c>
      <c r="C38486" s="7">
        <f t="shared" si="601"/>
        <v>640.70864999999992</v>
      </c>
    </row>
    <row r="38487" spans="1:3" x14ac:dyDescent="0.25">
      <c r="A38487" s="2" t="s">
        <v>23724</v>
      </c>
      <c r="B38487" s="6">
        <v>640725.29999999993</v>
      </c>
      <c r="C38487" s="7">
        <f t="shared" si="601"/>
        <v>640.72529999999995</v>
      </c>
    </row>
    <row r="38488" spans="1:3" x14ac:dyDescent="0.25">
      <c r="A38488" s="2" t="s">
        <v>23725</v>
      </c>
      <c r="B38488" s="6">
        <v>640741.94999999995</v>
      </c>
      <c r="C38488" s="7">
        <f t="shared" si="601"/>
        <v>640.74194999999997</v>
      </c>
    </row>
    <row r="38489" spans="1:3" x14ac:dyDescent="0.25">
      <c r="A38489" s="2" t="s">
        <v>23726</v>
      </c>
      <c r="B38489" s="6">
        <v>640758.6</v>
      </c>
      <c r="C38489" s="7">
        <f t="shared" si="601"/>
        <v>640.7586</v>
      </c>
    </row>
    <row r="38490" spans="1:3" x14ac:dyDescent="0.25">
      <c r="A38490" s="2" t="s">
        <v>23727</v>
      </c>
      <c r="B38490" s="6">
        <v>640775.25</v>
      </c>
      <c r="C38490" s="7">
        <f t="shared" si="601"/>
        <v>640.77525000000003</v>
      </c>
    </row>
    <row r="38491" spans="1:3" x14ac:dyDescent="0.25">
      <c r="A38491" s="2" t="s">
        <v>23728</v>
      </c>
      <c r="B38491" s="6">
        <v>640791.89999999991</v>
      </c>
      <c r="C38491" s="7">
        <f t="shared" si="601"/>
        <v>640.79189999999994</v>
      </c>
    </row>
    <row r="38492" spans="1:3" x14ac:dyDescent="0.25">
      <c r="A38492" s="2" t="s">
        <v>23729</v>
      </c>
      <c r="B38492" s="6">
        <v>640808.54999999993</v>
      </c>
      <c r="C38492" s="7">
        <f t="shared" si="601"/>
        <v>640.80854999999997</v>
      </c>
    </row>
    <row r="38493" spans="1:3" x14ac:dyDescent="0.25">
      <c r="A38493" s="2" t="s">
        <v>23730</v>
      </c>
      <c r="B38493" s="6">
        <v>640825.19999999995</v>
      </c>
      <c r="C38493" s="7">
        <f t="shared" si="601"/>
        <v>640.8252</v>
      </c>
    </row>
    <row r="38494" spans="1:3" x14ac:dyDescent="0.25">
      <c r="A38494" s="2" t="s">
        <v>23731</v>
      </c>
      <c r="B38494" s="6">
        <v>640841.85</v>
      </c>
      <c r="C38494" s="7">
        <f t="shared" si="601"/>
        <v>640.84185000000002</v>
      </c>
    </row>
    <row r="38495" spans="1:3" x14ac:dyDescent="0.25">
      <c r="A38495" s="2" t="s">
        <v>23732</v>
      </c>
      <c r="B38495" s="6">
        <v>640858.5</v>
      </c>
      <c r="C38495" s="7">
        <f t="shared" si="601"/>
        <v>640.85850000000005</v>
      </c>
    </row>
    <row r="38496" spans="1:3" x14ac:dyDescent="0.25">
      <c r="A38496" s="2" t="s">
        <v>23733</v>
      </c>
      <c r="B38496" s="6">
        <v>640875.14999999991</v>
      </c>
      <c r="C38496" s="7">
        <f t="shared" si="601"/>
        <v>640.87514999999996</v>
      </c>
    </row>
    <row r="38497" spans="1:3" x14ac:dyDescent="0.25">
      <c r="A38497" s="2" t="s">
        <v>23734</v>
      </c>
      <c r="B38497" s="6">
        <v>640891.79999999993</v>
      </c>
      <c r="C38497" s="7">
        <f t="shared" si="601"/>
        <v>640.89179999999988</v>
      </c>
    </row>
    <row r="38498" spans="1:3" x14ac:dyDescent="0.25">
      <c r="A38498" s="2" t="s">
        <v>23735</v>
      </c>
      <c r="B38498" s="6">
        <v>640908.44999999995</v>
      </c>
      <c r="C38498" s="7">
        <f t="shared" si="601"/>
        <v>640.9084499999999</v>
      </c>
    </row>
    <row r="38499" spans="1:3" x14ac:dyDescent="0.25">
      <c r="A38499" s="2" t="s">
        <v>23736</v>
      </c>
      <c r="B38499" s="6">
        <v>640925.1</v>
      </c>
      <c r="C38499" s="7">
        <f t="shared" si="601"/>
        <v>640.92509999999993</v>
      </c>
    </row>
    <row r="38500" spans="1:3" x14ac:dyDescent="0.25">
      <c r="A38500" s="2" t="s">
        <v>23737</v>
      </c>
      <c r="B38500" s="6">
        <v>640941.75</v>
      </c>
      <c r="C38500" s="7">
        <f t="shared" si="601"/>
        <v>640.94174999999996</v>
      </c>
    </row>
    <row r="38501" spans="1:3" x14ac:dyDescent="0.25">
      <c r="A38501" s="2" t="s">
        <v>23738</v>
      </c>
      <c r="B38501" s="6">
        <v>640958.39999999991</v>
      </c>
      <c r="C38501" s="7">
        <f t="shared" si="601"/>
        <v>640.95839999999987</v>
      </c>
    </row>
    <row r="38502" spans="1:3" x14ac:dyDescent="0.25">
      <c r="A38502" s="2" t="s">
        <v>23739</v>
      </c>
      <c r="B38502" s="6">
        <v>640975.04999999993</v>
      </c>
      <c r="C38502" s="7">
        <f t="shared" si="601"/>
        <v>640.9750499999999</v>
      </c>
    </row>
    <row r="38503" spans="1:3" x14ac:dyDescent="0.25">
      <c r="A38503" s="2" t="s">
        <v>23740</v>
      </c>
      <c r="B38503" s="6">
        <v>640991.69999999995</v>
      </c>
      <c r="C38503" s="7">
        <f t="shared" si="601"/>
        <v>640.99169999999992</v>
      </c>
    </row>
    <row r="38504" spans="1:3" x14ac:dyDescent="0.25">
      <c r="A38504" s="2" t="s">
        <v>23741</v>
      </c>
      <c r="B38504" s="6">
        <v>641008.35</v>
      </c>
      <c r="C38504" s="7">
        <f t="shared" si="601"/>
        <v>641.00834999999995</v>
      </c>
    </row>
    <row r="38505" spans="1:3" x14ac:dyDescent="0.25">
      <c r="A38505" s="2" t="s">
        <v>23742</v>
      </c>
      <c r="B38505" s="6">
        <v>641025</v>
      </c>
      <c r="C38505" s="7">
        <f t="shared" si="601"/>
        <v>641.02499999999998</v>
      </c>
    </row>
    <row r="38506" spans="1:3" x14ac:dyDescent="0.25">
      <c r="A38506" s="2" t="s">
        <v>23743</v>
      </c>
      <c r="B38506" s="6">
        <v>641041.64999999991</v>
      </c>
      <c r="C38506" s="7">
        <f t="shared" si="601"/>
        <v>641.04164999999989</v>
      </c>
    </row>
    <row r="38507" spans="1:3" x14ac:dyDescent="0.25">
      <c r="A38507" s="2" t="s">
        <v>23744</v>
      </c>
      <c r="B38507" s="6">
        <v>641058.29999999993</v>
      </c>
      <c r="C38507" s="7">
        <f t="shared" si="601"/>
        <v>641.05829999999992</v>
      </c>
    </row>
    <row r="38508" spans="1:3" x14ac:dyDescent="0.25">
      <c r="A38508" s="2" t="s">
        <v>23745</v>
      </c>
      <c r="B38508" s="6">
        <v>641074.94999999995</v>
      </c>
      <c r="C38508" s="7">
        <f t="shared" si="601"/>
        <v>641.07494999999994</v>
      </c>
    </row>
    <row r="38509" spans="1:3" x14ac:dyDescent="0.25">
      <c r="A38509" s="2" t="s">
        <v>23746</v>
      </c>
      <c r="B38509" s="6">
        <v>641091.6</v>
      </c>
      <c r="C38509" s="7">
        <f t="shared" si="601"/>
        <v>641.09159999999997</v>
      </c>
    </row>
    <row r="38510" spans="1:3" x14ac:dyDescent="0.25">
      <c r="A38510" s="2" t="s">
        <v>23747</v>
      </c>
      <c r="B38510" s="6">
        <v>641108.25</v>
      </c>
      <c r="C38510" s="7">
        <f t="shared" si="601"/>
        <v>641.10825</v>
      </c>
    </row>
    <row r="38511" spans="1:3" x14ac:dyDescent="0.25">
      <c r="A38511" s="2" t="s">
        <v>23748</v>
      </c>
      <c r="B38511" s="6">
        <v>641124.89999999991</v>
      </c>
      <c r="C38511" s="7">
        <f t="shared" si="601"/>
        <v>641.12489999999991</v>
      </c>
    </row>
    <row r="38512" spans="1:3" x14ac:dyDescent="0.25">
      <c r="A38512" s="2" t="s">
        <v>23749</v>
      </c>
      <c r="B38512" s="6">
        <v>641141.54999999993</v>
      </c>
      <c r="C38512" s="7">
        <f t="shared" si="601"/>
        <v>641.14154999999994</v>
      </c>
    </row>
    <row r="38513" spans="1:3" x14ac:dyDescent="0.25">
      <c r="A38513" s="2" t="s">
        <v>23750</v>
      </c>
      <c r="B38513" s="6">
        <v>641158.19999999995</v>
      </c>
      <c r="C38513" s="7">
        <f t="shared" si="601"/>
        <v>641.15819999999997</v>
      </c>
    </row>
    <row r="38514" spans="1:3" x14ac:dyDescent="0.25">
      <c r="A38514" s="2" t="s">
        <v>23751</v>
      </c>
      <c r="B38514" s="6">
        <v>641174.85</v>
      </c>
      <c r="C38514" s="7">
        <f t="shared" si="601"/>
        <v>641.17484999999999</v>
      </c>
    </row>
    <row r="38515" spans="1:3" x14ac:dyDescent="0.25">
      <c r="A38515" s="2" t="s">
        <v>23752</v>
      </c>
      <c r="B38515" s="6">
        <v>641191.5</v>
      </c>
      <c r="C38515" s="7">
        <f t="shared" si="601"/>
        <v>641.19150000000002</v>
      </c>
    </row>
    <row r="38516" spans="1:3" x14ac:dyDescent="0.25">
      <c r="A38516" s="2" t="s">
        <v>23753</v>
      </c>
      <c r="B38516" s="6">
        <v>641208.14999999991</v>
      </c>
      <c r="C38516" s="7">
        <f t="shared" si="601"/>
        <v>641.20814999999993</v>
      </c>
    </row>
    <row r="38517" spans="1:3" x14ac:dyDescent="0.25">
      <c r="A38517" s="2" t="s">
        <v>23754</v>
      </c>
      <c r="B38517" s="6">
        <v>641224.79999999993</v>
      </c>
      <c r="C38517" s="7">
        <f t="shared" si="601"/>
        <v>641.22479999999996</v>
      </c>
    </row>
    <row r="38518" spans="1:3" x14ac:dyDescent="0.25">
      <c r="A38518" s="2" t="s">
        <v>23755</v>
      </c>
      <c r="B38518" s="6">
        <v>641241.44999999995</v>
      </c>
      <c r="C38518" s="7">
        <f t="shared" si="601"/>
        <v>641.24144999999999</v>
      </c>
    </row>
    <row r="38519" spans="1:3" x14ac:dyDescent="0.25">
      <c r="A38519" s="2" t="s">
        <v>23756</v>
      </c>
      <c r="B38519" s="6">
        <v>641258.1</v>
      </c>
      <c r="C38519" s="7">
        <f t="shared" si="601"/>
        <v>641.25810000000001</v>
      </c>
    </row>
    <row r="38520" spans="1:3" x14ac:dyDescent="0.25">
      <c r="A38520" s="2" t="s">
        <v>23757</v>
      </c>
      <c r="B38520" s="6">
        <v>641274.75</v>
      </c>
      <c r="C38520" s="7">
        <f t="shared" si="601"/>
        <v>641.27475000000004</v>
      </c>
    </row>
    <row r="38521" spans="1:3" x14ac:dyDescent="0.25">
      <c r="A38521" s="2" t="s">
        <v>23758</v>
      </c>
      <c r="B38521" s="6">
        <v>641291.39999999991</v>
      </c>
      <c r="C38521" s="7">
        <f t="shared" si="601"/>
        <v>641.29139999999995</v>
      </c>
    </row>
    <row r="38522" spans="1:3" x14ac:dyDescent="0.25">
      <c r="A38522" s="2" t="s">
        <v>23759</v>
      </c>
      <c r="B38522" s="6">
        <v>641308.04999999993</v>
      </c>
      <c r="C38522" s="7">
        <f t="shared" si="601"/>
        <v>641.30804999999998</v>
      </c>
    </row>
    <row r="38523" spans="1:3" x14ac:dyDescent="0.25">
      <c r="A38523" s="2" t="s">
        <v>23760</v>
      </c>
      <c r="B38523" s="6">
        <v>641324.69999999995</v>
      </c>
      <c r="C38523" s="7">
        <f t="shared" si="601"/>
        <v>641.32470000000001</v>
      </c>
    </row>
    <row r="38524" spans="1:3" x14ac:dyDescent="0.25">
      <c r="A38524" s="2" t="s">
        <v>23761</v>
      </c>
      <c r="B38524" s="6">
        <v>641341.35</v>
      </c>
      <c r="C38524" s="7">
        <f t="shared" si="601"/>
        <v>641.34134999999992</v>
      </c>
    </row>
    <row r="38525" spans="1:3" x14ac:dyDescent="0.25">
      <c r="A38525" s="2" t="s">
        <v>23762</v>
      </c>
      <c r="B38525" s="6">
        <v>641358</v>
      </c>
      <c r="C38525" s="7">
        <f t="shared" si="601"/>
        <v>641.35799999999995</v>
      </c>
    </row>
    <row r="38526" spans="1:3" x14ac:dyDescent="0.25">
      <c r="A38526" s="2" t="s">
        <v>23763</v>
      </c>
      <c r="B38526" s="6">
        <v>641374.64999999991</v>
      </c>
      <c r="C38526" s="7">
        <f t="shared" si="601"/>
        <v>641.37464999999986</v>
      </c>
    </row>
    <row r="38527" spans="1:3" x14ac:dyDescent="0.25">
      <c r="A38527" s="2" t="s">
        <v>23764</v>
      </c>
      <c r="B38527" s="6">
        <v>641391.29999999993</v>
      </c>
      <c r="C38527" s="7">
        <f t="shared" si="601"/>
        <v>641.39129999999989</v>
      </c>
    </row>
    <row r="38528" spans="1:3" x14ac:dyDescent="0.25">
      <c r="A38528" s="2" t="s">
        <v>23765</v>
      </c>
      <c r="B38528" s="6">
        <v>641407.94999999995</v>
      </c>
      <c r="C38528" s="7">
        <f t="shared" si="601"/>
        <v>641.40794999999991</v>
      </c>
    </row>
    <row r="38529" spans="1:3" x14ac:dyDescent="0.25">
      <c r="A38529" s="2" t="s">
        <v>23766</v>
      </c>
      <c r="B38529" s="6">
        <v>641424.6</v>
      </c>
      <c r="C38529" s="7">
        <f t="shared" si="601"/>
        <v>641.42459999999994</v>
      </c>
    </row>
    <row r="38530" spans="1:3" x14ac:dyDescent="0.25">
      <c r="A38530" s="2" t="s">
        <v>23767</v>
      </c>
      <c r="B38530" s="6">
        <v>641441.25</v>
      </c>
      <c r="C38530" s="7">
        <f t="shared" si="601"/>
        <v>641.44124999999997</v>
      </c>
    </row>
    <row r="38531" spans="1:3" x14ac:dyDescent="0.25">
      <c r="A38531" s="2" t="s">
        <v>23768</v>
      </c>
      <c r="B38531" s="6">
        <v>641457.89999999991</v>
      </c>
      <c r="C38531" s="7">
        <f t="shared" ref="C38531:C38594" si="602">B38531/1000</f>
        <v>641.45789999999988</v>
      </c>
    </row>
    <row r="38532" spans="1:3" x14ac:dyDescent="0.25">
      <c r="A38532" s="2" t="s">
        <v>23769</v>
      </c>
      <c r="B38532" s="6">
        <v>641474.54999999993</v>
      </c>
      <c r="C38532" s="7">
        <f t="shared" si="602"/>
        <v>641.47454999999991</v>
      </c>
    </row>
    <row r="38533" spans="1:3" x14ac:dyDescent="0.25">
      <c r="A38533" s="2" t="s">
        <v>23770</v>
      </c>
      <c r="B38533" s="6">
        <v>641491.19999999995</v>
      </c>
      <c r="C38533" s="7">
        <f t="shared" si="602"/>
        <v>641.49119999999994</v>
      </c>
    </row>
    <row r="38534" spans="1:3" x14ac:dyDescent="0.25">
      <c r="A38534" s="2" t="s">
        <v>23771</v>
      </c>
      <c r="B38534" s="6">
        <v>641507.85</v>
      </c>
      <c r="C38534" s="7">
        <f t="shared" si="602"/>
        <v>641.50784999999996</v>
      </c>
    </row>
    <row r="38535" spans="1:3" x14ac:dyDescent="0.25">
      <c r="A38535" s="2" t="s">
        <v>23772</v>
      </c>
      <c r="B38535" s="6">
        <v>641524.5</v>
      </c>
      <c r="C38535" s="7">
        <f t="shared" si="602"/>
        <v>641.52449999999999</v>
      </c>
    </row>
    <row r="38536" spans="1:3" x14ac:dyDescent="0.25">
      <c r="A38536" s="2" t="s">
        <v>23773</v>
      </c>
      <c r="B38536" s="6">
        <v>641541.14999999991</v>
      </c>
      <c r="C38536" s="7">
        <f t="shared" si="602"/>
        <v>641.5411499999999</v>
      </c>
    </row>
    <row r="38537" spans="1:3" x14ac:dyDescent="0.25">
      <c r="A38537" s="2" t="s">
        <v>23774</v>
      </c>
      <c r="B38537" s="6">
        <v>641557.79999999993</v>
      </c>
      <c r="C38537" s="7">
        <f t="shared" si="602"/>
        <v>641.55779999999993</v>
      </c>
    </row>
    <row r="38538" spans="1:3" x14ac:dyDescent="0.25">
      <c r="A38538" s="2" t="s">
        <v>23775</v>
      </c>
      <c r="B38538" s="6">
        <v>641574.44999999995</v>
      </c>
      <c r="C38538" s="7">
        <f t="shared" si="602"/>
        <v>641.57444999999996</v>
      </c>
    </row>
    <row r="38539" spans="1:3" x14ac:dyDescent="0.25">
      <c r="A38539" s="2" t="s">
        <v>23776</v>
      </c>
      <c r="B38539" s="6">
        <v>641591.1</v>
      </c>
      <c r="C38539" s="7">
        <f t="shared" si="602"/>
        <v>641.59109999999998</v>
      </c>
    </row>
    <row r="38540" spans="1:3" x14ac:dyDescent="0.25">
      <c r="A38540" s="2" t="s">
        <v>23777</v>
      </c>
      <c r="B38540" s="6">
        <v>641607.75</v>
      </c>
      <c r="C38540" s="7">
        <f t="shared" si="602"/>
        <v>641.60775000000001</v>
      </c>
    </row>
    <row r="38541" spans="1:3" x14ac:dyDescent="0.25">
      <c r="A38541" s="2" t="s">
        <v>23778</v>
      </c>
      <c r="B38541" s="6">
        <v>641624.39999999991</v>
      </c>
      <c r="C38541" s="7">
        <f t="shared" si="602"/>
        <v>641.62439999999992</v>
      </c>
    </row>
    <row r="38542" spans="1:3" x14ac:dyDescent="0.25">
      <c r="A38542" s="2" t="s">
        <v>23779</v>
      </c>
      <c r="B38542" s="6">
        <v>641641.04999999993</v>
      </c>
      <c r="C38542" s="7">
        <f t="shared" si="602"/>
        <v>641.64104999999995</v>
      </c>
    </row>
    <row r="38543" spans="1:3" x14ac:dyDescent="0.25">
      <c r="A38543" s="2" t="s">
        <v>23780</v>
      </c>
      <c r="B38543" s="6">
        <v>641657.69999999995</v>
      </c>
      <c r="C38543" s="7">
        <f t="shared" si="602"/>
        <v>641.65769999999998</v>
      </c>
    </row>
    <row r="38544" spans="1:3" x14ac:dyDescent="0.25">
      <c r="A38544" s="2" t="s">
        <v>23781</v>
      </c>
      <c r="B38544" s="6">
        <v>641674.35</v>
      </c>
      <c r="C38544" s="7">
        <f t="shared" si="602"/>
        <v>641.67435</v>
      </c>
    </row>
    <row r="38545" spans="1:3" x14ac:dyDescent="0.25">
      <c r="A38545" s="2" t="s">
        <v>23782</v>
      </c>
      <c r="B38545" s="6">
        <v>641691</v>
      </c>
      <c r="C38545" s="7">
        <f t="shared" si="602"/>
        <v>641.69100000000003</v>
      </c>
    </row>
    <row r="38546" spans="1:3" x14ac:dyDescent="0.25">
      <c r="A38546" s="2" t="s">
        <v>23783</v>
      </c>
      <c r="B38546" s="6">
        <v>641707.64999999991</v>
      </c>
      <c r="C38546" s="7">
        <f t="shared" si="602"/>
        <v>641.70764999999994</v>
      </c>
    </row>
    <row r="38547" spans="1:3" x14ac:dyDescent="0.25">
      <c r="A38547" s="2" t="s">
        <v>23784</v>
      </c>
      <c r="B38547" s="6">
        <v>641724.29999999993</v>
      </c>
      <c r="C38547" s="7">
        <f t="shared" si="602"/>
        <v>641.72429999999997</v>
      </c>
    </row>
    <row r="38548" spans="1:3" x14ac:dyDescent="0.25">
      <c r="A38548" s="2" t="s">
        <v>23785</v>
      </c>
      <c r="B38548" s="6">
        <v>641740.94999999995</v>
      </c>
      <c r="C38548" s="7">
        <f t="shared" si="602"/>
        <v>641.74095</v>
      </c>
    </row>
    <row r="38549" spans="1:3" x14ac:dyDescent="0.25">
      <c r="A38549" s="2" t="s">
        <v>23786</v>
      </c>
      <c r="B38549" s="6">
        <v>641757.6</v>
      </c>
      <c r="C38549" s="7">
        <f t="shared" si="602"/>
        <v>641.75760000000002</v>
      </c>
    </row>
    <row r="38550" spans="1:3" x14ac:dyDescent="0.25">
      <c r="A38550" s="2" t="s">
        <v>23787</v>
      </c>
      <c r="B38550" s="6">
        <v>641774.25</v>
      </c>
      <c r="C38550" s="7">
        <f t="shared" si="602"/>
        <v>641.77425000000005</v>
      </c>
    </row>
    <row r="38551" spans="1:3" x14ac:dyDescent="0.25">
      <c r="A38551" s="2" t="s">
        <v>23788</v>
      </c>
      <c r="B38551" s="6">
        <v>641790.89999999991</v>
      </c>
      <c r="C38551" s="7">
        <f t="shared" si="602"/>
        <v>641.79089999999985</v>
      </c>
    </row>
    <row r="38552" spans="1:3" x14ac:dyDescent="0.25">
      <c r="A38552" s="2" t="s">
        <v>23789</v>
      </c>
      <c r="B38552" s="6">
        <v>641807.54999999993</v>
      </c>
      <c r="C38552" s="7">
        <f t="shared" si="602"/>
        <v>641.80754999999988</v>
      </c>
    </row>
    <row r="38553" spans="1:3" x14ac:dyDescent="0.25">
      <c r="A38553" s="2" t="s">
        <v>23790</v>
      </c>
      <c r="B38553" s="6">
        <v>641824.19999999995</v>
      </c>
      <c r="C38553" s="7">
        <f t="shared" si="602"/>
        <v>641.82419999999991</v>
      </c>
    </row>
    <row r="38554" spans="1:3" x14ac:dyDescent="0.25">
      <c r="A38554" s="2" t="s">
        <v>23791</v>
      </c>
      <c r="B38554" s="6">
        <v>641840.85</v>
      </c>
      <c r="C38554" s="7">
        <f t="shared" si="602"/>
        <v>641.84084999999993</v>
      </c>
    </row>
    <row r="38555" spans="1:3" x14ac:dyDescent="0.25">
      <c r="A38555" s="2" t="s">
        <v>23792</v>
      </c>
      <c r="B38555" s="6">
        <v>641857.5</v>
      </c>
      <c r="C38555" s="7">
        <f t="shared" si="602"/>
        <v>641.85749999999996</v>
      </c>
    </row>
    <row r="38556" spans="1:3" x14ac:dyDescent="0.25">
      <c r="A38556" s="2" t="s">
        <v>23793</v>
      </c>
      <c r="B38556" s="6">
        <v>641874.14999999991</v>
      </c>
      <c r="C38556" s="7">
        <f t="shared" si="602"/>
        <v>641.87414999999987</v>
      </c>
    </row>
    <row r="38557" spans="1:3" x14ac:dyDescent="0.25">
      <c r="A38557" s="2" t="s">
        <v>23794</v>
      </c>
      <c r="B38557" s="6">
        <v>641890.79999999993</v>
      </c>
      <c r="C38557" s="7">
        <f t="shared" si="602"/>
        <v>641.8907999999999</v>
      </c>
    </row>
    <row r="38558" spans="1:3" x14ac:dyDescent="0.25">
      <c r="A38558" s="2" t="s">
        <v>23795</v>
      </c>
      <c r="B38558" s="6">
        <v>641907.44999999995</v>
      </c>
      <c r="C38558" s="7">
        <f t="shared" si="602"/>
        <v>641.90744999999993</v>
      </c>
    </row>
    <row r="38559" spans="1:3" x14ac:dyDescent="0.25">
      <c r="A38559" s="2" t="s">
        <v>23796</v>
      </c>
      <c r="B38559" s="6">
        <v>641924.1</v>
      </c>
      <c r="C38559" s="7">
        <f t="shared" si="602"/>
        <v>641.92409999999995</v>
      </c>
    </row>
    <row r="38560" spans="1:3" x14ac:dyDescent="0.25">
      <c r="A38560" s="2" t="s">
        <v>23797</v>
      </c>
      <c r="B38560" s="6">
        <v>641940.75</v>
      </c>
      <c r="C38560" s="7">
        <f t="shared" si="602"/>
        <v>641.94074999999998</v>
      </c>
    </row>
    <row r="38561" spans="1:3" x14ac:dyDescent="0.25">
      <c r="A38561" s="2" t="s">
        <v>23798</v>
      </c>
      <c r="B38561" s="6">
        <v>641957.39999999991</v>
      </c>
      <c r="C38561" s="7">
        <f t="shared" si="602"/>
        <v>641.95739999999989</v>
      </c>
    </row>
    <row r="38562" spans="1:3" x14ac:dyDescent="0.25">
      <c r="A38562" s="2" t="s">
        <v>23799</v>
      </c>
      <c r="B38562" s="6">
        <v>641974.04999999993</v>
      </c>
      <c r="C38562" s="7">
        <f t="shared" si="602"/>
        <v>641.97404999999992</v>
      </c>
    </row>
    <row r="38563" spans="1:3" x14ac:dyDescent="0.25">
      <c r="A38563" s="2" t="s">
        <v>23800</v>
      </c>
      <c r="B38563" s="6">
        <v>641990.69999999995</v>
      </c>
      <c r="C38563" s="7">
        <f t="shared" si="602"/>
        <v>641.99069999999995</v>
      </c>
    </row>
    <row r="38564" spans="1:3" x14ac:dyDescent="0.25">
      <c r="A38564" s="2" t="s">
        <v>23801</v>
      </c>
      <c r="B38564" s="6">
        <v>642007.35</v>
      </c>
      <c r="C38564" s="7">
        <f t="shared" si="602"/>
        <v>642.00734999999997</v>
      </c>
    </row>
    <row r="38565" spans="1:3" x14ac:dyDescent="0.25">
      <c r="A38565" s="2" t="s">
        <v>23802</v>
      </c>
      <c r="B38565" s="6">
        <v>642024</v>
      </c>
      <c r="C38565" s="7">
        <f t="shared" si="602"/>
        <v>642.024</v>
      </c>
    </row>
    <row r="38566" spans="1:3" x14ac:dyDescent="0.25">
      <c r="A38566" s="2" t="s">
        <v>23803</v>
      </c>
      <c r="B38566" s="6">
        <v>642040.64999999991</v>
      </c>
      <c r="C38566" s="7">
        <f t="shared" si="602"/>
        <v>642.04064999999991</v>
      </c>
    </row>
    <row r="38567" spans="1:3" x14ac:dyDescent="0.25">
      <c r="A38567" s="2" t="s">
        <v>23804</v>
      </c>
      <c r="B38567" s="6">
        <v>642057.29999999993</v>
      </c>
      <c r="C38567" s="7">
        <f t="shared" si="602"/>
        <v>642.05729999999994</v>
      </c>
    </row>
    <row r="38568" spans="1:3" x14ac:dyDescent="0.25">
      <c r="A38568" s="2" t="s">
        <v>23805</v>
      </c>
      <c r="B38568" s="6">
        <v>642073.94999999995</v>
      </c>
      <c r="C38568" s="7">
        <f t="shared" si="602"/>
        <v>642.07394999999997</v>
      </c>
    </row>
    <row r="38569" spans="1:3" x14ac:dyDescent="0.25">
      <c r="A38569" s="2" t="s">
        <v>23806</v>
      </c>
      <c r="B38569" s="6">
        <v>642090.6</v>
      </c>
      <c r="C38569" s="7">
        <f t="shared" si="602"/>
        <v>642.09059999999999</v>
      </c>
    </row>
    <row r="38570" spans="1:3" x14ac:dyDescent="0.25">
      <c r="A38570" s="2" t="s">
        <v>23807</v>
      </c>
      <c r="B38570" s="6">
        <v>642107.25</v>
      </c>
      <c r="C38570" s="7">
        <f t="shared" si="602"/>
        <v>642.10725000000002</v>
      </c>
    </row>
    <row r="38571" spans="1:3" x14ac:dyDescent="0.25">
      <c r="A38571" s="2" t="s">
        <v>23808</v>
      </c>
      <c r="B38571" s="6">
        <v>642123.89999999991</v>
      </c>
      <c r="C38571" s="7">
        <f t="shared" si="602"/>
        <v>642.12389999999994</v>
      </c>
    </row>
    <row r="38572" spans="1:3" x14ac:dyDescent="0.25">
      <c r="A38572" s="2" t="s">
        <v>23809</v>
      </c>
      <c r="B38572" s="6">
        <v>642140.54999999993</v>
      </c>
      <c r="C38572" s="7">
        <f t="shared" si="602"/>
        <v>642.14054999999996</v>
      </c>
    </row>
    <row r="38573" spans="1:3" x14ac:dyDescent="0.25">
      <c r="A38573" s="2" t="s">
        <v>23810</v>
      </c>
      <c r="B38573" s="6">
        <v>642157.19999999995</v>
      </c>
      <c r="C38573" s="7">
        <f t="shared" si="602"/>
        <v>642.15719999999999</v>
      </c>
    </row>
    <row r="38574" spans="1:3" x14ac:dyDescent="0.25">
      <c r="A38574" s="2" t="s">
        <v>23811</v>
      </c>
      <c r="B38574" s="6">
        <v>642173.85</v>
      </c>
      <c r="C38574" s="7">
        <f t="shared" si="602"/>
        <v>642.17385000000002</v>
      </c>
    </row>
    <row r="38575" spans="1:3" x14ac:dyDescent="0.25">
      <c r="A38575" s="2" t="s">
        <v>23812</v>
      </c>
      <c r="B38575" s="6">
        <v>642190.5</v>
      </c>
      <c r="C38575" s="7">
        <f t="shared" si="602"/>
        <v>642.19050000000004</v>
      </c>
    </row>
    <row r="38576" spans="1:3" x14ac:dyDescent="0.25">
      <c r="A38576" s="2" t="s">
        <v>23813</v>
      </c>
      <c r="B38576" s="6">
        <v>642207.14999999991</v>
      </c>
      <c r="C38576" s="7">
        <f t="shared" si="602"/>
        <v>642.20714999999996</v>
      </c>
    </row>
    <row r="38577" spans="1:3" x14ac:dyDescent="0.25">
      <c r="A38577" s="2" t="s">
        <v>23814</v>
      </c>
      <c r="B38577" s="6">
        <v>642223.79999999993</v>
      </c>
      <c r="C38577" s="7">
        <f t="shared" si="602"/>
        <v>642.22379999999998</v>
      </c>
    </row>
    <row r="38578" spans="1:3" x14ac:dyDescent="0.25">
      <c r="A38578" s="2" t="s">
        <v>23815</v>
      </c>
      <c r="B38578" s="6">
        <v>642240.44999999995</v>
      </c>
      <c r="C38578" s="7">
        <f t="shared" si="602"/>
        <v>642.24045000000001</v>
      </c>
    </row>
    <row r="38579" spans="1:3" x14ac:dyDescent="0.25">
      <c r="A38579" s="2" t="s">
        <v>23816</v>
      </c>
      <c r="B38579" s="6">
        <v>642257.1</v>
      </c>
      <c r="C38579" s="7">
        <f t="shared" si="602"/>
        <v>642.25709999999992</v>
      </c>
    </row>
    <row r="38580" spans="1:3" x14ac:dyDescent="0.25">
      <c r="A38580" s="2" t="s">
        <v>23817</v>
      </c>
      <c r="B38580" s="6">
        <v>642273.75</v>
      </c>
      <c r="C38580" s="7">
        <f t="shared" si="602"/>
        <v>642.27374999999995</v>
      </c>
    </row>
    <row r="38581" spans="1:3" x14ac:dyDescent="0.25">
      <c r="A38581" s="2" t="s">
        <v>23818</v>
      </c>
      <c r="B38581" s="6">
        <v>642290.39999999991</v>
      </c>
      <c r="C38581" s="7">
        <f t="shared" si="602"/>
        <v>642.29039999999986</v>
      </c>
    </row>
    <row r="38582" spans="1:3" x14ac:dyDescent="0.25">
      <c r="A38582" s="2" t="s">
        <v>23819</v>
      </c>
      <c r="B38582" s="6">
        <v>642307.04999999993</v>
      </c>
      <c r="C38582" s="7">
        <f t="shared" si="602"/>
        <v>642.30704999999989</v>
      </c>
    </row>
    <row r="38583" spans="1:3" x14ac:dyDescent="0.25">
      <c r="A38583" s="2" t="s">
        <v>23820</v>
      </c>
      <c r="B38583" s="6">
        <v>642323.69999999995</v>
      </c>
      <c r="C38583" s="7">
        <f t="shared" si="602"/>
        <v>642.32369999999992</v>
      </c>
    </row>
    <row r="38584" spans="1:3" x14ac:dyDescent="0.25">
      <c r="A38584" s="2" t="s">
        <v>23821</v>
      </c>
      <c r="B38584" s="6">
        <v>642340.35</v>
      </c>
      <c r="C38584" s="7">
        <f t="shared" si="602"/>
        <v>642.34034999999994</v>
      </c>
    </row>
    <row r="38585" spans="1:3" x14ac:dyDescent="0.25">
      <c r="A38585" s="2" t="s">
        <v>23822</v>
      </c>
      <c r="B38585" s="6">
        <v>642357</v>
      </c>
      <c r="C38585" s="7">
        <f t="shared" si="602"/>
        <v>642.35699999999997</v>
      </c>
    </row>
    <row r="38586" spans="1:3" x14ac:dyDescent="0.25">
      <c r="A38586" s="2" t="s">
        <v>23823</v>
      </c>
      <c r="B38586" s="6">
        <v>642373.64999999991</v>
      </c>
      <c r="C38586" s="7">
        <f t="shared" si="602"/>
        <v>642.37364999999988</v>
      </c>
    </row>
    <row r="38587" spans="1:3" x14ac:dyDescent="0.25">
      <c r="A38587" s="2" t="s">
        <v>23824</v>
      </c>
      <c r="B38587" s="6">
        <v>642390.29999999993</v>
      </c>
      <c r="C38587" s="7">
        <f t="shared" si="602"/>
        <v>642.39029999999991</v>
      </c>
    </row>
    <row r="38588" spans="1:3" x14ac:dyDescent="0.25">
      <c r="A38588" s="2" t="s">
        <v>23825</v>
      </c>
      <c r="B38588" s="6">
        <v>642406.94999999995</v>
      </c>
      <c r="C38588" s="7">
        <f t="shared" si="602"/>
        <v>642.40694999999994</v>
      </c>
    </row>
    <row r="38589" spans="1:3" x14ac:dyDescent="0.25">
      <c r="A38589" s="2" t="s">
        <v>23826</v>
      </c>
      <c r="B38589" s="6">
        <v>642423.6</v>
      </c>
      <c r="C38589" s="7">
        <f t="shared" si="602"/>
        <v>642.42359999999996</v>
      </c>
    </row>
    <row r="38590" spans="1:3" x14ac:dyDescent="0.25">
      <c r="A38590" s="2" t="s">
        <v>23827</v>
      </c>
      <c r="B38590" s="6">
        <v>642440.25</v>
      </c>
      <c r="C38590" s="7">
        <f t="shared" si="602"/>
        <v>642.44024999999999</v>
      </c>
    </row>
    <row r="38591" spans="1:3" x14ac:dyDescent="0.25">
      <c r="A38591" s="2" t="s">
        <v>23828</v>
      </c>
      <c r="B38591" s="6">
        <v>642456.89999999991</v>
      </c>
      <c r="C38591" s="7">
        <f t="shared" si="602"/>
        <v>642.45689999999991</v>
      </c>
    </row>
    <row r="38592" spans="1:3" x14ac:dyDescent="0.25">
      <c r="A38592" s="2" t="s">
        <v>23829</v>
      </c>
      <c r="B38592" s="6">
        <v>642473.54999999993</v>
      </c>
      <c r="C38592" s="7">
        <f t="shared" si="602"/>
        <v>642.47354999999993</v>
      </c>
    </row>
    <row r="38593" spans="1:3" x14ac:dyDescent="0.25">
      <c r="A38593" s="2" t="s">
        <v>23830</v>
      </c>
      <c r="B38593" s="6">
        <v>642490.19999999995</v>
      </c>
      <c r="C38593" s="7">
        <f t="shared" si="602"/>
        <v>642.49019999999996</v>
      </c>
    </row>
    <row r="38594" spans="1:3" x14ac:dyDescent="0.25">
      <c r="A38594" s="2" t="s">
        <v>23831</v>
      </c>
      <c r="B38594" s="6">
        <v>642506.85</v>
      </c>
      <c r="C38594" s="7">
        <f t="shared" si="602"/>
        <v>642.50684999999999</v>
      </c>
    </row>
    <row r="38595" spans="1:3" x14ac:dyDescent="0.25">
      <c r="A38595" s="2" t="s">
        <v>23832</v>
      </c>
      <c r="B38595" s="6">
        <v>642523.5</v>
      </c>
      <c r="C38595" s="7">
        <f t="shared" ref="C38595:C38658" si="603">B38595/1000</f>
        <v>642.52350000000001</v>
      </c>
    </row>
    <row r="38596" spans="1:3" x14ac:dyDescent="0.25">
      <c r="A38596" s="2" t="s">
        <v>23833</v>
      </c>
      <c r="B38596" s="6">
        <v>642540.14999999991</v>
      </c>
      <c r="C38596" s="7">
        <f t="shared" si="603"/>
        <v>642.54014999999993</v>
      </c>
    </row>
    <row r="38597" spans="1:3" x14ac:dyDescent="0.25">
      <c r="A38597" s="2" t="s">
        <v>23834</v>
      </c>
      <c r="B38597" s="6">
        <v>642556.79999999993</v>
      </c>
      <c r="C38597" s="7">
        <f t="shared" si="603"/>
        <v>642.55679999999995</v>
      </c>
    </row>
    <row r="38598" spans="1:3" x14ac:dyDescent="0.25">
      <c r="A38598" s="2" t="s">
        <v>23835</v>
      </c>
      <c r="B38598" s="6">
        <v>642573.44999999995</v>
      </c>
      <c r="C38598" s="7">
        <f t="shared" si="603"/>
        <v>642.57344999999998</v>
      </c>
    </row>
    <row r="38599" spans="1:3" x14ac:dyDescent="0.25">
      <c r="A38599" s="2" t="s">
        <v>23836</v>
      </c>
      <c r="B38599" s="6">
        <v>642590.1</v>
      </c>
      <c r="C38599" s="7">
        <f t="shared" si="603"/>
        <v>642.59010000000001</v>
      </c>
    </row>
    <row r="38600" spans="1:3" x14ac:dyDescent="0.25">
      <c r="A38600" s="2" t="s">
        <v>23837</v>
      </c>
      <c r="B38600" s="6">
        <v>642606.75</v>
      </c>
      <c r="C38600" s="7">
        <f t="shared" si="603"/>
        <v>642.60675000000003</v>
      </c>
    </row>
    <row r="38601" spans="1:3" x14ac:dyDescent="0.25">
      <c r="A38601" s="2" t="s">
        <v>23838</v>
      </c>
      <c r="B38601" s="6">
        <v>642623.39999999991</v>
      </c>
      <c r="C38601" s="7">
        <f t="shared" si="603"/>
        <v>642.62339999999995</v>
      </c>
    </row>
    <row r="38602" spans="1:3" x14ac:dyDescent="0.25">
      <c r="A38602" s="2" t="s">
        <v>23839</v>
      </c>
      <c r="B38602" s="6">
        <v>642640.04999999993</v>
      </c>
      <c r="C38602" s="7">
        <f t="shared" si="603"/>
        <v>642.64004999999997</v>
      </c>
    </row>
    <row r="38603" spans="1:3" x14ac:dyDescent="0.25">
      <c r="A38603" s="2" t="s">
        <v>23840</v>
      </c>
      <c r="B38603" s="6">
        <v>642656.69999999995</v>
      </c>
      <c r="C38603" s="7">
        <f t="shared" si="603"/>
        <v>642.6567</v>
      </c>
    </row>
    <row r="38604" spans="1:3" x14ac:dyDescent="0.25">
      <c r="A38604" s="2" t="s">
        <v>23841</v>
      </c>
      <c r="B38604" s="6">
        <v>642673.35</v>
      </c>
      <c r="C38604" s="7">
        <f t="shared" si="603"/>
        <v>642.67335000000003</v>
      </c>
    </row>
    <row r="38605" spans="1:3" x14ac:dyDescent="0.25">
      <c r="A38605" s="2" t="s">
        <v>23842</v>
      </c>
      <c r="B38605" s="6">
        <v>642690</v>
      </c>
      <c r="C38605" s="7">
        <f t="shared" si="603"/>
        <v>642.69000000000005</v>
      </c>
    </row>
    <row r="38606" spans="1:3" x14ac:dyDescent="0.25">
      <c r="A38606" s="2" t="s">
        <v>23843</v>
      </c>
      <c r="B38606" s="6">
        <v>642706.64999999991</v>
      </c>
      <c r="C38606" s="7">
        <f t="shared" si="603"/>
        <v>642.70664999999985</v>
      </c>
    </row>
    <row r="38607" spans="1:3" x14ac:dyDescent="0.25">
      <c r="A38607" s="2" t="s">
        <v>23844</v>
      </c>
      <c r="B38607" s="6">
        <v>642723.29999999993</v>
      </c>
      <c r="C38607" s="7">
        <f t="shared" si="603"/>
        <v>642.72329999999988</v>
      </c>
    </row>
    <row r="38608" spans="1:3" x14ac:dyDescent="0.25">
      <c r="A38608" s="2" t="s">
        <v>23845</v>
      </c>
      <c r="B38608" s="6">
        <v>642739.94999999995</v>
      </c>
      <c r="C38608" s="7">
        <f t="shared" si="603"/>
        <v>642.73994999999991</v>
      </c>
    </row>
    <row r="38609" spans="1:3" x14ac:dyDescent="0.25">
      <c r="A38609" s="2" t="s">
        <v>23846</v>
      </c>
      <c r="B38609" s="6">
        <v>642756.6</v>
      </c>
      <c r="C38609" s="7">
        <f t="shared" si="603"/>
        <v>642.75659999999993</v>
      </c>
    </row>
    <row r="38610" spans="1:3" x14ac:dyDescent="0.25">
      <c r="A38610" s="2" t="s">
        <v>23847</v>
      </c>
      <c r="B38610" s="6">
        <v>642773.25</v>
      </c>
      <c r="C38610" s="7">
        <f t="shared" si="603"/>
        <v>642.77324999999996</v>
      </c>
    </row>
    <row r="38611" spans="1:3" x14ac:dyDescent="0.25">
      <c r="A38611" s="2" t="s">
        <v>23848</v>
      </c>
      <c r="B38611" s="6">
        <v>642789.89999999991</v>
      </c>
      <c r="C38611" s="7">
        <f t="shared" si="603"/>
        <v>642.78989999999988</v>
      </c>
    </row>
    <row r="38612" spans="1:3" x14ac:dyDescent="0.25">
      <c r="A38612" s="2" t="s">
        <v>23849</v>
      </c>
      <c r="B38612" s="6">
        <v>642806.54999999993</v>
      </c>
      <c r="C38612" s="7">
        <f t="shared" si="603"/>
        <v>642.8065499999999</v>
      </c>
    </row>
    <row r="38613" spans="1:3" x14ac:dyDescent="0.25">
      <c r="A38613" s="2" t="s">
        <v>23850</v>
      </c>
      <c r="B38613" s="6">
        <v>642823.19999999995</v>
      </c>
      <c r="C38613" s="7">
        <f t="shared" si="603"/>
        <v>642.82319999999993</v>
      </c>
    </row>
    <row r="38614" spans="1:3" x14ac:dyDescent="0.25">
      <c r="A38614" s="2" t="s">
        <v>23851</v>
      </c>
      <c r="B38614" s="6">
        <v>642839.85</v>
      </c>
      <c r="C38614" s="7">
        <f t="shared" si="603"/>
        <v>642.83984999999996</v>
      </c>
    </row>
    <row r="38615" spans="1:3" x14ac:dyDescent="0.25">
      <c r="A38615" s="2" t="s">
        <v>23852</v>
      </c>
      <c r="B38615" s="6">
        <v>642856.5</v>
      </c>
      <c r="C38615" s="7">
        <f t="shared" si="603"/>
        <v>642.85649999999998</v>
      </c>
    </row>
    <row r="38616" spans="1:3" x14ac:dyDescent="0.25">
      <c r="A38616" s="2" t="s">
        <v>23853</v>
      </c>
      <c r="B38616" s="6">
        <v>642873.14999999991</v>
      </c>
      <c r="C38616" s="7">
        <f t="shared" si="603"/>
        <v>642.8731499999999</v>
      </c>
    </row>
    <row r="38617" spans="1:3" x14ac:dyDescent="0.25">
      <c r="A38617" s="2" t="s">
        <v>23854</v>
      </c>
      <c r="B38617" s="6">
        <v>642889.79999999993</v>
      </c>
      <c r="C38617" s="7">
        <f t="shared" si="603"/>
        <v>642.88979999999992</v>
      </c>
    </row>
    <row r="38618" spans="1:3" x14ac:dyDescent="0.25">
      <c r="A38618" s="2" t="s">
        <v>23855</v>
      </c>
      <c r="B38618" s="6">
        <v>642906.44999999995</v>
      </c>
      <c r="C38618" s="7">
        <f t="shared" si="603"/>
        <v>642.90644999999995</v>
      </c>
    </row>
    <row r="38619" spans="1:3" x14ac:dyDescent="0.25">
      <c r="A38619" s="2" t="s">
        <v>23856</v>
      </c>
      <c r="B38619" s="6">
        <v>642923.1</v>
      </c>
      <c r="C38619" s="7">
        <f t="shared" si="603"/>
        <v>642.92309999999998</v>
      </c>
    </row>
    <row r="38620" spans="1:3" x14ac:dyDescent="0.25">
      <c r="A38620" s="2" t="s">
        <v>23857</v>
      </c>
      <c r="B38620" s="6">
        <v>642939.75</v>
      </c>
      <c r="C38620" s="7">
        <f t="shared" si="603"/>
        <v>642.93975</v>
      </c>
    </row>
    <row r="38621" spans="1:3" x14ac:dyDescent="0.25">
      <c r="A38621" s="2" t="s">
        <v>23858</v>
      </c>
      <c r="B38621" s="6">
        <v>642956.39999999991</v>
      </c>
      <c r="C38621" s="7">
        <f t="shared" si="603"/>
        <v>642.95639999999992</v>
      </c>
    </row>
    <row r="38622" spans="1:3" x14ac:dyDescent="0.25">
      <c r="A38622" s="2" t="s">
        <v>23859</v>
      </c>
      <c r="B38622" s="6">
        <v>642973.04999999993</v>
      </c>
      <c r="C38622" s="7">
        <f t="shared" si="603"/>
        <v>642.97304999999994</v>
      </c>
    </row>
    <row r="38623" spans="1:3" x14ac:dyDescent="0.25">
      <c r="A38623" s="2" t="s">
        <v>23860</v>
      </c>
      <c r="B38623" s="6">
        <v>642989.69999999995</v>
      </c>
      <c r="C38623" s="7">
        <f t="shared" si="603"/>
        <v>642.98969999999997</v>
      </c>
    </row>
    <row r="38624" spans="1:3" x14ac:dyDescent="0.25">
      <c r="A38624" s="2" t="s">
        <v>23861</v>
      </c>
      <c r="B38624" s="6">
        <v>643006.35</v>
      </c>
      <c r="C38624" s="7">
        <f t="shared" si="603"/>
        <v>643.00635</v>
      </c>
    </row>
    <row r="38625" spans="1:3" x14ac:dyDescent="0.25">
      <c r="A38625" s="2" t="s">
        <v>23862</v>
      </c>
      <c r="B38625" s="6">
        <v>643023</v>
      </c>
      <c r="C38625" s="7">
        <f t="shared" si="603"/>
        <v>643.02300000000002</v>
      </c>
    </row>
    <row r="38626" spans="1:3" x14ac:dyDescent="0.25">
      <c r="A38626" s="2" t="s">
        <v>23863</v>
      </c>
      <c r="B38626" s="6">
        <v>643039.64999999991</v>
      </c>
      <c r="C38626" s="7">
        <f t="shared" si="603"/>
        <v>643.03964999999994</v>
      </c>
    </row>
    <row r="38627" spans="1:3" x14ac:dyDescent="0.25">
      <c r="A38627" s="2" t="s">
        <v>23864</v>
      </c>
      <c r="B38627" s="6">
        <v>643056.29999999993</v>
      </c>
      <c r="C38627" s="7">
        <f t="shared" si="603"/>
        <v>643.05629999999996</v>
      </c>
    </row>
    <row r="38628" spans="1:3" x14ac:dyDescent="0.25">
      <c r="A38628" s="2" t="s">
        <v>23865</v>
      </c>
      <c r="B38628" s="6">
        <v>643072.94999999995</v>
      </c>
      <c r="C38628" s="7">
        <f t="shared" si="603"/>
        <v>643.07294999999999</v>
      </c>
    </row>
    <row r="38629" spans="1:3" x14ac:dyDescent="0.25">
      <c r="A38629" s="2" t="s">
        <v>23866</v>
      </c>
      <c r="B38629" s="6">
        <v>643089.6</v>
      </c>
      <c r="C38629" s="7">
        <f t="shared" si="603"/>
        <v>643.08960000000002</v>
      </c>
    </row>
    <row r="38630" spans="1:3" x14ac:dyDescent="0.25">
      <c r="A38630" s="2" t="s">
        <v>23867</v>
      </c>
      <c r="B38630" s="6">
        <v>643106.25</v>
      </c>
      <c r="C38630" s="7">
        <f t="shared" si="603"/>
        <v>643.10625000000005</v>
      </c>
    </row>
    <row r="38631" spans="1:3" x14ac:dyDescent="0.25">
      <c r="A38631" s="2" t="s">
        <v>23868</v>
      </c>
      <c r="B38631" s="6">
        <v>643122.89999999991</v>
      </c>
      <c r="C38631" s="7">
        <f t="shared" si="603"/>
        <v>643.12289999999996</v>
      </c>
    </row>
    <row r="38632" spans="1:3" x14ac:dyDescent="0.25">
      <c r="A38632" s="2" t="s">
        <v>23869</v>
      </c>
      <c r="B38632" s="6">
        <v>643139.54999999993</v>
      </c>
      <c r="C38632" s="7">
        <f t="shared" si="603"/>
        <v>643.13954999999999</v>
      </c>
    </row>
    <row r="38633" spans="1:3" x14ac:dyDescent="0.25">
      <c r="A38633" s="2" t="s">
        <v>23870</v>
      </c>
      <c r="B38633" s="6">
        <v>643156.19999999995</v>
      </c>
      <c r="C38633" s="7">
        <f t="shared" si="603"/>
        <v>643.1561999999999</v>
      </c>
    </row>
    <row r="38634" spans="1:3" x14ac:dyDescent="0.25">
      <c r="A38634" s="2" t="s">
        <v>23871</v>
      </c>
      <c r="B38634" s="6">
        <v>643172.85</v>
      </c>
      <c r="C38634" s="7">
        <f t="shared" si="603"/>
        <v>643.17284999999993</v>
      </c>
    </row>
    <row r="38635" spans="1:3" x14ac:dyDescent="0.25">
      <c r="A38635" s="2" t="s">
        <v>23872</v>
      </c>
      <c r="B38635" s="6">
        <v>643189.5</v>
      </c>
      <c r="C38635" s="7">
        <f t="shared" si="603"/>
        <v>643.18949999999995</v>
      </c>
    </row>
    <row r="38636" spans="1:3" x14ac:dyDescent="0.25">
      <c r="A38636" s="2" t="s">
        <v>23873</v>
      </c>
      <c r="B38636" s="6">
        <v>643206.14999999991</v>
      </c>
      <c r="C38636" s="7">
        <f t="shared" si="603"/>
        <v>643.20614999999987</v>
      </c>
    </row>
    <row r="38637" spans="1:3" x14ac:dyDescent="0.25">
      <c r="A38637" s="2" t="s">
        <v>23874</v>
      </c>
      <c r="B38637" s="6">
        <v>643222.79999999993</v>
      </c>
      <c r="C38637" s="7">
        <f t="shared" si="603"/>
        <v>643.22279999999989</v>
      </c>
    </row>
    <row r="38638" spans="1:3" x14ac:dyDescent="0.25">
      <c r="A38638" s="2" t="s">
        <v>23875</v>
      </c>
      <c r="B38638" s="6">
        <v>643239.44999999995</v>
      </c>
      <c r="C38638" s="7">
        <f t="shared" si="603"/>
        <v>643.23944999999992</v>
      </c>
    </row>
    <row r="38639" spans="1:3" x14ac:dyDescent="0.25">
      <c r="A38639" s="2" t="s">
        <v>23876</v>
      </c>
      <c r="B38639" s="6">
        <v>643256.1</v>
      </c>
      <c r="C38639" s="7">
        <f t="shared" si="603"/>
        <v>643.25609999999995</v>
      </c>
    </row>
    <row r="38640" spans="1:3" x14ac:dyDescent="0.25">
      <c r="A38640" s="2" t="s">
        <v>23877</v>
      </c>
      <c r="B38640" s="6">
        <v>643272.75</v>
      </c>
      <c r="C38640" s="7">
        <f t="shared" si="603"/>
        <v>643.27274999999997</v>
      </c>
    </row>
    <row r="38641" spans="1:3" x14ac:dyDescent="0.25">
      <c r="A38641" s="2" t="s">
        <v>23878</v>
      </c>
      <c r="B38641" s="6">
        <v>643289.39999999991</v>
      </c>
      <c r="C38641" s="7">
        <f t="shared" si="603"/>
        <v>643.28939999999989</v>
      </c>
    </row>
    <row r="38642" spans="1:3" x14ac:dyDescent="0.25">
      <c r="A38642" s="2" t="s">
        <v>23879</v>
      </c>
      <c r="B38642" s="6">
        <v>643306.04999999993</v>
      </c>
      <c r="C38642" s="7">
        <f t="shared" si="603"/>
        <v>643.30604999999991</v>
      </c>
    </row>
    <row r="38643" spans="1:3" x14ac:dyDescent="0.25">
      <c r="A38643" s="2" t="s">
        <v>23880</v>
      </c>
      <c r="B38643" s="6">
        <v>643322.69999999995</v>
      </c>
      <c r="C38643" s="7">
        <f t="shared" si="603"/>
        <v>643.32269999999994</v>
      </c>
    </row>
    <row r="38644" spans="1:3" x14ac:dyDescent="0.25">
      <c r="A38644" s="2" t="s">
        <v>23881</v>
      </c>
      <c r="B38644" s="6">
        <v>643339.35</v>
      </c>
      <c r="C38644" s="7">
        <f t="shared" si="603"/>
        <v>643.33934999999997</v>
      </c>
    </row>
    <row r="38645" spans="1:3" x14ac:dyDescent="0.25">
      <c r="A38645" s="2" t="s">
        <v>23882</v>
      </c>
      <c r="B38645" s="6">
        <v>643356</v>
      </c>
      <c r="C38645" s="7">
        <f t="shared" si="603"/>
        <v>643.35599999999999</v>
      </c>
    </row>
    <row r="38646" spans="1:3" x14ac:dyDescent="0.25">
      <c r="A38646" s="2" t="s">
        <v>23883</v>
      </c>
      <c r="B38646" s="6">
        <v>643372.64999999991</v>
      </c>
      <c r="C38646" s="7">
        <f t="shared" si="603"/>
        <v>643.37264999999991</v>
      </c>
    </row>
    <row r="38647" spans="1:3" x14ac:dyDescent="0.25">
      <c r="A38647" s="2" t="s">
        <v>23884</v>
      </c>
      <c r="B38647" s="6">
        <v>643389.29999999993</v>
      </c>
      <c r="C38647" s="7">
        <f t="shared" si="603"/>
        <v>643.38929999999993</v>
      </c>
    </row>
    <row r="38648" spans="1:3" x14ac:dyDescent="0.25">
      <c r="A38648" s="2" t="s">
        <v>23885</v>
      </c>
      <c r="B38648" s="6">
        <v>643405.94999999995</v>
      </c>
      <c r="C38648" s="7">
        <f t="shared" si="603"/>
        <v>643.40594999999996</v>
      </c>
    </row>
    <row r="38649" spans="1:3" x14ac:dyDescent="0.25">
      <c r="A38649" s="2" t="s">
        <v>23886</v>
      </c>
      <c r="B38649" s="6">
        <v>643422.6</v>
      </c>
      <c r="C38649" s="7">
        <f t="shared" si="603"/>
        <v>643.42259999999999</v>
      </c>
    </row>
    <row r="38650" spans="1:3" x14ac:dyDescent="0.25">
      <c r="A38650" s="2" t="s">
        <v>23887</v>
      </c>
      <c r="B38650" s="6">
        <v>643439.25</v>
      </c>
      <c r="C38650" s="7">
        <f t="shared" si="603"/>
        <v>643.43925000000002</v>
      </c>
    </row>
    <row r="38651" spans="1:3" x14ac:dyDescent="0.25">
      <c r="A38651" s="2" t="s">
        <v>23888</v>
      </c>
      <c r="B38651" s="6">
        <v>643455.89999999991</v>
      </c>
      <c r="C38651" s="7">
        <f t="shared" si="603"/>
        <v>643.45589999999993</v>
      </c>
    </row>
    <row r="38652" spans="1:3" x14ac:dyDescent="0.25">
      <c r="A38652" s="2" t="s">
        <v>23889</v>
      </c>
      <c r="B38652" s="6">
        <v>643472.54999999993</v>
      </c>
      <c r="C38652" s="7">
        <f t="shared" si="603"/>
        <v>643.47254999999996</v>
      </c>
    </row>
    <row r="38653" spans="1:3" x14ac:dyDescent="0.25">
      <c r="A38653" s="2" t="s">
        <v>23890</v>
      </c>
      <c r="B38653" s="6">
        <v>643489.19999999995</v>
      </c>
      <c r="C38653" s="7">
        <f t="shared" si="603"/>
        <v>643.48919999999998</v>
      </c>
    </row>
    <row r="38654" spans="1:3" x14ac:dyDescent="0.25">
      <c r="A38654" s="2" t="s">
        <v>23891</v>
      </c>
      <c r="B38654" s="6">
        <v>643505.85</v>
      </c>
      <c r="C38654" s="7">
        <f t="shared" si="603"/>
        <v>643.50585000000001</v>
      </c>
    </row>
    <row r="38655" spans="1:3" x14ac:dyDescent="0.25">
      <c r="A38655" s="2" t="s">
        <v>23892</v>
      </c>
      <c r="B38655" s="6">
        <v>643522.5</v>
      </c>
      <c r="C38655" s="7">
        <f t="shared" si="603"/>
        <v>643.52250000000004</v>
      </c>
    </row>
    <row r="38656" spans="1:3" x14ac:dyDescent="0.25">
      <c r="A38656" s="2" t="s">
        <v>23893</v>
      </c>
      <c r="B38656" s="6">
        <v>643539.14999999991</v>
      </c>
      <c r="C38656" s="7">
        <f t="shared" si="603"/>
        <v>643.53914999999995</v>
      </c>
    </row>
    <row r="38657" spans="1:3" x14ac:dyDescent="0.25">
      <c r="A38657" s="2" t="s">
        <v>23894</v>
      </c>
      <c r="B38657" s="6">
        <v>643555.79999999993</v>
      </c>
      <c r="C38657" s="7">
        <f t="shared" si="603"/>
        <v>643.55579999999998</v>
      </c>
    </row>
    <row r="38658" spans="1:3" x14ac:dyDescent="0.25">
      <c r="A38658" s="2" t="s">
        <v>23895</v>
      </c>
      <c r="B38658" s="6">
        <v>643572.44999999995</v>
      </c>
      <c r="C38658" s="7">
        <f t="shared" si="603"/>
        <v>643.57245</v>
      </c>
    </row>
    <row r="38659" spans="1:3" x14ac:dyDescent="0.25">
      <c r="A38659" s="2" t="s">
        <v>23896</v>
      </c>
      <c r="B38659" s="6">
        <v>643589.1</v>
      </c>
      <c r="C38659" s="7">
        <f t="shared" ref="C38659:C38722" si="604">B38659/1000</f>
        <v>643.58910000000003</v>
      </c>
    </row>
    <row r="38660" spans="1:3" x14ac:dyDescent="0.25">
      <c r="A38660" s="2" t="s">
        <v>23897</v>
      </c>
      <c r="B38660" s="6">
        <v>643605.75</v>
      </c>
      <c r="C38660" s="7">
        <f t="shared" si="604"/>
        <v>643.60574999999994</v>
      </c>
    </row>
    <row r="38661" spans="1:3" x14ac:dyDescent="0.25">
      <c r="A38661" s="2" t="s">
        <v>23898</v>
      </c>
      <c r="B38661" s="6">
        <v>643622.39999999991</v>
      </c>
      <c r="C38661" s="7">
        <f t="shared" si="604"/>
        <v>643.62239999999986</v>
      </c>
    </row>
    <row r="38662" spans="1:3" x14ac:dyDescent="0.25">
      <c r="A38662" s="2" t="s">
        <v>23899</v>
      </c>
      <c r="B38662" s="6">
        <v>643639.04999999993</v>
      </c>
      <c r="C38662" s="7">
        <f t="shared" si="604"/>
        <v>643.63904999999988</v>
      </c>
    </row>
    <row r="38663" spans="1:3" x14ac:dyDescent="0.25">
      <c r="A38663" s="2" t="s">
        <v>23900</v>
      </c>
      <c r="B38663" s="6">
        <v>643655.69999999995</v>
      </c>
      <c r="C38663" s="7">
        <f t="shared" si="604"/>
        <v>643.65569999999991</v>
      </c>
    </row>
    <row r="38664" spans="1:3" x14ac:dyDescent="0.25">
      <c r="A38664" s="2" t="s">
        <v>23901</v>
      </c>
      <c r="B38664" s="6">
        <v>643672.35</v>
      </c>
      <c r="C38664" s="7">
        <f t="shared" si="604"/>
        <v>643.67234999999994</v>
      </c>
    </row>
    <row r="38665" spans="1:3" x14ac:dyDescent="0.25">
      <c r="A38665" s="2" t="s">
        <v>23902</v>
      </c>
      <c r="B38665" s="6">
        <v>643689</v>
      </c>
      <c r="C38665" s="7">
        <f t="shared" si="604"/>
        <v>643.68899999999996</v>
      </c>
    </row>
    <row r="38666" spans="1:3" x14ac:dyDescent="0.25">
      <c r="A38666" s="2" t="s">
        <v>23903</v>
      </c>
      <c r="B38666" s="6">
        <v>643705.64999999991</v>
      </c>
      <c r="C38666" s="7">
        <f t="shared" si="604"/>
        <v>643.70564999999988</v>
      </c>
    </row>
    <row r="38667" spans="1:3" x14ac:dyDescent="0.25">
      <c r="A38667" s="2" t="s">
        <v>23904</v>
      </c>
      <c r="B38667" s="6">
        <v>643722.29999999993</v>
      </c>
      <c r="C38667" s="7">
        <f t="shared" si="604"/>
        <v>643.7222999999999</v>
      </c>
    </row>
    <row r="38668" spans="1:3" x14ac:dyDescent="0.25">
      <c r="A38668" s="2" t="s">
        <v>23905</v>
      </c>
      <c r="B38668" s="6">
        <v>643738.94999999995</v>
      </c>
      <c r="C38668" s="7">
        <f t="shared" si="604"/>
        <v>643.73894999999993</v>
      </c>
    </row>
    <row r="38669" spans="1:3" x14ac:dyDescent="0.25">
      <c r="A38669" s="2" t="s">
        <v>23906</v>
      </c>
      <c r="B38669" s="6">
        <v>643755.6</v>
      </c>
      <c r="C38669" s="7">
        <f t="shared" si="604"/>
        <v>643.75559999999996</v>
      </c>
    </row>
    <row r="38670" spans="1:3" x14ac:dyDescent="0.25">
      <c r="A38670" s="2" t="s">
        <v>23907</v>
      </c>
      <c r="B38670" s="6">
        <v>643772.25</v>
      </c>
      <c r="C38670" s="7">
        <f t="shared" si="604"/>
        <v>643.77224999999999</v>
      </c>
    </row>
    <row r="38671" spans="1:3" x14ac:dyDescent="0.25">
      <c r="A38671" s="2" t="s">
        <v>23908</v>
      </c>
      <c r="B38671" s="6">
        <v>643788.89999999991</v>
      </c>
      <c r="C38671" s="7">
        <f t="shared" si="604"/>
        <v>643.7888999999999</v>
      </c>
    </row>
    <row r="38672" spans="1:3" x14ac:dyDescent="0.25">
      <c r="A38672" s="2" t="s">
        <v>23909</v>
      </c>
      <c r="B38672" s="6">
        <v>643805.54999999993</v>
      </c>
      <c r="C38672" s="7">
        <f t="shared" si="604"/>
        <v>643.80554999999993</v>
      </c>
    </row>
    <row r="38673" spans="1:3" x14ac:dyDescent="0.25">
      <c r="A38673" s="2" t="s">
        <v>23910</v>
      </c>
      <c r="B38673" s="6">
        <v>643822.19999999995</v>
      </c>
      <c r="C38673" s="7">
        <f t="shared" si="604"/>
        <v>643.82219999999995</v>
      </c>
    </row>
    <row r="38674" spans="1:3" x14ac:dyDescent="0.25">
      <c r="A38674" s="2" t="s">
        <v>23911</v>
      </c>
      <c r="B38674" s="6">
        <v>643838.85</v>
      </c>
      <c r="C38674" s="7">
        <f t="shared" si="604"/>
        <v>643.83884999999998</v>
      </c>
    </row>
    <row r="38675" spans="1:3" x14ac:dyDescent="0.25">
      <c r="A38675" s="2" t="s">
        <v>23912</v>
      </c>
      <c r="B38675" s="6">
        <v>643855.5</v>
      </c>
      <c r="C38675" s="7">
        <f t="shared" si="604"/>
        <v>643.85550000000001</v>
      </c>
    </row>
    <row r="38676" spans="1:3" x14ac:dyDescent="0.25">
      <c r="A38676" s="2" t="s">
        <v>23913</v>
      </c>
      <c r="B38676" s="6">
        <v>643872.14999999991</v>
      </c>
      <c r="C38676" s="7">
        <f t="shared" si="604"/>
        <v>643.87214999999992</v>
      </c>
    </row>
    <row r="38677" spans="1:3" x14ac:dyDescent="0.25">
      <c r="A38677" s="2" t="s">
        <v>23914</v>
      </c>
      <c r="B38677" s="6">
        <v>643888.79999999993</v>
      </c>
      <c r="C38677" s="7">
        <f t="shared" si="604"/>
        <v>643.88879999999995</v>
      </c>
    </row>
    <row r="38678" spans="1:3" x14ac:dyDescent="0.25">
      <c r="A38678" s="2" t="s">
        <v>23915</v>
      </c>
      <c r="B38678" s="6">
        <v>643905.44999999995</v>
      </c>
      <c r="C38678" s="7">
        <f t="shared" si="604"/>
        <v>643.90544999999997</v>
      </c>
    </row>
    <row r="38679" spans="1:3" x14ac:dyDescent="0.25">
      <c r="A38679" s="2" t="s">
        <v>23916</v>
      </c>
      <c r="B38679" s="6">
        <v>643922.1</v>
      </c>
      <c r="C38679" s="7">
        <f t="shared" si="604"/>
        <v>643.9221</v>
      </c>
    </row>
    <row r="38680" spans="1:3" x14ac:dyDescent="0.25">
      <c r="A38680" s="2" t="s">
        <v>23917</v>
      </c>
      <c r="B38680" s="6">
        <v>643938.75</v>
      </c>
      <c r="C38680" s="7">
        <f t="shared" si="604"/>
        <v>643.93875000000003</v>
      </c>
    </row>
    <row r="38681" spans="1:3" x14ac:dyDescent="0.25">
      <c r="A38681" s="2" t="s">
        <v>23918</v>
      </c>
      <c r="B38681" s="6">
        <v>643955.39999999991</v>
      </c>
      <c r="C38681" s="7">
        <f t="shared" si="604"/>
        <v>643.95539999999994</v>
      </c>
    </row>
    <row r="38682" spans="1:3" x14ac:dyDescent="0.25">
      <c r="A38682" s="2" t="s">
        <v>23919</v>
      </c>
      <c r="B38682" s="6">
        <v>643972.04999999993</v>
      </c>
      <c r="C38682" s="7">
        <f t="shared" si="604"/>
        <v>643.97204999999997</v>
      </c>
    </row>
    <row r="38683" spans="1:3" x14ac:dyDescent="0.25">
      <c r="A38683" s="2" t="s">
        <v>23920</v>
      </c>
      <c r="B38683" s="6">
        <v>643988.69999999995</v>
      </c>
      <c r="C38683" s="7">
        <f t="shared" si="604"/>
        <v>643.98869999999999</v>
      </c>
    </row>
    <row r="38684" spans="1:3" x14ac:dyDescent="0.25">
      <c r="A38684" s="2" t="s">
        <v>23921</v>
      </c>
      <c r="B38684" s="6">
        <v>644005.35</v>
      </c>
      <c r="C38684" s="7">
        <f t="shared" si="604"/>
        <v>644.00535000000002</v>
      </c>
    </row>
    <row r="38685" spans="1:3" x14ac:dyDescent="0.25">
      <c r="A38685" s="2" t="s">
        <v>23922</v>
      </c>
      <c r="B38685" s="6">
        <v>644022</v>
      </c>
      <c r="C38685" s="7">
        <f t="shared" si="604"/>
        <v>644.02200000000005</v>
      </c>
    </row>
    <row r="38686" spans="1:3" x14ac:dyDescent="0.25">
      <c r="A38686" s="2" t="s">
        <v>23923</v>
      </c>
      <c r="B38686" s="6">
        <v>644038.64999999991</v>
      </c>
      <c r="C38686" s="7">
        <f t="shared" si="604"/>
        <v>644.03864999999996</v>
      </c>
    </row>
    <row r="38687" spans="1:3" x14ac:dyDescent="0.25">
      <c r="A38687" s="2" t="s">
        <v>23924</v>
      </c>
      <c r="B38687" s="6">
        <v>644055.29999999993</v>
      </c>
      <c r="C38687" s="7">
        <f t="shared" si="604"/>
        <v>644.05529999999987</v>
      </c>
    </row>
    <row r="38688" spans="1:3" x14ac:dyDescent="0.25">
      <c r="A38688" s="2" t="s">
        <v>23925</v>
      </c>
      <c r="B38688" s="6">
        <v>644071.94999999995</v>
      </c>
      <c r="C38688" s="7">
        <f t="shared" si="604"/>
        <v>644.0719499999999</v>
      </c>
    </row>
    <row r="38689" spans="1:3" x14ac:dyDescent="0.25">
      <c r="A38689" s="2" t="s">
        <v>23926</v>
      </c>
      <c r="B38689" s="6">
        <v>644088.6</v>
      </c>
      <c r="C38689" s="7">
        <f t="shared" si="604"/>
        <v>644.08859999999993</v>
      </c>
    </row>
    <row r="38690" spans="1:3" x14ac:dyDescent="0.25">
      <c r="A38690" s="2" t="s">
        <v>23927</v>
      </c>
      <c r="B38690" s="6">
        <v>644105.25</v>
      </c>
      <c r="C38690" s="7">
        <f t="shared" si="604"/>
        <v>644.10524999999996</v>
      </c>
    </row>
    <row r="38691" spans="1:3" x14ac:dyDescent="0.25">
      <c r="A38691" s="2" t="s">
        <v>23928</v>
      </c>
      <c r="B38691" s="6">
        <v>644121.89999999991</v>
      </c>
      <c r="C38691" s="7">
        <f t="shared" si="604"/>
        <v>644.12189999999987</v>
      </c>
    </row>
    <row r="38692" spans="1:3" x14ac:dyDescent="0.25">
      <c r="A38692" s="2" t="s">
        <v>23929</v>
      </c>
      <c r="B38692" s="6">
        <v>644138.54999999993</v>
      </c>
      <c r="C38692" s="7">
        <f t="shared" si="604"/>
        <v>644.1385499999999</v>
      </c>
    </row>
    <row r="38693" spans="1:3" x14ac:dyDescent="0.25">
      <c r="A38693" s="2" t="s">
        <v>23930</v>
      </c>
      <c r="B38693" s="6">
        <v>644155.19999999995</v>
      </c>
      <c r="C38693" s="7">
        <f t="shared" si="604"/>
        <v>644.15519999999992</v>
      </c>
    </row>
    <row r="38694" spans="1:3" x14ac:dyDescent="0.25">
      <c r="A38694" s="2" t="s">
        <v>23931</v>
      </c>
      <c r="B38694" s="6">
        <v>644171.85</v>
      </c>
      <c r="C38694" s="7">
        <f t="shared" si="604"/>
        <v>644.17184999999995</v>
      </c>
    </row>
    <row r="38695" spans="1:3" x14ac:dyDescent="0.25">
      <c r="A38695" s="2" t="s">
        <v>23932</v>
      </c>
      <c r="B38695" s="6">
        <v>644188.5</v>
      </c>
      <c r="C38695" s="7">
        <f t="shared" si="604"/>
        <v>644.18849999999998</v>
      </c>
    </row>
    <row r="38696" spans="1:3" x14ac:dyDescent="0.25">
      <c r="A38696" s="2" t="s">
        <v>23933</v>
      </c>
      <c r="B38696" s="6">
        <v>644205.14999999991</v>
      </c>
      <c r="C38696" s="7">
        <f t="shared" si="604"/>
        <v>644.20514999999989</v>
      </c>
    </row>
    <row r="38697" spans="1:3" x14ac:dyDescent="0.25">
      <c r="A38697" s="2" t="s">
        <v>23934</v>
      </c>
      <c r="B38697" s="6">
        <v>644221.79999999993</v>
      </c>
      <c r="C38697" s="7">
        <f t="shared" si="604"/>
        <v>644.22179999999992</v>
      </c>
    </row>
    <row r="38698" spans="1:3" x14ac:dyDescent="0.25">
      <c r="A38698" s="2" t="s">
        <v>23935</v>
      </c>
      <c r="B38698" s="6">
        <v>644238.44999999995</v>
      </c>
      <c r="C38698" s="7">
        <f t="shared" si="604"/>
        <v>644.23844999999994</v>
      </c>
    </row>
    <row r="38699" spans="1:3" x14ac:dyDescent="0.25">
      <c r="A38699" s="2" t="s">
        <v>23936</v>
      </c>
      <c r="B38699" s="6">
        <v>644255.1</v>
      </c>
      <c r="C38699" s="7">
        <f t="shared" si="604"/>
        <v>644.25509999999997</v>
      </c>
    </row>
    <row r="38700" spans="1:3" x14ac:dyDescent="0.25">
      <c r="A38700" s="2" t="s">
        <v>23937</v>
      </c>
      <c r="B38700" s="6">
        <v>644271.75</v>
      </c>
      <c r="C38700" s="7">
        <f t="shared" si="604"/>
        <v>644.27175</v>
      </c>
    </row>
    <row r="38701" spans="1:3" x14ac:dyDescent="0.25">
      <c r="A38701" s="2" t="s">
        <v>23938</v>
      </c>
      <c r="B38701" s="6">
        <v>644288.39999999991</v>
      </c>
      <c r="C38701" s="7">
        <f t="shared" si="604"/>
        <v>644.28839999999991</v>
      </c>
    </row>
    <row r="38702" spans="1:3" x14ac:dyDescent="0.25">
      <c r="A38702" s="2" t="s">
        <v>23939</v>
      </c>
      <c r="B38702" s="6">
        <v>644305.04999999993</v>
      </c>
      <c r="C38702" s="7">
        <f t="shared" si="604"/>
        <v>644.30504999999994</v>
      </c>
    </row>
    <row r="38703" spans="1:3" x14ac:dyDescent="0.25">
      <c r="A38703" s="2" t="s">
        <v>23940</v>
      </c>
      <c r="B38703" s="6">
        <v>644321.69999999995</v>
      </c>
      <c r="C38703" s="7">
        <f t="shared" si="604"/>
        <v>644.32169999999996</v>
      </c>
    </row>
    <row r="38704" spans="1:3" x14ac:dyDescent="0.25">
      <c r="A38704" s="2" t="s">
        <v>23941</v>
      </c>
      <c r="B38704" s="6">
        <v>644338.35</v>
      </c>
      <c r="C38704" s="7">
        <f t="shared" si="604"/>
        <v>644.33834999999999</v>
      </c>
    </row>
    <row r="38705" spans="1:3" x14ac:dyDescent="0.25">
      <c r="A38705" s="2" t="s">
        <v>23942</v>
      </c>
      <c r="B38705" s="6">
        <v>644355</v>
      </c>
      <c r="C38705" s="7">
        <f t="shared" si="604"/>
        <v>644.35500000000002</v>
      </c>
    </row>
    <row r="38706" spans="1:3" x14ac:dyDescent="0.25">
      <c r="A38706" s="2" t="s">
        <v>23943</v>
      </c>
      <c r="B38706" s="6">
        <v>644371.64999999991</v>
      </c>
      <c r="C38706" s="7">
        <f t="shared" si="604"/>
        <v>644.37164999999993</v>
      </c>
    </row>
    <row r="38707" spans="1:3" x14ac:dyDescent="0.25">
      <c r="A38707" s="2" t="s">
        <v>23944</v>
      </c>
      <c r="B38707" s="6">
        <v>644388.29999999993</v>
      </c>
      <c r="C38707" s="7">
        <f t="shared" si="604"/>
        <v>644.38829999999996</v>
      </c>
    </row>
    <row r="38708" spans="1:3" x14ac:dyDescent="0.25">
      <c r="A38708" s="2" t="s">
        <v>23945</v>
      </c>
      <c r="B38708" s="6">
        <v>644404.94999999995</v>
      </c>
      <c r="C38708" s="7">
        <f t="shared" si="604"/>
        <v>644.40494999999999</v>
      </c>
    </row>
    <row r="38709" spans="1:3" x14ac:dyDescent="0.25">
      <c r="A38709" s="2" t="s">
        <v>23946</v>
      </c>
      <c r="B38709" s="6">
        <v>644421.6</v>
      </c>
      <c r="C38709" s="7">
        <f t="shared" si="604"/>
        <v>644.42160000000001</v>
      </c>
    </row>
    <row r="38710" spans="1:3" x14ac:dyDescent="0.25">
      <c r="A38710" s="2" t="s">
        <v>23947</v>
      </c>
      <c r="B38710" s="6">
        <v>644438.25</v>
      </c>
      <c r="C38710" s="7">
        <f t="shared" si="604"/>
        <v>644.43825000000004</v>
      </c>
    </row>
    <row r="38711" spans="1:3" x14ac:dyDescent="0.25">
      <c r="A38711" s="2" t="s">
        <v>23948</v>
      </c>
      <c r="B38711" s="6">
        <v>644454.89999999991</v>
      </c>
      <c r="C38711" s="7">
        <f t="shared" si="604"/>
        <v>644.45489999999995</v>
      </c>
    </row>
    <row r="38712" spans="1:3" x14ac:dyDescent="0.25">
      <c r="A38712" s="2" t="s">
        <v>23949</v>
      </c>
      <c r="B38712" s="6">
        <v>644471.54999999993</v>
      </c>
      <c r="C38712" s="7">
        <f t="shared" si="604"/>
        <v>644.47154999999998</v>
      </c>
    </row>
    <row r="38713" spans="1:3" x14ac:dyDescent="0.25">
      <c r="A38713" s="2" t="s">
        <v>23950</v>
      </c>
      <c r="B38713" s="6">
        <v>644488.19999999995</v>
      </c>
      <c r="C38713" s="7">
        <f t="shared" si="604"/>
        <v>644.48820000000001</v>
      </c>
    </row>
    <row r="38714" spans="1:3" x14ac:dyDescent="0.25">
      <c r="A38714" s="2" t="s">
        <v>23951</v>
      </c>
      <c r="B38714" s="6">
        <v>644504.85</v>
      </c>
      <c r="C38714" s="7">
        <f t="shared" si="604"/>
        <v>644.50485000000003</v>
      </c>
    </row>
    <row r="38715" spans="1:3" x14ac:dyDescent="0.25">
      <c r="A38715" s="2" t="s">
        <v>23952</v>
      </c>
      <c r="B38715" s="6">
        <v>644521.5</v>
      </c>
      <c r="C38715" s="7">
        <f t="shared" si="604"/>
        <v>644.52149999999995</v>
      </c>
    </row>
    <row r="38716" spans="1:3" x14ac:dyDescent="0.25">
      <c r="A38716" s="2" t="s">
        <v>23953</v>
      </c>
      <c r="B38716" s="6">
        <v>644538.14999999991</v>
      </c>
      <c r="C38716" s="7">
        <f t="shared" si="604"/>
        <v>644.53814999999986</v>
      </c>
    </row>
    <row r="38717" spans="1:3" x14ac:dyDescent="0.25">
      <c r="A38717" s="2" t="s">
        <v>23954</v>
      </c>
      <c r="B38717" s="6">
        <v>644554.79999999993</v>
      </c>
      <c r="C38717" s="7">
        <f t="shared" si="604"/>
        <v>644.55479999999989</v>
      </c>
    </row>
    <row r="38718" spans="1:3" x14ac:dyDescent="0.25">
      <c r="A38718" s="2" t="s">
        <v>23955</v>
      </c>
      <c r="B38718" s="6">
        <v>644571.44999999995</v>
      </c>
      <c r="C38718" s="7">
        <f t="shared" si="604"/>
        <v>644.57144999999991</v>
      </c>
    </row>
    <row r="38719" spans="1:3" x14ac:dyDescent="0.25">
      <c r="A38719" s="2" t="s">
        <v>23956</v>
      </c>
      <c r="B38719" s="6">
        <v>644588.1</v>
      </c>
      <c r="C38719" s="7">
        <f t="shared" si="604"/>
        <v>644.58809999999994</v>
      </c>
    </row>
    <row r="38720" spans="1:3" x14ac:dyDescent="0.25">
      <c r="A38720" s="2" t="s">
        <v>23957</v>
      </c>
      <c r="B38720" s="6">
        <v>644604.75</v>
      </c>
      <c r="C38720" s="7">
        <f t="shared" si="604"/>
        <v>644.60474999999997</v>
      </c>
    </row>
    <row r="38721" spans="1:3" x14ac:dyDescent="0.25">
      <c r="A38721" s="2" t="s">
        <v>23958</v>
      </c>
      <c r="B38721" s="6">
        <v>644621.39999999991</v>
      </c>
      <c r="C38721" s="7">
        <f t="shared" si="604"/>
        <v>644.62139999999988</v>
      </c>
    </row>
    <row r="38722" spans="1:3" x14ac:dyDescent="0.25">
      <c r="A38722" s="2" t="s">
        <v>23959</v>
      </c>
      <c r="B38722" s="6">
        <v>644638.04999999993</v>
      </c>
      <c r="C38722" s="7">
        <f t="shared" si="604"/>
        <v>644.63804999999991</v>
      </c>
    </row>
    <row r="38723" spans="1:3" x14ac:dyDescent="0.25">
      <c r="A38723" s="2" t="s">
        <v>23960</v>
      </c>
      <c r="B38723" s="6">
        <v>644654.69999999995</v>
      </c>
      <c r="C38723" s="7">
        <f t="shared" ref="C38723:C38786" si="605">B38723/1000</f>
        <v>644.65469999999993</v>
      </c>
    </row>
    <row r="38724" spans="1:3" x14ac:dyDescent="0.25">
      <c r="A38724" s="2" t="s">
        <v>23961</v>
      </c>
      <c r="B38724" s="6">
        <v>644671.35</v>
      </c>
      <c r="C38724" s="7">
        <f t="shared" si="605"/>
        <v>644.67134999999996</v>
      </c>
    </row>
    <row r="38725" spans="1:3" x14ac:dyDescent="0.25">
      <c r="A38725" s="2" t="s">
        <v>23962</v>
      </c>
      <c r="B38725" s="6">
        <v>644688</v>
      </c>
      <c r="C38725" s="7">
        <f t="shared" si="605"/>
        <v>644.68799999999999</v>
      </c>
    </row>
    <row r="38726" spans="1:3" x14ac:dyDescent="0.25">
      <c r="A38726" s="2" t="s">
        <v>23963</v>
      </c>
      <c r="B38726" s="6">
        <v>644704.64999999991</v>
      </c>
      <c r="C38726" s="7">
        <f t="shared" si="605"/>
        <v>644.7046499999999</v>
      </c>
    </row>
    <row r="38727" spans="1:3" x14ac:dyDescent="0.25">
      <c r="A38727" s="2" t="s">
        <v>23964</v>
      </c>
      <c r="B38727" s="6">
        <v>644721.29999999993</v>
      </c>
      <c r="C38727" s="7">
        <f t="shared" si="605"/>
        <v>644.72129999999993</v>
      </c>
    </row>
    <row r="38728" spans="1:3" x14ac:dyDescent="0.25">
      <c r="A38728" s="2" t="s">
        <v>23965</v>
      </c>
      <c r="B38728" s="6">
        <v>644737.94999999995</v>
      </c>
      <c r="C38728" s="7">
        <f t="shared" si="605"/>
        <v>644.73794999999996</v>
      </c>
    </row>
    <row r="38729" spans="1:3" x14ac:dyDescent="0.25">
      <c r="A38729" s="2" t="s">
        <v>23966</v>
      </c>
      <c r="B38729" s="6">
        <v>644754.6</v>
      </c>
      <c r="C38729" s="7">
        <f t="shared" si="605"/>
        <v>644.75459999999998</v>
      </c>
    </row>
    <row r="38730" spans="1:3" x14ac:dyDescent="0.25">
      <c r="A38730" s="2" t="s">
        <v>23967</v>
      </c>
      <c r="B38730" s="6">
        <v>644771.25</v>
      </c>
      <c r="C38730" s="7">
        <f t="shared" si="605"/>
        <v>644.77125000000001</v>
      </c>
    </row>
    <row r="38731" spans="1:3" x14ac:dyDescent="0.25">
      <c r="A38731" s="2" t="s">
        <v>23968</v>
      </c>
      <c r="B38731" s="6">
        <v>644787.89999999991</v>
      </c>
      <c r="C38731" s="7">
        <f t="shared" si="605"/>
        <v>644.78789999999992</v>
      </c>
    </row>
    <row r="38732" spans="1:3" x14ac:dyDescent="0.25">
      <c r="A38732" s="2" t="s">
        <v>23969</v>
      </c>
      <c r="B38732" s="6">
        <v>644804.54999999993</v>
      </c>
      <c r="C38732" s="7">
        <f t="shared" si="605"/>
        <v>644.80454999999995</v>
      </c>
    </row>
    <row r="38733" spans="1:3" x14ac:dyDescent="0.25">
      <c r="A38733" s="2" t="s">
        <v>23970</v>
      </c>
      <c r="B38733" s="6">
        <v>644821.19999999995</v>
      </c>
      <c r="C38733" s="7">
        <f t="shared" si="605"/>
        <v>644.82119999999998</v>
      </c>
    </row>
    <row r="38734" spans="1:3" x14ac:dyDescent="0.25">
      <c r="A38734" s="2" t="s">
        <v>23971</v>
      </c>
      <c r="B38734" s="6">
        <v>644837.85</v>
      </c>
      <c r="C38734" s="7">
        <f t="shared" si="605"/>
        <v>644.83785</v>
      </c>
    </row>
    <row r="38735" spans="1:3" x14ac:dyDescent="0.25">
      <c r="A38735" s="2" t="s">
        <v>23972</v>
      </c>
      <c r="B38735" s="6">
        <v>644854.5</v>
      </c>
      <c r="C38735" s="7">
        <f t="shared" si="605"/>
        <v>644.85450000000003</v>
      </c>
    </row>
    <row r="38736" spans="1:3" x14ac:dyDescent="0.25">
      <c r="A38736" s="2" t="s">
        <v>23973</v>
      </c>
      <c r="B38736" s="6">
        <v>644871.14999999991</v>
      </c>
      <c r="C38736" s="7">
        <f t="shared" si="605"/>
        <v>644.87114999999994</v>
      </c>
    </row>
    <row r="38737" spans="1:3" x14ac:dyDescent="0.25">
      <c r="A38737" s="2" t="s">
        <v>23974</v>
      </c>
      <c r="B38737" s="6">
        <v>644887.79999999993</v>
      </c>
      <c r="C38737" s="7">
        <f t="shared" si="605"/>
        <v>644.88779999999997</v>
      </c>
    </row>
    <row r="38738" spans="1:3" x14ac:dyDescent="0.25">
      <c r="A38738" s="2" t="s">
        <v>23975</v>
      </c>
      <c r="B38738" s="6">
        <v>644904.44999999995</v>
      </c>
      <c r="C38738" s="7">
        <f t="shared" si="605"/>
        <v>644.90445</v>
      </c>
    </row>
    <row r="38739" spans="1:3" x14ac:dyDescent="0.25">
      <c r="A38739" s="2" t="s">
        <v>23976</v>
      </c>
      <c r="B38739" s="6">
        <v>644921.1</v>
      </c>
      <c r="C38739" s="7">
        <f t="shared" si="605"/>
        <v>644.92110000000002</v>
      </c>
    </row>
    <row r="38740" spans="1:3" x14ac:dyDescent="0.25">
      <c r="A38740" s="2" t="s">
        <v>23977</v>
      </c>
      <c r="B38740" s="6">
        <v>644937.75</v>
      </c>
      <c r="C38740" s="7">
        <f t="shared" si="605"/>
        <v>644.93775000000005</v>
      </c>
    </row>
    <row r="38741" spans="1:3" x14ac:dyDescent="0.25">
      <c r="A38741" s="2" t="s">
        <v>23978</v>
      </c>
      <c r="B38741" s="6">
        <v>644954.39999999991</v>
      </c>
      <c r="C38741" s="7">
        <f t="shared" si="605"/>
        <v>644.95439999999985</v>
      </c>
    </row>
    <row r="38742" spans="1:3" x14ac:dyDescent="0.25">
      <c r="A38742" s="2" t="s">
        <v>23979</v>
      </c>
      <c r="B38742" s="6">
        <v>644971.04999999993</v>
      </c>
      <c r="C38742" s="7">
        <f t="shared" si="605"/>
        <v>644.97104999999988</v>
      </c>
    </row>
    <row r="38743" spans="1:3" x14ac:dyDescent="0.25">
      <c r="A38743" s="2" t="s">
        <v>23980</v>
      </c>
      <c r="B38743" s="6">
        <v>644987.69999999995</v>
      </c>
      <c r="C38743" s="7">
        <f t="shared" si="605"/>
        <v>644.9876999999999</v>
      </c>
    </row>
    <row r="38744" spans="1:3" x14ac:dyDescent="0.25">
      <c r="A38744" s="2" t="s">
        <v>23981</v>
      </c>
      <c r="B38744" s="6">
        <v>645004.35</v>
      </c>
      <c r="C38744" s="7">
        <f t="shared" si="605"/>
        <v>645.00434999999993</v>
      </c>
    </row>
    <row r="38745" spans="1:3" x14ac:dyDescent="0.25">
      <c r="A38745" s="2" t="s">
        <v>23982</v>
      </c>
      <c r="B38745" s="6">
        <v>645021</v>
      </c>
      <c r="C38745" s="7">
        <f t="shared" si="605"/>
        <v>645.02099999999996</v>
      </c>
    </row>
    <row r="38746" spans="1:3" x14ac:dyDescent="0.25">
      <c r="A38746" s="2" t="s">
        <v>23983</v>
      </c>
      <c r="B38746" s="6">
        <v>645037.64999999991</v>
      </c>
      <c r="C38746" s="7">
        <f t="shared" si="605"/>
        <v>645.03764999999987</v>
      </c>
    </row>
    <row r="38747" spans="1:3" x14ac:dyDescent="0.25">
      <c r="A38747" s="2" t="s">
        <v>23984</v>
      </c>
      <c r="B38747" s="6">
        <v>645054.29999999993</v>
      </c>
      <c r="C38747" s="7">
        <f t="shared" si="605"/>
        <v>645.0542999999999</v>
      </c>
    </row>
    <row r="38748" spans="1:3" x14ac:dyDescent="0.25">
      <c r="A38748" s="2" t="s">
        <v>23985</v>
      </c>
      <c r="B38748" s="6">
        <v>645070.94999999995</v>
      </c>
      <c r="C38748" s="7">
        <f t="shared" si="605"/>
        <v>645.07094999999993</v>
      </c>
    </row>
    <row r="38749" spans="1:3" x14ac:dyDescent="0.25">
      <c r="A38749" s="2" t="s">
        <v>23986</v>
      </c>
      <c r="B38749" s="6">
        <v>645087.6</v>
      </c>
      <c r="C38749" s="7">
        <f t="shared" si="605"/>
        <v>645.08759999999995</v>
      </c>
    </row>
    <row r="38750" spans="1:3" x14ac:dyDescent="0.25">
      <c r="A38750" s="2" t="s">
        <v>23987</v>
      </c>
      <c r="B38750" s="6">
        <v>645104.25</v>
      </c>
      <c r="C38750" s="7">
        <f t="shared" si="605"/>
        <v>645.10424999999998</v>
      </c>
    </row>
    <row r="38751" spans="1:3" x14ac:dyDescent="0.25">
      <c r="A38751" s="2" t="s">
        <v>23988</v>
      </c>
      <c r="B38751" s="6">
        <v>645120.89999999991</v>
      </c>
      <c r="C38751" s="7">
        <f t="shared" si="605"/>
        <v>645.12089999999989</v>
      </c>
    </row>
    <row r="38752" spans="1:3" x14ac:dyDescent="0.25">
      <c r="A38752" s="2" t="s">
        <v>23989</v>
      </c>
      <c r="B38752" s="6">
        <v>645137.54999999993</v>
      </c>
      <c r="C38752" s="7">
        <f t="shared" si="605"/>
        <v>645.13754999999992</v>
      </c>
    </row>
    <row r="38753" spans="1:3" x14ac:dyDescent="0.25">
      <c r="A38753" s="2" t="s">
        <v>23990</v>
      </c>
      <c r="B38753" s="6">
        <v>645154.19999999995</v>
      </c>
      <c r="C38753" s="7">
        <f t="shared" si="605"/>
        <v>645.15419999999995</v>
      </c>
    </row>
    <row r="38754" spans="1:3" x14ac:dyDescent="0.25">
      <c r="A38754" s="2" t="s">
        <v>23991</v>
      </c>
      <c r="B38754" s="6">
        <v>645170.85</v>
      </c>
      <c r="C38754" s="7">
        <f t="shared" si="605"/>
        <v>645.17084999999997</v>
      </c>
    </row>
    <row r="38755" spans="1:3" x14ac:dyDescent="0.25">
      <c r="A38755" s="2" t="s">
        <v>23992</v>
      </c>
      <c r="B38755" s="6">
        <v>645187.5</v>
      </c>
      <c r="C38755" s="7">
        <f t="shared" si="605"/>
        <v>645.1875</v>
      </c>
    </row>
    <row r="38756" spans="1:3" x14ac:dyDescent="0.25">
      <c r="A38756" s="2" t="s">
        <v>23993</v>
      </c>
      <c r="B38756" s="6">
        <v>645204.14999999991</v>
      </c>
      <c r="C38756" s="7">
        <f t="shared" si="605"/>
        <v>645.20414999999991</v>
      </c>
    </row>
    <row r="38757" spans="1:3" x14ac:dyDescent="0.25">
      <c r="A38757" s="2" t="s">
        <v>23994</v>
      </c>
      <c r="B38757" s="6">
        <v>645220.79999999993</v>
      </c>
      <c r="C38757" s="7">
        <f t="shared" si="605"/>
        <v>645.22079999999994</v>
      </c>
    </row>
    <row r="38758" spans="1:3" x14ac:dyDescent="0.25">
      <c r="A38758" s="2" t="s">
        <v>23995</v>
      </c>
      <c r="B38758" s="6">
        <v>645237.44999999995</v>
      </c>
      <c r="C38758" s="7">
        <f t="shared" si="605"/>
        <v>645.23744999999997</v>
      </c>
    </row>
    <row r="38759" spans="1:3" x14ac:dyDescent="0.25">
      <c r="A38759" s="2" t="s">
        <v>23996</v>
      </c>
      <c r="B38759" s="6">
        <v>645254.1</v>
      </c>
      <c r="C38759" s="7">
        <f t="shared" si="605"/>
        <v>645.25409999999999</v>
      </c>
    </row>
    <row r="38760" spans="1:3" x14ac:dyDescent="0.25">
      <c r="A38760" s="2" t="s">
        <v>23997</v>
      </c>
      <c r="B38760" s="6">
        <v>645270.75</v>
      </c>
      <c r="C38760" s="7">
        <f t="shared" si="605"/>
        <v>645.27075000000002</v>
      </c>
    </row>
    <row r="38761" spans="1:3" x14ac:dyDescent="0.25">
      <c r="A38761" s="2" t="s">
        <v>23998</v>
      </c>
      <c r="B38761" s="6">
        <v>645287.39999999991</v>
      </c>
      <c r="C38761" s="7">
        <f t="shared" si="605"/>
        <v>645.28739999999993</v>
      </c>
    </row>
    <row r="38762" spans="1:3" x14ac:dyDescent="0.25">
      <c r="A38762" s="2" t="s">
        <v>23999</v>
      </c>
      <c r="B38762" s="6">
        <v>645304.04999999993</v>
      </c>
      <c r="C38762" s="7">
        <f t="shared" si="605"/>
        <v>645.30404999999996</v>
      </c>
    </row>
    <row r="38763" spans="1:3" x14ac:dyDescent="0.25">
      <c r="A38763" s="2" t="s">
        <v>24000</v>
      </c>
      <c r="B38763" s="6">
        <v>645320.69999999995</v>
      </c>
      <c r="C38763" s="7">
        <f t="shared" si="605"/>
        <v>645.32069999999999</v>
      </c>
    </row>
    <row r="38764" spans="1:3" x14ac:dyDescent="0.25">
      <c r="A38764" s="2" t="s">
        <v>24001</v>
      </c>
      <c r="B38764" s="6">
        <v>645337.35</v>
      </c>
      <c r="C38764" s="7">
        <f t="shared" si="605"/>
        <v>645.33735000000001</v>
      </c>
    </row>
    <row r="38765" spans="1:3" x14ac:dyDescent="0.25">
      <c r="A38765" s="2" t="s">
        <v>24002</v>
      </c>
      <c r="B38765" s="6">
        <v>645354</v>
      </c>
      <c r="C38765" s="7">
        <f t="shared" si="605"/>
        <v>645.35400000000004</v>
      </c>
    </row>
    <row r="38766" spans="1:3" x14ac:dyDescent="0.25">
      <c r="A38766" s="2" t="s">
        <v>24003</v>
      </c>
      <c r="B38766" s="6">
        <v>645370.64999999991</v>
      </c>
      <c r="C38766" s="7">
        <f t="shared" si="605"/>
        <v>645.37064999999996</v>
      </c>
    </row>
    <row r="38767" spans="1:3" x14ac:dyDescent="0.25">
      <c r="A38767" s="2" t="s">
        <v>24004</v>
      </c>
      <c r="B38767" s="6">
        <v>645387.29999999993</v>
      </c>
      <c r="C38767" s="7">
        <f t="shared" si="605"/>
        <v>645.38729999999998</v>
      </c>
    </row>
    <row r="38768" spans="1:3" x14ac:dyDescent="0.25">
      <c r="A38768" s="2" t="s">
        <v>24005</v>
      </c>
      <c r="B38768" s="6">
        <v>645403.94999999995</v>
      </c>
      <c r="C38768" s="7">
        <f t="shared" si="605"/>
        <v>645.40395000000001</v>
      </c>
    </row>
    <row r="38769" spans="1:3" x14ac:dyDescent="0.25">
      <c r="A38769" s="2" t="s">
        <v>24006</v>
      </c>
      <c r="B38769" s="6">
        <v>645420.6</v>
      </c>
      <c r="C38769" s="7">
        <f t="shared" si="605"/>
        <v>645.42059999999992</v>
      </c>
    </row>
    <row r="38770" spans="1:3" x14ac:dyDescent="0.25">
      <c r="A38770" s="2" t="s">
        <v>24007</v>
      </c>
      <c r="B38770" s="6">
        <v>645437.25</v>
      </c>
      <c r="C38770" s="7">
        <f t="shared" si="605"/>
        <v>645.43724999999995</v>
      </c>
    </row>
    <row r="38771" spans="1:3" x14ac:dyDescent="0.25">
      <c r="A38771" s="2" t="s">
        <v>24008</v>
      </c>
      <c r="B38771" s="6">
        <v>645453.89999999991</v>
      </c>
      <c r="C38771" s="7">
        <f t="shared" si="605"/>
        <v>645.45389999999986</v>
      </c>
    </row>
    <row r="38772" spans="1:3" x14ac:dyDescent="0.25">
      <c r="A38772" s="2" t="s">
        <v>24009</v>
      </c>
      <c r="B38772" s="6">
        <v>645470.54999999993</v>
      </c>
      <c r="C38772" s="7">
        <f t="shared" si="605"/>
        <v>645.47054999999989</v>
      </c>
    </row>
    <row r="38773" spans="1:3" x14ac:dyDescent="0.25">
      <c r="A38773" s="2" t="s">
        <v>24010</v>
      </c>
      <c r="B38773" s="6">
        <v>645487.19999999995</v>
      </c>
      <c r="C38773" s="7">
        <f t="shared" si="605"/>
        <v>645.48719999999992</v>
      </c>
    </row>
    <row r="38774" spans="1:3" x14ac:dyDescent="0.25">
      <c r="A38774" s="2" t="s">
        <v>24011</v>
      </c>
      <c r="B38774" s="6">
        <v>645503.85</v>
      </c>
      <c r="C38774" s="7">
        <f t="shared" si="605"/>
        <v>645.50384999999994</v>
      </c>
    </row>
    <row r="38775" spans="1:3" x14ac:dyDescent="0.25">
      <c r="A38775" s="2" t="s">
        <v>24012</v>
      </c>
      <c r="B38775" s="6">
        <v>645520.5</v>
      </c>
      <c r="C38775" s="7">
        <f t="shared" si="605"/>
        <v>645.52049999999997</v>
      </c>
    </row>
    <row r="38776" spans="1:3" x14ac:dyDescent="0.25">
      <c r="A38776" s="2" t="s">
        <v>24013</v>
      </c>
      <c r="B38776" s="6">
        <v>645537.14999999991</v>
      </c>
      <c r="C38776" s="7">
        <f t="shared" si="605"/>
        <v>645.53714999999988</v>
      </c>
    </row>
    <row r="38777" spans="1:3" x14ac:dyDescent="0.25">
      <c r="A38777" s="2" t="s">
        <v>24014</v>
      </c>
      <c r="B38777" s="6">
        <v>645553.79999999993</v>
      </c>
      <c r="C38777" s="7">
        <f t="shared" si="605"/>
        <v>645.55379999999991</v>
      </c>
    </row>
    <row r="38778" spans="1:3" x14ac:dyDescent="0.25">
      <c r="A38778" s="2" t="s">
        <v>24015</v>
      </c>
      <c r="B38778" s="6">
        <v>645570.44999999995</v>
      </c>
      <c r="C38778" s="7">
        <f t="shared" si="605"/>
        <v>645.57044999999994</v>
      </c>
    </row>
    <row r="38779" spans="1:3" x14ac:dyDescent="0.25">
      <c r="A38779" s="2" t="s">
        <v>24016</v>
      </c>
      <c r="B38779" s="6">
        <v>645587.1</v>
      </c>
      <c r="C38779" s="7">
        <f t="shared" si="605"/>
        <v>645.58709999999996</v>
      </c>
    </row>
    <row r="38780" spans="1:3" x14ac:dyDescent="0.25">
      <c r="A38780" s="2" t="s">
        <v>24017</v>
      </c>
      <c r="B38780" s="6">
        <v>645603.75</v>
      </c>
      <c r="C38780" s="7">
        <f t="shared" si="605"/>
        <v>645.60374999999999</v>
      </c>
    </row>
    <row r="38781" spans="1:3" x14ac:dyDescent="0.25">
      <c r="A38781" s="2" t="s">
        <v>24018</v>
      </c>
      <c r="B38781" s="6">
        <v>645620.39999999991</v>
      </c>
      <c r="C38781" s="7">
        <f t="shared" si="605"/>
        <v>645.6203999999999</v>
      </c>
    </row>
    <row r="38782" spans="1:3" x14ac:dyDescent="0.25">
      <c r="A38782" s="2" t="s">
        <v>24019</v>
      </c>
      <c r="B38782" s="6">
        <v>645637.04999999993</v>
      </c>
      <c r="C38782" s="7">
        <f t="shared" si="605"/>
        <v>645.63704999999993</v>
      </c>
    </row>
    <row r="38783" spans="1:3" x14ac:dyDescent="0.25">
      <c r="A38783" s="2" t="s">
        <v>24020</v>
      </c>
      <c r="B38783" s="6">
        <v>645653.69999999995</v>
      </c>
      <c r="C38783" s="7">
        <f t="shared" si="605"/>
        <v>645.65369999999996</v>
      </c>
    </row>
    <row r="38784" spans="1:3" x14ac:dyDescent="0.25">
      <c r="A38784" s="2" t="s">
        <v>24021</v>
      </c>
      <c r="B38784" s="6">
        <v>645670.35</v>
      </c>
      <c r="C38784" s="7">
        <f t="shared" si="605"/>
        <v>645.67034999999998</v>
      </c>
    </row>
    <row r="38785" spans="1:3" x14ac:dyDescent="0.25">
      <c r="A38785" s="2" t="s">
        <v>24022</v>
      </c>
      <c r="B38785" s="6">
        <v>645687</v>
      </c>
      <c r="C38785" s="7">
        <f t="shared" si="605"/>
        <v>645.68700000000001</v>
      </c>
    </row>
    <row r="38786" spans="1:3" x14ac:dyDescent="0.25">
      <c r="A38786" s="2" t="s">
        <v>24023</v>
      </c>
      <c r="B38786" s="6">
        <v>645703.64999999991</v>
      </c>
      <c r="C38786" s="7">
        <f t="shared" si="605"/>
        <v>645.70364999999993</v>
      </c>
    </row>
    <row r="38787" spans="1:3" x14ac:dyDescent="0.25">
      <c r="A38787" s="2" t="s">
        <v>24024</v>
      </c>
      <c r="B38787" s="6">
        <v>645720.29999999993</v>
      </c>
      <c r="C38787" s="7">
        <f t="shared" ref="C38787:C38850" si="606">B38787/1000</f>
        <v>645.72029999999995</v>
      </c>
    </row>
    <row r="38788" spans="1:3" x14ac:dyDescent="0.25">
      <c r="A38788" s="2" t="s">
        <v>24025</v>
      </c>
      <c r="B38788" s="6">
        <v>645736.94999999995</v>
      </c>
      <c r="C38788" s="7">
        <f t="shared" si="606"/>
        <v>645.73694999999998</v>
      </c>
    </row>
    <row r="38789" spans="1:3" x14ac:dyDescent="0.25">
      <c r="A38789" s="2" t="s">
        <v>24026</v>
      </c>
      <c r="B38789" s="6">
        <v>645753.59999999998</v>
      </c>
      <c r="C38789" s="7">
        <f t="shared" si="606"/>
        <v>645.75360000000001</v>
      </c>
    </row>
    <row r="38790" spans="1:3" x14ac:dyDescent="0.25">
      <c r="A38790" s="2" t="s">
        <v>24027</v>
      </c>
      <c r="B38790" s="6">
        <v>645770.25</v>
      </c>
      <c r="C38790" s="7">
        <f t="shared" si="606"/>
        <v>645.77025000000003</v>
      </c>
    </row>
    <row r="38791" spans="1:3" x14ac:dyDescent="0.25">
      <c r="A38791" s="2" t="s">
        <v>24028</v>
      </c>
      <c r="B38791" s="6">
        <v>645786.89999999991</v>
      </c>
      <c r="C38791" s="7">
        <f t="shared" si="606"/>
        <v>645.78689999999995</v>
      </c>
    </row>
    <row r="38792" spans="1:3" x14ac:dyDescent="0.25">
      <c r="A38792" s="2" t="s">
        <v>24029</v>
      </c>
      <c r="B38792" s="6">
        <v>645803.54999999993</v>
      </c>
      <c r="C38792" s="7">
        <f t="shared" si="606"/>
        <v>645.80354999999997</v>
      </c>
    </row>
    <row r="38793" spans="1:3" x14ac:dyDescent="0.25">
      <c r="A38793" s="2" t="s">
        <v>24030</v>
      </c>
      <c r="B38793" s="6">
        <v>645820.19999999995</v>
      </c>
      <c r="C38793" s="7">
        <f t="shared" si="606"/>
        <v>645.8202</v>
      </c>
    </row>
    <row r="38794" spans="1:3" x14ac:dyDescent="0.25">
      <c r="A38794" s="2" t="s">
        <v>24031</v>
      </c>
      <c r="B38794" s="6">
        <v>645836.85</v>
      </c>
      <c r="C38794" s="7">
        <f t="shared" si="606"/>
        <v>645.83685000000003</v>
      </c>
    </row>
    <row r="38795" spans="1:3" x14ac:dyDescent="0.25">
      <c r="A38795" s="2" t="s">
        <v>24032</v>
      </c>
      <c r="B38795" s="6">
        <v>645853.5</v>
      </c>
      <c r="C38795" s="7">
        <f t="shared" si="606"/>
        <v>645.85350000000005</v>
      </c>
    </row>
    <row r="38796" spans="1:3" x14ac:dyDescent="0.25">
      <c r="A38796" s="2" t="s">
        <v>24033</v>
      </c>
      <c r="B38796" s="6">
        <v>645870.14999999991</v>
      </c>
      <c r="C38796" s="7">
        <f t="shared" si="606"/>
        <v>645.87014999999985</v>
      </c>
    </row>
    <row r="38797" spans="1:3" x14ac:dyDescent="0.25">
      <c r="A38797" s="2" t="s">
        <v>24034</v>
      </c>
      <c r="B38797" s="6">
        <v>645886.79999999993</v>
      </c>
      <c r="C38797" s="7">
        <f t="shared" si="606"/>
        <v>645.88679999999988</v>
      </c>
    </row>
    <row r="38798" spans="1:3" x14ac:dyDescent="0.25">
      <c r="A38798" s="2" t="s">
        <v>24035</v>
      </c>
      <c r="B38798" s="6">
        <v>645903.44999999995</v>
      </c>
      <c r="C38798" s="7">
        <f t="shared" si="606"/>
        <v>645.90344999999991</v>
      </c>
    </row>
    <row r="38799" spans="1:3" x14ac:dyDescent="0.25">
      <c r="A38799" s="2" t="s">
        <v>24036</v>
      </c>
      <c r="B38799" s="6">
        <v>645920.1</v>
      </c>
      <c r="C38799" s="7">
        <f t="shared" si="606"/>
        <v>645.92009999999993</v>
      </c>
    </row>
    <row r="38800" spans="1:3" x14ac:dyDescent="0.25">
      <c r="A38800" s="2" t="s">
        <v>24037</v>
      </c>
      <c r="B38800" s="6">
        <v>645936.75</v>
      </c>
      <c r="C38800" s="7">
        <f t="shared" si="606"/>
        <v>645.93674999999996</v>
      </c>
    </row>
    <row r="38801" spans="1:3" x14ac:dyDescent="0.25">
      <c r="A38801" s="2" t="s">
        <v>24038</v>
      </c>
      <c r="B38801" s="6">
        <v>645953.39999999991</v>
      </c>
      <c r="C38801" s="7">
        <f t="shared" si="606"/>
        <v>645.95339999999987</v>
      </c>
    </row>
    <row r="38802" spans="1:3" x14ac:dyDescent="0.25">
      <c r="A38802" s="2" t="s">
        <v>24039</v>
      </c>
      <c r="B38802" s="6">
        <v>645970.04999999993</v>
      </c>
      <c r="C38802" s="7">
        <f t="shared" si="606"/>
        <v>645.9700499999999</v>
      </c>
    </row>
    <row r="38803" spans="1:3" x14ac:dyDescent="0.25">
      <c r="A38803" s="2" t="s">
        <v>24040</v>
      </c>
      <c r="B38803" s="6">
        <v>645986.69999999995</v>
      </c>
      <c r="C38803" s="7">
        <f t="shared" si="606"/>
        <v>645.98669999999993</v>
      </c>
    </row>
    <row r="38804" spans="1:3" x14ac:dyDescent="0.25">
      <c r="A38804" s="2" t="s">
        <v>24041</v>
      </c>
      <c r="B38804" s="6">
        <v>646003.35</v>
      </c>
      <c r="C38804" s="7">
        <f t="shared" si="606"/>
        <v>646.00334999999995</v>
      </c>
    </row>
    <row r="38805" spans="1:3" x14ac:dyDescent="0.25">
      <c r="A38805" s="2" t="s">
        <v>24042</v>
      </c>
      <c r="B38805" s="6">
        <v>646020</v>
      </c>
      <c r="C38805" s="7">
        <f t="shared" si="606"/>
        <v>646.02</v>
      </c>
    </row>
    <row r="38806" spans="1:3" x14ac:dyDescent="0.25">
      <c r="A38806" s="2" t="s">
        <v>24043</v>
      </c>
      <c r="B38806" s="6">
        <v>646036.64999999991</v>
      </c>
      <c r="C38806" s="7">
        <f t="shared" si="606"/>
        <v>646.0366499999999</v>
      </c>
    </row>
    <row r="38807" spans="1:3" x14ac:dyDescent="0.25">
      <c r="A38807" s="2" t="s">
        <v>24044</v>
      </c>
      <c r="B38807" s="6">
        <v>646053.29999999993</v>
      </c>
      <c r="C38807" s="7">
        <f t="shared" si="606"/>
        <v>646.05329999999992</v>
      </c>
    </row>
    <row r="38808" spans="1:3" x14ac:dyDescent="0.25">
      <c r="A38808" s="2" t="s">
        <v>24045</v>
      </c>
      <c r="B38808" s="6">
        <v>646069.94999999995</v>
      </c>
      <c r="C38808" s="7">
        <f t="shared" si="606"/>
        <v>646.06994999999995</v>
      </c>
    </row>
    <row r="38809" spans="1:3" x14ac:dyDescent="0.25">
      <c r="A38809" s="2" t="s">
        <v>24046</v>
      </c>
      <c r="B38809" s="6">
        <v>646086.6</v>
      </c>
      <c r="C38809" s="7">
        <f t="shared" si="606"/>
        <v>646.08659999999998</v>
      </c>
    </row>
    <row r="38810" spans="1:3" x14ac:dyDescent="0.25">
      <c r="A38810" s="2" t="s">
        <v>24047</v>
      </c>
      <c r="B38810" s="6">
        <v>646103.25</v>
      </c>
      <c r="C38810" s="7">
        <f t="shared" si="606"/>
        <v>646.10325</v>
      </c>
    </row>
    <row r="38811" spans="1:3" x14ac:dyDescent="0.25">
      <c r="A38811" s="2" t="s">
        <v>24048</v>
      </c>
      <c r="B38811" s="6">
        <v>646119.89999999991</v>
      </c>
      <c r="C38811" s="7">
        <f t="shared" si="606"/>
        <v>646.11989999999992</v>
      </c>
    </row>
    <row r="38812" spans="1:3" x14ac:dyDescent="0.25">
      <c r="A38812" s="2" t="s">
        <v>24049</v>
      </c>
      <c r="B38812" s="6">
        <v>646136.54999999993</v>
      </c>
      <c r="C38812" s="7">
        <f t="shared" si="606"/>
        <v>646.13654999999994</v>
      </c>
    </row>
    <row r="38813" spans="1:3" x14ac:dyDescent="0.25">
      <c r="A38813" s="2" t="s">
        <v>24050</v>
      </c>
      <c r="B38813" s="6">
        <v>646153.19999999995</v>
      </c>
      <c r="C38813" s="7">
        <f t="shared" si="606"/>
        <v>646.15319999999997</v>
      </c>
    </row>
    <row r="38814" spans="1:3" x14ac:dyDescent="0.25">
      <c r="A38814" s="2" t="s">
        <v>24051</v>
      </c>
      <c r="B38814" s="6">
        <v>646169.85</v>
      </c>
      <c r="C38814" s="7">
        <f t="shared" si="606"/>
        <v>646.16985</v>
      </c>
    </row>
    <row r="38815" spans="1:3" x14ac:dyDescent="0.25">
      <c r="A38815" s="2" t="s">
        <v>24052</v>
      </c>
      <c r="B38815" s="6">
        <v>646186.5</v>
      </c>
      <c r="C38815" s="7">
        <f t="shared" si="606"/>
        <v>646.18650000000002</v>
      </c>
    </row>
    <row r="38816" spans="1:3" x14ac:dyDescent="0.25">
      <c r="A38816" s="2" t="s">
        <v>24053</v>
      </c>
      <c r="B38816" s="6">
        <v>646203.14999999991</v>
      </c>
      <c r="C38816" s="7">
        <f t="shared" si="606"/>
        <v>646.20314999999994</v>
      </c>
    </row>
    <row r="38817" spans="1:3" x14ac:dyDescent="0.25">
      <c r="A38817" s="2" t="s">
        <v>24054</v>
      </c>
      <c r="B38817" s="6">
        <v>646219.79999999993</v>
      </c>
      <c r="C38817" s="7">
        <f t="shared" si="606"/>
        <v>646.21979999999996</v>
      </c>
    </row>
    <row r="38818" spans="1:3" x14ac:dyDescent="0.25">
      <c r="A38818" s="2" t="s">
        <v>24055</v>
      </c>
      <c r="B38818" s="6">
        <v>646236.44999999995</v>
      </c>
      <c r="C38818" s="7">
        <f t="shared" si="606"/>
        <v>646.23644999999999</v>
      </c>
    </row>
    <row r="38819" spans="1:3" x14ac:dyDescent="0.25">
      <c r="A38819" s="2" t="s">
        <v>24056</v>
      </c>
      <c r="B38819" s="6">
        <v>646253.1</v>
      </c>
      <c r="C38819" s="7">
        <f t="shared" si="606"/>
        <v>646.25310000000002</v>
      </c>
    </row>
    <row r="38820" spans="1:3" x14ac:dyDescent="0.25">
      <c r="A38820" s="2" t="s">
        <v>24057</v>
      </c>
      <c r="B38820" s="6">
        <v>646269.75</v>
      </c>
      <c r="C38820" s="7">
        <f t="shared" si="606"/>
        <v>646.26975000000004</v>
      </c>
    </row>
    <row r="38821" spans="1:3" x14ac:dyDescent="0.25">
      <c r="A38821" s="2" t="s">
        <v>24058</v>
      </c>
      <c r="B38821" s="6">
        <v>646286.39999999991</v>
      </c>
      <c r="C38821" s="7">
        <f t="shared" si="606"/>
        <v>646.28639999999996</v>
      </c>
    </row>
    <row r="38822" spans="1:3" x14ac:dyDescent="0.25">
      <c r="A38822" s="2" t="s">
        <v>24059</v>
      </c>
      <c r="B38822" s="6">
        <v>646303.04999999993</v>
      </c>
      <c r="C38822" s="7">
        <f t="shared" si="606"/>
        <v>646.30304999999998</v>
      </c>
    </row>
    <row r="38823" spans="1:3" x14ac:dyDescent="0.25">
      <c r="A38823" s="2" t="s">
        <v>24060</v>
      </c>
      <c r="B38823" s="6">
        <v>646319.69999999995</v>
      </c>
      <c r="C38823" s="7">
        <f t="shared" si="606"/>
        <v>646.3196999999999</v>
      </c>
    </row>
    <row r="38824" spans="1:3" x14ac:dyDescent="0.25">
      <c r="A38824" s="2" t="s">
        <v>24061</v>
      </c>
      <c r="B38824" s="6">
        <v>646336.35</v>
      </c>
      <c r="C38824" s="7">
        <f t="shared" si="606"/>
        <v>646.33634999999992</v>
      </c>
    </row>
    <row r="38825" spans="1:3" x14ac:dyDescent="0.25">
      <c r="A38825" s="2" t="s">
        <v>24062</v>
      </c>
      <c r="B38825" s="6">
        <v>646353</v>
      </c>
      <c r="C38825" s="7">
        <f t="shared" si="606"/>
        <v>646.35299999999995</v>
      </c>
    </row>
    <row r="38826" spans="1:3" x14ac:dyDescent="0.25">
      <c r="A38826" s="2" t="s">
        <v>24063</v>
      </c>
      <c r="B38826" s="6">
        <v>646369.64999999991</v>
      </c>
      <c r="C38826" s="7">
        <f t="shared" si="606"/>
        <v>646.36964999999987</v>
      </c>
    </row>
    <row r="38827" spans="1:3" x14ac:dyDescent="0.25">
      <c r="A38827" s="2" t="s">
        <v>24064</v>
      </c>
      <c r="B38827" s="6">
        <v>646386.29999999993</v>
      </c>
      <c r="C38827" s="7">
        <f t="shared" si="606"/>
        <v>646.38629999999989</v>
      </c>
    </row>
    <row r="38828" spans="1:3" x14ac:dyDescent="0.25">
      <c r="A38828" s="2" t="s">
        <v>24065</v>
      </c>
      <c r="B38828" s="6">
        <v>646402.94999999995</v>
      </c>
      <c r="C38828" s="7">
        <f t="shared" si="606"/>
        <v>646.40294999999992</v>
      </c>
    </row>
    <row r="38829" spans="1:3" x14ac:dyDescent="0.25">
      <c r="A38829" s="2" t="s">
        <v>24066</v>
      </c>
      <c r="B38829" s="6">
        <v>646419.6</v>
      </c>
      <c r="C38829" s="7">
        <f t="shared" si="606"/>
        <v>646.41959999999995</v>
      </c>
    </row>
    <row r="38830" spans="1:3" x14ac:dyDescent="0.25">
      <c r="A38830" s="2" t="s">
        <v>24067</v>
      </c>
      <c r="B38830" s="6">
        <v>646436.25</v>
      </c>
      <c r="C38830" s="7">
        <f t="shared" si="606"/>
        <v>646.43624999999997</v>
      </c>
    </row>
    <row r="38831" spans="1:3" x14ac:dyDescent="0.25">
      <c r="A38831" s="2" t="s">
        <v>24068</v>
      </c>
      <c r="B38831" s="6">
        <v>646452.89999999991</v>
      </c>
      <c r="C38831" s="7">
        <f t="shared" si="606"/>
        <v>646.45289999999989</v>
      </c>
    </row>
    <row r="38832" spans="1:3" x14ac:dyDescent="0.25">
      <c r="A38832" s="2" t="s">
        <v>24069</v>
      </c>
      <c r="B38832" s="6">
        <v>646469.54999999993</v>
      </c>
      <c r="C38832" s="7">
        <f t="shared" si="606"/>
        <v>646.46954999999991</v>
      </c>
    </row>
    <row r="38833" spans="1:3" x14ac:dyDescent="0.25">
      <c r="A38833" s="2" t="s">
        <v>24070</v>
      </c>
      <c r="B38833" s="6">
        <v>646486.19999999995</v>
      </c>
      <c r="C38833" s="7">
        <f t="shared" si="606"/>
        <v>646.48619999999994</v>
      </c>
    </row>
    <row r="38834" spans="1:3" x14ac:dyDescent="0.25">
      <c r="A38834" s="2" t="s">
        <v>24071</v>
      </c>
      <c r="B38834" s="6">
        <v>646502.85</v>
      </c>
      <c r="C38834" s="7">
        <f t="shared" si="606"/>
        <v>646.50284999999997</v>
      </c>
    </row>
    <row r="38835" spans="1:3" x14ac:dyDescent="0.25">
      <c r="A38835" s="2" t="s">
        <v>24072</v>
      </c>
      <c r="B38835" s="6">
        <v>646519.5</v>
      </c>
      <c r="C38835" s="7">
        <f t="shared" si="606"/>
        <v>646.51949999999999</v>
      </c>
    </row>
    <row r="38836" spans="1:3" x14ac:dyDescent="0.25">
      <c r="A38836" s="2" t="s">
        <v>24073</v>
      </c>
      <c r="B38836" s="6">
        <v>646536.14999999991</v>
      </c>
      <c r="C38836" s="7">
        <f t="shared" si="606"/>
        <v>646.53614999999991</v>
      </c>
    </row>
    <row r="38837" spans="1:3" x14ac:dyDescent="0.25">
      <c r="A38837" s="2" t="s">
        <v>24074</v>
      </c>
      <c r="B38837" s="6">
        <v>646552.79999999993</v>
      </c>
      <c r="C38837" s="7">
        <f t="shared" si="606"/>
        <v>646.55279999999993</v>
      </c>
    </row>
    <row r="38838" spans="1:3" x14ac:dyDescent="0.25">
      <c r="A38838" s="2" t="s">
        <v>24075</v>
      </c>
      <c r="B38838" s="6">
        <v>646569.44999999995</v>
      </c>
      <c r="C38838" s="7">
        <f t="shared" si="606"/>
        <v>646.56944999999996</v>
      </c>
    </row>
    <row r="38839" spans="1:3" x14ac:dyDescent="0.25">
      <c r="A38839" s="2" t="s">
        <v>24076</v>
      </c>
      <c r="B38839" s="6">
        <v>646586.1</v>
      </c>
      <c r="C38839" s="7">
        <f t="shared" si="606"/>
        <v>646.58609999999999</v>
      </c>
    </row>
    <row r="38840" spans="1:3" x14ac:dyDescent="0.25">
      <c r="A38840" s="2" t="s">
        <v>24077</v>
      </c>
      <c r="B38840" s="6">
        <v>646602.75</v>
      </c>
      <c r="C38840" s="7">
        <f t="shared" si="606"/>
        <v>646.60275000000001</v>
      </c>
    </row>
    <row r="38841" spans="1:3" x14ac:dyDescent="0.25">
      <c r="A38841" s="2" t="s">
        <v>24078</v>
      </c>
      <c r="B38841" s="6">
        <v>646619.39999999991</v>
      </c>
      <c r="C38841" s="7">
        <f t="shared" si="606"/>
        <v>646.61939999999993</v>
      </c>
    </row>
    <row r="38842" spans="1:3" x14ac:dyDescent="0.25">
      <c r="A38842" s="2" t="s">
        <v>24079</v>
      </c>
      <c r="B38842" s="6">
        <v>646636.04999999993</v>
      </c>
      <c r="C38842" s="7">
        <f t="shared" si="606"/>
        <v>646.63604999999995</v>
      </c>
    </row>
    <row r="38843" spans="1:3" x14ac:dyDescent="0.25">
      <c r="A38843" s="2" t="s">
        <v>24080</v>
      </c>
      <c r="B38843" s="6">
        <v>646652.69999999995</v>
      </c>
      <c r="C38843" s="7">
        <f t="shared" si="606"/>
        <v>646.65269999999998</v>
      </c>
    </row>
    <row r="38844" spans="1:3" x14ac:dyDescent="0.25">
      <c r="A38844" s="2" t="s">
        <v>24081</v>
      </c>
      <c r="B38844" s="6">
        <v>646669.35</v>
      </c>
      <c r="C38844" s="7">
        <f t="shared" si="606"/>
        <v>646.66935000000001</v>
      </c>
    </row>
    <row r="38845" spans="1:3" x14ac:dyDescent="0.25">
      <c r="A38845" s="2" t="s">
        <v>24082</v>
      </c>
      <c r="B38845" s="6">
        <v>646686</v>
      </c>
      <c r="C38845" s="7">
        <f t="shared" si="606"/>
        <v>646.68600000000004</v>
      </c>
    </row>
    <row r="38846" spans="1:3" x14ac:dyDescent="0.25">
      <c r="A38846" s="2" t="s">
        <v>24083</v>
      </c>
      <c r="B38846" s="6">
        <v>646702.64999999991</v>
      </c>
      <c r="C38846" s="7">
        <f t="shared" si="606"/>
        <v>646.70264999999995</v>
      </c>
    </row>
    <row r="38847" spans="1:3" x14ac:dyDescent="0.25">
      <c r="A38847" s="2" t="s">
        <v>24084</v>
      </c>
      <c r="B38847" s="6">
        <v>646719.29999999993</v>
      </c>
      <c r="C38847" s="7">
        <f t="shared" si="606"/>
        <v>646.71929999999998</v>
      </c>
    </row>
    <row r="38848" spans="1:3" x14ac:dyDescent="0.25">
      <c r="A38848" s="2" t="s">
        <v>24085</v>
      </c>
      <c r="B38848" s="6">
        <v>646735.94999999995</v>
      </c>
      <c r="C38848" s="7">
        <f t="shared" si="606"/>
        <v>646.73595</v>
      </c>
    </row>
    <row r="38849" spans="1:3" x14ac:dyDescent="0.25">
      <c r="A38849" s="2" t="s">
        <v>24086</v>
      </c>
      <c r="B38849" s="6">
        <v>646752.6</v>
      </c>
      <c r="C38849" s="7">
        <f t="shared" si="606"/>
        <v>646.75260000000003</v>
      </c>
    </row>
    <row r="38850" spans="1:3" x14ac:dyDescent="0.25">
      <c r="A38850" s="2" t="s">
        <v>24087</v>
      </c>
      <c r="B38850" s="6">
        <v>646769.25</v>
      </c>
      <c r="C38850" s="7">
        <f t="shared" si="606"/>
        <v>646.76925000000006</v>
      </c>
    </row>
    <row r="38851" spans="1:3" x14ac:dyDescent="0.25">
      <c r="A38851" s="2" t="s">
        <v>24088</v>
      </c>
      <c r="B38851" s="6">
        <v>646785.89999999991</v>
      </c>
      <c r="C38851" s="7">
        <f t="shared" ref="C38851:C38914" si="607">B38851/1000</f>
        <v>646.78589999999986</v>
      </c>
    </row>
    <row r="38852" spans="1:3" x14ac:dyDescent="0.25">
      <c r="A38852" s="2" t="s">
        <v>24089</v>
      </c>
      <c r="B38852" s="6">
        <v>646802.54999999993</v>
      </c>
      <c r="C38852" s="7">
        <f t="shared" si="607"/>
        <v>646.80254999999988</v>
      </c>
    </row>
    <row r="38853" spans="1:3" x14ac:dyDescent="0.25">
      <c r="A38853" s="2" t="s">
        <v>24090</v>
      </c>
      <c r="B38853" s="6">
        <v>646819.19999999995</v>
      </c>
      <c r="C38853" s="7">
        <f t="shared" si="607"/>
        <v>646.81919999999991</v>
      </c>
    </row>
    <row r="38854" spans="1:3" x14ac:dyDescent="0.25">
      <c r="A38854" s="2" t="s">
        <v>24091</v>
      </c>
      <c r="B38854" s="6">
        <v>646835.85</v>
      </c>
      <c r="C38854" s="7">
        <f t="shared" si="607"/>
        <v>646.83584999999994</v>
      </c>
    </row>
    <row r="38855" spans="1:3" x14ac:dyDescent="0.25">
      <c r="A38855" s="2" t="s">
        <v>24092</v>
      </c>
      <c r="B38855" s="6">
        <v>646852.5</v>
      </c>
      <c r="C38855" s="7">
        <f t="shared" si="607"/>
        <v>646.85249999999996</v>
      </c>
    </row>
    <row r="38856" spans="1:3" x14ac:dyDescent="0.25">
      <c r="A38856" s="2" t="s">
        <v>24093</v>
      </c>
      <c r="B38856" s="6">
        <v>646869.14999999991</v>
      </c>
      <c r="C38856" s="7">
        <f t="shared" si="607"/>
        <v>646.86914999999988</v>
      </c>
    </row>
    <row r="38857" spans="1:3" x14ac:dyDescent="0.25">
      <c r="A38857" s="2" t="s">
        <v>24094</v>
      </c>
      <c r="B38857" s="6">
        <v>646885.79999999993</v>
      </c>
      <c r="C38857" s="7">
        <f t="shared" si="607"/>
        <v>646.8857999999999</v>
      </c>
    </row>
    <row r="38858" spans="1:3" x14ac:dyDescent="0.25">
      <c r="A38858" s="2" t="s">
        <v>24095</v>
      </c>
      <c r="B38858" s="6">
        <v>646902.44999999995</v>
      </c>
      <c r="C38858" s="7">
        <f t="shared" si="607"/>
        <v>646.90244999999993</v>
      </c>
    </row>
    <row r="38859" spans="1:3" x14ac:dyDescent="0.25">
      <c r="A38859" s="2" t="s">
        <v>24096</v>
      </c>
      <c r="B38859" s="6">
        <v>646919.1</v>
      </c>
      <c r="C38859" s="7">
        <f t="shared" si="607"/>
        <v>646.91909999999996</v>
      </c>
    </row>
    <row r="38860" spans="1:3" x14ac:dyDescent="0.25">
      <c r="A38860" s="2" t="s">
        <v>24097</v>
      </c>
      <c r="B38860" s="6">
        <v>646935.75</v>
      </c>
      <c r="C38860" s="7">
        <f t="shared" si="607"/>
        <v>646.93574999999998</v>
      </c>
    </row>
    <row r="38861" spans="1:3" x14ac:dyDescent="0.25">
      <c r="A38861" s="2" t="s">
        <v>24098</v>
      </c>
      <c r="B38861" s="6">
        <v>646952.39999999991</v>
      </c>
      <c r="C38861" s="7">
        <f t="shared" si="607"/>
        <v>646.9523999999999</v>
      </c>
    </row>
    <row r="38862" spans="1:3" x14ac:dyDescent="0.25">
      <c r="A38862" s="2" t="s">
        <v>24099</v>
      </c>
      <c r="B38862" s="6">
        <v>646969.04999999993</v>
      </c>
      <c r="C38862" s="7">
        <f t="shared" si="607"/>
        <v>646.96904999999992</v>
      </c>
    </row>
    <row r="38863" spans="1:3" x14ac:dyDescent="0.25">
      <c r="A38863" s="2" t="s">
        <v>24100</v>
      </c>
      <c r="B38863" s="6">
        <v>646985.69999999995</v>
      </c>
      <c r="C38863" s="7">
        <f t="shared" si="607"/>
        <v>646.98569999999995</v>
      </c>
    </row>
    <row r="38864" spans="1:3" x14ac:dyDescent="0.25">
      <c r="A38864" s="2" t="s">
        <v>24101</v>
      </c>
      <c r="B38864" s="6">
        <v>647002.35</v>
      </c>
      <c r="C38864" s="7">
        <f t="shared" si="607"/>
        <v>647.00234999999998</v>
      </c>
    </row>
    <row r="38865" spans="1:3" x14ac:dyDescent="0.25">
      <c r="A38865" s="2" t="s">
        <v>24102</v>
      </c>
      <c r="B38865" s="6">
        <v>647019</v>
      </c>
      <c r="C38865" s="7">
        <f t="shared" si="607"/>
        <v>647.01900000000001</v>
      </c>
    </row>
    <row r="38866" spans="1:3" x14ac:dyDescent="0.25">
      <c r="A38866" s="2" t="s">
        <v>24103</v>
      </c>
      <c r="B38866" s="6">
        <v>647035.64999999991</v>
      </c>
      <c r="C38866" s="7">
        <f t="shared" si="607"/>
        <v>647.03564999999992</v>
      </c>
    </row>
    <row r="38867" spans="1:3" x14ac:dyDescent="0.25">
      <c r="A38867" s="2" t="s">
        <v>24104</v>
      </c>
      <c r="B38867" s="6">
        <v>647052.29999999993</v>
      </c>
      <c r="C38867" s="7">
        <f t="shared" si="607"/>
        <v>647.05229999999995</v>
      </c>
    </row>
    <row r="38868" spans="1:3" x14ac:dyDescent="0.25">
      <c r="A38868" s="2" t="s">
        <v>24105</v>
      </c>
      <c r="B38868" s="6">
        <v>647068.94999999995</v>
      </c>
      <c r="C38868" s="7">
        <f t="shared" si="607"/>
        <v>647.06894999999997</v>
      </c>
    </row>
    <row r="38869" spans="1:3" x14ac:dyDescent="0.25">
      <c r="A38869" s="2" t="s">
        <v>24106</v>
      </c>
      <c r="B38869" s="6">
        <v>647085.6</v>
      </c>
      <c r="C38869" s="7">
        <f t="shared" si="607"/>
        <v>647.0856</v>
      </c>
    </row>
    <row r="38870" spans="1:3" x14ac:dyDescent="0.25">
      <c r="A38870" s="2" t="s">
        <v>24107</v>
      </c>
      <c r="B38870" s="6">
        <v>647102.25</v>
      </c>
      <c r="C38870" s="7">
        <f t="shared" si="607"/>
        <v>647.10225000000003</v>
      </c>
    </row>
    <row r="38871" spans="1:3" x14ac:dyDescent="0.25">
      <c r="A38871" s="2" t="s">
        <v>24108</v>
      </c>
      <c r="B38871" s="6">
        <v>647118.89999999991</v>
      </c>
      <c r="C38871" s="7">
        <f t="shared" si="607"/>
        <v>647.11889999999994</v>
      </c>
    </row>
    <row r="38872" spans="1:3" x14ac:dyDescent="0.25">
      <c r="A38872" s="2" t="s">
        <v>24109</v>
      </c>
      <c r="B38872" s="6">
        <v>647135.54999999993</v>
      </c>
      <c r="C38872" s="7">
        <f t="shared" si="607"/>
        <v>647.13554999999997</v>
      </c>
    </row>
    <row r="38873" spans="1:3" x14ac:dyDescent="0.25">
      <c r="A38873" s="2" t="s">
        <v>24110</v>
      </c>
      <c r="B38873" s="6">
        <v>647152.19999999995</v>
      </c>
      <c r="C38873" s="7">
        <f t="shared" si="607"/>
        <v>647.15219999999999</v>
      </c>
    </row>
    <row r="38874" spans="1:3" x14ac:dyDescent="0.25">
      <c r="A38874" s="2" t="s">
        <v>24111</v>
      </c>
      <c r="B38874" s="6">
        <v>647168.85</v>
      </c>
      <c r="C38874" s="7">
        <f t="shared" si="607"/>
        <v>647.16885000000002</v>
      </c>
    </row>
    <row r="38875" spans="1:3" x14ac:dyDescent="0.25">
      <c r="A38875" s="2" t="s">
        <v>24112</v>
      </c>
      <c r="B38875" s="6">
        <v>647185.5</v>
      </c>
      <c r="C38875" s="7">
        <f t="shared" si="607"/>
        <v>647.18550000000005</v>
      </c>
    </row>
    <row r="38876" spans="1:3" x14ac:dyDescent="0.25">
      <c r="A38876" s="2" t="s">
        <v>24113</v>
      </c>
      <c r="B38876" s="6">
        <v>647202.14999999991</v>
      </c>
      <c r="C38876" s="7">
        <f t="shared" si="607"/>
        <v>647.20214999999996</v>
      </c>
    </row>
    <row r="38877" spans="1:3" x14ac:dyDescent="0.25">
      <c r="A38877" s="2" t="s">
        <v>24114</v>
      </c>
      <c r="B38877" s="6">
        <v>647218.79999999993</v>
      </c>
      <c r="C38877" s="7">
        <f t="shared" si="607"/>
        <v>647.21879999999987</v>
      </c>
    </row>
    <row r="38878" spans="1:3" x14ac:dyDescent="0.25">
      <c r="A38878" s="2" t="s">
        <v>24115</v>
      </c>
      <c r="B38878" s="6">
        <v>647235.44999999995</v>
      </c>
      <c r="C38878" s="7">
        <f t="shared" si="607"/>
        <v>647.2354499999999</v>
      </c>
    </row>
    <row r="38879" spans="1:3" x14ac:dyDescent="0.25">
      <c r="A38879" s="2" t="s">
        <v>24116</v>
      </c>
      <c r="B38879" s="6">
        <v>647252.1</v>
      </c>
      <c r="C38879" s="7">
        <f t="shared" si="607"/>
        <v>647.25209999999993</v>
      </c>
    </row>
    <row r="38880" spans="1:3" x14ac:dyDescent="0.25">
      <c r="A38880" s="2" t="s">
        <v>24117</v>
      </c>
      <c r="B38880" s="6">
        <v>647268.75</v>
      </c>
      <c r="C38880" s="7">
        <f t="shared" si="607"/>
        <v>647.26874999999995</v>
      </c>
    </row>
    <row r="38881" spans="1:3" x14ac:dyDescent="0.25">
      <c r="A38881" s="2" t="s">
        <v>24118</v>
      </c>
      <c r="B38881" s="6">
        <v>647285.39999999991</v>
      </c>
      <c r="C38881" s="7">
        <f t="shared" si="607"/>
        <v>647.28539999999987</v>
      </c>
    </row>
    <row r="38882" spans="1:3" x14ac:dyDescent="0.25">
      <c r="A38882" s="2" t="s">
        <v>24119</v>
      </c>
      <c r="B38882" s="6">
        <v>647302.04999999993</v>
      </c>
      <c r="C38882" s="7">
        <f t="shared" si="607"/>
        <v>647.30204999999989</v>
      </c>
    </row>
    <row r="38883" spans="1:3" x14ac:dyDescent="0.25">
      <c r="A38883" s="2" t="s">
        <v>24120</v>
      </c>
      <c r="B38883" s="6">
        <v>647318.69999999995</v>
      </c>
      <c r="C38883" s="7">
        <f t="shared" si="607"/>
        <v>647.31869999999992</v>
      </c>
    </row>
    <row r="38884" spans="1:3" x14ac:dyDescent="0.25">
      <c r="A38884" s="2" t="s">
        <v>24121</v>
      </c>
      <c r="B38884" s="6">
        <v>647335.35</v>
      </c>
      <c r="C38884" s="7">
        <f t="shared" si="607"/>
        <v>647.33534999999995</v>
      </c>
    </row>
    <row r="38885" spans="1:3" x14ac:dyDescent="0.25">
      <c r="A38885" s="2" t="s">
        <v>24122</v>
      </c>
      <c r="B38885" s="6">
        <v>647352</v>
      </c>
      <c r="C38885" s="7">
        <f t="shared" si="607"/>
        <v>647.35199999999998</v>
      </c>
    </row>
    <row r="38886" spans="1:3" x14ac:dyDescent="0.25">
      <c r="A38886" s="2" t="s">
        <v>24123</v>
      </c>
      <c r="B38886" s="6">
        <v>647368.64999999991</v>
      </c>
      <c r="C38886" s="7">
        <f t="shared" si="607"/>
        <v>647.36864999999989</v>
      </c>
    </row>
    <row r="38887" spans="1:3" x14ac:dyDescent="0.25">
      <c r="A38887" s="2" t="s">
        <v>24124</v>
      </c>
      <c r="B38887" s="6">
        <v>647385.29999999993</v>
      </c>
      <c r="C38887" s="7">
        <f t="shared" si="607"/>
        <v>647.38529999999992</v>
      </c>
    </row>
    <row r="38888" spans="1:3" x14ac:dyDescent="0.25">
      <c r="A38888" s="2" t="s">
        <v>24125</v>
      </c>
      <c r="B38888" s="6">
        <v>647401.94999999995</v>
      </c>
      <c r="C38888" s="7">
        <f t="shared" si="607"/>
        <v>647.40194999999994</v>
      </c>
    </row>
    <row r="38889" spans="1:3" x14ac:dyDescent="0.25">
      <c r="A38889" s="2" t="s">
        <v>24126</v>
      </c>
      <c r="B38889" s="6">
        <v>647418.6</v>
      </c>
      <c r="C38889" s="7">
        <f t="shared" si="607"/>
        <v>647.41859999999997</v>
      </c>
    </row>
    <row r="38890" spans="1:3" x14ac:dyDescent="0.25">
      <c r="A38890" s="2" t="s">
        <v>24127</v>
      </c>
      <c r="B38890" s="6">
        <v>647435.25</v>
      </c>
      <c r="C38890" s="7">
        <f t="shared" si="607"/>
        <v>647.43525</v>
      </c>
    </row>
    <row r="38891" spans="1:3" x14ac:dyDescent="0.25">
      <c r="A38891" s="2" t="s">
        <v>24128</v>
      </c>
      <c r="B38891" s="6">
        <v>647451.89999999991</v>
      </c>
      <c r="C38891" s="7">
        <f t="shared" si="607"/>
        <v>647.45189999999991</v>
      </c>
    </row>
    <row r="38892" spans="1:3" x14ac:dyDescent="0.25">
      <c r="A38892" s="2" t="s">
        <v>24129</v>
      </c>
      <c r="B38892" s="6">
        <v>647468.54999999993</v>
      </c>
      <c r="C38892" s="7">
        <f t="shared" si="607"/>
        <v>647.46854999999994</v>
      </c>
    </row>
    <row r="38893" spans="1:3" x14ac:dyDescent="0.25">
      <c r="A38893" s="2" t="s">
        <v>24130</v>
      </c>
      <c r="B38893" s="6">
        <v>647485.19999999995</v>
      </c>
      <c r="C38893" s="7">
        <f t="shared" si="607"/>
        <v>647.48519999999996</v>
      </c>
    </row>
    <row r="38894" spans="1:3" x14ac:dyDescent="0.25">
      <c r="A38894" s="2" t="s">
        <v>24131</v>
      </c>
      <c r="B38894" s="6">
        <v>647501.85</v>
      </c>
      <c r="C38894" s="7">
        <f t="shared" si="607"/>
        <v>647.50184999999999</v>
      </c>
    </row>
    <row r="38895" spans="1:3" x14ac:dyDescent="0.25">
      <c r="A38895" s="2" t="s">
        <v>24132</v>
      </c>
      <c r="B38895" s="6">
        <v>647518.5</v>
      </c>
      <c r="C38895" s="7">
        <f t="shared" si="607"/>
        <v>647.51850000000002</v>
      </c>
    </row>
    <row r="38896" spans="1:3" x14ac:dyDescent="0.25">
      <c r="A38896" s="2" t="s">
        <v>24133</v>
      </c>
      <c r="B38896" s="6">
        <v>647535.14999999991</v>
      </c>
      <c r="C38896" s="7">
        <f t="shared" si="607"/>
        <v>647.53514999999993</v>
      </c>
    </row>
    <row r="38897" spans="1:3" x14ac:dyDescent="0.25">
      <c r="A38897" s="2" t="s">
        <v>24134</v>
      </c>
      <c r="B38897" s="6">
        <v>647551.79999999993</v>
      </c>
      <c r="C38897" s="7">
        <f t="shared" si="607"/>
        <v>647.55179999999996</v>
      </c>
    </row>
    <row r="38898" spans="1:3" x14ac:dyDescent="0.25">
      <c r="A38898" s="2" t="s">
        <v>24135</v>
      </c>
      <c r="B38898" s="6">
        <v>647568.44999999995</v>
      </c>
      <c r="C38898" s="7">
        <f t="shared" si="607"/>
        <v>647.56844999999998</v>
      </c>
    </row>
    <row r="38899" spans="1:3" x14ac:dyDescent="0.25">
      <c r="A38899" s="2" t="s">
        <v>24136</v>
      </c>
      <c r="B38899" s="6">
        <v>647585.1</v>
      </c>
      <c r="C38899" s="7">
        <f t="shared" si="607"/>
        <v>647.58510000000001</v>
      </c>
    </row>
    <row r="38900" spans="1:3" x14ac:dyDescent="0.25">
      <c r="A38900" s="2" t="s">
        <v>24137</v>
      </c>
      <c r="B38900" s="6">
        <v>647601.75</v>
      </c>
      <c r="C38900" s="7">
        <f t="shared" si="607"/>
        <v>647.60175000000004</v>
      </c>
    </row>
    <row r="38901" spans="1:3" x14ac:dyDescent="0.25">
      <c r="A38901" s="2" t="s">
        <v>24138</v>
      </c>
      <c r="B38901" s="6">
        <v>647618.39999999991</v>
      </c>
      <c r="C38901" s="7">
        <f t="shared" si="607"/>
        <v>647.61839999999995</v>
      </c>
    </row>
    <row r="38902" spans="1:3" x14ac:dyDescent="0.25">
      <c r="A38902" s="2" t="s">
        <v>24139</v>
      </c>
      <c r="B38902" s="6">
        <v>647635.04999999993</v>
      </c>
      <c r="C38902" s="7">
        <f t="shared" si="607"/>
        <v>647.63504999999998</v>
      </c>
    </row>
    <row r="38903" spans="1:3" x14ac:dyDescent="0.25">
      <c r="A38903" s="2" t="s">
        <v>24140</v>
      </c>
      <c r="B38903" s="6">
        <v>647651.69999999995</v>
      </c>
      <c r="C38903" s="7">
        <f t="shared" si="607"/>
        <v>647.65170000000001</v>
      </c>
    </row>
    <row r="38904" spans="1:3" x14ac:dyDescent="0.25">
      <c r="A38904" s="2" t="s">
        <v>24141</v>
      </c>
      <c r="B38904" s="6">
        <v>647668.35</v>
      </c>
      <c r="C38904" s="7">
        <f t="shared" si="607"/>
        <v>647.66835000000003</v>
      </c>
    </row>
    <row r="38905" spans="1:3" x14ac:dyDescent="0.25">
      <c r="A38905" s="2" t="s">
        <v>24142</v>
      </c>
      <c r="B38905" s="6">
        <v>647685</v>
      </c>
      <c r="C38905" s="7">
        <f t="shared" si="607"/>
        <v>647.68499999999995</v>
      </c>
    </row>
    <row r="38906" spans="1:3" x14ac:dyDescent="0.25">
      <c r="A38906" s="2" t="s">
        <v>24143</v>
      </c>
      <c r="B38906" s="6">
        <v>647701.64999999991</v>
      </c>
      <c r="C38906" s="7">
        <f t="shared" si="607"/>
        <v>647.70164999999986</v>
      </c>
    </row>
    <row r="38907" spans="1:3" x14ac:dyDescent="0.25">
      <c r="A38907" s="2" t="s">
        <v>24144</v>
      </c>
      <c r="B38907" s="6">
        <v>647718.29999999993</v>
      </c>
      <c r="C38907" s="7">
        <f t="shared" si="607"/>
        <v>647.71829999999989</v>
      </c>
    </row>
    <row r="38908" spans="1:3" x14ac:dyDescent="0.25">
      <c r="A38908" s="2" t="s">
        <v>24145</v>
      </c>
      <c r="B38908" s="6">
        <v>647734.94999999995</v>
      </c>
      <c r="C38908" s="7">
        <f t="shared" si="607"/>
        <v>647.73494999999991</v>
      </c>
    </row>
    <row r="38909" spans="1:3" x14ac:dyDescent="0.25">
      <c r="A38909" s="2" t="s">
        <v>24146</v>
      </c>
      <c r="B38909" s="6">
        <v>647751.6</v>
      </c>
      <c r="C38909" s="7">
        <f t="shared" si="607"/>
        <v>647.75159999999994</v>
      </c>
    </row>
    <row r="38910" spans="1:3" x14ac:dyDescent="0.25">
      <c r="A38910" s="2" t="s">
        <v>24147</v>
      </c>
      <c r="B38910" s="6">
        <v>647768.25</v>
      </c>
      <c r="C38910" s="7">
        <f t="shared" si="607"/>
        <v>647.76824999999997</v>
      </c>
    </row>
    <row r="38911" spans="1:3" x14ac:dyDescent="0.25">
      <c r="A38911" s="2" t="s">
        <v>24148</v>
      </c>
      <c r="B38911" s="6">
        <v>647784.89999999991</v>
      </c>
      <c r="C38911" s="7">
        <f t="shared" si="607"/>
        <v>647.78489999999988</v>
      </c>
    </row>
    <row r="38912" spans="1:3" x14ac:dyDescent="0.25">
      <c r="A38912" s="2" t="s">
        <v>24149</v>
      </c>
      <c r="B38912" s="6">
        <v>647801.54999999993</v>
      </c>
      <c r="C38912" s="7">
        <f t="shared" si="607"/>
        <v>647.80154999999991</v>
      </c>
    </row>
    <row r="38913" spans="1:3" x14ac:dyDescent="0.25">
      <c r="A38913" s="2" t="s">
        <v>24150</v>
      </c>
      <c r="B38913" s="6">
        <v>647818.19999999995</v>
      </c>
      <c r="C38913" s="7">
        <f t="shared" si="607"/>
        <v>647.81819999999993</v>
      </c>
    </row>
    <row r="38914" spans="1:3" x14ac:dyDescent="0.25">
      <c r="A38914" s="2" t="s">
        <v>24151</v>
      </c>
      <c r="B38914" s="6">
        <v>647834.85</v>
      </c>
      <c r="C38914" s="7">
        <f t="shared" si="607"/>
        <v>647.83484999999996</v>
      </c>
    </row>
    <row r="38915" spans="1:3" x14ac:dyDescent="0.25">
      <c r="A38915" s="2" t="s">
        <v>24152</v>
      </c>
      <c r="B38915" s="6">
        <v>647851.5</v>
      </c>
      <c r="C38915" s="7">
        <f t="shared" ref="C38915:C38978" si="608">B38915/1000</f>
        <v>647.85149999999999</v>
      </c>
    </row>
    <row r="38916" spans="1:3" x14ac:dyDescent="0.25">
      <c r="A38916" s="2" t="s">
        <v>24153</v>
      </c>
      <c r="B38916" s="6">
        <v>647868.14999999991</v>
      </c>
      <c r="C38916" s="7">
        <f t="shared" si="608"/>
        <v>647.8681499999999</v>
      </c>
    </row>
    <row r="38917" spans="1:3" x14ac:dyDescent="0.25">
      <c r="A38917" s="2" t="s">
        <v>24154</v>
      </c>
      <c r="B38917" s="6">
        <v>647884.79999999993</v>
      </c>
      <c r="C38917" s="7">
        <f t="shared" si="608"/>
        <v>647.88479999999993</v>
      </c>
    </row>
    <row r="38918" spans="1:3" x14ac:dyDescent="0.25">
      <c r="A38918" s="2" t="s">
        <v>24155</v>
      </c>
      <c r="B38918" s="6">
        <v>647901.44999999995</v>
      </c>
      <c r="C38918" s="7">
        <f t="shared" si="608"/>
        <v>647.90144999999995</v>
      </c>
    </row>
    <row r="38919" spans="1:3" x14ac:dyDescent="0.25">
      <c r="A38919" s="2" t="s">
        <v>24156</v>
      </c>
      <c r="B38919" s="6">
        <v>647918.1</v>
      </c>
      <c r="C38919" s="7">
        <f t="shared" si="608"/>
        <v>647.91809999999998</v>
      </c>
    </row>
    <row r="38920" spans="1:3" x14ac:dyDescent="0.25">
      <c r="A38920" s="2" t="s">
        <v>24157</v>
      </c>
      <c r="B38920" s="6">
        <v>647934.75</v>
      </c>
      <c r="C38920" s="7">
        <f t="shared" si="608"/>
        <v>647.93475000000001</v>
      </c>
    </row>
    <row r="38921" spans="1:3" x14ac:dyDescent="0.25">
      <c r="A38921" s="2" t="s">
        <v>24158</v>
      </c>
      <c r="B38921" s="6">
        <v>647951.39999999991</v>
      </c>
      <c r="C38921" s="7">
        <f t="shared" si="608"/>
        <v>647.95139999999992</v>
      </c>
    </row>
    <row r="38922" spans="1:3" x14ac:dyDescent="0.25">
      <c r="A38922" s="2" t="s">
        <v>24159</v>
      </c>
      <c r="B38922" s="6">
        <v>647968.04999999993</v>
      </c>
      <c r="C38922" s="7">
        <f t="shared" si="608"/>
        <v>647.96804999999995</v>
      </c>
    </row>
    <row r="38923" spans="1:3" x14ac:dyDescent="0.25">
      <c r="A38923" s="2" t="s">
        <v>24160</v>
      </c>
      <c r="B38923" s="6">
        <v>647984.69999999995</v>
      </c>
      <c r="C38923" s="7">
        <f t="shared" si="608"/>
        <v>647.98469999999998</v>
      </c>
    </row>
    <row r="38924" spans="1:3" x14ac:dyDescent="0.25">
      <c r="A38924" s="2" t="s">
        <v>24161</v>
      </c>
      <c r="B38924" s="6">
        <v>648001.35</v>
      </c>
      <c r="C38924" s="7">
        <f t="shared" si="608"/>
        <v>648.00135</v>
      </c>
    </row>
    <row r="38925" spans="1:3" x14ac:dyDescent="0.25">
      <c r="A38925" s="2" t="s">
        <v>24162</v>
      </c>
      <c r="B38925" s="6">
        <v>648018</v>
      </c>
      <c r="C38925" s="7">
        <f t="shared" si="608"/>
        <v>648.01800000000003</v>
      </c>
    </row>
    <row r="38926" spans="1:3" x14ac:dyDescent="0.25">
      <c r="A38926" s="2" t="s">
        <v>24163</v>
      </c>
      <c r="B38926" s="6">
        <v>648034.64999999991</v>
      </c>
      <c r="C38926" s="7">
        <f t="shared" si="608"/>
        <v>648.03464999999994</v>
      </c>
    </row>
    <row r="38927" spans="1:3" x14ac:dyDescent="0.25">
      <c r="A38927" s="2" t="s">
        <v>24164</v>
      </c>
      <c r="B38927" s="6">
        <v>648051.29999999993</v>
      </c>
      <c r="C38927" s="7">
        <f t="shared" si="608"/>
        <v>648.05129999999997</v>
      </c>
    </row>
    <row r="38928" spans="1:3" x14ac:dyDescent="0.25">
      <c r="A38928" s="2" t="s">
        <v>24165</v>
      </c>
      <c r="B38928" s="6">
        <v>648067.94999999995</v>
      </c>
      <c r="C38928" s="7">
        <f t="shared" si="608"/>
        <v>648.06795</v>
      </c>
    </row>
    <row r="38929" spans="1:3" x14ac:dyDescent="0.25">
      <c r="A38929" s="2" t="s">
        <v>24166</v>
      </c>
      <c r="B38929" s="6">
        <v>648084.6</v>
      </c>
      <c r="C38929" s="7">
        <f t="shared" si="608"/>
        <v>648.08460000000002</v>
      </c>
    </row>
    <row r="38930" spans="1:3" x14ac:dyDescent="0.25">
      <c r="A38930" s="2" t="s">
        <v>24167</v>
      </c>
      <c r="B38930" s="6">
        <v>648101.25</v>
      </c>
      <c r="C38930" s="7">
        <f t="shared" si="608"/>
        <v>648.10125000000005</v>
      </c>
    </row>
    <row r="38931" spans="1:3" x14ac:dyDescent="0.25">
      <c r="A38931" s="2" t="s">
        <v>24168</v>
      </c>
      <c r="B38931" s="6">
        <v>648117.89999999991</v>
      </c>
      <c r="C38931" s="7">
        <f t="shared" si="608"/>
        <v>648.11789999999996</v>
      </c>
    </row>
    <row r="38932" spans="1:3" x14ac:dyDescent="0.25">
      <c r="A38932" s="2" t="s">
        <v>24169</v>
      </c>
      <c r="B38932" s="6">
        <v>648134.54999999993</v>
      </c>
      <c r="C38932" s="7">
        <f t="shared" si="608"/>
        <v>648.13454999999988</v>
      </c>
    </row>
    <row r="38933" spans="1:3" x14ac:dyDescent="0.25">
      <c r="A38933" s="2" t="s">
        <v>24170</v>
      </c>
      <c r="B38933" s="6">
        <v>648151.19999999995</v>
      </c>
      <c r="C38933" s="7">
        <f t="shared" si="608"/>
        <v>648.1511999999999</v>
      </c>
    </row>
    <row r="38934" spans="1:3" x14ac:dyDescent="0.25">
      <c r="A38934" s="2" t="s">
        <v>24171</v>
      </c>
      <c r="B38934" s="6">
        <v>648167.85</v>
      </c>
      <c r="C38934" s="7">
        <f t="shared" si="608"/>
        <v>648.16784999999993</v>
      </c>
    </row>
    <row r="38935" spans="1:3" x14ac:dyDescent="0.25">
      <c r="A38935" s="2" t="s">
        <v>24172</v>
      </c>
      <c r="B38935" s="6">
        <v>648184.5</v>
      </c>
      <c r="C38935" s="7">
        <f t="shared" si="608"/>
        <v>648.18449999999996</v>
      </c>
    </row>
    <row r="38936" spans="1:3" x14ac:dyDescent="0.25">
      <c r="A38936" s="2" t="s">
        <v>24173</v>
      </c>
      <c r="B38936" s="6">
        <v>648201.14999999991</v>
      </c>
      <c r="C38936" s="7">
        <f t="shared" si="608"/>
        <v>648.20114999999987</v>
      </c>
    </row>
    <row r="38937" spans="1:3" x14ac:dyDescent="0.25">
      <c r="A38937" s="2" t="s">
        <v>24174</v>
      </c>
      <c r="B38937" s="6">
        <v>648217.79999999993</v>
      </c>
      <c r="C38937" s="7">
        <f t="shared" si="608"/>
        <v>648.2177999999999</v>
      </c>
    </row>
    <row r="38938" spans="1:3" x14ac:dyDescent="0.25">
      <c r="A38938" s="2" t="s">
        <v>24175</v>
      </c>
      <c r="B38938" s="6">
        <v>648234.44999999995</v>
      </c>
      <c r="C38938" s="7">
        <f t="shared" si="608"/>
        <v>648.23444999999992</v>
      </c>
    </row>
    <row r="38939" spans="1:3" x14ac:dyDescent="0.25">
      <c r="A38939" s="2" t="s">
        <v>24176</v>
      </c>
      <c r="B38939" s="6">
        <v>648251.1</v>
      </c>
      <c r="C38939" s="7">
        <f t="shared" si="608"/>
        <v>648.25109999999995</v>
      </c>
    </row>
    <row r="38940" spans="1:3" x14ac:dyDescent="0.25">
      <c r="A38940" s="2" t="s">
        <v>24177</v>
      </c>
      <c r="B38940" s="6">
        <v>648267.75</v>
      </c>
      <c r="C38940" s="7">
        <f t="shared" si="608"/>
        <v>648.26774999999998</v>
      </c>
    </row>
    <row r="38941" spans="1:3" x14ac:dyDescent="0.25">
      <c r="A38941" s="2" t="s">
        <v>24178</v>
      </c>
      <c r="B38941" s="6">
        <v>648284.39999999991</v>
      </c>
      <c r="C38941" s="7">
        <f t="shared" si="608"/>
        <v>648.28439999999989</v>
      </c>
    </row>
    <row r="38942" spans="1:3" x14ac:dyDescent="0.25">
      <c r="A38942" s="2" t="s">
        <v>24179</v>
      </c>
      <c r="B38942" s="6">
        <v>648301.04999999993</v>
      </c>
      <c r="C38942" s="7">
        <f t="shared" si="608"/>
        <v>648.30104999999992</v>
      </c>
    </row>
    <row r="38943" spans="1:3" x14ac:dyDescent="0.25">
      <c r="A38943" s="2" t="s">
        <v>24180</v>
      </c>
      <c r="B38943" s="6">
        <v>648317.69999999995</v>
      </c>
      <c r="C38943" s="7">
        <f t="shared" si="608"/>
        <v>648.31769999999995</v>
      </c>
    </row>
    <row r="38944" spans="1:3" x14ac:dyDescent="0.25">
      <c r="A38944" s="2" t="s">
        <v>24181</v>
      </c>
      <c r="B38944" s="6">
        <v>648334.35</v>
      </c>
      <c r="C38944" s="7">
        <f t="shared" si="608"/>
        <v>648.33434999999997</v>
      </c>
    </row>
    <row r="38945" spans="1:3" x14ac:dyDescent="0.25">
      <c r="A38945" s="2" t="s">
        <v>24182</v>
      </c>
      <c r="B38945" s="6">
        <v>648351</v>
      </c>
      <c r="C38945" s="7">
        <f t="shared" si="608"/>
        <v>648.351</v>
      </c>
    </row>
    <row r="38946" spans="1:3" x14ac:dyDescent="0.25">
      <c r="A38946" s="2" t="s">
        <v>24183</v>
      </c>
      <c r="B38946" s="6">
        <v>648367.64999999991</v>
      </c>
      <c r="C38946" s="7">
        <f t="shared" si="608"/>
        <v>648.36764999999991</v>
      </c>
    </row>
    <row r="38947" spans="1:3" x14ac:dyDescent="0.25">
      <c r="A38947" s="2" t="s">
        <v>24184</v>
      </c>
      <c r="B38947" s="6">
        <v>648384.29999999993</v>
      </c>
      <c r="C38947" s="7">
        <f t="shared" si="608"/>
        <v>648.38429999999994</v>
      </c>
    </row>
    <row r="38948" spans="1:3" x14ac:dyDescent="0.25">
      <c r="A38948" s="2" t="s">
        <v>24185</v>
      </c>
      <c r="B38948" s="6">
        <v>648400.94999999995</v>
      </c>
      <c r="C38948" s="7">
        <f t="shared" si="608"/>
        <v>648.40094999999997</v>
      </c>
    </row>
    <row r="38949" spans="1:3" x14ac:dyDescent="0.25">
      <c r="A38949" s="2" t="s">
        <v>24186</v>
      </c>
      <c r="B38949" s="6">
        <v>648417.6</v>
      </c>
      <c r="C38949" s="7">
        <f t="shared" si="608"/>
        <v>648.41759999999999</v>
      </c>
    </row>
    <row r="38950" spans="1:3" x14ac:dyDescent="0.25">
      <c r="A38950" s="2" t="s">
        <v>24187</v>
      </c>
      <c r="B38950" s="6">
        <v>648434.25</v>
      </c>
      <c r="C38950" s="7">
        <f t="shared" si="608"/>
        <v>648.43425000000002</v>
      </c>
    </row>
    <row r="38951" spans="1:3" x14ac:dyDescent="0.25">
      <c r="A38951" s="2" t="s">
        <v>24188</v>
      </c>
      <c r="B38951" s="6">
        <v>648450.89999999991</v>
      </c>
      <c r="C38951" s="7">
        <f t="shared" si="608"/>
        <v>648.45089999999993</v>
      </c>
    </row>
    <row r="38952" spans="1:3" x14ac:dyDescent="0.25">
      <c r="A38952" s="2" t="s">
        <v>24189</v>
      </c>
      <c r="B38952" s="6">
        <v>648467.54999999993</v>
      </c>
      <c r="C38952" s="7">
        <f t="shared" si="608"/>
        <v>648.46754999999996</v>
      </c>
    </row>
    <row r="38953" spans="1:3" x14ac:dyDescent="0.25">
      <c r="A38953" s="2" t="s">
        <v>24190</v>
      </c>
      <c r="B38953" s="6">
        <v>648484.19999999995</v>
      </c>
      <c r="C38953" s="7">
        <f t="shared" si="608"/>
        <v>648.48419999999999</v>
      </c>
    </row>
    <row r="38954" spans="1:3" x14ac:dyDescent="0.25">
      <c r="A38954" s="2" t="s">
        <v>24191</v>
      </c>
      <c r="B38954" s="6">
        <v>648500.85</v>
      </c>
      <c r="C38954" s="7">
        <f t="shared" si="608"/>
        <v>648.50085000000001</v>
      </c>
    </row>
    <row r="38955" spans="1:3" x14ac:dyDescent="0.25">
      <c r="A38955" s="2" t="s">
        <v>24192</v>
      </c>
      <c r="B38955" s="6">
        <v>648517.5</v>
      </c>
      <c r="C38955" s="7">
        <f t="shared" si="608"/>
        <v>648.51750000000004</v>
      </c>
    </row>
    <row r="38956" spans="1:3" x14ac:dyDescent="0.25">
      <c r="A38956" s="2" t="s">
        <v>24193</v>
      </c>
      <c r="B38956" s="6">
        <v>648534.14999999991</v>
      </c>
      <c r="C38956" s="7">
        <f t="shared" si="608"/>
        <v>648.53414999999995</v>
      </c>
    </row>
    <row r="38957" spans="1:3" x14ac:dyDescent="0.25">
      <c r="A38957" s="2" t="s">
        <v>24194</v>
      </c>
      <c r="B38957" s="6">
        <v>648550.79999999993</v>
      </c>
      <c r="C38957" s="7">
        <f t="shared" si="608"/>
        <v>648.55079999999998</v>
      </c>
    </row>
    <row r="38958" spans="1:3" x14ac:dyDescent="0.25">
      <c r="A38958" s="2" t="s">
        <v>24195</v>
      </c>
      <c r="B38958" s="6">
        <v>648567.44999999995</v>
      </c>
      <c r="C38958" s="7">
        <f t="shared" si="608"/>
        <v>648.56745000000001</v>
      </c>
    </row>
    <row r="38959" spans="1:3" x14ac:dyDescent="0.25">
      <c r="A38959" s="2" t="s">
        <v>24196</v>
      </c>
      <c r="B38959" s="6">
        <v>648584.1</v>
      </c>
      <c r="C38959" s="7">
        <f t="shared" si="608"/>
        <v>648.58409999999992</v>
      </c>
    </row>
    <row r="38960" spans="1:3" x14ac:dyDescent="0.25">
      <c r="A38960" s="2" t="s">
        <v>24197</v>
      </c>
      <c r="B38960" s="6">
        <v>648600.75</v>
      </c>
      <c r="C38960" s="7">
        <f t="shared" si="608"/>
        <v>648.60074999999995</v>
      </c>
    </row>
    <row r="38961" spans="1:3" x14ac:dyDescent="0.25">
      <c r="A38961" s="2" t="s">
        <v>24198</v>
      </c>
      <c r="B38961" s="6">
        <v>648617.39999999991</v>
      </c>
      <c r="C38961" s="7">
        <f t="shared" si="608"/>
        <v>648.61739999999986</v>
      </c>
    </row>
    <row r="38962" spans="1:3" x14ac:dyDescent="0.25">
      <c r="A38962" s="2" t="s">
        <v>24199</v>
      </c>
      <c r="B38962" s="6">
        <v>648634.04999999993</v>
      </c>
      <c r="C38962" s="7">
        <f t="shared" si="608"/>
        <v>648.63404999999989</v>
      </c>
    </row>
    <row r="38963" spans="1:3" x14ac:dyDescent="0.25">
      <c r="A38963" s="2" t="s">
        <v>24200</v>
      </c>
      <c r="B38963" s="6">
        <v>648650.69999999995</v>
      </c>
      <c r="C38963" s="7">
        <f t="shared" si="608"/>
        <v>648.65069999999992</v>
      </c>
    </row>
    <row r="38964" spans="1:3" x14ac:dyDescent="0.25">
      <c r="A38964" s="2" t="s">
        <v>24201</v>
      </c>
      <c r="B38964" s="6">
        <v>648667.35</v>
      </c>
      <c r="C38964" s="7">
        <f t="shared" si="608"/>
        <v>648.66734999999994</v>
      </c>
    </row>
    <row r="38965" spans="1:3" x14ac:dyDescent="0.25">
      <c r="A38965" s="2" t="s">
        <v>24202</v>
      </c>
      <c r="B38965" s="6">
        <v>648684</v>
      </c>
      <c r="C38965" s="7">
        <f t="shared" si="608"/>
        <v>648.68399999999997</v>
      </c>
    </row>
    <row r="38966" spans="1:3" x14ac:dyDescent="0.25">
      <c r="A38966" s="2" t="s">
        <v>24203</v>
      </c>
      <c r="B38966" s="6">
        <v>648700.64999999991</v>
      </c>
      <c r="C38966" s="7">
        <f t="shared" si="608"/>
        <v>648.70064999999988</v>
      </c>
    </row>
    <row r="38967" spans="1:3" x14ac:dyDescent="0.25">
      <c r="A38967" s="2" t="s">
        <v>24204</v>
      </c>
      <c r="B38967" s="6">
        <v>648717.29999999993</v>
      </c>
      <c r="C38967" s="7">
        <f t="shared" si="608"/>
        <v>648.71729999999991</v>
      </c>
    </row>
    <row r="38968" spans="1:3" x14ac:dyDescent="0.25">
      <c r="A38968" s="2" t="s">
        <v>24205</v>
      </c>
      <c r="B38968" s="6">
        <v>648733.94999999995</v>
      </c>
      <c r="C38968" s="7">
        <f t="shared" si="608"/>
        <v>648.73394999999994</v>
      </c>
    </row>
    <row r="38969" spans="1:3" x14ac:dyDescent="0.25">
      <c r="A38969" s="2" t="s">
        <v>24206</v>
      </c>
      <c r="B38969" s="6">
        <v>648750.6</v>
      </c>
      <c r="C38969" s="7">
        <f t="shared" si="608"/>
        <v>648.75059999999996</v>
      </c>
    </row>
    <row r="38970" spans="1:3" x14ac:dyDescent="0.25">
      <c r="A38970" s="2" t="s">
        <v>24207</v>
      </c>
      <c r="B38970" s="6">
        <v>648767.25</v>
      </c>
      <c r="C38970" s="7">
        <f t="shared" si="608"/>
        <v>648.76724999999999</v>
      </c>
    </row>
    <row r="38971" spans="1:3" x14ac:dyDescent="0.25">
      <c r="A38971" s="2" t="s">
        <v>24208</v>
      </c>
      <c r="B38971" s="6">
        <v>648783.89999999991</v>
      </c>
      <c r="C38971" s="7">
        <f t="shared" si="608"/>
        <v>648.7838999999999</v>
      </c>
    </row>
    <row r="38972" spans="1:3" x14ac:dyDescent="0.25">
      <c r="A38972" s="2" t="s">
        <v>24209</v>
      </c>
      <c r="B38972" s="6">
        <v>648800.54999999993</v>
      </c>
      <c r="C38972" s="7">
        <f t="shared" si="608"/>
        <v>648.80054999999993</v>
      </c>
    </row>
    <row r="38973" spans="1:3" x14ac:dyDescent="0.25">
      <c r="A38973" s="2" t="s">
        <v>24210</v>
      </c>
      <c r="B38973" s="6">
        <v>648817.19999999995</v>
      </c>
      <c r="C38973" s="7">
        <f t="shared" si="608"/>
        <v>648.81719999999996</v>
      </c>
    </row>
    <row r="38974" spans="1:3" x14ac:dyDescent="0.25">
      <c r="A38974" s="2" t="s">
        <v>24211</v>
      </c>
      <c r="B38974" s="6">
        <v>648833.85</v>
      </c>
      <c r="C38974" s="7">
        <f t="shared" si="608"/>
        <v>648.83384999999998</v>
      </c>
    </row>
    <row r="38975" spans="1:3" x14ac:dyDescent="0.25">
      <c r="A38975" s="2" t="s">
        <v>24212</v>
      </c>
      <c r="B38975" s="6">
        <v>648850.5</v>
      </c>
      <c r="C38975" s="7">
        <f t="shared" si="608"/>
        <v>648.85050000000001</v>
      </c>
    </row>
    <row r="38976" spans="1:3" x14ac:dyDescent="0.25">
      <c r="A38976" s="2" t="s">
        <v>24213</v>
      </c>
      <c r="B38976" s="6">
        <v>648867.14999999991</v>
      </c>
      <c r="C38976" s="7">
        <f t="shared" si="608"/>
        <v>648.86714999999992</v>
      </c>
    </row>
    <row r="38977" spans="1:3" x14ac:dyDescent="0.25">
      <c r="A38977" s="2" t="s">
        <v>24214</v>
      </c>
      <c r="B38977" s="6">
        <v>648883.79999999993</v>
      </c>
      <c r="C38977" s="7">
        <f t="shared" si="608"/>
        <v>648.88379999999995</v>
      </c>
    </row>
    <row r="38978" spans="1:3" x14ac:dyDescent="0.25">
      <c r="A38978" s="2" t="s">
        <v>24215</v>
      </c>
      <c r="B38978" s="6">
        <v>648900.44999999995</v>
      </c>
      <c r="C38978" s="7">
        <f t="shared" si="608"/>
        <v>648.90044999999998</v>
      </c>
    </row>
    <row r="38979" spans="1:3" x14ac:dyDescent="0.25">
      <c r="A38979" s="2" t="s">
        <v>24216</v>
      </c>
      <c r="B38979" s="6">
        <v>648917.1</v>
      </c>
      <c r="C38979" s="7">
        <f t="shared" ref="C38979:C39042" si="609">B38979/1000</f>
        <v>648.9171</v>
      </c>
    </row>
    <row r="38980" spans="1:3" x14ac:dyDescent="0.25">
      <c r="A38980" s="2" t="s">
        <v>24217</v>
      </c>
      <c r="B38980" s="6">
        <v>648933.75</v>
      </c>
      <c r="C38980" s="7">
        <f t="shared" si="609"/>
        <v>648.93375000000003</v>
      </c>
    </row>
    <row r="38981" spans="1:3" x14ac:dyDescent="0.25">
      <c r="A38981" s="2" t="s">
        <v>24218</v>
      </c>
      <c r="B38981" s="6">
        <v>648950.39999999991</v>
      </c>
      <c r="C38981" s="7">
        <f t="shared" si="609"/>
        <v>648.95039999999995</v>
      </c>
    </row>
    <row r="38982" spans="1:3" x14ac:dyDescent="0.25">
      <c r="A38982" s="2" t="s">
        <v>24219</v>
      </c>
      <c r="B38982" s="6">
        <v>648967.04999999993</v>
      </c>
      <c r="C38982" s="7">
        <f t="shared" si="609"/>
        <v>648.96704999999997</v>
      </c>
    </row>
    <row r="38983" spans="1:3" x14ac:dyDescent="0.25">
      <c r="A38983" s="2" t="s">
        <v>24220</v>
      </c>
      <c r="B38983" s="6">
        <v>648983.69999999995</v>
      </c>
      <c r="C38983" s="7">
        <f t="shared" si="609"/>
        <v>648.9837</v>
      </c>
    </row>
    <row r="38984" spans="1:3" x14ac:dyDescent="0.25">
      <c r="A38984" s="2" t="s">
        <v>24221</v>
      </c>
      <c r="B38984" s="6">
        <v>649000.35</v>
      </c>
      <c r="C38984" s="7">
        <f t="shared" si="609"/>
        <v>649.00035000000003</v>
      </c>
    </row>
    <row r="38985" spans="1:3" x14ac:dyDescent="0.25">
      <c r="A38985" s="2" t="s">
        <v>24222</v>
      </c>
      <c r="B38985" s="6">
        <v>649017</v>
      </c>
      <c r="C38985" s="7">
        <f t="shared" si="609"/>
        <v>649.01700000000005</v>
      </c>
    </row>
    <row r="38986" spans="1:3" x14ac:dyDescent="0.25">
      <c r="A38986" s="2" t="s">
        <v>24223</v>
      </c>
      <c r="B38986" s="6">
        <v>649033.64999999991</v>
      </c>
      <c r="C38986" s="7">
        <f t="shared" si="609"/>
        <v>649.03364999999985</v>
      </c>
    </row>
    <row r="38987" spans="1:3" x14ac:dyDescent="0.25">
      <c r="A38987" s="2" t="s">
        <v>24224</v>
      </c>
      <c r="B38987" s="6">
        <v>649050.29999999993</v>
      </c>
      <c r="C38987" s="7">
        <f t="shared" si="609"/>
        <v>649.05029999999988</v>
      </c>
    </row>
    <row r="38988" spans="1:3" x14ac:dyDescent="0.25">
      <c r="A38988" s="2" t="s">
        <v>24225</v>
      </c>
      <c r="B38988" s="6">
        <v>649066.94999999995</v>
      </c>
      <c r="C38988" s="7">
        <f t="shared" si="609"/>
        <v>649.06694999999991</v>
      </c>
    </row>
    <row r="38989" spans="1:3" x14ac:dyDescent="0.25">
      <c r="A38989" s="2" t="s">
        <v>24226</v>
      </c>
      <c r="B38989" s="6">
        <v>649083.6</v>
      </c>
      <c r="C38989" s="7">
        <f t="shared" si="609"/>
        <v>649.08359999999993</v>
      </c>
    </row>
    <row r="38990" spans="1:3" x14ac:dyDescent="0.25">
      <c r="A38990" s="2" t="s">
        <v>24227</v>
      </c>
      <c r="B38990" s="6">
        <v>649100.25</v>
      </c>
      <c r="C38990" s="7">
        <f t="shared" si="609"/>
        <v>649.10024999999996</v>
      </c>
    </row>
    <row r="38991" spans="1:3" x14ac:dyDescent="0.25">
      <c r="A38991" s="2" t="s">
        <v>24228</v>
      </c>
      <c r="B38991" s="6">
        <v>649116.89999999991</v>
      </c>
      <c r="C38991" s="7">
        <f t="shared" si="609"/>
        <v>649.11689999999987</v>
      </c>
    </row>
    <row r="38992" spans="1:3" x14ac:dyDescent="0.25">
      <c r="A38992" s="2" t="s">
        <v>24229</v>
      </c>
      <c r="B38992" s="6">
        <v>649133.54999999993</v>
      </c>
      <c r="C38992" s="7">
        <f t="shared" si="609"/>
        <v>649.1335499999999</v>
      </c>
    </row>
    <row r="38993" spans="1:3" x14ac:dyDescent="0.25">
      <c r="A38993" s="2" t="s">
        <v>24230</v>
      </c>
      <c r="B38993" s="6">
        <v>649150.19999999995</v>
      </c>
      <c r="C38993" s="7">
        <f t="shared" si="609"/>
        <v>649.15019999999993</v>
      </c>
    </row>
    <row r="38994" spans="1:3" x14ac:dyDescent="0.25">
      <c r="A38994" s="2" t="s">
        <v>24231</v>
      </c>
      <c r="B38994" s="6">
        <v>649166.85</v>
      </c>
      <c r="C38994" s="7">
        <f t="shared" si="609"/>
        <v>649.16684999999995</v>
      </c>
    </row>
    <row r="38995" spans="1:3" x14ac:dyDescent="0.25">
      <c r="A38995" s="2" t="s">
        <v>24232</v>
      </c>
      <c r="B38995" s="6">
        <v>649183.5</v>
      </c>
      <c r="C38995" s="7">
        <f t="shared" si="609"/>
        <v>649.18349999999998</v>
      </c>
    </row>
    <row r="38996" spans="1:3" x14ac:dyDescent="0.25">
      <c r="A38996" s="2" t="s">
        <v>24233</v>
      </c>
      <c r="B38996" s="6">
        <v>649200.14999999991</v>
      </c>
      <c r="C38996" s="7">
        <f t="shared" si="609"/>
        <v>649.20014999999989</v>
      </c>
    </row>
    <row r="38997" spans="1:3" x14ac:dyDescent="0.25">
      <c r="A38997" s="2" t="s">
        <v>24234</v>
      </c>
      <c r="B38997" s="6">
        <v>649216.79999999993</v>
      </c>
      <c r="C38997" s="7">
        <f t="shared" si="609"/>
        <v>649.21679999999992</v>
      </c>
    </row>
    <row r="38998" spans="1:3" x14ac:dyDescent="0.25">
      <c r="A38998" s="2" t="s">
        <v>24235</v>
      </c>
      <c r="B38998" s="6">
        <v>649233.44999999995</v>
      </c>
      <c r="C38998" s="7">
        <f t="shared" si="609"/>
        <v>649.23344999999995</v>
      </c>
    </row>
    <row r="38999" spans="1:3" x14ac:dyDescent="0.25">
      <c r="A38999" s="2" t="s">
        <v>24236</v>
      </c>
      <c r="B38999" s="6">
        <v>649250.1</v>
      </c>
      <c r="C38999" s="7">
        <f t="shared" si="609"/>
        <v>649.25009999999997</v>
      </c>
    </row>
    <row r="39000" spans="1:3" x14ac:dyDescent="0.25">
      <c r="A39000" s="2" t="s">
        <v>24237</v>
      </c>
      <c r="B39000" s="6">
        <v>649266.75</v>
      </c>
      <c r="C39000" s="7">
        <f t="shared" si="609"/>
        <v>649.26675</v>
      </c>
    </row>
    <row r="39001" spans="1:3" x14ac:dyDescent="0.25">
      <c r="A39001" s="2" t="s">
        <v>24238</v>
      </c>
      <c r="B39001" s="6">
        <v>649283.39999999991</v>
      </c>
      <c r="C39001" s="7">
        <f t="shared" si="609"/>
        <v>649.28339999999992</v>
      </c>
    </row>
    <row r="39002" spans="1:3" x14ac:dyDescent="0.25">
      <c r="A39002" s="2" t="s">
        <v>24239</v>
      </c>
      <c r="B39002" s="6">
        <v>649300.04999999993</v>
      </c>
      <c r="C39002" s="7">
        <f t="shared" si="609"/>
        <v>649.30004999999994</v>
      </c>
    </row>
    <row r="39003" spans="1:3" x14ac:dyDescent="0.25">
      <c r="A39003" s="2" t="s">
        <v>24240</v>
      </c>
      <c r="B39003" s="6">
        <v>649316.69999999995</v>
      </c>
      <c r="C39003" s="7">
        <f t="shared" si="609"/>
        <v>649.31669999999997</v>
      </c>
    </row>
    <row r="39004" spans="1:3" x14ac:dyDescent="0.25">
      <c r="A39004" s="2" t="s">
        <v>24241</v>
      </c>
      <c r="B39004" s="6">
        <v>649333.35</v>
      </c>
      <c r="C39004" s="7">
        <f t="shared" si="609"/>
        <v>649.33335</v>
      </c>
    </row>
    <row r="39005" spans="1:3" x14ac:dyDescent="0.25">
      <c r="A39005" s="2" t="s">
        <v>24242</v>
      </c>
      <c r="B39005" s="6">
        <v>649350</v>
      </c>
      <c r="C39005" s="7">
        <f t="shared" si="609"/>
        <v>649.35</v>
      </c>
    </row>
    <row r="39006" spans="1:3" x14ac:dyDescent="0.25">
      <c r="A39006" s="2" t="s">
        <v>24243</v>
      </c>
      <c r="B39006" s="6">
        <v>649366.64999999991</v>
      </c>
      <c r="C39006" s="7">
        <f t="shared" si="609"/>
        <v>649.36664999999994</v>
      </c>
    </row>
    <row r="39007" spans="1:3" x14ac:dyDescent="0.25">
      <c r="A39007" s="2" t="s">
        <v>24244</v>
      </c>
      <c r="B39007" s="6">
        <v>649383.29999999993</v>
      </c>
      <c r="C39007" s="7">
        <f t="shared" si="609"/>
        <v>649.38329999999996</v>
      </c>
    </row>
    <row r="39008" spans="1:3" x14ac:dyDescent="0.25">
      <c r="A39008" s="2" t="s">
        <v>24245</v>
      </c>
      <c r="B39008" s="6">
        <v>649399.94999999995</v>
      </c>
      <c r="C39008" s="7">
        <f t="shared" si="609"/>
        <v>649.39994999999999</v>
      </c>
    </row>
    <row r="39009" spans="1:3" x14ac:dyDescent="0.25">
      <c r="A39009" s="2" t="s">
        <v>24246</v>
      </c>
      <c r="B39009" s="6">
        <v>649416.6</v>
      </c>
      <c r="C39009" s="7">
        <f t="shared" si="609"/>
        <v>649.41660000000002</v>
      </c>
    </row>
    <row r="39010" spans="1:3" x14ac:dyDescent="0.25">
      <c r="A39010" s="2" t="s">
        <v>24247</v>
      </c>
      <c r="B39010" s="6">
        <v>649433.25</v>
      </c>
      <c r="C39010" s="7">
        <f t="shared" si="609"/>
        <v>649.43325000000004</v>
      </c>
    </row>
    <row r="39011" spans="1:3" x14ac:dyDescent="0.25">
      <c r="A39011" s="2" t="s">
        <v>24248</v>
      </c>
      <c r="B39011" s="6">
        <v>649449.89999999991</v>
      </c>
      <c r="C39011" s="7">
        <f t="shared" si="609"/>
        <v>649.44989999999996</v>
      </c>
    </row>
    <row r="39012" spans="1:3" x14ac:dyDescent="0.25">
      <c r="A39012" s="2" t="s">
        <v>24249</v>
      </c>
      <c r="B39012" s="6">
        <v>649466.54999999993</v>
      </c>
      <c r="C39012" s="7">
        <f t="shared" si="609"/>
        <v>649.46654999999998</v>
      </c>
    </row>
    <row r="39013" spans="1:3" x14ac:dyDescent="0.25">
      <c r="A39013" s="2" t="s">
        <v>24250</v>
      </c>
      <c r="B39013" s="6">
        <v>649483.19999999995</v>
      </c>
      <c r="C39013" s="7">
        <f t="shared" si="609"/>
        <v>649.4831999999999</v>
      </c>
    </row>
    <row r="39014" spans="1:3" x14ac:dyDescent="0.25">
      <c r="A39014" s="2" t="s">
        <v>24251</v>
      </c>
      <c r="B39014" s="6">
        <v>649499.85</v>
      </c>
      <c r="C39014" s="7">
        <f t="shared" si="609"/>
        <v>649.49984999999992</v>
      </c>
    </row>
    <row r="39015" spans="1:3" x14ac:dyDescent="0.25">
      <c r="A39015" s="2" t="s">
        <v>24252</v>
      </c>
      <c r="B39015" s="6">
        <v>649516.5</v>
      </c>
      <c r="C39015" s="7">
        <f t="shared" si="609"/>
        <v>649.51649999999995</v>
      </c>
    </row>
    <row r="39016" spans="1:3" x14ac:dyDescent="0.25">
      <c r="A39016" s="2" t="s">
        <v>24253</v>
      </c>
      <c r="B39016" s="6">
        <v>649533.14999999991</v>
      </c>
      <c r="C39016" s="7">
        <f t="shared" si="609"/>
        <v>649.53314999999986</v>
      </c>
    </row>
    <row r="39017" spans="1:3" x14ac:dyDescent="0.25">
      <c r="A39017" s="2" t="s">
        <v>24254</v>
      </c>
      <c r="B39017" s="6">
        <v>649549.79999999993</v>
      </c>
      <c r="C39017" s="7">
        <f t="shared" si="609"/>
        <v>649.54979999999989</v>
      </c>
    </row>
    <row r="39018" spans="1:3" x14ac:dyDescent="0.25">
      <c r="A39018" s="2" t="s">
        <v>24255</v>
      </c>
      <c r="B39018" s="6">
        <v>649566.44999999995</v>
      </c>
      <c r="C39018" s="7">
        <f t="shared" si="609"/>
        <v>649.56644999999992</v>
      </c>
    </row>
    <row r="39019" spans="1:3" x14ac:dyDescent="0.25">
      <c r="A39019" s="2" t="s">
        <v>24256</v>
      </c>
      <c r="B39019" s="6">
        <v>649583.1</v>
      </c>
      <c r="C39019" s="7">
        <f t="shared" si="609"/>
        <v>649.58309999999994</v>
      </c>
    </row>
    <row r="39020" spans="1:3" x14ac:dyDescent="0.25">
      <c r="A39020" s="2" t="s">
        <v>24257</v>
      </c>
      <c r="B39020" s="6">
        <v>649599.75</v>
      </c>
      <c r="C39020" s="7">
        <f t="shared" si="609"/>
        <v>649.59974999999997</v>
      </c>
    </row>
    <row r="39021" spans="1:3" x14ac:dyDescent="0.25">
      <c r="A39021" s="2" t="s">
        <v>24258</v>
      </c>
      <c r="B39021" s="6">
        <v>649616.39999999991</v>
      </c>
      <c r="C39021" s="7">
        <f t="shared" si="609"/>
        <v>649.61639999999989</v>
      </c>
    </row>
    <row r="39022" spans="1:3" x14ac:dyDescent="0.25">
      <c r="A39022" s="2" t="s">
        <v>24259</v>
      </c>
      <c r="B39022" s="6">
        <v>649633.04999999993</v>
      </c>
      <c r="C39022" s="7">
        <f t="shared" si="609"/>
        <v>649.63304999999991</v>
      </c>
    </row>
    <row r="39023" spans="1:3" x14ac:dyDescent="0.25">
      <c r="A39023" s="2" t="s">
        <v>24260</v>
      </c>
      <c r="B39023" s="6">
        <v>649649.69999999995</v>
      </c>
      <c r="C39023" s="7">
        <f t="shared" si="609"/>
        <v>649.64969999999994</v>
      </c>
    </row>
    <row r="39024" spans="1:3" x14ac:dyDescent="0.25">
      <c r="A39024" s="2" t="s">
        <v>24261</v>
      </c>
      <c r="B39024" s="6">
        <v>649666.35</v>
      </c>
      <c r="C39024" s="7">
        <f t="shared" si="609"/>
        <v>649.66634999999997</v>
      </c>
    </row>
    <row r="39025" spans="1:3" x14ac:dyDescent="0.25">
      <c r="A39025" s="2" t="s">
        <v>24262</v>
      </c>
      <c r="B39025" s="6">
        <v>649683</v>
      </c>
      <c r="C39025" s="7">
        <f t="shared" si="609"/>
        <v>649.68299999999999</v>
      </c>
    </row>
    <row r="39026" spans="1:3" x14ac:dyDescent="0.25">
      <c r="A39026" s="2" t="s">
        <v>24263</v>
      </c>
      <c r="B39026" s="6">
        <v>649699.64999999991</v>
      </c>
      <c r="C39026" s="7">
        <f t="shared" si="609"/>
        <v>649.69964999999991</v>
      </c>
    </row>
    <row r="39027" spans="1:3" x14ac:dyDescent="0.25">
      <c r="A39027" s="2" t="s">
        <v>24264</v>
      </c>
      <c r="B39027" s="6">
        <v>649716.29999999993</v>
      </c>
      <c r="C39027" s="7">
        <f t="shared" si="609"/>
        <v>649.71629999999993</v>
      </c>
    </row>
    <row r="39028" spans="1:3" x14ac:dyDescent="0.25">
      <c r="A39028" s="2" t="s">
        <v>24265</v>
      </c>
      <c r="B39028" s="6">
        <v>649732.94999999995</v>
      </c>
      <c r="C39028" s="7">
        <f t="shared" si="609"/>
        <v>649.73294999999996</v>
      </c>
    </row>
    <row r="39029" spans="1:3" x14ac:dyDescent="0.25">
      <c r="A39029" s="2" t="s">
        <v>24266</v>
      </c>
      <c r="B39029" s="6">
        <v>649749.6</v>
      </c>
      <c r="C39029" s="7">
        <f t="shared" si="609"/>
        <v>649.74959999999999</v>
      </c>
    </row>
    <row r="39030" spans="1:3" x14ac:dyDescent="0.25">
      <c r="A39030" s="2" t="s">
        <v>24267</v>
      </c>
      <c r="B39030" s="6">
        <v>649766.25</v>
      </c>
      <c r="C39030" s="7">
        <f t="shared" si="609"/>
        <v>649.76625000000001</v>
      </c>
    </row>
    <row r="39031" spans="1:3" x14ac:dyDescent="0.25">
      <c r="A39031" s="2" t="s">
        <v>24268</v>
      </c>
      <c r="B39031" s="6">
        <v>649782.89999999991</v>
      </c>
      <c r="C39031" s="7">
        <f t="shared" si="609"/>
        <v>649.78289999999993</v>
      </c>
    </row>
    <row r="39032" spans="1:3" x14ac:dyDescent="0.25">
      <c r="A39032" s="2" t="s">
        <v>24269</v>
      </c>
      <c r="B39032" s="6">
        <v>649799.54999999993</v>
      </c>
      <c r="C39032" s="7">
        <f t="shared" si="609"/>
        <v>649.79954999999995</v>
      </c>
    </row>
    <row r="39033" spans="1:3" x14ac:dyDescent="0.25">
      <c r="A39033" s="2" t="s">
        <v>24270</v>
      </c>
      <c r="B39033" s="6">
        <v>649816.19999999995</v>
      </c>
      <c r="C39033" s="7">
        <f t="shared" si="609"/>
        <v>649.81619999999998</v>
      </c>
    </row>
    <row r="39034" spans="1:3" x14ac:dyDescent="0.25">
      <c r="A39034" s="2" t="s">
        <v>24271</v>
      </c>
      <c r="B39034" s="6">
        <v>649832.85</v>
      </c>
      <c r="C39034" s="7">
        <f t="shared" si="609"/>
        <v>649.83285000000001</v>
      </c>
    </row>
    <row r="39035" spans="1:3" x14ac:dyDescent="0.25">
      <c r="A39035" s="2" t="s">
        <v>24272</v>
      </c>
      <c r="B39035" s="6">
        <v>649849.5</v>
      </c>
      <c r="C39035" s="7">
        <f t="shared" si="609"/>
        <v>649.84950000000003</v>
      </c>
    </row>
    <row r="39036" spans="1:3" x14ac:dyDescent="0.25">
      <c r="A39036" s="2" t="s">
        <v>24273</v>
      </c>
      <c r="B39036" s="6">
        <v>649866.14999999991</v>
      </c>
      <c r="C39036" s="7">
        <f t="shared" si="609"/>
        <v>649.86614999999995</v>
      </c>
    </row>
    <row r="39037" spans="1:3" x14ac:dyDescent="0.25">
      <c r="A39037" s="2" t="s">
        <v>24274</v>
      </c>
      <c r="B39037" s="6">
        <v>649882.79999999993</v>
      </c>
      <c r="C39037" s="7">
        <f t="shared" si="609"/>
        <v>649.88279999999997</v>
      </c>
    </row>
    <row r="39038" spans="1:3" x14ac:dyDescent="0.25">
      <c r="A39038" s="2" t="s">
        <v>24275</v>
      </c>
      <c r="B39038" s="6">
        <v>649899.44999999995</v>
      </c>
      <c r="C39038" s="7">
        <f t="shared" si="609"/>
        <v>649.89945</v>
      </c>
    </row>
    <row r="39039" spans="1:3" x14ac:dyDescent="0.25">
      <c r="A39039" s="2" t="s">
        <v>24276</v>
      </c>
      <c r="B39039" s="6">
        <v>649916.1</v>
      </c>
      <c r="C39039" s="7">
        <f t="shared" si="609"/>
        <v>649.91610000000003</v>
      </c>
    </row>
    <row r="39040" spans="1:3" x14ac:dyDescent="0.25">
      <c r="A39040" s="2" t="s">
        <v>24277</v>
      </c>
      <c r="B39040" s="6">
        <v>649932.75</v>
      </c>
      <c r="C39040" s="7">
        <f t="shared" si="609"/>
        <v>649.93275000000006</v>
      </c>
    </row>
    <row r="39041" spans="1:3" x14ac:dyDescent="0.25">
      <c r="A39041" s="2" t="s">
        <v>24278</v>
      </c>
      <c r="B39041" s="6">
        <v>649949.39999999991</v>
      </c>
      <c r="C39041" s="7">
        <f t="shared" si="609"/>
        <v>649.94939999999986</v>
      </c>
    </row>
    <row r="39042" spans="1:3" x14ac:dyDescent="0.25">
      <c r="A39042" s="2" t="s">
        <v>24279</v>
      </c>
      <c r="B39042" s="6">
        <v>649966.04999999993</v>
      </c>
      <c r="C39042" s="7">
        <f t="shared" si="609"/>
        <v>649.96604999999988</v>
      </c>
    </row>
    <row r="39043" spans="1:3" x14ac:dyDescent="0.25">
      <c r="A39043" s="2" t="s">
        <v>24280</v>
      </c>
      <c r="B39043" s="6">
        <v>649982.69999999995</v>
      </c>
      <c r="C39043" s="7">
        <f t="shared" ref="C39043:C39106" si="610">B39043/1000</f>
        <v>649.98269999999991</v>
      </c>
    </row>
    <row r="39044" spans="1:3" x14ac:dyDescent="0.25">
      <c r="A39044" s="2" t="s">
        <v>24281</v>
      </c>
      <c r="B39044" s="6">
        <v>649999.35</v>
      </c>
      <c r="C39044" s="7">
        <f t="shared" si="610"/>
        <v>649.99934999999994</v>
      </c>
    </row>
    <row r="39045" spans="1:3" x14ac:dyDescent="0.25">
      <c r="A39045" s="2" t="s">
        <v>24282</v>
      </c>
      <c r="B39045" s="6">
        <v>650016</v>
      </c>
      <c r="C39045" s="7">
        <f t="shared" si="610"/>
        <v>650.01599999999996</v>
      </c>
    </row>
    <row r="39046" spans="1:3" x14ac:dyDescent="0.25">
      <c r="A39046" s="2" t="s">
        <v>24283</v>
      </c>
      <c r="B39046" s="6">
        <v>650032.64999999991</v>
      </c>
      <c r="C39046" s="7">
        <f t="shared" si="610"/>
        <v>650.03264999999988</v>
      </c>
    </row>
    <row r="39047" spans="1:3" x14ac:dyDescent="0.25">
      <c r="A39047" s="2" t="s">
        <v>24284</v>
      </c>
      <c r="B39047" s="6">
        <v>650049.29999999993</v>
      </c>
      <c r="C39047" s="7">
        <f t="shared" si="610"/>
        <v>650.0492999999999</v>
      </c>
    </row>
    <row r="39048" spans="1:3" x14ac:dyDescent="0.25">
      <c r="A39048" s="2" t="s">
        <v>24285</v>
      </c>
      <c r="B39048" s="6">
        <v>650065.94999999995</v>
      </c>
      <c r="C39048" s="7">
        <f t="shared" si="610"/>
        <v>650.06594999999993</v>
      </c>
    </row>
    <row r="39049" spans="1:3" x14ac:dyDescent="0.25">
      <c r="A39049" s="2" t="s">
        <v>24286</v>
      </c>
      <c r="B39049" s="6">
        <v>650082.6</v>
      </c>
      <c r="C39049" s="7">
        <f t="shared" si="610"/>
        <v>650.08259999999996</v>
      </c>
    </row>
    <row r="39050" spans="1:3" x14ac:dyDescent="0.25">
      <c r="A39050" s="2" t="s">
        <v>24287</v>
      </c>
      <c r="B39050" s="6">
        <v>650099.25</v>
      </c>
      <c r="C39050" s="7">
        <f t="shared" si="610"/>
        <v>650.09924999999998</v>
      </c>
    </row>
    <row r="39051" spans="1:3" x14ac:dyDescent="0.25">
      <c r="A39051" s="2" t="s">
        <v>24288</v>
      </c>
      <c r="B39051" s="6">
        <v>650115.89999999991</v>
      </c>
      <c r="C39051" s="7">
        <f t="shared" si="610"/>
        <v>650.1158999999999</v>
      </c>
    </row>
    <row r="39052" spans="1:3" x14ac:dyDescent="0.25">
      <c r="A39052" s="2" t="s">
        <v>24289</v>
      </c>
      <c r="B39052" s="6">
        <v>650132.54999999993</v>
      </c>
      <c r="C39052" s="7">
        <f t="shared" si="610"/>
        <v>650.13254999999992</v>
      </c>
    </row>
    <row r="39053" spans="1:3" x14ac:dyDescent="0.25">
      <c r="A39053" s="2" t="s">
        <v>24290</v>
      </c>
      <c r="B39053" s="6">
        <v>650149.19999999995</v>
      </c>
      <c r="C39053" s="7">
        <f t="shared" si="610"/>
        <v>650.14919999999995</v>
      </c>
    </row>
    <row r="39054" spans="1:3" x14ac:dyDescent="0.25">
      <c r="A39054" s="2" t="s">
        <v>24291</v>
      </c>
      <c r="B39054" s="6">
        <v>650165.85</v>
      </c>
      <c r="C39054" s="7">
        <f t="shared" si="610"/>
        <v>650.16584999999998</v>
      </c>
    </row>
    <row r="39055" spans="1:3" x14ac:dyDescent="0.25">
      <c r="A39055" s="2" t="s">
        <v>24292</v>
      </c>
      <c r="B39055" s="6">
        <v>650182.5</v>
      </c>
      <c r="C39055" s="7">
        <f t="shared" si="610"/>
        <v>650.1825</v>
      </c>
    </row>
    <row r="39056" spans="1:3" x14ac:dyDescent="0.25">
      <c r="A39056" s="2" t="s">
        <v>24293</v>
      </c>
      <c r="B39056" s="6">
        <v>650199.14999999991</v>
      </c>
      <c r="C39056" s="7">
        <f t="shared" si="610"/>
        <v>650.19914999999992</v>
      </c>
    </row>
    <row r="39057" spans="1:3" x14ac:dyDescent="0.25">
      <c r="A39057" s="2" t="s">
        <v>24294</v>
      </c>
      <c r="B39057" s="6">
        <v>650215.79999999993</v>
      </c>
      <c r="C39057" s="7">
        <f t="shared" si="610"/>
        <v>650.21579999999994</v>
      </c>
    </row>
    <row r="39058" spans="1:3" x14ac:dyDescent="0.25">
      <c r="A39058" s="2" t="s">
        <v>24295</v>
      </c>
      <c r="B39058" s="6">
        <v>650232.44999999995</v>
      </c>
      <c r="C39058" s="7">
        <f t="shared" si="610"/>
        <v>650.23244999999997</v>
      </c>
    </row>
    <row r="39059" spans="1:3" x14ac:dyDescent="0.25">
      <c r="A39059" s="2" t="s">
        <v>24296</v>
      </c>
      <c r="B39059" s="6">
        <v>650249.1</v>
      </c>
      <c r="C39059" s="7">
        <f t="shared" si="610"/>
        <v>650.2491</v>
      </c>
    </row>
    <row r="39060" spans="1:3" x14ac:dyDescent="0.25">
      <c r="A39060" s="2" t="s">
        <v>24297</v>
      </c>
      <c r="B39060" s="6">
        <v>650265.75</v>
      </c>
      <c r="C39060" s="7">
        <f t="shared" si="610"/>
        <v>650.26575000000003</v>
      </c>
    </row>
    <row r="39061" spans="1:3" x14ac:dyDescent="0.25">
      <c r="A39061" s="2" t="s">
        <v>24298</v>
      </c>
      <c r="B39061" s="6">
        <v>650282.39999999991</v>
      </c>
      <c r="C39061" s="7">
        <f t="shared" si="610"/>
        <v>650.28239999999994</v>
      </c>
    </row>
    <row r="39062" spans="1:3" x14ac:dyDescent="0.25">
      <c r="A39062" s="2" t="s">
        <v>24299</v>
      </c>
      <c r="B39062" s="6">
        <v>650299.04999999993</v>
      </c>
      <c r="C39062" s="7">
        <f t="shared" si="610"/>
        <v>650.29904999999997</v>
      </c>
    </row>
    <row r="39063" spans="1:3" x14ac:dyDescent="0.25">
      <c r="A39063" s="2" t="s">
        <v>24300</v>
      </c>
      <c r="B39063" s="6">
        <v>650315.69999999995</v>
      </c>
      <c r="C39063" s="7">
        <f t="shared" si="610"/>
        <v>650.31569999999999</v>
      </c>
    </row>
    <row r="39064" spans="1:3" x14ac:dyDescent="0.25">
      <c r="A39064" s="2" t="s">
        <v>24301</v>
      </c>
      <c r="B39064" s="6">
        <v>650332.35</v>
      </c>
      <c r="C39064" s="7">
        <f t="shared" si="610"/>
        <v>650.33235000000002</v>
      </c>
    </row>
    <row r="39065" spans="1:3" x14ac:dyDescent="0.25">
      <c r="A39065" s="2" t="s">
        <v>24302</v>
      </c>
      <c r="B39065" s="6">
        <v>650349</v>
      </c>
      <c r="C39065" s="7">
        <f t="shared" si="610"/>
        <v>650.34900000000005</v>
      </c>
    </row>
    <row r="39066" spans="1:3" x14ac:dyDescent="0.25">
      <c r="A39066" s="2" t="s">
        <v>24303</v>
      </c>
      <c r="B39066" s="6">
        <v>650365.64999999991</v>
      </c>
      <c r="C39066" s="7">
        <f t="shared" si="610"/>
        <v>650.36564999999996</v>
      </c>
    </row>
    <row r="39067" spans="1:3" x14ac:dyDescent="0.25">
      <c r="A39067" s="2" t="s">
        <v>24304</v>
      </c>
      <c r="B39067" s="6">
        <v>650382.29999999993</v>
      </c>
      <c r="C39067" s="7">
        <f t="shared" si="610"/>
        <v>650.38229999999999</v>
      </c>
    </row>
    <row r="39068" spans="1:3" x14ac:dyDescent="0.25">
      <c r="A39068" s="2" t="s">
        <v>24305</v>
      </c>
      <c r="B39068" s="6">
        <v>650398.94999999995</v>
      </c>
      <c r="C39068" s="7">
        <f t="shared" si="610"/>
        <v>650.3989499999999</v>
      </c>
    </row>
    <row r="39069" spans="1:3" x14ac:dyDescent="0.25">
      <c r="A39069" s="2" t="s">
        <v>24306</v>
      </c>
      <c r="B39069" s="6">
        <v>650415.6</v>
      </c>
      <c r="C39069" s="7">
        <f t="shared" si="610"/>
        <v>650.41559999999993</v>
      </c>
    </row>
    <row r="39070" spans="1:3" x14ac:dyDescent="0.25">
      <c r="A39070" s="2" t="s">
        <v>24307</v>
      </c>
      <c r="B39070" s="6">
        <v>650432.25</v>
      </c>
      <c r="C39070" s="7">
        <f t="shared" si="610"/>
        <v>650.43224999999995</v>
      </c>
    </row>
    <row r="39071" spans="1:3" x14ac:dyDescent="0.25">
      <c r="A39071" s="2" t="s">
        <v>24308</v>
      </c>
      <c r="B39071" s="6">
        <v>650448.89999999991</v>
      </c>
      <c r="C39071" s="7">
        <f t="shared" si="610"/>
        <v>650.44889999999987</v>
      </c>
    </row>
    <row r="39072" spans="1:3" x14ac:dyDescent="0.25">
      <c r="A39072" s="2" t="s">
        <v>24309</v>
      </c>
      <c r="B39072" s="6">
        <v>650465.54999999993</v>
      </c>
      <c r="C39072" s="7">
        <f t="shared" si="610"/>
        <v>650.46554999999989</v>
      </c>
    </row>
    <row r="39073" spans="1:3" x14ac:dyDescent="0.25">
      <c r="A39073" s="2" t="s">
        <v>24310</v>
      </c>
      <c r="B39073" s="6">
        <v>650482.19999999995</v>
      </c>
      <c r="C39073" s="7">
        <f t="shared" si="610"/>
        <v>650.48219999999992</v>
      </c>
    </row>
    <row r="39074" spans="1:3" x14ac:dyDescent="0.25">
      <c r="A39074" s="2" t="s">
        <v>24311</v>
      </c>
      <c r="B39074" s="6">
        <v>650498.85</v>
      </c>
      <c r="C39074" s="7">
        <f t="shared" si="610"/>
        <v>650.49884999999995</v>
      </c>
    </row>
    <row r="39075" spans="1:3" x14ac:dyDescent="0.25">
      <c r="A39075" s="2" t="s">
        <v>24312</v>
      </c>
      <c r="B39075" s="6">
        <v>650515.5</v>
      </c>
      <c r="C39075" s="7">
        <f t="shared" si="610"/>
        <v>650.51549999999997</v>
      </c>
    </row>
    <row r="39076" spans="1:3" x14ac:dyDescent="0.25">
      <c r="A39076" s="2" t="s">
        <v>24313</v>
      </c>
      <c r="B39076" s="6">
        <v>650532.14999999991</v>
      </c>
      <c r="C39076" s="7">
        <f t="shared" si="610"/>
        <v>650.53214999999989</v>
      </c>
    </row>
    <row r="39077" spans="1:3" x14ac:dyDescent="0.25">
      <c r="A39077" s="2" t="s">
        <v>24314</v>
      </c>
      <c r="B39077" s="6">
        <v>650548.79999999993</v>
      </c>
      <c r="C39077" s="7">
        <f t="shared" si="610"/>
        <v>650.54879999999991</v>
      </c>
    </row>
    <row r="39078" spans="1:3" x14ac:dyDescent="0.25">
      <c r="A39078" s="2" t="s">
        <v>24315</v>
      </c>
      <c r="B39078" s="6">
        <v>650565.44999999995</v>
      </c>
      <c r="C39078" s="7">
        <f t="shared" si="610"/>
        <v>650.56544999999994</v>
      </c>
    </row>
    <row r="39079" spans="1:3" x14ac:dyDescent="0.25">
      <c r="A39079" s="2" t="s">
        <v>24316</v>
      </c>
      <c r="B39079" s="6">
        <v>650582.1</v>
      </c>
      <c r="C39079" s="7">
        <f t="shared" si="610"/>
        <v>650.58209999999997</v>
      </c>
    </row>
    <row r="39080" spans="1:3" x14ac:dyDescent="0.25">
      <c r="A39080" s="2" t="s">
        <v>24317</v>
      </c>
      <c r="B39080" s="6">
        <v>650598.75</v>
      </c>
      <c r="C39080" s="7">
        <f t="shared" si="610"/>
        <v>650.59875</v>
      </c>
    </row>
    <row r="39081" spans="1:3" x14ac:dyDescent="0.25">
      <c r="A39081" s="2" t="s">
        <v>24318</v>
      </c>
      <c r="B39081" s="6">
        <v>650615.39999999991</v>
      </c>
      <c r="C39081" s="7">
        <f t="shared" si="610"/>
        <v>650.61539999999991</v>
      </c>
    </row>
    <row r="39082" spans="1:3" x14ac:dyDescent="0.25">
      <c r="A39082" s="2" t="s">
        <v>24319</v>
      </c>
      <c r="B39082" s="6">
        <v>650632.04999999993</v>
      </c>
      <c r="C39082" s="7">
        <f t="shared" si="610"/>
        <v>650.63204999999994</v>
      </c>
    </row>
    <row r="39083" spans="1:3" x14ac:dyDescent="0.25">
      <c r="A39083" s="2" t="s">
        <v>24320</v>
      </c>
      <c r="B39083" s="6">
        <v>650648.69999999995</v>
      </c>
      <c r="C39083" s="7">
        <f t="shared" si="610"/>
        <v>650.64869999999996</v>
      </c>
    </row>
    <row r="39084" spans="1:3" x14ac:dyDescent="0.25">
      <c r="A39084" s="2" t="s">
        <v>24321</v>
      </c>
      <c r="B39084" s="6">
        <v>650665.35</v>
      </c>
      <c r="C39084" s="7">
        <f t="shared" si="610"/>
        <v>650.66534999999999</v>
      </c>
    </row>
    <row r="39085" spans="1:3" x14ac:dyDescent="0.25">
      <c r="A39085" s="2" t="s">
        <v>24322</v>
      </c>
      <c r="B39085" s="6">
        <v>650682</v>
      </c>
      <c r="C39085" s="7">
        <f t="shared" si="610"/>
        <v>650.68200000000002</v>
      </c>
    </row>
    <row r="39086" spans="1:3" x14ac:dyDescent="0.25">
      <c r="A39086" s="2" t="s">
        <v>24323</v>
      </c>
      <c r="B39086" s="6">
        <v>650698.64999999991</v>
      </c>
      <c r="C39086" s="7">
        <f t="shared" si="610"/>
        <v>650.69864999999993</v>
      </c>
    </row>
    <row r="39087" spans="1:3" x14ac:dyDescent="0.25">
      <c r="A39087" s="2" t="s">
        <v>24324</v>
      </c>
      <c r="B39087" s="6">
        <v>650715.29999999993</v>
      </c>
      <c r="C39087" s="7">
        <f t="shared" si="610"/>
        <v>650.71529999999996</v>
      </c>
    </row>
    <row r="39088" spans="1:3" x14ac:dyDescent="0.25">
      <c r="A39088" s="2" t="s">
        <v>24325</v>
      </c>
      <c r="B39088" s="6">
        <v>650731.94999999995</v>
      </c>
      <c r="C39088" s="7">
        <f t="shared" si="610"/>
        <v>650.73194999999998</v>
      </c>
    </row>
    <row r="39089" spans="1:3" x14ac:dyDescent="0.25">
      <c r="A39089" s="2" t="s">
        <v>24326</v>
      </c>
      <c r="B39089" s="6">
        <v>650748.6</v>
      </c>
      <c r="C39089" s="7">
        <f t="shared" si="610"/>
        <v>650.74860000000001</v>
      </c>
    </row>
    <row r="39090" spans="1:3" x14ac:dyDescent="0.25">
      <c r="A39090" s="2" t="s">
        <v>24327</v>
      </c>
      <c r="B39090" s="6">
        <v>650765.25</v>
      </c>
      <c r="C39090" s="7">
        <f t="shared" si="610"/>
        <v>650.76525000000004</v>
      </c>
    </row>
    <row r="39091" spans="1:3" x14ac:dyDescent="0.25">
      <c r="A39091" s="2" t="s">
        <v>24328</v>
      </c>
      <c r="B39091" s="6">
        <v>650781.89999999991</v>
      </c>
      <c r="C39091" s="7">
        <f t="shared" si="610"/>
        <v>650.78189999999995</v>
      </c>
    </row>
    <row r="39092" spans="1:3" x14ac:dyDescent="0.25">
      <c r="A39092" s="2" t="s">
        <v>24329</v>
      </c>
      <c r="B39092" s="6">
        <v>650798.54999999993</v>
      </c>
      <c r="C39092" s="7">
        <f t="shared" si="610"/>
        <v>650.79854999999998</v>
      </c>
    </row>
    <row r="39093" spans="1:3" x14ac:dyDescent="0.25">
      <c r="A39093" s="2" t="s">
        <v>24330</v>
      </c>
      <c r="B39093" s="6">
        <v>650815.19999999995</v>
      </c>
      <c r="C39093" s="7">
        <f t="shared" si="610"/>
        <v>650.8152</v>
      </c>
    </row>
    <row r="39094" spans="1:3" x14ac:dyDescent="0.25">
      <c r="A39094" s="2" t="s">
        <v>24331</v>
      </c>
      <c r="B39094" s="6">
        <v>650831.85</v>
      </c>
      <c r="C39094" s="7">
        <f t="shared" si="610"/>
        <v>650.83185000000003</v>
      </c>
    </row>
    <row r="39095" spans="1:3" x14ac:dyDescent="0.25">
      <c r="A39095" s="2" t="s">
        <v>24332</v>
      </c>
      <c r="B39095" s="6">
        <v>650848.5</v>
      </c>
      <c r="C39095" s="7">
        <f t="shared" si="610"/>
        <v>650.84849999999994</v>
      </c>
    </row>
    <row r="39096" spans="1:3" x14ac:dyDescent="0.25">
      <c r="A39096" s="2" t="s">
        <v>24333</v>
      </c>
      <c r="B39096" s="6">
        <v>650865.14999999991</v>
      </c>
      <c r="C39096" s="7">
        <f t="shared" si="610"/>
        <v>650.86514999999986</v>
      </c>
    </row>
    <row r="39097" spans="1:3" x14ac:dyDescent="0.25">
      <c r="A39097" s="2" t="s">
        <v>24334</v>
      </c>
      <c r="B39097" s="6">
        <v>650881.79999999993</v>
      </c>
      <c r="C39097" s="7">
        <f t="shared" si="610"/>
        <v>650.88179999999988</v>
      </c>
    </row>
    <row r="39098" spans="1:3" x14ac:dyDescent="0.25">
      <c r="A39098" s="2" t="s">
        <v>24335</v>
      </c>
      <c r="B39098" s="6">
        <v>650898.44999999995</v>
      </c>
      <c r="C39098" s="7">
        <f t="shared" si="610"/>
        <v>650.89844999999991</v>
      </c>
    </row>
    <row r="39099" spans="1:3" x14ac:dyDescent="0.25">
      <c r="A39099" s="2" t="s">
        <v>24336</v>
      </c>
      <c r="B39099" s="6">
        <v>650915.1</v>
      </c>
      <c r="C39099" s="7">
        <f t="shared" si="610"/>
        <v>650.91509999999994</v>
      </c>
    </row>
    <row r="39100" spans="1:3" x14ac:dyDescent="0.25">
      <c r="A39100" s="2" t="s">
        <v>24337</v>
      </c>
      <c r="B39100" s="6">
        <v>650931.75</v>
      </c>
      <c r="C39100" s="7">
        <f t="shared" si="610"/>
        <v>650.93174999999997</v>
      </c>
    </row>
    <row r="39101" spans="1:3" x14ac:dyDescent="0.25">
      <c r="A39101" s="2" t="s">
        <v>24338</v>
      </c>
      <c r="B39101" s="6">
        <v>650948.39999999991</v>
      </c>
      <c r="C39101" s="7">
        <f t="shared" si="610"/>
        <v>650.94839999999988</v>
      </c>
    </row>
    <row r="39102" spans="1:3" x14ac:dyDescent="0.25">
      <c r="A39102" s="2" t="s">
        <v>24339</v>
      </c>
      <c r="B39102" s="6">
        <v>650965.04999999993</v>
      </c>
      <c r="C39102" s="7">
        <f t="shared" si="610"/>
        <v>650.96504999999991</v>
      </c>
    </row>
    <row r="39103" spans="1:3" x14ac:dyDescent="0.25">
      <c r="A39103" s="2" t="s">
        <v>24340</v>
      </c>
      <c r="B39103" s="6">
        <v>650981.69999999995</v>
      </c>
      <c r="C39103" s="7">
        <f t="shared" si="610"/>
        <v>650.98169999999993</v>
      </c>
    </row>
    <row r="39104" spans="1:3" x14ac:dyDescent="0.25">
      <c r="A39104" s="2" t="s">
        <v>24341</v>
      </c>
      <c r="B39104" s="6">
        <v>650998.35</v>
      </c>
      <c r="C39104" s="7">
        <f t="shared" si="610"/>
        <v>650.99834999999996</v>
      </c>
    </row>
    <row r="39105" spans="1:3" x14ac:dyDescent="0.25">
      <c r="A39105" s="2" t="s">
        <v>24342</v>
      </c>
      <c r="B39105" s="6">
        <v>651015</v>
      </c>
      <c r="C39105" s="7">
        <f t="shared" si="610"/>
        <v>651.01499999999999</v>
      </c>
    </row>
    <row r="39106" spans="1:3" x14ac:dyDescent="0.25">
      <c r="A39106" s="2" t="s">
        <v>24343</v>
      </c>
      <c r="B39106" s="6">
        <v>651031.64999999991</v>
      </c>
      <c r="C39106" s="7">
        <f t="shared" si="610"/>
        <v>651.0316499999999</v>
      </c>
    </row>
    <row r="39107" spans="1:3" x14ac:dyDescent="0.25">
      <c r="A39107" s="2" t="s">
        <v>24344</v>
      </c>
      <c r="B39107" s="6">
        <v>651048.29999999993</v>
      </c>
      <c r="C39107" s="7">
        <f t="shared" ref="C39107:C39170" si="611">B39107/1000</f>
        <v>651.04829999999993</v>
      </c>
    </row>
    <row r="39108" spans="1:3" x14ac:dyDescent="0.25">
      <c r="A39108" s="2" t="s">
        <v>24345</v>
      </c>
      <c r="B39108" s="6">
        <v>651064.94999999995</v>
      </c>
      <c r="C39108" s="7">
        <f t="shared" si="611"/>
        <v>651.06494999999995</v>
      </c>
    </row>
    <row r="39109" spans="1:3" x14ac:dyDescent="0.25">
      <c r="A39109" s="2" t="s">
        <v>24346</v>
      </c>
      <c r="B39109" s="6">
        <v>651081.6</v>
      </c>
      <c r="C39109" s="7">
        <f t="shared" si="611"/>
        <v>651.08159999999998</v>
      </c>
    </row>
    <row r="39110" spans="1:3" x14ac:dyDescent="0.25">
      <c r="A39110" s="2" t="s">
        <v>24347</v>
      </c>
      <c r="B39110" s="6">
        <v>651098.25</v>
      </c>
      <c r="C39110" s="7">
        <f t="shared" si="611"/>
        <v>651.09825000000001</v>
      </c>
    </row>
    <row r="39111" spans="1:3" x14ac:dyDescent="0.25">
      <c r="A39111" s="2" t="s">
        <v>24348</v>
      </c>
      <c r="B39111" s="6">
        <v>651114.89999999991</v>
      </c>
      <c r="C39111" s="7">
        <f t="shared" si="611"/>
        <v>651.11489999999992</v>
      </c>
    </row>
    <row r="39112" spans="1:3" x14ac:dyDescent="0.25">
      <c r="A39112" s="2" t="s">
        <v>24349</v>
      </c>
      <c r="B39112" s="6">
        <v>651131.54999999993</v>
      </c>
      <c r="C39112" s="7">
        <f t="shared" si="611"/>
        <v>651.13154999999995</v>
      </c>
    </row>
    <row r="39113" spans="1:3" x14ac:dyDescent="0.25">
      <c r="A39113" s="2" t="s">
        <v>24350</v>
      </c>
      <c r="B39113" s="6">
        <v>651148.19999999995</v>
      </c>
      <c r="C39113" s="7">
        <f t="shared" si="611"/>
        <v>651.14819999999997</v>
      </c>
    </row>
    <row r="39114" spans="1:3" x14ac:dyDescent="0.25">
      <c r="A39114" s="2" t="s">
        <v>24351</v>
      </c>
      <c r="B39114" s="6">
        <v>651164.85</v>
      </c>
      <c r="C39114" s="7">
        <f t="shared" si="611"/>
        <v>651.16485</v>
      </c>
    </row>
    <row r="39115" spans="1:3" x14ac:dyDescent="0.25">
      <c r="A39115" s="2" t="s">
        <v>24352</v>
      </c>
      <c r="B39115" s="6">
        <v>651181.5</v>
      </c>
      <c r="C39115" s="7">
        <f t="shared" si="611"/>
        <v>651.18150000000003</v>
      </c>
    </row>
    <row r="39116" spans="1:3" x14ac:dyDescent="0.25">
      <c r="A39116" s="2" t="s">
        <v>24353</v>
      </c>
      <c r="B39116" s="6">
        <v>651198.14999999991</v>
      </c>
      <c r="C39116" s="7">
        <f t="shared" si="611"/>
        <v>651.19814999999994</v>
      </c>
    </row>
    <row r="39117" spans="1:3" x14ac:dyDescent="0.25">
      <c r="A39117" s="2" t="s">
        <v>24354</v>
      </c>
      <c r="B39117" s="6">
        <v>651214.79999999993</v>
      </c>
      <c r="C39117" s="7">
        <f t="shared" si="611"/>
        <v>651.21479999999997</v>
      </c>
    </row>
    <row r="39118" spans="1:3" x14ac:dyDescent="0.25">
      <c r="A39118" s="2" t="s">
        <v>24355</v>
      </c>
      <c r="B39118" s="6">
        <v>651231.44999999995</v>
      </c>
      <c r="C39118" s="7">
        <f t="shared" si="611"/>
        <v>651.23145</v>
      </c>
    </row>
    <row r="39119" spans="1:3" x14ac:dyDescent="0.25">
      <c r="A39119" s="2" t="s">
        <v>24356</v>
      </c>
      <c r="B39119" s="6">
        <v>651248.1</v>
      </c>
      <c r="C39119" s="7">
        <f t="shared" si="611"/>
        <v>651.24810000000002</v>
      </c>
    </row>
    <row r="39120" spans="1:3" x14ac:dyDescent="0.25">
      <c r="A39120" s="2" t="s">
        <v>24357</v>
      </c>
      <c r="B39120" s="6">
        <v>651264.75</v>
      </c>
      <c r="C39120" s="7">
        <f t="shared" si="611"/>
        <v>651.26475000000005</v>
      </c>
    </row>
    <row r="39121" spans="1:3" x14ac:dyDescent="0.25">
      <c r="A39121" s="2" t="s">
        <v>24358</v>
      </c>
      <c r="B39121" s="6">
        <v>651281.39999999991</v>
      </c>
      <c r="C39121" s="7">
        <f t="shared" si="611"/>
        <v>651.28139999999996</v>
      </c>
    </row>
    <row r="39122" spans="1:3" x14ac:dyDescent="0.25">
      <c r="A39122" s="2" t="s">
        <v>24359</v>
      </c>
      <c r="B39122" s="6">
        <v>651298.04999999993</v>
      </c>
      <c r="C39122" s="7">
        <f t="shared" si="611"/>
        <v>651.29804999999988</v>
      </c>
    </row>
    <row r="39123" spans="1:3" x14ac:dyDescent="0.25">
      <c r="A39123" s="2" t="s">
        <v>24360</v>
      </c>
      <c r="B39123" s="6">
        <v>651314.69999999995</v>
      </c>
      <c r="C39123" s="7">
        <f t="shared" si="611"/>
        <v>651.3146999999999</v>
      </c>
    </row>
    <row r="39124" spans="1:3" x14ac:dyDescent="0.25">
      <c r="A39124" s="2" t="s">
        <v>24361</v>
      </c>
      <c r="B39124" s="6">
        <v>651331.35</v>
      </c>
      <c r="C39124" s="7">
        <f t="shared" si="611"/>
        <v>651.33134999999993</v>
      </c>
    </row>
    <row r="39125" spans="1:3" x14ac:dyDescent="0.25">
      <c r="A39125" s="2" t="s">
        <v>24362</v>
      </c>
      <c r="B39125" s="6">
        <v>651348</v>
      </c>
      <c r="C39125" s="7">
        <f t="shared" si="611"/>
        <v>651.34799999999996</v>
      </c>
    </row>
    <row r="39126" spans="1:3" x14ac:dyDescent="0.25">
      <c r="A39126" s="2" t="s">
        <v>24363</v>
      </c>
      <c r="B39126" s="6">
        <v>651364.64999999991</v>
      </c>
      <c r="C39126" s="7">
        <f t="shared" si="611"/>
        <v>651.36464999999987</v>
      </c>
    </row>
    <row r="39127" spans="1:3" x14ac:dyDescent="0.25">
      <c r="A39127" s="2" t="s">
        <v>24364</v>
      </c>
      <c r="B39127" s="6">
        <v>651381.29999999993</v>
      </c>
      <c r="C39127" s="7">
        <f t="shared" si="611"/>
        <v>651.3812999999999</v>
      </c>
    </row>
    <row r="39128" spans="1:3" x14ac:dyDescent="0.25">
      <c r="A39128" s="2" t="s">
        <v>24365</v>
      </c>
      <c r="B39128" s="6">
        <v>651397.94999999995</v>
      </c>
      <c r="C39128" s="7">
        <f t="shared" si="611"/>
        <v>651.39794999999992</v>
      </c>
    </row>
    <row r="39129" spans="1:3" x14ac:dyDescent="0.25">
      <c r="A39129" s="2" t="s">
        <v>24366</v>
      </c>
      <c r="B39129" s="6">
        <v>651414.6</v>
      </c>
      <c r="C39129" s="7">
        <f t="shared" si="611"/>
        <v>651.41459999999995</v>
      </c>
    </row>
    <row r="39130" spans="1:3" x14ac:dyDescent="0.25">
      <c r="A39130" s="2" t="s">
        <v>24367</v>
      </c>
      <c r="B39130" s="6">
        <v>651431.25</v>
      </c>
      <c r="C39130" s="7">
        <f t="shared" si="611"/>
        <v>651.43124999999998</v>
      </c>
    </row>
    <row r="39131" spans="1:3" x14ac:dyDescent="0.25">
      <c r="A39131" s="2" t="s">
        <v>24368</v>
      </c>
      <c r="B39131" s="6">
        <v>651447.89999999991</v>
      </c>
      <c r="C39131" s="7">
        <f t="shared" si="611"/>
        <v>651.44789999999989</v>
      </c>
    </row>
    <row r="39132" spans="1:3" x14ac:dyDescent="0.25">
      <c r="A39132" s="2" t="s">
        <v>24369</v>
      </c>
      <c r="B39132" s="6">
        <v>651464.54999999993</v>
      </c>
      <c r="C39132" s="7">
        <f t="shared" si="611"/>
        <v>651.46454999999992</v>
      </c>
    </row>
    <row r="39133" spans="1:3" x14ac:dyDescent="0.25">
      <c r="A39133" s="2" t="s">
        <v>24370</v>
      </c>
      <c r="B39133" s="6">
        <v>651481.19999999995</v>
      </c>
      <c r="C39133" s="7">
        <f t="shared" si="611"/>
        <v>651.48119999999994</v>
      </c>
    </row>
    <row r="39134" spans="1:3" x14ac:dyDescent="0.25">
      <c r="A39134" s="2" t="s">
        <v>24371</v>
      </c>
      <c r="B39134" s="6">
        <v>651497.85</v>
      </c>
      <c r="C39134" s="7">
        <f t="shared" si="611"/>
        <v>651.49784999999997</v>
      </c>
    </row>
    <row r="39135" spans="1:3" x14ac:dyDescent="0.25">
      <c r="A39135" s="2" t="s">
        <v>24372</v>
      </c>
      <c r="B39135" s="6">
        <v>651514.5</v>
      </c>
      <c r="C39135" s="7">
        <f t="shared" si="611"/>
        <v>651.5145</v>
      </c>
    </row>
    <row r="39136" spans="1:3" x14ac:dyDescent="0.25">
      <c r="A39136" s="2" t="s">
        <v>24373</v>
      </c>
      <c r="B39136" s="6">
        <v>651531.14999999991</v>
      </c>
      <c r="C39136" s="7">
        <f t="shared" si="611"/>
        <v>651.53114999999991</v>
      </c>
    </row>
    <row r="39137" spans="1:3" x14ac:dyDescent="0.25">
      <c r="A39137" s="2" t="s">
        <v>24374</v>
      </c>
      <c r="B39137" s="6">
        <v>651547.79999999993</v>
      </c>
      <c r="C39137" s="7">
        <f t="shared" si="611"/>
        <v>651.54779999999994</v>
      </c>
    </row>
    <row r="39138" spans="1:3" x14ac:dyDescent="0.25">
      <c r="A39138" s="2" t="s">
        <v>24375</v>
      </c>
      <c r="B39138" s="6">
        <v>651564.44999999995</v>
      </c>
      <c r="C39138" s="7">
        <f t="shared" si="611"/>
        <v>651.56444999999997</v>
      </c>
    </row>
    <row r="39139" spans="1:3" x14ac:dyDescent="0.25">
      <c r="A39139" s="2" t="s">
        <v>24376</v>
      </c>
      <c r="B39139" s="6">
        <v>651581.1</v>
      </c>
      <c r="C39139" s="7">
        <f t="shared" si="611"/>
        <v>651.58109999999999</v>
      </c>
    </row>
    <row r="39140" spans="1:3" x14ac:dyDescent="0.25">
      <c r="A39140" s="2" t="s">
        <v>24377</v>
      </c>
      <c r="B39140" s="6">
        <v>651597.75</v>
      </c>
      <c r="C39140" s="7">
        <f t="shared" si="611"/>
        <v>651.59775000000002</v>
      </c>
    </row>
    <row r="39141" spans="1:3" x14ac:dyDescent="0.25">
      <c r="A39141" s="2" t="s">
        <v>24378</v>
      </c>
      <c r="B39141" s="6">
        <v>651614.39999999991</v>
      </c>
      <c r="C39141" s="7">
        <f t="shared" si="611"/>
        <v>651.61439999999993</v>
      </c>
    </row>
    <row r="39142" spans="1:3" x14ac:dyDescent="0.25">
      <c r="A39142" s="2" t="s">
        <v>24379</v>
      </c>
      <c r="B39142" s="6">
        <v>651631.04999999993</v>
      </c>
      <c r="C39142" s="7">
        <f t="shared" si="611"/>
        <v>651.63104999999996</v>
      </c>
    </row>
    <row r="39143" spans="1:3" x14ac:dyDescent="0.25">
      <c r="A39143" s="2" t="s">
        <v>24380</v>
      </c>
      <c r="B39143" s="6">
        <v>651647.69999999995</v>
      </c>
      <c r="C39143" s="7">
        <f t="shared" si="611"/>
        <v>651.64769999999999</v>
      </c>
    </row>
    <row r="39144" spans="1:3" x14ac:dyDescent="0.25">
      <c r="A39144" s="2" t="s">
        <v>24381</v>
      </c>
      <c r="B39144" s="6">
        <v>651664.35</v>
      </c>
      <c r="C39144" s="7">
        <f t="shared" si="611"/>
        <v>651.66435000000001</v>
      </c>
    </row>
    <row r="39145" spans="1:3" x14ac:dyDescent="0.25">
      <c r="A39145" s="2" t="s">
        <v>24382</v>
      </c>
      <c r="B39145" s="6">
        <v>651681</v>
      </c>
      <c r="C39145" s="7">
        <f t="shared" si="611"/>
        <v>651.68100000000004</v>
      </c>
    </row>
    <row r="39146" spans="1:3" x14ac:dyDescent="0.25">
      <c r="A39146" s="2" t="s">
        <v>24383</v>
      </c>
      <c r="B39146" s="6">
        <v>651697.64999999991</v>
      </c>
      <c r="C39146" s="7">
        <f t="shared" si="611"/>
        <v>651.69764999999995</v>
      </c>
    </row>
    <row r="39147" spans="1:3" x14ac:dyDescent="0.25">
      <c r="A39147" s="2" t="s">
        <v>24384</v>
      </c>
      <c r="B39147" s="6">
        <v>651714.29999999993</v>
      </c>
      <c r="C39147" s="7">
        <f t="shared" si="611"/>
        <v>651.71429999999998</v>
      </c>
    </row>
    <row r="39148" spans="1:3" x14ac:dyDescent="0.25">
      <c r="A39148" s="2" t="s">
        <v>24385</v>
      </c>
      <c r="B39148" s="6">
        <v>651730.94999999995</v>
      </c>
      <c r="C39148" s="7">
        <f t="shared" si="611"/>
        <v>651.73095000000001</v>
      </c>
    </row>
    <row r="39149" spans="1:3" x14ac:dyDescent="0.25">
      <c r="A39149" s="2" t="s">
        <v>24386</v>
      </c>
      <c r="B39149" s="6">
        <v>651747.6</v>
      </c>
      <c r="C39149" s="7">
        <f t="shared" si="611"/>
        <v>651.74759999999992</v>
      </c>
    </row>
    <row r="39150" spans="1:3" x14ac:dyDescent="0.25">
      <c r="A39150" s="2" t="s">
        <v>24387</v>
      </c>
      <c r="B39150" s="6">
        <v>651764.25</v>
      </c>
      <c r="C39150" s="7">
        <f t="shared" si="611"/>
        <v>651.76424999999995</v>
      </c>
    </row>
    <row r="39151" spans="1:3" x14ac:dyDescent="0.25">
      <c r="A39151" s="2" t="s">
        <v>24388</v>
      </c>
      <c r="B39151" s="6">
        <v>651780.89999999991</v>
      </c>
      <c r="C39151" s="7">
        <f t="shared" si="611"/>
        <v>651.78089999999986</v>
      </c>
    </row>
    <row r="39152" spans="1:3" x14ac:dyDescent="0.25">
      <c r="A39152" s="2" t="s">
        <v>24389</v>
      </c>
      <c r="B39152" s="6">
        <v>651797.54999999993</v>
      </c>
      <c r="C39152" s="7">
        <f t="shared" si="611"/>
        <v>651.79754999999989</v>
      </c>
    </row>
    <row r="39153" spans="1:3" x14ac:dyDescent="0.25">
      <c r="A39153" s="2" t="s">
        <v>24390</v>
      </c>
      <c r="B39153" s="6">
        <v>651814.19999999995</v>
      </c>
      <c r="C39153" s="7">
        <f t="shared" si="611"/>
        <v>651.81419999999991</v>
      </c>
    </row>
    <row r="39154" spans="1:3" x14ac:dyDescent="0.25">
      <c r="A39154" s="2" t="s">
        <v>24391</v>
      </c>
      <c r="B39154" s="6">
        <v>651830.85</v>
      </c>
      <c r="C39154" s="7">
        <f t="shared" si="611"/>
        <v>651.83084999999994</v>
      </c>
    </row>
    <row r="39155" spans="1:3" x14ac:dyDescent="0.25">
      <c r="A39155" s="2" t="s">
        <v>24392</v>
      </c>
      <c r="B39155" s="6">
        <v>651847.5</v>
      </c>
      <c r="C39155" s="7">
        <f t="shared" si="611"/>
        <v>651.84749999999997</v>
      </c>
    </row>
    <row r="39156" spans="1:3" x14ac:dyDescent="0.25">
      <c r="A39156" s="2" t="s">
        <v>24393</v>
      </c>
      <c r="B39156" s="6">
        <v>651864.14999999991</v>
      </c>
      <c r="C39156" s="7">
        <f t="shared" si="611"/>
        <v>651.86414999999988</v>
      </c>
    </row>
    <row r="39157" spans="1:3" x14ac:dyDescent="0.25">
      <c r="A39157" s="2" t="s">
        <v>24394</v>
      </c>
      <c r="B39157" s="6">
        <v>651880.79999999993</v>
      </c>
      <c r="C39157" s="7">
        <f t="shared" si="611"/>
        <v>651.88079999999991</v>
      </c>
    </row>
    <row r="39158" spans="1:3" x14ac:dyDescent="0.25">
      <c r="A39158" s="2" t="s">
        <v>24395</v>
      </c>
      <c r="B39158" s="6">
        <v>651897.44999999995</v>
      </c>
      <c r="C39158" s="7">
        <f t="shared" si="611"/>
        <v>651.89744999999994</v>
      </c>
    </row>
    <row r="39159" spans="1:3" x14ac:dyDescent="0.25">
      <c r="A39159" s="2" t="s">
        <v>24396</v>
      </c>
      <c r="B39159" s="6">
        <v>651914.1</v>
      </c>
      <c r="C39159" s="7">
        <f t="shared" si="611"/>
        <v>651.91409999999996</v>
      </c>
    </row>
    <row r="39160" spans="1:3" x14ac:dyDescent="0.25">
      <c r="A39160" s="2" t="s">
        <v>24397</v>
      </c>
      <c r="B39160" s="6">
        <v>651930.75</v>
      </c>
      <c r="C39160" s="7">
        <f t="shared" si="611"/>
        <v>651.93074999999999</v>
      </c>
    </row>
    <row r="39161" spans="1:3" x14ac:dyDescent="0.25">
      <c r="A39161" s="2" t="s">
        <v>24398</v>
      </c>
      <c r="B39161" s="6">
        <v>651947.39999999991</v>
      </c>
      <c r="C39161" s="7">
        <f t="shared" si="611"/>
        <v>651.9473999999999</v>
      </c>
    </row>
    <row r="39162" spans="1:3" x14ac:dyDescent="0.25">
      <c r="A39162" s="2" t="s">
        <v>24399</v>
      </c>
      <c r="B39162" s="6">
        <v>651964.04999999993</v>
      </c>
      <c r="C39162" s="7">
        <f t="shared" si="611"/>
        <v>651.96404999999993</v>
      </c>
    </row>
    <row r="39163" spans="1:3" x14ac:dyDescent="0.25">
      <c r="A39163" s="2" t="s">
        <v>24400</v>
      </c>
      <c r="B39163" s="6">
        <v>651980.69999999995</v>
      </c>
      <c r="C39163" s="7">
        <f t="shared" si="611"/>
        <v>651.98069999999996</v>
      </c>
    </row>
    <row r="39164" spans="1:3" x14ac:dyDescent="0.25">
      <c r="A39164" s="2" t="s">
        <v>24401</v>
      </c>
      <c r="B39164" s="6">
        <v>651997.35</v>
      </c>
      <c r="C39164" s="7">
        <f t="shared" si="611"/>
        <v>651.99734999999998</v>
      </c>
    </row>
    <row r="39165" spans="1:3" x14ac:dyDescent="0.25">
      <c r="A39165" s="2" t="s">
        <v>24402</v>
      </c>
      <c r="B39165" s="6">
        <v>652014</v>
      </c>
      <c r="C39165" s="7">
        <f t="shared" si="611"/>
        <v>652.01400000000001</v>
      </c>
    </row>
    <row r="39166" spans="1:3" x14ac:dyDescent="0.25">
      <c r="A39166" s="2" t="s">
        <v>24403</v>
      </c>
      <c r="B39166" s="6">
        <v>652030.64999999991</v>
      </c>
      <c r="C39166" s="7">
        <f t="shared" si="611"/>
        <v>652.03064999999992</v>
      </c>
    </row>
    <row r="39167" spans="1:3" x14ac:dyDescent="0.25">
      <c r="A39167" s="2" t="s">
        <v>24404</v>
      </c>
      <c r="B39167" s="6">
        <v>652047.29999999993</v>
      </c>
      <c r="C39167" s="7">
        <f t="shared" si="611"/>
        <v>652.04729999999995</v>
      </c>
    </row>
    <row r="39168" spans="1:3" x14ac:dyDescent="0.25">
      <c r="A39168" s="2" t="s">
        <v>24405</v>
      </c>
      <c r="B39168" s="6">
        <v>652063.94999999995</v>
      </c>
      <c r="C39168" s="7">
        <f t="shared" si="611"/>
        <v>652.06394999999998</v>
      </c>
    </row>
    <row r="39169" spans="1:3" x14ac:dyDescent="0.25">
      <c r="A39169" s="2" t="s">
        <v>24406</v>
      </c>
      <c r="B39169" s="6">
        <v>652080.6</v>
      </c>
      <c r="C39169" s="7">
        <f t="shared" si="611"/>
        <v>652.0806</v>
      </c>
    </row>
    <row r="39170" spans="1:3" x14ac:dyDescent="0.25">
      <c r="A39170" s="2" t="s">
        <v>24407</v>
      </c>
      <c r="B39170" s="6">
        <v>652097.25</v>
      </c>
      <c r="C39170" s="7">
        <f t="shared" si="611"/>
        <v>652.09725000000003</v>
      </c>
    </row>
    <row r="39171" spans="1:3" x14ac:dyDescent="0.25">
      <c r="A39171" s="2" t="s">
        <v>24408</v>
      </c>
      <c r="B39171" s="6">
        <v>652113.89999999991</v>
      </c>
      <c r="C39171" s="7">
        <f t="shared" ref="C39171:C39234" si="612">B39171/1000</f>
        <v>652.11389999999994</v>
      </c>
    </row>
    <row r="39172" spans="1:3" x14ac:dyDescent="0.25">
      <c r="A39172" s="2" t="s">
        <v>24409</v>
      </c>
      <c r="B39172" s="6">
        <v>652130.54999999993</v>
      </c>
      <c r="C39172" s="7">
        <f t="shared" si="612"/>
        <v>652.13054999999997</v>
      </c>
    </row>
    <row r="39173" spans="1:3" x14ac:dyDescent="0.25">
      <c r="A39173" s="2" t="s">
        <v>24410</v>
      </c>
      <c r="B39173" s="6">
        <v>652147.19999999995</v>
      </c>
      <c r="C39173" s="7">
        <f t="shared" si="612"/>
        <v>652.1472</v>
      </c>
    </row>
    <row r="39174" spans="1:3" x14ac:dyDescent="0.25">
      <c r="A39174" s="2" t="s">
        <v>24411</v>
      </c>
      <c r="B39174" s="6">
        <v>652163.85</v>
      </c>
      <c r="C39174" s="7">
        <f t="shared" si="612"/>
        <v>652.16385000000002</v>
      </c>
    </row>
    <row r="39175" spans="1:3" x14ac:dyDescent="0.25">
      <c r="A39175" s="2" t="s">
        <v>24412</v>
      </c>
      <c r="B39175" s="6">
        <v>652180.5</v>
      </c>
      <c r="C39175" s="7">
        <f t="shared" si="612"/>
        <v>652.18050000000005</v>
      </c>
    </row>
    <row r="39176" spans="1:3" x14ac:dyDescent="0.25">
      <c r="A39176" s="2" t="s">
        <v>24413</v>
      </c>
      <c r="B39176" s="6">
        <v>652197.14999999991</v>
      </c>
      <c r="C39176" s="7">
        <f t="shared" si="612"/>
        <v>652.19714999999985</v>
      </c>
    </row>
    <row r="39177" spans="1:3" x14ac:dyDescent="0.25">
      <c r="A39177" s="2" t="s">
        <v>24414</v>
      </c>
      <c r="B39177" s="6">
        <v>652213.79999999993</v>
      </c>
      <c r="C39177" s="7">
        <f t="shared" si="612"/>
        <v>652.21379999999988</v>
      </c>
    </row>
    <row r="39178" spans="1:3" x14ac:dyDescent="0.25">
      <c r="A39178" s="2" t="s">
        <v>24415</v>
      </c>
      <c r="B39178" s="6">
        <v>652230.44999999995</v>
      </c>
      <c r="C39178" s="7">
        <f t="shared" si="612"/>
        <v>652.23044999999991</v>
      </c>
    </row>
    <row r="39179" spans="1:3" x14ac:dyDescent="0.25">
      <c r="A39179" s="2" t="s">
        <v>24416</v>
      </c>
      <c r="B39179" s="6">
        <v>652247.1</v>
      </c>
      <c r="C39179" s="7">
        <f t="shared" si="612"/>
        <v>652.24709999999993</v>
      </c>
    </row>
    <row r="39180" spans="1:3" x14ac:dyDescent="0.25">
      <c r="A39180" s="2" t="s">
        <v>24417</v>
      </c>
      <c r="B39180" s="6">
        <v>652263.75</v>
      </c>
      <c r="C39180" s="7">
        <f t="shared" si="612"/>
        <v>652.26374999999996</v>
      </c>
    </row>
    <row r="39181" spans="1:3" x14ac:dyDescent="0.25">
      <c r="A39181" s="2" t="s">
        <v>24418</v>
      </c>
      <c r="B39181" s="6">
        <v>652280.39999999991</v>
      </c>
      <c r="C39181" s="7">
        <f t="shared" si="612"/>
        <v>652.28039999999987</v>
      </c>
    </row>
    <row r="39182" spans="1:3" x14ac:dyDescent="0.25">
      <c r="A39182" s="2" t="s">
        <v>24419</v>
      </c>
      <c r="B39182" s="6">
        <v>652297.04999999993</v>
      </c>
      <c r="C39182" s="7">
        <f t="shared" si="612"/>
        <v>652.2970499999999</v>
      </c>
    </row>
    <row r="39183" spans="1:3" x14ac:dyDescent="0.25">
      <c r="A39183" s="2" t="s">
        <v>24420</v>
      </c>
      <c r="B39183" s="6">
        <v>652313.69999999995</v>
      </c>
      <c r="C39183" s="7">
        <f t="shared" si="612"/>
        <v>652.31369999999993</v>
      </c>
    </row>
    <row r="39184" spans="1:3" x14ac:dyDescent="0.25">
      <c r="A39184" s="2" t="s">
        <v>24421</v>
      </c>
      <c r="B39184" s="6">
        <v>652330.35</v>
      </c>
      <c r="C39184" s="7">
        <f t="shared" si="612"/>
        <v>652.33034999999995</v>
      </c>
    </row>
    <row r="39185" spans="1:3" x14ac:dyDescent="0.25">
      <c r="A39185" s="2" t="s">
        <v>24422</v>
      </c>
      <c r="B39185" s="6">
        <v>652347</v>
      </c>
      <c r="C39185" s="7">
        <f t="shared" si="612"/>
        <v>652.34699999999998</v>
      </c>
    </row>
    <row r="39186" spans="1:3" x14ac:dyDescent="0.25">
      <c r="A39186" s="2" t="s">
        <v>24423</v>
      </c>
      <c r="B39186" s="6">
        <v>652363.64999999991</v>
      </c>
      <c r="C39186" s="7">
        <f t="shared" si="612"/>
        <v>652.36364999999989</v>
      </c>
    </row>
    <row r="39187" spans="1:3" x14ac:dyDescent="0.25">
      <c r="A39187" s="2" t="s">
        <v>24424</v>
      </c>
      <c r="B39187" s="6">
        <v>652380.29999999993</v>
      </c>
      <c r="C39187" s="7">
        <f t="shared" si="612"/>
        <v>652.38029999999992</v>
      </c>
    </row>
    <row r="39188" spans="1:3" x14ac:dyDescent="0.25">
      <c r="A39188" s="2" t="s">
        <v>24425</v>
      </c>
      <c r="B39188" s="6">
        <v>652396.94999999995</v>
      </c>
      <c r="C39188" s="7">
        <f t="shared" si="612"/>
        <v>652.39694999999995</v>
      </c>
    </row>
    <row r="39189" spans="1:3" x14ac:dyDescent="0.25">
      <c r="A39189" s="2" t="s">
        <v>24426</v>
      </c>
      <c r="B39189" s="6">
        <v>652413.6</v>
      </c>
      <c r="C39189" s="7">
        <f t="shared" si="612"/>
        <v>652.41359999999997</v>
      </c>
    </row>
    <row r="39190" spans="1:3" x14ac:dyDescent="0.25">
      <c r="A39190" s="2" t="s">
        <v>24427</v>
      </c>
      <c r="B39190" s="6">
        <v>652430.25</v>
      </c>
      <c r="C39190" s="7">
        <f t="shared" si="612"/>
        <v>652.43025</v>
      </c>
    </row>
    <row r="39191" spans="1:3" x14ac:dyDescent="0.25">
      <c r="A39191" s="2" t="s">
        <v>24428</v>
      </c>
      <c r="B39191" s="6">
        <v>652446.89999999991</v>
      </c>
      <c r="C39191" s="7">
        <f t="shared" si="612"/>
        <v>652.44689999999991</v>
      </c>
    </row>
    <row r="39192" spans="1:3" x14ac:dyDescent="0.25">
      <c r="A39192" s="2" t="s">
        <v>24429</v>
      </c>
      <c r="B39192" s="6">
        <v>652463.54999999993</v>
      </c>
      <c r="C39192" s="7">
        <f t="shared" si="612"/>
        <v>652.46354999999994</v>
      </c>
    </row>
    <row r="39193" spans="1:3" x14ac:dyDescent="0.25">
      <c r="A39193" s="2" t="s">
        <v>24430</v>
      </c>
      <c r="B39193" s="6">
        <v>652480.19999999995</v>
      </c>
      <c r="C39193" s="7">
        <f t="shared" si="612"/>
        <v>652.48019999999997</v>
      </c>
    </row>
    <row r="39194" spans="1:3" x14ac:dyDescent="0.25">
      <c r="A39194" s="2" t="s">
        <v>24431</v>
      </c>
      <c r="B39194" s="6">
        <v>652496.85</v>
      </c>
      <c r="C39194" s="7">
        <f t="shared" si="612"/>
        <v>652.49684999999999</v>
      </c>
    </row>
    <row r="39195" spans="1:3" x14ac:dyDescent="0.25">
      <c r="A39195" s="2" t="s">
        <v>24432</v>
      </c>
      <c r="B39195" s="6">
        <v>652513.5</v>
      </c>
      <c r="C39195" s="7">
        <f t="shared" si="612"/>
        <v>652.51350000000002</v>
      </c>
    </row>
    <row r="39196" spans="1:3" x14ac:dyDescent="0.25">
      <c r="A39196" s="2" t="s">
        <v>24433</v>
      </c>
      <c r="B39196" s="6">
        <v>652530.14999999991</v>
      </c>
      <c r="C39196" s="7">
        <f t="shared" si="612"/>
        <v>652.53014999999994</v>
      </c>
    </row>
    <row r="39197" spans="1:3" x14ac:dyDescent="0.25">
      <c r="A39197" s="2" t="s">
        <v>24434</v>
      </c>
      <c r="B39197" s="6">
        <v>652546.79999999993</v>
      </c>
      <c r="C39197" s="7">
        <f t="shared" si="612"/>
        <v>652.54679999999996</v>
      </c>
    </row>
    <row r="39198" spans="1:3" x14ac:dyDescent="0.25">
      <c r="A39198" s="2" t="s">
        <v>24435</v>
      </c>
      <c r="B39198" s="6">
        <v>652563.44999999995</v>
      </c>
      <c r="C39198" s="7">
        <f t="shared" si="612"/>
        <v>652.56344999999999</v>
      </c>
    </row>
    <row r="39199" spans="1:3" x14ac:dyDescent="0.25">
      <c r="A39199" s="2" t="s">
        <v>24436</v>
      </c>
      <c r="B39199" s="6">
        <v>652580.1</v>
      </c>
      <c r="C39199" s="7">
        <f t="shared" si="612"/>
        <v>652.58010000000002</v>
      </c>
    </row>
    <row r="39200" spans="1:3" x14ac:dyDescent="0.25">
      <c r="A39200" s="2" t="s">
        <v>24437</v>
      </c>
      <c r="B39200" s="6">
        <v>652596.75</v>
      </c>
      <c r="C39200" s="7">
        <f t="shared" si="612"/>
        <v>652.59675000000004</v>
      </c>
    </row>
    <row r="39201" spans="1:3" x14ac:dyDescent="0.25">
      <c r="A39201" s="2" t="s">
        <v>24438</v>
      </c>
      <c r="B39201" s="6">
        <v>652613.39999999991</v>
      </c>
      <c r="C39201" s="7">
        <f t="shared" si="612"/>
        <v>652.61339999999996</v>
      </c>
    </row>
    <row r="39202" spans="1:3" x14ac:dyDescent="0.25">
      <c r="A39202" s="2" t="s">
        <v>24439</v>
      </c>
      <c r="B39202" s="6">
        <v>652630.04999999993</v>
      </c>
      <c r="C39202" s="7">
        <f t="shared" si="612"/>
        <v>652.63004999999998</v>
      </c>
    </row>
    <row r="39203" spans="1:3" x14ac:dyDescent="0.25">
      <c r="A39203" s="2" t="s">
        <v>24440</v>
      </c>
      <c r="B39203" s="6">
        <v>652646.69999999995</v>
      </c>
      <c r="C39203" s="7">
        <f t="shared" si="612"/>
        <v>652.64670000000001</v>
      </c>
    </row>
    <row r="39204" spans="1:3" x14ac:dyDescent="0.25">
      <c r="A39204" s="2" t="s">
        <v>24441</v>
      </c>
      <c r="B39204" s="6">
        <v>652663.35</v>
      </c>
      <c r="C39204" s="7">
        <f t="shared" si="612"/>
        <v>652.66334999999992</v>
      </c>
    </row>
    <row r="39205" spans="1:3" x14ac:dyDescent="0.25">
      <c r="A39205" s="2" t="s">
        <v>24442</v>
      </c>
      <c r="B39205" s="6">
        <v>652680</v>
      </c>
      <c r="C39205" s="7">
        <f t="shared" si="612"/>
        <v>652.67999999999995</v>
      </c>
    </row>
    <row r="39206" spans="1:3" x14ac:dyDescent="0.25">
      <c r="A39206" s="2" t="s">
        <v>24443</v>
      </c>
      <c r="B39206" s="6">
        <v>652696.64999999991</v>
      </c>
      <c r="C39206" s="7">
        <f t="shared" si="612"/>
        <v>652.69664999999986</v>
      </c>
    </row>
    <row r="39207" spans="1:3" x14ac:dyDescent="0.25">
      <c r="A39207" s="2" t="s">
        <v>24444</v>
      </c>
      <c r="B39207" s="6">
        <v>652713.29999999993</v>
      </c>
      <c r="C39207" s="7">
        <f t="shared" si="612"/>
        <v>652.71329999999989</v>
      </c>
    </row>
    <row r="39208" spans="1:3" x14ac:dyDescent="0.25">
      <c r="A39208" s="2" t="s">
        <v>24445</v>
      </c>
      <c r="B39208" s="6">
        <v>652729.94999999995</v>
      </c>
      <c r="C39208" s="7">
        <f t="shared" si="612"/>
        <v>652.72994999999992</v>
      </c>
    </row>
    <row r="39209" spans="1:3" x14ac:dyDescent="0.25">
      <c r="A39209" s="2" t="s">
        <v>24446</v>
      </c>
      <c r="B39209" s="6">
        <v>652746.6</v>
      </c>
      <c r="C39209" s="7">
        <f t="shared" si="612"/>
        <v>652.74659999999994</v>
      </c>
    </row>
    <row r="39210" spans="1:3" x14ac:dyDescent="0.25">
      <c r="A39210" s="2" t="s">
        <v>24447</v>
      </c>
      <c r="B39210" s="6">
        <v>652763.25</v>
      </c>
      <c r="C39210" s="7">
        <f t="shared" si="612"/>
        <v>652.76324999999997</v>
      </c>
    </row>
    <row r="39211" spans="1:3" x14ac:dyDescent="0.25">
      <c r="A39211" s="2" t="s">
        <v>24448</v>
      </c>
      <c r="B39211" s="6">
        <v>652779.89999999991</v>
      </c>
      <c r="C39211" s="7">
        <f t="shared" si="612"/>
        <v>652.77989999999988</v>
      </c>
    </row>
    <row r="39212" spans="1:3" x14ac:dyDescent="0.25">
      <c r="A39212" s="2" t="s">
        <v>24449</v>
      </c>
      <c r="B39212" s="6">
        <v>652796.54999999993</v>
      </c>
      <c r="C39212" s="7">
        <f t="shared" si="612"/>
        <v>652.79654999999991</v>
      </c>
    </row>
    <row r="39213" spans="1:3" x14ac:dyDescent="0.25">
      <c r="A39213" s="2" t="s">
        <v>24450</v>
      </c>
      <c r="B39213" s="6">
        <v>652813.19999999995</v>
      </c>
      <c r="C39213" s="7">
        <f t="shared" si="612"/>
        <v>652.81319999999994</v>
      </c>
    </row>
    <row r="39214" spans="1:3" x14ac:dyDescent="0.25">
      <c r="A39214" s="2" t="s">
        <v>24451</v>
      </c>
      <c r="B39214" s="6">
        <v>652829.85</v>
      </c>
      <c r="C39214" s="7">
        <f t="shared" si="612"/>
        <v>652.82984999999996</v>
      </c>
    </row>
    <row r="39215" spans="1:3" x14ac:dyDescent="0.25">
      <c r="A39215" s="2" t="s">
        <v>24452</v>
      </c>
      <c r="B39215" s="6">
        <v>652846.5</v>
      </c>
      <c r="C39215" s="7">
        <f t="shared" si="612"/>
        <v>652.84649999999999</v>
      </c>
    </row>
    <row r="39216" spans="1:3" x14ac:dyDescent="0.25">
      <c r="A39216" s="2" t="s">
        <v>24453</v>
      </c>
      <c r="B39216" s="6">
        <v>652863.14999999991</v>
      </c>
      <c r="C39216" s="7">
        <f t="shared" si="612"/>
        <v>652.86314999999991</v>
      </c>
    </row>
    <row r="39217" spans="1:3" x14ac:dyDescent="0.25">
      <c r="A39217" s="2" t="s">
        <v>24454</v>
      </c>
      <c r="B39217" s="6">
        <v>652879.79999999993</v>
      </c>
      <c r="C39217" s="7">
        <f t="shared" si="612"/>
        <v>652.87979999999993</v>
      </c>
    </row>
    <row r="39218" spans="1:3" x14ac:dyDescent="0.25">
      <c r="A39218" s="2" t="s">
        <v>24455</v>
      </c>
      <c r="B39218" s="6">
        <v>652896.44999999995</v>
      </c>
      <c r="C39218" s="7">
        <f t="shared" si="612"/>
        <v>652.89644999999996</v>
      </c>
    </row>
    <row r="39219" spans="1:3" x14ac:dyDescent="0.25">
      <c r="A39219" s="2" t="s">
        <v>24456</v>
      </c>
      <c r="B39219" s="6">
        <v>652913.1</v>
      </c>
      <c r="C39219" s="7">
        <f t="shared" si="612"/>
        <v>652.91309999999999</v>
      </c>
    </row>
    <row r="39220" spans="1:3" x14ac:dyDescent="0.25">
      <c r="A39220" s="2" t="s">
        <v>24457</v>
      </c>
      <c r="B39220" s="6">
        <v>652929.75</v>
      </c>
      <c r="C39220" s="7">
        <f t="shared" si="612"/>
        <v>652.92975000000001</v>
      </c>
    </row>
    <row r="39221" spans="1:3" x14ac:dyDescent="0.25">
      <c r="A39221" s="2" t="s">
        <v>24458</v>
      </c>
      <c r="B39221" s="6">
        <v>652946.39999999991</v>
      </c>
      <c r="C39221" s="7">
        <f t="shared" si="612"/>
        <v>652.94639999999993</v>
      </c>
    </row>
    <row r="39222" spans="1:3" x14ac:dyDescent="0.25">
      <c r="A39222" s="2" t="s">
        <v>24459</v>
      </c>
      <c r="B39222" s="6">
        <v>652963.04999999993</v>
      </c>
      <c r="C39222" s="7">
        <f t="shared" si="612"/>
        <v>652.96304999999995</v>
      </c>
    </row>
    <row r="39223" spans="1:3" x14ac:dyDescent="0.25">
      <c r="A39223" s="2" t="s">
        <v>24460</v>
      </c>
      <c r="B39223" s="6">
        <v>652979.69999999995</v>
      </c>
      <c r="C39223" s="7">
        <f t="shared" si="612"/>
        <v>652.97969999999998</v>
      </c>
    </row>
    <row r="39224" spans="1:3" x14ac:dyDescent="0.25">
      <c r="A39224" s="2" t="s">
        <v>24461</v>
      </c>
      <c r="B39224" s="6">
        <v>652996.35</v>
      </c>
      <c r="C39224" s="7">
        <f t="shared" si="612"/>
        <v>652.99635000000001</v>
      </c>
    </row>
    <row r="39225" spans="1:3" x14ac:dyDescent="0.25">
      <c r="A39225" s="2" t="s">
        <v>24462</v>
      </c>
      <c r="B39225" s="6">
        <v>653013</v>
      </c>
      <c r="C39225" s="7">
        <f t="shared" si="612"/>
        <v>653.01300000000003</v>
      </c>
    </row>
    <row r="39226" spans="1:3" x14ac:dyDescent="0.25">
      <c r="A39226" s="2" t="s">
        <v>24463</v>
      </c>
      <c r="B39226" s="6">
        <v>653029.64999999991</v>
      </c>
      <c r="C39226" s="7">
        <f t="shared" si="612"/>
        <v>653.02964999999995</v>
      </c>
    </row>
    <row r="39227" spans="1:3" x14ac:dyDescent="0.25">
      <c r="A39227" s="2" t="s">
        <v>24464</v>
      </c>
      <c r="B39227" s="6">
        <v>653046.29999999993</v>
      </c>
      <c r="C39227" s="7">
        <f t="shared" si="612"/>
        <v>653.04629999999997</v>
      </c>
    </row>
    <row r="39228" spans="1:3" x14ac:dyDescent="0.25">
      <c r="A39228" s="2" t="s">
        <v>24465</v>
      </c>
      <c r="B39228" s="6">
        <v>653062.94999999995</v>
      </c>
      <c r="C39228" s="7">
        <f t="shared" si="612"/>
        <v>653.06295</v>
      </c>
    </row>
    <row r="39229" spans="1:3" x14ac:dyDescent="0.25">
      <c r="A39229" s="2" t="s">
        <v>24466</v>
      </c>
      <c r="B39229" s="6">
        <v>653079.6</v>
      </c>
      <c r="C39229" s="7">
        <f t="shared" si="612"/>
        <v>653.07960000000003</v>
      </c>
    </row>
    <row r="39230" spans="1:3" x14ac:dyDescent="0.25">
      <c r="A39230" s="2" t="s">
        <v>24467</v>
      </c>
      <c r="B39230" s="6">
        <v>653096.25</v>
      </c>
      <c r="C39230" s="7">
        <f t="shared" si="612"/>
        <v>653.09625000000005</v>
      </c>
    </row>
    <row r="39231" spans="1:3" x14ac:dyDescent="0.25">
      <c r="A39231" s="2" t="s">
        <v>24468</v>
      </c>
      <c r="B39231" s="6">
        <v>653112.89999999991</v>
      </c>
      <c r="C39231" s="7">
        <f t="shared" si="612"/>
        <v>653.11289999999985</v>
      </c>
    </row>
    <row r="39232" spans="1:3" x14ac:dyDescent="0.25">
      <c r="A39232" s="2" t="s">
        <v>24469</v>
      </c>
      <c r="B39232" s="6">
        <v>653129.54999999993</v>
      </c>
      <c r="C39232" s="7">
        <f t="shared" si="612"/>
        <v>653.12954999999988</v>
      </c>
    </row>
    <row r="39233" spans="1:3" x14ac:dyDescent="0.25">
      <c r="A39233" s="2" t="s">
        <v>24470</v>
      </c>
      <c r="B39233" s="6">
        <v>653146.19999999995</v>
      </c>
      <c r="C39233" s="7">
        <f t="shared" si="612"/>
        <v>653.14619999999991</v>
      </c>
    </row>
    <row r="39234" spans="1:3" x14ac:dyDescent="0.25">
      <c r="A39234" s="2" t="s">
        <v>24471</v>
      </c>
      <c r="B39234" s="6">
        <v>653162.85</v>
      </c>
      <c r="C39234" s="7">
        <f t="shared" si="612"/>
        <v>653.16284999999993</v>
      </c>
    </row>
    <row r="39235" spans="1:3" x14ac:dyDescent="0.25">
      <c r="A39235" s="2" t="s">
        <v>24472</v>
      </c>
      <c r="B39235" s="6">
        <v>653179.5</v>
      </c>
      <c r="C39235" s="7">
        <f t="shared" ref="C39235:C39298" si="613">B39235/1000</f>
        <v>653.17949999999996</v>
      </c>
    </row>
    <row r="39236" spans="1:3" x14ac:dyDescent="0.25">
      <c r="A39236" s="2" t="s">
        <v>24473</v>
      </c>
      <c r="B39236" s="6">
        <v>653196.14999999991</v>
      </c>
      <c r="C39236" s="7">
        <f t="shared" si="613"/>
        <v>653.19614999999988</v>
      </c>
    </row>
    <row r="39237" spans="1:3" x14ac:dyDescent="0.25">
      <c r="A39237" s="2" t="s">
        <v>24474</v>
      </c>
      <c r="B39237" s="6">
        <v>653212.79999999993</v>
      </c>
      <c r="C39237" s="7">
        <f t="shared" si="613"/>
        <v>653.2127999999999</v>
      </c>
    </row>
    <row r="39238" spans="1:3" x14ac:dyDescent="0.25">
      <c r="A39238" s="2" t="s">
        <v>24475</v>
      </c>
      <c r="B39238" s="6">
        <v>653229.44999999995</v>
      </c>
      <c r="C39238" s="7">
        <f t="shared" si="613"/>
        <v>653.22944999999993</v>
      </c>
    </row>
    <row r="39239" spans="1:3" x14ac:dyDescent="0.25">
      <c r="A39239" s="2" t="s">
        <v>24476</v>
      </c>
      <c r="B39239" s="6">
        <v>653246.1</v>
      </c>
      <c r="C39239" s="7">
        <f t="shared" si="613"/>
        <v>653.24609999999996</v>
      </c>
    </row>
    <row r="39240" spans="1:3" x14ac:dyDescent="0.25">
      <c r="A39240" s="2" t="s">
        <v>24477</v>
      </c>
      <c r="B39240" s="6">
        <v>653262.75</v>
      </c>
      <c r="C39240" s="7">
        <f t="shared" si="613"/>
        <v>653.26274999999998</v>
      </c>
    </row>
    <row r="39241" spans="1:3" x14ac:dyDescent="0.25">
      <c r="A39241" s="2" t="s">
        <v>24478</v>
      </c>
      <c r="B39241" s="6">
        <v>653279.39999999991</v>
      </c>
      <c r="C39241" s="7">
        <f t="shared" si="613"/>
        <v>653.2793999999999</v>
      </c>
    </row>
    <row r="39242" spans="1:3" x14ac:dyDescent="0.25">
      <c r="A39242" s="2" t="s">
        <v>24479</v>
      </c>
      <c r="B39242" s="6">
        <v>653296.04999999993</v>
      </c>
      <c r="C39242" s="7">
        <f t="shared" si="613"/>
        <v>653.29604999999992</v>
      </c>
    </row>
    <row r="39243" spans="1:3" x14ac:dyDescent="0.25">
      <c r="A39243" s="2" t="s">
        <v>24480</v>
      </c>
      <c r="B39243" s="6">
        <v>653312.69999999995</v>
      </c>
      <c r="C39243" s="7">
        <f t="shared" si="613"/>
        <v>653.31269999999995</v>
      </c>
    </row>
    <row r="39244" spans="1:3" x14ac:dyDescent="0.25">
      <c r="A39244" s="2" t="s">
        <v>24481</v>
      </c>
      <c r="B39244" s="6">
        <v>653329.35</v>
      </c>
      <c r="C39244" s="7">
        <f t="shared" si="613"/>
        <v>653.32934999999998</v>
      </c>
    </row>
    <row r="39245" spans="1:3" x14ac:dyDescent="0.25">
      <c r="A39245" s="2" t="s">
        <v>24482</v>
      </c>
      <c r="B39245" s="6">
        <v>653346</v>
      </c>
      <c r="C39245" s="7">
        <f t="shared" si="613"/>
        <v>653.346</v>
      </c>
    </row>
    <row r="39246" spans="1:3" x14ac:dyDescent="0.25">
      <c r="A39246" s="2" t="s">
        <v>24483</v>
      </c>
      <c r="B39246" s="6">
        <v>653362.64999999991</v>
      </c>
      <c r="C39246" s="7">
        <f t="shared" si="613"/>
        <v>653.36264999999992</v>
      </c>
    </row>
    <row r="39247" spans="1:3" x14ac:dyDescent="0.25">
      <c r="A39247" s="2" t="s">
        <v>24484</v>
      </c>
      <c r="B39247" s="6">
        <v>653379.29999999993</v>
      </c>
      <c r="C39247" s="7">
        <f t="shared" si="613"/>
        <v>653.37929999999994</v>
      </c>
    </row>
    <row r="39248" spans="1:3" x14ac:dyDescent="0.25">
      <c r="A39248" s="2" t="s">
        <v>24485</v>
      </c>
      <c r="B39248" s="6">
        <v>653395.94999999995</v>
      </c>
      <c r="C39248" s="7">
        <f t="shared" si="613"/>
        <v>653.39594999999997</v>
      </c>
    </row>
    <row r="39249" spans="1:3" x14ac:dyDescent="0.25">
      <c r="A39249" s="2" t="s">
        <v>24486</v>
      </c>
      <c r="B39249" s="6">
        <v>653412.6</v>
      </c>
      <c r="C39249" s="7">
        <f t="shared" si="613"/>
        <v>653.4126</v>
      </c>
    </row>
    <row r="39250" spans="1:3" x14ac:dyDescent="0.25">
      <c r="A39250" s="2" t="s">
        <v>24487</v>
      </c>
      <c r="B39250" s="6">
        <v>653429.25</v>
      </c>
      <c r="C39250" s="7">
        <f t="shared" si="613"/>
        <v>653.42925000000002</v>
      </c>
    </row>
    <row r="39251" spans="1:3" x14ac:dyDescent="0.25">
      <c r="A39251" s="2" t="s">
        <v>24488</v>
      </c>
      <c r="B39251" s="6">
        <v>653445.89999999991</v>
      </c>
      <c r="C39251" s="7">
        <f t="shared" si="613"/>
        <v>653.44589999999994</v>
      </c>
    </row>
    <row r="39252" spans="1:3" x14ac:dyDescent="0.25">
      <c r="A39252" s="2" t="s">
        <v>24489</v>
      </c>
      <c r="B39252" s="6">
        <v>653462.54999999993</v>
      </c>
      <c r="C39252" s="7">
        <f t="shared" si="613"/>
        <v>653.46254999999996</v>
      </c>
    </row>
    <row r="39253" spans="1:3" x14ac:dyDescent="0.25">
      <c r="A39253" s="2" t="s">
        <v>24490</v>
      </c>
      <c r="B39253" s="6">
        <v>653479.19999999995</v>
      </c>
      <c r="C39253" s="7">
        <f t="shared" si="613"/>
        <v>653.47919999999999</v>
      </c>
    </row>
    <row r="39254" spans="1:3" x14ac:dyDescent="0.25">
      <c r="A39254" s="2" t="s">
        <v>24491</v>
      </c>
      <c r="B39254" s="6">
        <v>653495.85</v>
      </c>
      <c r="C39254" s="7">
        <f t="shared" si="613"/>
        <v>653.49585000000002</v>
      </c>
    </row>
    <row r="39255" spans="1:3" x14ac:dyDescent="0.25">
      <c r="A39255" s="2" t="s">
        <v>24492</v>
      </c>
      <c r="B39255" s="6">
        <v>653512.5</v>
      </c>
      <c r="C39255" s="7">
        <f t="shared" si="613"/>
        <v>653.51250000000005</v>
      </c>
    </row>
    <row r="39256" spans="1:3" x14ac:dyDescent="0.25">
      <c r="A39256" s="2" t="s">
        <v>24493</v>
      </c>
      <c r="B39256" s="6">
        <v>653529.14999999991</v>
      </c>
      <c r="C39256" s="7">
        <f t="shared" si="613"/>
        <v>653.52914999999996</v>
      </c>
    </row>
    <row r="39257" spans="1:3" x14ac:dyDescent="0.25">
      <c r="A39257" s="2" t="s">
        <v>24494</v>
      </c>
      <c r="B39257" s="6">
        <v>653545.79999999993</v>
      </c>
      <c r="C39257" s="7">
        <f t="shared" si="613"/>
        <v>653.54579999999999</v>
      </c>
    </row>
    <row r="39258" spans="1:3" x14ac:dyDescent="0.25">
      <c r="A39258" s="2" t="s">
        <v>24495</v>
      </c>
      <c r="B39258" s="6">
        <v>653562.44999999995</v>
      </c>
      <c r="C39258" s="7">
        <f t="shared" si="613"/>
        <v>653.5624499999999</v>
      </c>
    </row>
    <row r="39259" spans="1:3" x14ac:dyDescent="0.25">
      <c r="A39259" s="2" t="s">
        <v>24496</v>
      </c>
      <c r="B39259" s="6">
        <v>653579.1</v>
      </c>
      <c r="C39259" s="7">
        <f t="shared" si="613"/>
        <v>653.57909999999993</v>
      </c>
    </row>
    <row r="39260" spans="1:3" x14ac:dyDescent="0.25">
      <c r="A39260" s="2" t="s">
        <v>24497</v>
      </c>
      <c r="B39260" s="6">
        <v>653595.75</v>
      </c>
      <c r="C39260" s="7">
        <f t="shared" si="613"/>
        <v>653.59574999999995</v>
      </c>
    </row>
    <row r="39261" spans="1:3" x14ac:dyDescent="0.25">
      <c r="A39261" s="2" t="s">
        <v>24498</v>
      </c>
      <c r="B39261" s="6">
        <v>653612.39999999991</v>
      </c>
      <c r="C39261" s="7">
        <f t="shared" si="613"/>
        <v>653.61239999999987</v>
      </c>
    </row>
    <row r="39262" spans="1:3" x14ac:dyDescent="0.25">
      <c r="A39262" s="2" t="s">
        <v>24499</v>
      </c>
      <c r="B39262" s="6">
        <v>653629.04999999993</v>
      </c>
      <c r="C39262" s="7">
        <f t="shared" si="613"/>
        <v>653.62904999999989</v>
      </c>
    </row>
    <row r="39263" spans="1:3" x14ac:dyDescent="0.25">
      <c r="A39263" s="2" t="s">
        <v>24500</v>
      </c>
      <c r="B39263" s="6">
        <v>653645.69999999995</v>
      </c>
      <c r="C39263" s="7">
        <f t="shared" si="613"/>
        <v>653.64569999999992</v>
      </c>
    </row>
    <row r="39264" spans="1:3" x14ac:dyDescent="0.25">
      <c r="A39264" s="2" t="s">
        <v>24501</v>
      </c>
      <c r="B39264" s="6">
        <v>653662.35</v>
      </c>
      <c r="C39264" s="7">
        <f t="shared" si="613"/>
        <v>653.66234999999995</v>
      </c>
    </row>
    <row r="39265" spans="1:3" x14ac:dyDescent="0.25">
      <c r="A39265" s="2" t="s">
        <v>24502</v>
      </c>
      <c r="B39265" s="6">
        <v>653679</v>
      </c>
      <c r="C39265" s="7">
        <f t="shared" si="613"/>
        <v>653.67899999999997</v>
      </c>
    </row>
    <row r="39266" spans="1:3" x14ac:dyDescent="0.25">
      <c r="A39266" s="2" t="s">
        <v>24503</v>
      </c>
      <c r="B39266" s="6">
        <v>653695.64999999991</v>
      </c>
      <c r="C39266" s="7">
        <f t="shared" si="613"/>
        <v>653.69564999999989</v>
      </c>
    </row>
    <row r="39267" spans="1:3" x14ac:dyDescent="0.25">
      <c r="A39267" s="2" t="s">
        <v>24504</v>
      </c>
      <c r="B39267" s="6">
        <v>653712.29999999993</v>
      </c>
      <c r="C39267" s="7">
        <f t="shared" si="613"/>
        <v>653.71229999999991</v>
      </c>
    </row>
    <row r="39268" spans="1:3" x14ac:dyDescent="0.25">
      <c r="A39268" s="2" t="s">
        <v>24505</v>
      </c>
      <c r="B39268" s="6">
        <v>653728.94999999995</v>
      </c>
      <c r="C39268" s="7">
        <f t="shared" si="613"/>
        <v>653.72894999999994</v>
      </c>
    </row>
    <row r="39269" spans="1:3" x14ac:dyDescent="0.25">
      <c r="A39269" s="2" t="s">
        <v>24506</v>
      </c>
      <c r="B39269" s="6">
        <v>653745.6</v>
      </c>
      <c r="C39269" s="7">
        <f t="shared" si="613"/>
        <v>653.74559999999997</v>
      </c>
    </row>
    <row r="39270" spans="1:3" x14ac:dyDescent="0.25">
      <c r="A39270" s="2" t="s">
        <v>24507</v>
      </c>
      <c r="B39270" s="6">
        <v>653762.25</v>
      </c>
      <c r="C39270" s="7">
        <f t="shared" si="613"/>
        <v>653.76224999999999</v>
      </c>
    </row>
    <row r="39271" spans="1:3" x14ac:dyDescent="0.25">
      <c r="A39271" s="2" t="s">
        <v>24508</v>
      </c>
      <c r="B39271" s="6">
        <v>653778.89999999991</v>
      </c>
      <c r="C39271" s="7">
        <f t="shared" si="613"/>
        <v>653.77889999999991</v>
      </c>
    </row>
    <row r="39272" spans="1:3" x14ac:dyDescent="0.25">
      <c r="A39272" s="2" t="s">
        <v>24509</v>
      </c>
      <c r="B39272" s="6">
        <v>653795.54999999993</v>
      </c>
      <c r="C39272" s="7">
        <f t="shared" si="613"/>
        <v>653.79554999999993</v>
      </c>
    </row>
    <row r="39273" spans="1:3" x14ac:dyDescent="0.25">
      <c r="A39273" s="2" t="s">
        <v>24510</v>
      </c>
      <c r="B39273" s="6">
        <v>653812.19999999995</v>
      </c>
      <c r="C39273" s="7">
        <f t="shared" si="613"/>
        <v>653.81219999999996</v>
      </c>
    </row>
    <row r="39274" spans="1:3" x14ac:dyDescent="0.25">
      <c r="A39274" s="2" t="s">
        <v>24511</v>
      </c>
      <c r="B39274" s="6">
        <v>653828.85</v>
      </c>
      <c r="C39274" s="7">
        <f t="shared" si="613"/>
        <v>653.82884999999999</v>
      </c>
    </row>
    <row r="39275" spans="1:3" x14ac:dyDescent="0.25">
      <c r="A39275" s="2" t="s">
        <v>24512</v>
      </c>
      <c r="B39275" s="6">
        <v>653845.5</v>
      </c>
      <c r="C39275" s="7">
        <f t="shared" si="613"/>
        <v>653.84550000000002</v>
      </c>
    </row>
    <row r="39276" spans="1:3" x14ac:dyDescent="0.25">
      <c r="A39276" s="2" t="s">
        <v>24513</v>
      </c>
      <c r="B39276" s="6">
        <v>653862.14999999991</v>
      </c>
      <c r="C39276" s="7">
        <f t="shared" si="613"/>
        <v>653.86214999999993</v>
      </c>
    </row>
    <row r="39277" spans="1:3" x14ac:dyDescent="0.25">
      <c r="A39277" s="2" t="s">
        <v>24514</v>
      </c>
      <c r="B39277" s="6">
        <v>653878.79999999993</v>
      </c>
      <c r="C39277" s="7">
        <f t="shared" si="613"/>
        <v>653.87879999999996</v>
      </c>
    </row>
    <row r="39278" spans="1:3" x14ac:dyDescent="0.25">
      <c r="A39278" s="2" t="s">
        <v>24515</v>
      </c>
      <c r="B39278" s="6">
        <v>653895.44999999995</v>
      </c>
      <c r="C39278" s="7">
        <f t="shared" si="613"/>
        <v>653.89544999999998</v>
      </c>
    </row>
    <row r="39279" spans="1:3" x14ac:dyDescent="0.25">
      <c r="A39279" s="2" t="s">
        <v>24516</v>
      </c>
      <c r="B39279" s="6">
        <v>653912.1</v>
      </c>
      <c r="C39279" s="7">
        <f t="shared" si="613"/>
        <v>653.91210000000001</v>
      </c>
    </row>
    <row r="39280" spans="1:3" x14ac:dyDescent="0.25">
      <c r="A39280" s="2" t="s">
        <v>24517</v>
      </c>
      <c r="B39280" s="6">
        <v>653928.75</v>
      </c>
      <c r="C39280" s="7">
        <f t="shared" si="613"/>
        <v>653.92875000000004</v>
      </c>
    </row>
    <row r="39281" spans="1:3" x14ac:dyDescent="0.25">
      <c r="A39281" s="2" t="s">
        <v>24518</v>
      </c>
      <c r="B39281" s="6">
        <v>653945.39999999991</v>
      </c>
      <c r="C39281" s="7">
        <f t="shared" si="613"/>
        <v>653.94539999999995</v>
      </c>
    </row>
    <row r="39282" spans="1:3" x14ac:dyDescent="0.25">
      <c r="A39282" s="2" t="s">
        <v>24519</v>
      </c>
      <c r="B39282" s="6">
        <v>653962.04999999993</v>
      </c>
      <c r="C39282" s="7">
        <f t="shared" si="613"/>
        <v>653.96204999999998</v>
      </c>
    </row>
    <row r="39283" spans="1:3" x14ac:dyDescent="0.25">
      <c r="A39283" s="2" t="s">
        <v>24520</v>
      </c>
      <c r="B39283" s="6">
        <v>653978.69999999995</v>
      </c>
      <c r="C39283" s="7">
        <f t="shared" si="613"/>
        <v>653.9787</v>
      </c>
    </row>
    <row r="39284" spans="1:3" x14ac:dyDescent="0.25">
      <c r="A39284" s="2" t="s">
        <v>24521</v>
      </c>
      <c r="B39284" s="6">
        <v>653995.35</v>
      </c>
      <c r="C39284" s="7">
        <f t="shared" si="613"/>
        <v>653.99535000000003</v>
      </c>
    </row>
    <row r="39285" spans="1:3" x14ac:dyDescent="0.25">
      <c r="A39285" s="2" t="s">
        <v>24522</v>
      </c>
      <c r="B39285" s="6">
        <v>654012</v>
      </c>
      <c r="C39285" s="7">
        <f t="shared" si="613"/>
        <v>654.01199999999994</v>
      </c>
    </row>
    <row r="39286" spans="1:3" x14ac:dyDescent="0.25">
      <c r="A39286" s="2" t="s">
        <v>24523</v>
      </c>
      <c r="B39286" s="6">
        <v>654028.64999999991</v>
      </c>
      <c r="C39286" s="7">
        <f t="shared" si="613"/>
        <v>654.02864999999986</v>
      </c>
    </row>
    <row r="39287" spans="1:3" x14ac:dyDescent="0.25">
      <c r="A39287" s="2" t="s">
        <v>24524</v>
      </c>
      <c r="B39287" s="6">
        <v>654045.29999999993</v>
      </c>
      <c r="C39287" s="7">
        <f t="shared" si="613"/>
        <v>654.04529999999988</v>
      </c>
    </row>
    <row r="39288" spans="1:3" x14ac:dyDescent="0.25">
      <c r="A39288" s="2" t="s">
        <v>24525</v>
      </c>
      <c r="B39288" s="6">
        <v>654061.94999999995</v>
      </c>
      <c r="C39288" s="7">
        <f t="shared" si="613"/>
        <v>654.06194999999991</v>
      </c>
    </row>
    <row r="39289" spans="1:3" x14ac:dyDescent="0.25">
      <c r="A39289" s="2" t="s">
        <v>24526</v>
      </c>
      <c r="B39289" s="6">
        <v>654078.6</v>
      </c>
      <c r="C39289" s="7">
        <f t="shared" si="613"/>
        <v>654.07859999999994</v>
      </c>
    </row>
    <row r="39290" spans="1:3" x14ac:dyDescent="0.25">
      <c r="A39290" s="2" t="s">
        <v>24527</v>
      </c>
      <c r="B39290" s="6">
        <v>654095.25</v>
      </c>
      <c r="C39290" s="7">
        <f t="shared" si="613"/>
        <v>654.09524999999996</v>
      </c>
    </row>
    <row r="39291" spans="1:3" x14ac:dyDescent="0.25">
      <c r="A39291" s="2" t="s">
        <v>24528</v>
      </c>
      <c r="B39291" s="6">
        <v>654111.89999999991</v>
      </c>
      <c r="C39291" s="7">
        <f t="shared" si="613"/>
        <v>654.11189999999988</v>
      </c>
    </row>
    <row r="39292" spans="1:3" x14ac:dyDescent="0.25">
      <c r="A39292" s="2" t="s">
        <v>24529</v>
      </c>
      <c r="B39292" s="6">
        <v>654128.54999999993</v>
      </c>
      <c r="C39292" s="7">
        <f t="shared" si="613"/>
        <v>654.1285499999999</v>
      </c>
    </row>
    <row r="39293" spans="1:3" x14ac:dyDescent="0.25">
      <c r="A39293" s="2" t="s">
        <v>24530</v>
      </c>
      <c r="B39293" s="6">
        <v>654145.19999999995</v>
      </c>
      <c r="C39293" s="7">
        <f t="shared" si="613"/>
        <v>654.14519999999993</v>
      </c>
    </row>
    <row r="39294" spans="1:3" x14ac:dyDescent="0.25">
      <c r="A39294" s="2" t="s">
        <v>24531</v>
      </c>
      <c r="B39294" s="6">
        <v>654161.85</v>
      </c>
      <c r="C39294" s="7">
        <f t="shared" si="613"/>
        <v>654.16184999999996</v>
      </c>
    </row>
    <row r="39295" spans="1:3" x14ac:dyDescent="0.25">
      <c r="A39295" s="2" t="s">
        <v>24532</v>
      </c>
      <c r="B39295" s="6">
        <v>654178.5</v>
      </c>
      <c r="C39295" s="7">
        <f t="shared" si="613"/>
        <v>654.17849999999999</v>
      </c>
    </row>
    <row r="39296" spans="1:3" x14ac:dyDescent="0.25">
      <c r="A39296" s="2" t="s">
        <v>24533</v>
      </c>
      <c r="B39296" s="6">
        <v>654195.14999999991</v>
      </c>
      <c r="C39296" s="7">
        <f t="shared" si="613"/>
        <v>654.1951499999999</v>
      </c>
    </row>
    <row r="39297" spans="1:3" x14ac:dyDescent="0.25">
      <c r="A39297" s="2" t="s">
        <v>24534</v>
      </c>
      <c r="B39297" s="6">
        <v>654211.79999999993</v>
      </c>
      <c r="C39297" s="7">
        <f t="shared" si="613"/>
        <v>654.21179999999993</v>
      </c>
    </row>
    <row r="39298" spans="1:3" x14ac:dyDescent="0.25">
      <c r="A39298" s="2" t="s">
        <v>24535</v>
      </c>
      <c r="B39298" s="6">
        <v>654228.44999999995</v>
      </c>
      <c r="C39298" s="7">
        <f t="shared" si="613"/>
        <v>654.22844999999995</v>
      </c>
    </row>
    <row r="39299" spans="1:3" x14ac:dyDescent="0.25">
      <c r="A39299" s="2" t="s">
        <v>24536</v>
      </c>
      <c r="B39299" s="6">
        <v>654245.1</v>
      </c>
      <c r="C39299" s="7">
        <f t="shared" ref="C39299:C39362" si="614">B39299/1000</f>
        <v>654.24509999999998</v>
      </c>
    </row>
    <row r="39300" spans="1:3" x14ac:dyDescent="0.25">
      <c r="A39300" s="2" t="s">
        <v>24537</v>
      </c>
      <c r="B39300" s="6">
        <v>654261.75</v>
      </c>
      <c r="C39300" s="7">
        <f t="shared" si="614"/>
        <v>654.26175000000001</v>
      </c>
    </row>
    <row r="39301" spans="1:3" x14ac:dyDescent="0.25">
      <c r="A39301" s="2" t="s">
        <v>24538</v>
      </c>
      <c r="B39301" s="6">
        <v>654278.39999999991</v>
      </c>
      <c r="C39301" s="7">
        <f t="shared" si="614"/>
        <v>654.27839999999992</v>
      </c>
    </row>
    <row r="39302" spans="1:3" x14ac:dyDescent="0.25">
      <c r="A39302" s="2" t="s">
        <v>24539</v>
      </c>
      <c r="B39302" s="6">
        <v>654295.04999999993</v>
      </c>
      <c r="C39302" s="7">
        <f t="shared" si="614"/>
        <v>654.29504999999995</v>
      </c>
    </row>
    <row r="39303" spans="1:3" x14ac:dyDescent="0.25">
      <c r="A39303" s="2" t="s">
        <v>24540</v>
      </c>
      <c r="B39303" s="6">
        <v>654311.69999999995</v>
      </c>
      <c r="C39303" s="7">
        <f t="shared" si="614"/>
        <v>654.31169999999997</v>
      </c>
    </row>
    <row r="39304" spans="1:3" x14ac:dyDescent="0.25">
      <c r="A39304" s="2" t="s">
        <v>24541</v>
      </c>
      <c r="B39304" s="6">
        <v>654328.35</v>
      </c>
      <c r="C39304" s="7">
        <f t="shared" si="614"/>
        <v>654.32835</v>
      </c>
    </row>
    <row r="39305" spans="1:3" x14ac:dyDescent="0.25">
      <c r="A39305" s="2" t="s">
        <v>24542</v>
      </c>
      <c r="B39305" s="6">
        <v>654345</v>
      </c>
      <c r="C39305" s="7">
        <f t="shared" si="614"/>
        <v>654.34500000000003</v>
      </c>
    </row>
    <row r="39306" spans="1:3" x14ac:dyDescent="0.25">
      <c r="A39306" s="2" t="s">
        <v>24543</v>
      </c>
      <c r="B39306" s="6">
        <v>654361.64999999991</v>
      </c>
      <c r="C39306" s="7">
        <f t="shared" si="614"/>
        <v>654.36164999999994</v>
      </c>
    </row>
    <row r="39307" spans="1:3" x14ac:dyDescent="0.25">
      <c r="A39307" s="2" t="s">
        <v>24544</v>
      </c>
      <c r="B39307" s="6">
        <v>654378.29999999993</v>
      </c>
      <c r="C39307" s="7">
        <f t="shared" si="614"/>
        <v>654.37829999999997</v>
      </c>
    </row>
    <row r="39308" spans="1:3" x14ac:dyDescent="0.25">
      <c r="A39308" s="2" t="s">
        <v>24545</v>
      </c>
      <c r="B39308" s="6">
        <v>654394.94999999995</v>
      </c>
      <c r="C39308" s="7">
        <f t="shared" si="614"/>
        <v>654.39494999999999</v>
      </c>
    </row>
    <row r="39309" spans="1:3" x14ac:dyDescent="0.25">
      <c r="A39309" s="2" t="s">
        <v>24546</v>
      </c>
      <c r="B39309" s="6">
        <v>654411.6</v>
      </c>
      <c r="C39309" s="7">
        <f t="shared" si="614"/>
        <v>654.41160000000002</v>
      </c>
    </row>
    <row r="39310" spans="1:3" x14ac:dyDescent="0.25">
      <c r="A39310" s="2" t="s">
        <v>24547</v>
      </c>
      <c r="B39310" s="6">
        <v>654428.25</v>
      </c>
      <c r="C39310" s="7">
        <f t="shared" si="614"/>
        <v>654.42825000000005</v>
      </c>
    </row>
    <row r="39311" spans="1:3" x14ac:dyDescent="0.25">
      <c r="A39311" s="2" t="s">
        <v>24548</v>
      </c>
      <c r="B39311" s="6">
        <v>654444.89999999991</v>
      </c>
      <c r="C39311" s="7">
        <f t="shared" si="614"/>
        <v>654.44489999999996</v>
      </c>
    </row>
    <row r="39312" spans="1:3" x14ac:dyDescent="0.25">
      <c r="A39312" s="2" t="s">
        <v>24549</v>
      </c>
      <c r="B39312" s="6">
        <v>654461.54999999993</v>
      </c>
      <c r="C39312" s="7">
        <f t="shared" si="614"/>
        <v>654.46154999999987</v>
      </c>
    </row>
    <row r="39313" spans="1:3" x14ac:dyDescent="0.25">
      <c r="A39313" s="2" t="s">
        <v>24550</v>
      </c>
      <c r="B39313" s="6">
        <v>654478.19999999995</v>
      </c>
      <c r="C39313" s="7">
        <f t="shared" si="614"/>
        <v>654.4781999999999</v>
      </c>
    </row>
    <row r="39314" spans="1:3" x14ac:dyDescent="0.25">
      <c r="A39314" s="2" t="s">
        <v>24551</v>
      </c>
      <c r="B39314" s="6">
        <v>654494.85</v>
      </c>
      <c r="C39314" s="7">
        <f t="shared" si="614"/>
        <v>654.49484999999993</v>
      </c>
    </row>
    <row r="39315" spans="1:3" x14ac:dyDescent="0.25">
      <c r="A39315" s="2" t="s">
        <v>24552</v>
      </c>
      <c r="B39315" s="6">
        <v>654511.5</v>
      </c>
      <c r="C39315" s="7">
        <f t="shared" si="614"/>
        <v>654.51149999999996</v>
      </c>
    </row>
    <row r="39316" spans="1:3" x14ac:dyDescent="0.25">
      <c r="A39316" s="2" t="s">
        <v>24553</v>
      </c>
      <c r="B39316" s="6">
        <v>654528.14999999991</v>
      </c>
      <c r="C39316" s="7">
        <f t="shared" si="614"/>
        <v>654.52814999999987</v>
      </c>
    </row>
    <row r="39317" spans="1:3" x14ac:dyDescent="0.25">
      <c r="A39317" s="2" t="s">
        <v>24554</v>
      </c>
      <c r="B39317" s="6">
        <v>654544.79999999993</v>
      </c>
      <c r="C39317" s="7">
        <f t="shared" si="614"/>
        <v>654.5447999999999</v>
      </c>
    </row>
    <row r="39318" spans="1:3" x14ac:dyDescent="0.25">
      <c r="A39318" s="2" t="s">
        <v>24555</v>
      </c>
      <c r="B39318" s="6">
        <v>654561.44999999995</v>
      </c>
      <c r="C39318" s="7">
        <f t="shared" si="614"/>
        <v>654.56144999999992</v>
      </c>
    </row>
    <row r="39319" spans="1:3" x14ac:dyDescent="0.25">
      <c r="A39319" s="2" t="s">
        <v>24556</v>
      </c>
      <c r="B39319" s="6">
        <v>654578.1</v>
      </c>
      <c r="C39319" s="7">
        <f t="shared" si="614"/>
        <v>654.57809999999995</v>
      </c>
    </row>
    <row r="39320" spans="1:3" x14ac:dyDescent="0.25">
      <c r="A39320" s="2" t="s">
        <v>24557</v>
      </c>
      <c r="B39320" s="6">
        <v>654594.75</v>
      </c>
      <c r="C39320" s="7">
        <f t="shared" si="614"/>
        <v>654.59474999999998</v>
      </c>
    </row>
    <row r="39321" spans="1:3" x14ac:dyDescent="0.25">
      <c r="A39321" s="2" t="s">
        <v>24558</v>
      </c>
      <c r="B39321" s="6">
        <v>654611.39999999991</v>
      </c>
      <c r="C39321" s="7">
        <f t="shared" si="614"/>
        <v>654.61139999999989</v>
      </c>
    </row>
    <row r="39322" spans="1:3" x14ac:dyDescent="0.25">
      <c r="A39322" s="2" t="s">
        <v>24559</v>
      </c>
      <c r="B39322" s="6">
        <v>654628.04999999993</v>
      </c>
      <c r="C39322" s="7">
        <f t="shared" si="614"/>
        <v>654.62804999999992</v>
      </c>
    </row>
    <row r="39323" spans="1:3" x14ac:dyDescent="0.25">
      <c r="A39323" s="2" t="s">
        <v>24560</v>
      </c>
      <c r="B39323" s="6">
        <v>654644.69999999995</v>
      </c>
      <c r="C39323" s="7">
        <f t="shared" si="614"/>
        <v>654.64469999999994</v>
      </c>
    </row>
    <row r="39324" spans="1:3" x14ac:dyDescent="0.25">
      <c r="A39324" s="2" t="s">
        <v>24561</v>
      </c>
      <c r="B39324" s="6">
        <v>654661.35</v>
      </c>
      <c r="C39324" s="7">
        <f t="shared" si="614"/>
        <v>654.66134999999997</v>
      </c>
    </row>
    <row r="39325" spans="1:3" x14ac:dyDescent="0.25">
      <c r="A39325" s="2" t="s">
        <v>24562</v>
      </c>
      <c r="B39325" s="6">
        <v>654678</v>
      </c>
      <c r="C39325" s="7">
        <f t="shared" si="614"/>
        <v>654.678</v>
      </c>
    </row>
    <row r="39326" spans="1:3" x14ac:dyDescent="0.25">
      <c r="A39326" s="2" t="s">
        <v>24563</v>
      </c>
      <c r="B39326" s="6">
        <v>654694.64999999991</v>
      </c>
      <c r="C39326" s="7">
        <f t="shared" si="614"/>
        <v>654.69464999999991</v>
      </c>
    </row>
    <row r="39327" spans="1:3" x14ac:dyDescent="0.25">
      <c r="A39327" s="2" t="s">
        <v>24564</v>
      </c>
      <c r="B39327" s="6">
        <v>654711.29999999993</v>
      </c>
      <c r="C39327" s="7">
        <f t="shared" si="614"/>
        <v>654.71129999999994</v>
      </c>
    </row>
    <row r="39328" spans="1:3" x14ac:dyDescent="0.25">
      <c r="A39328" s="2" t="s">
        <v>24565</v>
      </c>
      <c r="B39328" s="6">
        <v>654727.94999999995</v>
      </c>
      <c r="C39328" s="7">
        <f t="shared" si="614"/>
        <v>654.72794999999996</v>
      </c>
    </row>
    <row r="39329" spans="1:3" x14ac:dyDescent="0.25">
      <c r="A39329" s="2" t="s">
        <v>24566</v>
      </c>
      <c r="B39329" s="6">
        <v>654744.6</v>
      </c>
      <c r="C39329" s="7">
        <f t="shared" si="614"/>
        <v>654.74459999999999</v>
      </c>
    </row>
    <row r="39330" spans="1:3" x14ac:dyDescent="0.25">
      <c r="A39330" s="2" t="s">
        <v>24567</v>
      </c>
      <c r="B39330" s="6">
        <v>654761.25</v>
      </c>
      <c r="C39330" s="7">
        <f t="shared" si="614"/>
        <v>654.76125000000002</v>
      </c>
    </row>
    <row r="39331" spans="1:3" x14ac:dyDescent="0.25">
      <c r="A39331" s="2" t="s">
        <v>24568</v>
      </c>
      <c r="B39331" s="6">
        <v>654777.89999999991</v>
      </c>
      <c r="C39331" s="7">
        <f t="shared" si="614"/>
        <v>654.77789999999993</v>
      </c>
    </row>
    <row r="39332" spans="1:3" x14ac:dyDescent="0.25">
      <c r="A39332" s="2" t="s">
        <v>24569</v>
      </c>
      <c r="B39332" s="6">
        <v>654794.54999999993</v>
      </c>
      <c r="C39332" s="7">
        <f t="shared" si="614"/>
        <v>654.79454999999996</v>
      </c>
    </row>
    <row r="39333" spans="1:3" x14ac:dyDescent="0.25">
      <c r="A39333" s="2" t="s">
        <v>24570</v>
      </c>
      <c r="B39333" s="6">
        <v>654811.19999999995</v>
      </c>
      <c r="C39333" s="7">
        <f t="shared" si="614"/>
        <v>654.81119999999999</v>
      </c>
    </row>
    <row r="39334" spans="1:3" x14ac:dyDescent="0.25">
      <c r="A39334" s="2" t="s">
        <v>24571</v>
      </c>
      <c r="B39334" s="6">
        <v>654827.85</v>
      </c>
      <c r="C39334" s="7">
        <f t="shared" si="614"/>
        <v>654.82785000000001</v>
      </c>
    </row>
    <row r="39335" spans="1:3" x14ac:dyDescent="0.25">
      <c r="A39335" s="2" t="s">
        <v>24572</v>
      </c>
      <c r="B39335" s="6">
        <v>654844.5</v>
      </c>
      <c r="C39335" s="7">
        <f t="shared" si="614"/>
        <v>654.84450000000004</v>
      </c>
    </row>
    <row r="39336" spans="1:3" x14ac:dyDescent="0.25">
      <c r="A39336" s="2" t="s">
        <v>24573</v>
      </c>
      <c r="B39336" s="6">
        <v>654861.14999999991</v>
      </c>
      <c r="C39336" s="7">
        <f t="shared" si="614"/>
        <v>654.86114999999995</v>
      </c>
    </row>
    <row r="39337" spans="1:3" x14ac:dyDescent="0.25">
      <c r="A39337" s="2" t="s">
        <v>24574</v>
      </c>
      <c r="B39337" s="6">
        <v>654877.79999999993</v>
      </c>
      <c r="C39337" s="7">
        <f t="shared" si="614"/>
        <v>654.87779999999998</v>
      </c>
    </row>
    <row r="39338" spans="1:3" x14ac:dyDescent="0.25">
      <c r="A39338" s="2" t="s">
        <v>24575</v>
      </c>
      <c r="B39338" s="6">
        <v>654894.44999999995</v>
      </c>
      <c r="C39338" s="7">
        <f t="shared" si="614"/>
        <v>654.89445000000001</v>
      </c>
    </row>
    <row r="39339" spans="1:3" x14ac:dyDescent="0.25">
      <c r="A39339" s="2" t="s">
        <v>24576</v>
      </c>
      <c r="B39339" s="6">
        <v>654911.1</v>
      </c>
      <c r="C39339" s="7">
        <f t="shared" si="614"/>
        <v>654.91110000000003</v>
      </c>
    </row>
    <row r="39340" spans="1:3" x14ac:dyDescent="0.25">
      <c r="A39340" s="2" t="s">
        <v>24577</v>
      </c>
      <c r="B39340" s="6">
        <v>654927.75</v>
      </c>
      <c r="C39340" s="7">
        <f t="shared" si="614"/>
        <v>654.92774999999995</v>
      </c>
    </row>
    <row r="39341" spans="1:3" x14ac:dyDescent="0.25">
      <c r="A39341" s="2" t="s">
        <v>24578</v>
      </c>
      <c r="B39341" s="6">
        <v>654944.39999999991</v>
      </c>
      <c r="C39341" s="7">
        <f t="shared" si="614"/>
        <v>654.94439999999986</v>
      </c>
    </row>
    <row r="39342" spans="1:3" x14ac:dyDescent="0.25">
      <c r="A39342" s="2" t="s">
        <v>24579</v>
      </c>
      <c r="B39342" s="6">
        <v>654961.04999999993</v>
      </c>
      <c r="C39342" s="7">
        <f t="shared" si="614"/>
        <v>654.96104999999989</v>
      </c>
    </row>
    <row r="39343" spans="1:3" x14ac:dyDescent="0.25">
      <c r="A39343" s="2" t="s">
        <v>24580</v>
      </c>
      <c r="B39343" s="6">
        <v>654977.69999999995</v>
      </c>
      <c r="C39343" s="7">
        <f t="shared" si="614"/>
        <v>654.97769999999991</v>
      </c>
    </row>
    <row r="39344" spans="1:3" x14ac:dyDescent="0.25">
      <c r="A39344" s="2" t="s">
        <v>24581</v>
      </c>
      <c r="B39344" s="6">
        <v>654994.35</v>
      </c>
      <c r="C39344" s="7">
        <f t="shared" si="614"/>
        <v>654.99434999999994</v>
      </c>
    </row>
    <row r="39345" spans="1:3" x14ac:dyDescent="0.25">
      <c r="A39345" s="2" t="s">
        <v>24582</v>
      </c>
      <c r="B39345" s="6">
        <v>655011</v>
      </c>
      <c r="C39345" s="7">
        <f t="shared" si="614"/>
        <v>655.01099999999997</v>
      </c>
    </row>
    <row r="39346" spans="1:3" x14ac:dyDescent="0.25">
      <c r="A39346" s="2" t="s">
        <v>24583</v>
      </c>
      <c r="B39346" s="6">
        <v>655027.64999999991</v>
      </c>
      <c r="C39346" s="7">
        <f t="shared" si="614"/>
        <v>655.02764999999988</v>
      </c>
    </row>
    <row r="39347" spans="1:3" x14ac:dyDescent="0.25">
      <c r="A39347" s="2" t="s">
        <v>24584</v>
      </c>
      <c r="B39347" s="6">
        <v>655044.29999999993</v>
      </c>
      <c r="C39347" s="7">
        <f t="shared" si="614"/>
        <v>655.04429999999991</v>
      </c>
    </row>
    <row r="39348" spans="1:3" x14ac:dyDescent="0.25">
      <c r="A39348" s="2" t="s">
        <v>24585</v>
      </c>
      <c r="B39348" s="6">
        <v>655060.94999999995</v>
      </c>
      <c r="C39348" s="7">
        <f t="shared" si="614"/>
        <v>655.06094999999993</v>
      </c>
    </row>
    <row r="39349" spans="1:3" x14ac:dyDescent="0.25">
      <c r="A39349" s="2" t="s">
        <v>24586</v>
      </c>
      <c r="B39349" s="6">
        <v>655077.6</v>
      </c>
      <c r="C39349" s="7">
        <f t="shared" si="614"/>
        <v>655.07759999999996</v>
      </c>
    </row>
    <row r="39350" spans="1:3" x14ac:dyDescent="0.25">
      <c r="A39350" s="2" t="s">
        <v>24587</v>
      </c>
      <c r="B39350" s="6">
        <v>655094.25</v>
      </c>
      <c r="C39350" s="7">
        <f t="shared" si="614"/>
        <v>655.09424999999999</v>
      </c>
    </row>
    <row r="39351" spans="1:3" x14ac:dyDescent="0.25">
      <c r="A39351" s="2" t="s">
        <v>24588</v>
      </c>
      <c r="B39351" s="6">
        <v>655110.89999999991</v>
      </c>
      <c r="C39351" s="7">
        <f t="shared" si="614"/>
        <v>655.1108999999999</v>
      </c>
    </row>
    <row r="39352" spans="1:3" x14ac:dyDescent="0.25">
      <c r="A39352" s="2" t="s">
        <v>24589</v>
      </c>
      <c r="B39352" s="6">
        <v>655127.54999999993</v>
      </c>
      <c r="C39352" s="7">
        <f t="shared" si="614"/>
        <v>655.12754999999993</v>
      </c>
    </row>
    <row r="39353" spans="1:3" x14ac:dyDescent="0.25">
      <c r="A39353" s="2" t="s">
        <v>24590</v>
      </c>
      <c r="B39353" s="6">
        <v>655144.19999999995</v>
      </c>
      <c r="C39353" s="7">
        <f t="shared" si="614"/>
        <v>655.14419999999996</v>
      </c>
    </row>
    <row r="39354" spans="1:3" x14ac:dyDescent="0.25">
      <c r="A39354" s="2" t="s">
        <v>24591</v>
      </c>
      <c r="B39354" s="6">
        <v>655160.85</v>
      </c>
      <c r="C39354" s="7">
        <f t="shared" si="614"/>
        <v>655.16084999999998</v>
      </c>
    </row>
    <row r="39355" spans="1:3" x14ac:dyDescent="0.25">
      <c r="A39355" s="2" t="s">
        <v>24592</v>
      </c>
      <c r="B39355" s="6">
        <v>655177.5</v>
      </c>
      <c r="C39355" s="7">
        <f t="shared" si="614"/>
        <v>655.17750000000001</v>
      </c>
    </row>
    <row r="39356" spans="1:3" x14ac:dyDescent="0.25">
      <c r="A39356" s="2" t="s">
        <v>24593</v>
      </c>
      <c r="B39356" s="6">
        <v>655194.14999999991</v>
      </c>
      <c r="C39356" s="7">
        <f t="shared" si="614"/>
        <v>655.19414999999992</v>
      </c>
    </row>
    <row r="39357" spans="1:3" x14ac:dyDescent="0.25">
      <c r="A39357" s="2" t="s">
        <v>24594</v>
      </c>
      <c r="B39357" s="6">
        <v>655210.79999999993</v>
      </c>
      <c r="C39357" s="7">
        <f t="shared" si="614"/>
        <v>655.21079999999995</v>
      </c>
    </row>
    <row r="39358" spans="1:3" x14ac:dyDescent="0.25">
      <c r="A39358" s="2" t="s">
        <v>24595</v>
      </c>
      <c r="B39358" s="6">
        <v>655227.44999999995</v>
      </c>
      <c r="C39358" s="7">
        <f t="shared" si="614"/>
        <v>655.22744999999998</v>
      </c>
    </row>
    <row r="39359" spans="1:3" x14ac:dyDescent="0.25">
      <c r="A39359" s="2" t="s">
        <v>24596</v>
      </c>
      <c r="B39359" s="6">
        <v>655244.1</v>
      </c>
      <c r="C39359" s="7">
        <f t="shared" si="614"/>
        <v>655.2441</v>
      </c>
    </row>
    <row r="39360" spans="1:3" x14ac:dyDescent="0.25">
      <c r="A39360" s="2" t="s">
        <v>24597</v>
      </c>
      <c r="B39360" s="6">
        <v>655260.75</v>
      </c>
      <c r="C39360" s="7">
        <f t="shared" si="614"/>
        <v>655.26075000000003</v>
      </c>
    </row>
    <row r="39361" spans="1:3" x14ac:dyDescent="0.25">
      <c r="A39361" s="2" t="s">
        <v>24598</v>
      </c>
      <c r="B39361" s="6">
        <v>655277.39999999991</v>
      </c>
      <c r="C39361" s="7">
        <f t="shared" si="614"/>
        <v>655.27739999999994</v>
      </c>
    </row>
    <row r="39362" spans="1:3" x14ac:dyDescent="0.25">
      <c r="A39362" s="2" t="s">
        <v>24599</v>
      </c>
      <c r="B39362" s="6">
        <v>655294.04999999993</v>
      </c>
      <c r="C39362" s="7">
        <f t="shared" si="614"/>
        <v>655.29404999999997</v>
      </c>
    </row>
    <row r="39363" spans="1:3" x14ac:dyDescent="0.25">
      <c r="A39363" s="2" t="s">
        <v>24600</v>
      </c>
      <c r="B39363" s="6">
        <v>655310.69999999995</v>
      </c>
      <c r="C39363" s="7">
        <f t="shared" ref="C39363:C39426" si="615">B39363/1000</f>
        <v>655.3107</v>
      </c>
    </row>
    <row r="39364" spans="1:3" x14ac:dyDescent="0.25">
      <c r="A39364" s="2" t="s">
        <v>24601</v>
      </c>
      <c r="B39364" s="6">
        <v>655327.35</v>
      </c>
      <c r="C39364" s="7">
        <f t="shared" si="615"/>
        <v>655.32735000000002</v>
      </c>
    </row>
    <row r="39365" spans="1:3" x14ac:dyDescent="0.25">
      <c r="A39365" s="2" t="s">
        <v>24602</v>
      </c>
      <c r="B39365" s="6">
        <v>655344</v>
      </c>
      <c r="C39365" s="7">
        <f t="shared" si="615"/>
        <v>655.34400000000005</v>
      </c>
    </row>
    <row r="39366" spans="1:3" x14ac:dyDescent="0.25">
      <c r="A39366" s="2" t="s">
        <v>24603</v>
      </c>
      <c r="B39366" s="6">
        <v>655360.64999999991</v>
      </c>
      <c r="C39366" s="7">
        <f t="shared" si="615"/>
        <v>655.36064999999985</v>
      </c>
    </row>
    <row r="39367" spans="1:3" x14ac:dyDescent="0.25">
      <c r="A39367" s="2" t="s">
        <v>24604</v>
      </c>
      <c r="B39367" s="6">
        <v>655377.29999999993</v>
      </c>
      <c r="C39367" s="7">
        <f t="shared" si="615"/>
        <v>655.37729999999988</v>
      </c>
    </row>
    <row r="39368" spans="1:3" x14ac:dyDescent="0.25">
      <c r="A39368" s="2" t="s">
        <v>24605</v>
      </c>
      <c r="B39368" s="6">
        <v>655393.94999999995</v>
      </c>
      <c r="C39368" s="7">
        <f t="shared" si="615"/>
        <v>655.3939499999999</v>
      </c>
    </row>
    <row r="39369" spans="1:3" x14ac:dyDescent="0.25">
      <c r="A39369" s="2" t="s">
        <v>24606</v>
      </c>
      <c r="B39369" s="6">
        <v>655410.6</v>
      </c>
      <c r="C39369" s="7">
        <f t="shared" si="615"/>
        <v>655.41059999999993</v>
      </c>
    </row>
    <row r="39370" spans="1:3" x14ac:dyDescent="0.25">
      <c r="A39370" s="2" t="s">
        <v>24607</v>
      </c>
      <c r="B39370" s="6">
        <v>655427.25</v>
      </c>
      <c r="C39370" s="7">
        <f t="shared" si="615"/>
        <v>655.42724999999996</v>
      </c>
    </row>
    <row r="39371" spans="1:3" x14ac:dyDescent="0.25">
      <c r="A39371" s="2" t="s">
        <v>24608</v>
      </c>
      <c r="B39371" s="6">
        <v>655443.89999999991</v>
      </c>
      <c r="C39371" s="7">
        <f t="shared" si="615"/>
        <v>655.44389999999987</v>
      </c>
    </row>
    <row r="39372" spans="1:3" x14ac:dyDescent="0.25">
      <c r="A39372" s="2" t="s">
        <v>24609</v>
      </c>
      <c r="B39372" s="6">
        <v>655460.54999999993</v>
      </c>
      <c r="C39372" s="7">
        <f t="shared" si="615"/>
        <v>655.4605499999999</v>
      </c>
    </row>
    <row r="39373" spans="1:3" x14ac:dyDescent="0.25">
      <c r="A39373" s="2" t="s">
        <v>24610</v>
      </c>
      <c r="B39373" s="6">
        <v>655477.19999999995</v>
      </c>
      <c r="C39373" s="7">
        <f t="shared" si="615"/>
        <v>655.47719999999993</v>
      </c>
    </row>
    <row r="39374" spans="1:3" x14ac:dyDescent="0.25">
      <c r="A39374" s="2" t="s">
        <v>24611</v>
      </c>
      <c r="B39374" s="6">
        <v>655493.85</v>
      </c>
      <c r="C39374" s="7">
        <f t="shared" si="615"/>
        <v>655.49384999999995</v>
      </c>
    </row>
    <row r="39375" spans="1:3" x14ac:dyDescent="0.25">
      <c r="A39375" s="2" t="s">
        <v>24612</v>
      </c>
      <c r="B39375" s="6">
        <v>655510.5</v>
      </c>
      <c r="C39375" s="7">
        <f t="shared" si="615"/>
        <v>655.51049999999998</v>
      </c>
    </row>
    <row r="39376" spans="1:3" x14ac:dyDescent="0.25">
      <c r="A39376" s="2" t="s">
        <v>24613</v>
      </c>
      <c r="B39376" s="6">
        <v>655527.14999999991</v>
      </c>
      <c r="C39376" s="7">
        <f t="shared" si="615"/>
        <v>655.52714999999989</v>
      </c>
    </row>
    <row r="39377" spans="1:3" x14ac:dyDescent="0.25">
      <c r="A39377" s="2" t="s">
        <v>24614</v>
      </c>
      <c r="B39377" s="6">
        <v>655543.79999999993</v>
      </c>
      <c r="C39377" s="7">
        <f t="shared" si="615"/>
        <v>655.54379999999992</v>
      </c>
    </row>
    <row r="39378" spans="1:3" x14ac:dyDescent="0.25">
      <c r="A39378" s="2" t="s">
        <v>24615</v>
      </c>
      <c r="B39378" s="6">
        <v>655560.44999999995</v>
      </c>
      <c r="C39378" s="7">
        <f t="shared" si="615"/>
        <v>655.56044999999995</v>
      </c>
    </row>
    <row r="39379" spans="1:3" x14ac:dyDescent="0.25">
      <c r="A39379" s="2" t="s">
        <v>24616</v>
      </c>
      <c r="B39379" s="6">
        <v>655577.1</v>
      </c>
      <c r="C39379" s="7">
        <f t="shared" si="615"/>
        <v>655.57709999999997</v>
      </c>
    </row>
    <row r="39380" spans="1:3" x14ac:dyDescent="0.25">
      <c r="A39380" s="2" t="s">
        <v>24617</v>
      </c>
      <c r="B39380" s="6">
        <v>655593.75</v>
      </c>
      <c r="C39380" s="7">
        <f t="shared" si="615"/>
        <v>655.59375</v>
      </c>
    </row>
    <row r="39381" spans="1:3" x14ac:dyDescent="0.25">
      <c r="A39381" s="2" t="s">
        <v>24618</v>
      </c>
      <c r="B39381" s="6">
        <v>655610.39999999991</v>
      </c>
      <c r="C39381" s="7">
        <f t="shared" si="615"/>
        <v>655.61039999999991</v>
      </c>
    </row>
    <row r="39382" spans="1:3" x14ac:dyDescent="0.25">
      <c r="A39382" s="2" t="s">
        <v>24619</v>
      </c>
      <c r="B39382" s="6">
        <v>655627.04999999993</v>
      </c>
      <c r="C39382" s="7">
        <f t="shared" si="615"/>
        <v>655.62704999999994</v>
      </c>
    </row>
    <row r="39383" spans="1:3" x14ac:dyDescent="0.25">
      <c r="A39383" s="2" t="s">
        <v>24620</v>
      </c>
      <c r="B39383" s="6">
        <v>655643.69999999995</v>
      </c>
      <c r="C39383" s="7">
        <f t="shared" si="615"/>
        <v>655.64369999999997</v>
      </c>
    </row>
    <row r="39384" spans="1:3" x14ac:dyDescent="0.25">
      <c r="A39384" s="2" t="s">
        <v>24621</v>
      </c>
      <c r="B39384" s="6">
        <v>655660.35</v>
      </c>
      <c r="C39384" s="7">
        <f t="shared" si="615"/>
        <v>655.66034999999999</v>
      </c>
    </row>
    <row r="39385" spans="1:3" x14ac:dyDescent="0.25">
      <c r="A39385" s="2" t="s">
        <v>24622</v>
      </c>
      <c r="B39385" s="6">
        <v>655677</v>
      </c>
      <c r="C39385" s="7">
        <f t="shared" si="615"/>
        <v>655.67700000000002</v>
      </c>
    </row>
    <row r="39386" spans="1:3" x14ac:dyDescent="0.25">
      <c r="A39386" s="2" t="s">
        <v>24623</v>
      </c>
      <c r="B39386" s="6">
        <v>655693.64999999991</v>
      </c>
      <c r="C39386" s="7">
        <f t="shared" si="615"/>
        <v>655.69364999999993</v>
      </c>
    </row>
    <row r="39387" spans="1:3" x14ac:dyDescent="0.25">
      <c r="A39387" s="2" t="s">
        <v>24624</v>
      </c>
      <c r="B39387" s="6">
        <v>655710.29999999993</v>
      </c>
      <c r="C39387" s="7">
        <f t="shared" si="615"/>
        <v>655.71029999999996</v>
      </c>
    </row>
    <row r="39388" spans="1:3" x14ac:dyDescent="0.25">
      <c r="A39388" s="2" t="s">
        <v>24625</v>
      </c>
      <c r="B39388" s="6">
        <v>655726.94999999995</v>
      </c>
      <c r="C39388" s="7">
        <f t="shared" si="615"/>
        <v>655.72694999999999</v>
      </c>
    </row>
    <row r="39389" spans="1:3" x14ac:dyDescent="0.25">
      <c r="A39389" s="2" t="s">
        <v>24626</v>
      </c>
      <c r="B39389" s="6">
        <v>655743.6</v>
      </c>
      <c r="C39389" s="7">
        <f t="shared" si="615"/>
        <v>655.74360000000001</v>
      </c>
    </row>
    <row r="39390" spans="1:3" x14ac:dyDescent="0.25">
      <c r="A39390" s="2" t="s">
        <v>24627</v>
      </c>
      <c r="B39390" s="6">
        <v>655760.25</v>
      </c>
      <c r="C39390" s="7">
        <f t="shared" si="615"/>
        <v>655.76025000000004</v>
      </c>
    </row>
    <row r="39391" spans="1:3" x14ac:dyDescent="0.25">
      <c r="A39391" s="2" t="s">
        <v>24628</v>
      </c>
      <c r="B39391" s="6">
        <v>655776.89999999991</v>
      </c>
      <c r="C39391" s="7">
        <f t="shared" si="615"/>
        <v>655.77689999999996</v>
      </c>
    </row>
    <row r="39392" spans="1:3" x14ac:dyDescent="0.25">
      <c r="A39392" s="2" t="s">
        <v>24629</v>
      </c>
      <c r="B39392" s="6">
        <v>655793.54999999993</v>
      </c>
      <c r="C39392" s="7">
        <f t="shared" si="615"/>
        <v>655.79354999999998</v>
      </c>
    </row>
    <row r="39393" spans="1:3" x14ac:dyDescent="0.25">
      <c r="A39393" s="2" t="s">
        <v>24630</v>
      </c>
      <c r="B39393" s="6">
        <v>655810.19999999995</v>
      </c>
      <c r="C39393" s="7">
        <f t="shared" si="615"/>
        <v>655.81020000000001</v>
      </c>
    </row>
    <row r="39394" spans="1:3" x14ac:dyDescent="0.25">
      <c r="A39394" s="2" t="s">
        <v>24631</v>
      </c>
      <c r="B39394" s="6">
        <v>655826.85</v>
      </c>
      <c r="C39394" s="7">
        <f t="shared" si="615"/>
        <v>655.82684999999992</v>
      </c>
    </row>
    <row r="39395" spans="1:3" x14ac:dyDescent="0.25">
      <c r="A39395" s="2" t="s">
        <v>24632</v>
      </c>
      <c r="B39395" s="6">
        <v>655843.5</v>
      </c>
      <c r="C39395" s="7">
        <f t="shared" si="615"/>
        <v>655.84349999999995</v>
      </c>
    </row>
    <row r="39396" spans="1:3" x14ac:dyDescent="0.25">
      <c r="A39396" s="2" t="s">
        <v>24633</v>
      </c>
      <c r="B39396" s="6">
        <v>655860.14999999991</v>
      </c>
      <c r="C39396" s="7">
        <f t="shared" si="615"/>
        <v>655.86014999999986</v>
      </c>
    </row>
    <row r="39397" spans="1:3" x14ac:dyDescent="0.25">
      <c r="A39397" s="2" t="s">
        <v>24634</v>
      </c>
      <c r="B39397" s="6">
        <v>655876.79999999993</v>
      </c>
      <c r="C39397" s="7">
        <f t="shared" si="615"/>
        <v>655.87679999999989</v>
      </c>
    </row>
    <row r="39398" spans="1:3" x14ac:dyDescent="0.25">
      <c r="A39398" s="2" t="s">
        <v>24635</v>
      </c>
      <c r="B39398" s="6">
        <v>655893.44999999995</v>
      </c>
      <c r="C39398" s="7">
        <f t="shared" si="615"/>
        <v>655.89344999999992</v>
      </c>
    </row>
    <row r="39399" spans="1:3" x14ac:dyDescent="0.25">
      <c r="A39399" s="2" t="s">
        <v>24636</v>
      </c>
      <c r="B39399" s="6">
        <v>655910.1</v>
      </c>
      <c r="C39399" s="7">
        <f t="shared" si="615"/>
        <v>655.91009999999994</v>
      </c>
    </row>
    <row r="39400" spans="1:3" x14ac:dyDescent="0.25">
      <c r="A39400" s="2" t="s">
        <v>24637</v>
      </c>
      <c r="B39400" s="6">
        <v>655926.75</v>
      </c>
      <c r="C39400" s="7">
        <f t="shared" si="615"/>
        <v>655.92674999999997</v>
      </c>
    </row>
    <row r="39401" spans="1:3" x14ac:dyDescent="0.25">
      <c r="A39401" s="2" t="s">
        <v>24638</v>
      </c>
      <c r="B39401" s="6">
        <v>655943.39999999991</v>
      </c>
      <c r="C39401" s="7">
        <f t="shared" si="615"/>
        <v>655.94339999999988</v>
      </c>
    </row>
    <row r="39402" spans="1:3" x14ac:dyDescent="0.25">
      <c r="A39402" s="2" t="s">
        <v>24639</v>
      </c>
      <c r="B39402" s="6">
        <v>655960.04999999993</v>
      </c>
      <c r="C39402" s="7">
        <f t="shared" si="615"/>
        <v>655.96004999999991</v>
      </c>
    </row>
    <row r="39403" spans="1:3" x14ac:dyDescent="0.25">
      <c r="A39403" s="2" t="s">
        <v>24640</v>
      </c>
      <c r="B39403" s="6">
        <v>655976.69999999995</v>
      </c>
      <c r="C39403" s="7">
        <f t="shared" si="615"/>
        <v>655.97669999999994</v>
      </c>
    </row>
    <row r="39404" spans="1:3" x14ac:dyDescent="0.25">
      <c r="A39404" s="2" t="s">
        <v>24641</v>
      </c>
      <c r="B39404" s="6">
        <v>655993.35</v>
      </c>
      <c r="C39404" s="7">
        <f t="shared" si="615"/>
        <v>655.99334999999996</v>
      </c>
    </row>
    <row r="39405" spans="1:3" x14ac:dyDescent="0.25">
      <c r="A39405" s="2" t="s">
        <v>24642</v>
      </c>
      <c r="B39405" s="6">
        <v>656010</v>
      </c>
      <c r="C39405" s="7">
        <f t="shared" si="615"/>
        <v>656.01</v>
      </c>
    </row>
    <row r="39406" spans="1:3" x14ac:dyDescent="0.25">
      <c r="A39406" s="2" t="s">
        <v>24643</v>
      </c>
      <c r="B39406" s="6">
        <v>656026.64999999991</v>
      </c>
      <c r="C39406" s="7">
        <f t="shared" si="615"/>
        <v>656.0266499999999</v>
      </c>
    </row>
    <row r="39407" spans="1:3" x14ac:dyDescent="0.25">
      <c r="A39407" s="2" t="s">
        <v>24644</v>
      </c>
      <c r="B39407" s="6">
        <v>656043.29999999993</v>
      </c>
      <c r="C39407" s="7">
        <f t="shared" si="615"/>
        <v>656.04329999999993</v>
      </c>
    </row>
    <row r="39408" spans="1:3" x14ac:dyDescent="0.25">
      <c r="A39408" s="2" t="s">
        <v>24645</v>
      </c>
      <c r="B39408" s="6">
        <v>656059.94999999995</v>
      </c>
      <c r="C39408" s="7">
        <f t="shared" si="615"/>
        <v>656.05994999999996</v>
      </c>
    </row>
    <row r="39409" spans="1:3" x14ac:dyDescent="0.25">
      <c r="A39409" s="2" t="s">
        <v>24646</v>
      </c>
      <c r="B39409" s="6">
        <v>656076.6</v>
      </c>
      <c r="C39409" s="7">
        <f t="shared" si="615"/>
        <v>656.07659999999998</v>
      </c>
    </row>
    <row r="39410" spans="1:3" x14ac:dyDescent="0.25">
      <c r="A39410" s="2" t="s">
        <v>24647</v>
      </c>
      <c r="B39410" s="6">
        <v>656093.25</v>
      </c>
      <c r="C39410" s="7">
        <f t="shared" si="615"/>
        <v>656.09325000000001</v>
      </c>
    </row>
    <row r="39411" spans="1:3" x14ac:dyDescent="0.25">
      <c r="A39411" s="2" t="s">
        <v>24648</v>
      </c>
      <c r="B39411" s="6">
        <v>656109.89999999991</v>
      </c>
      <c r="C39411" s="7">
        <f t="shared" si="615"/>
        <v>656.10989999999993</v>
      </c>
    </row>
    <row r="39412" spans="1:3" x14ac:dyDescent="0.25">
      <c r="A39412" s="2" t="s">
        <v>24649</v>
      </c>
      <c r="B39412" s="6">
        <v>656126.54999999993</v>
      </c>
      <c r="C39412" s="7">
        <f t="shared" si="615"/>
        <v>656.12654999999995</v>
      </c>
    </row>
    <row r="39413" spans="1:3" x14ac:dyDescent="0.25">
      <c r="A39413" s="2" t="s">
        <v>24650</v>
      </c>
      <c r="B39413" s="6">
        <v>656143.19999999995</v>
      </c>
      <c r="C39413" s="7">
        <f t="shared" si="615"/>
        <v>656.14319999999998</v>
      </c>
    </row>
    <row r="39414" spans="1:3" x14ac:dyDescent="0.25">
      <c r="A39414" s="2" t="s">
        <v>24651</v>
      </c>
      <c r="B39414" s="6">
        <v>656159.85</v>
      </c>
      <c r="C39414" s="7">
        <f t="shared" si="615"/>
        <v>656.15985000000001</v>
      </c>
    </row>
    <row r="39415" spans="1:3" x14ac:dyDescent="0.25">
      <c r="A39415" s="2" t="s">
        <v>24652</v>
      </c>
      <c r="B39415" s="6">
        <v>656176.5</v>
      </c>
      <c r="C39415" s="7">
        <f t="shared" si="615"/>
        <v>656.17650000000003</v>
      </c>
    </row>
    <row r="39416" spans="1:3" x14ac:dyDescent="0.25">
      <c r="A39416" s="2" t="s">
        <v>24653</v>
      </c>
      <c r="B39416" s="6">
        <v>656193.14999999991</v>
      </c>
      <c r="C39416" s="7">
        <f t="shared" si="615"/>
        <v>656.19314999999995</v>
      </c>
    </row>
    <row r="39417" spans="1:3" x14ac:dyDescent="0.25">
      <c r="A39417" s="2" t="s">
        <v>24654</v>
      </c>
      <c r="B39417" s="6">
        <v>656209.79999999993</v>
      </c>
      <c r="C39417" s="7">
        <f t="shared" si="615"/>
        <v>656.20979999999997</v>
      </c>
    </row>
    <row r="39418" spans="1:3" x14ac:dyDescent="0.25">
      <c r="A39418" s="2" t="s">
        <v>24655</v>
      </c>
      <c r="B39418" s="6">
        <v>656226.44999999995</v>
      </c>
      <c r="C39418" s="7">
        <f t="shared" si="615"/>
        <v>656.22645</v>
      </c>
    </row>
    <row r="39419" spans="1:3" x14ac:dyDescent="0.25">
      <c r="A39419" s="2" t="s">
        <v>24656</v>
      </c>
      <c r="B39419" s="6">
        <v>656243.1</v>
      </c>
      <c r="C39419" s="7">
        <f t="shared" si="615"/>
        <v>656.24310000000003</v>
      </c>
    </row>
    <row r="39420" spans="1:3" x14ac:dyDescent="0.25">
      <c r="A39420" s="2" t="s">
        <v>24657</v>
      </c>
      <c r="B39420" s="6">
        <v>656259.75</v>
      </c>
      <c r="C39420" s="7">
        <f t="shared" si="615"/>
        <v>656.25975000000005</v>
      </c>
    </row>
    <row r="39421" spans="1:3" x14ac:dyDescent="0.25">
      <c r="A39421" s="2" t="s">
        <v>24658</v>
      </c>
      <c r="B39421" s="6">
        <v>656276.39999999991</v>
      </c>
      <c r="C39421" s="7">
        <f t="shared" si="615"/>
        <v>656.27639999999985</v>
      </c>
    </row>
    <row r="39422" spans="1:3" x14ac:dyDescent="0.25">
      <c r="A39422" s="2" t="s">
        <v>24659</v>
      </c>
      <c r="B39422" s="6">
        <v>656293.04999999993</v>
      </c>
      <c r="C39422" s="7">
        <f t="shared" si="615"/>
        <v>656.29304999999988</v>
      </c>
    </row>
    <row r="39423" spans="1:3" x14ac:dyDescent="0.25">
      <c r="A39423" s="2" t="s">
        <v>24660</v>
      </c>
      <c r="B39423" s="6">
        <v>656309.69999999995</v>
      </c>
      <c r="C39423" s="7">
        <f t="shared" si="615"/>
        <v>656.30969999999991</v>
      </c>
    </row>
    <row r="39424" spans="1:3" x14ac:dyDescent="0.25">
      <c r="A39424" s="2" t="s">
        <v>24661</v>
      </c>
      <c r="B39424" s="6">
        <v>656326.35</v>
      </c>
      <c r="C39424" s="7">
        <f t="shared" si="615"/>
        <v>656.32634999999993</v>
      </c>
    </row>
    <row r="39425" spans="1:3" x14ac:dyDescent="0.25">
      <c r="A39425" s="2" t="s">
        <v>24662</v>
      </c>
      <c r="B39425" s="6">
        <v>656343</v>
      </c>
      <c r="C39425" s="7">
        <f t="shared" si="615"/>
        <v>656.34299999999996</v>
      </c>
    </row>
    <row r="39426" spans="1:3" x14ac:dyDescent="0.25">
      <c r="A39426" s="2" t="s">
        <v>24663</v>
      </c>
      <c r="B39426" s="6">
        <v>656359.64999999991</v>
      </c>
      <c r="C39426" s="7">
        <f t="shared" si="615"/>
        <v>656.35964999999987</v>
      </c>
    </row>
    <row r="39427" spans="1:3" x14ac:dyDescent="0.25">
      <c r="A39427" s="2" t="s">
        <v>24664</v>
      </c>
      <c r="B39427" s="6">
        <v>656376.29999999993</v>
      </c>
      <c r="C39427" s="7">
        <f t="shared" ref="C39427:C39490" si="616">B39427/1000</f>
        <v>656.3762999999999</v>
      </c>
    </row>
    <row r="39428" spans="1:3" x14ac:dyDescent="0.25">
      <c r="A39428" s="2" t="s">
        <v>24665</v>
      </c>
      <c r="B39428" s="6">
        <v>656392.94999999995</v>
      </c>
      <c r="C39428" s="7">
        <f t="shared" si="616"/>
        <v>656.39294999999993</v>
      </c>
    </row>
    <row r="39429" spans="1:3" x14ac:dyDescent="0.25">
      <c r="A39429" s="2" t="s">
        <v>24666</v>
      </c>
      <c r="B39429" s="6">
        <v>656409.59999999998</v>
      </c>
      <c r="C39429" s="7">
        <f t="shared" si="616"/>
        <v>656.40959999999995</v>
      </c>
    </row>
    <row r="39430" spans="1:3" x14ac:dyDescent="0.25">
      <c r="A39430" s="2" t="s">
        <v>24667</v>
      </c>
      <c r="B39430" s="6">
        <v>656426.25</v>
      </c>
      <c r="C39430" s="7">
        <f t="shared" si="616"/>
        <v>656.42624999999998</v>
      </c>
    </row>
    <row r="39431" spans="1:3" x14ac:dyDescent="0.25">
      <c r="A39431" s="2" t="s">
        <v>24668</v>
      </c>
      <c r="B39431" s="6">
        <v>656442.89999999991</v>
      </c>
      <c r="C39431" s="7">
        <f t="shared" si="616"/>
        <v>656.4428999999999</v>
      </c>
    </row>
    <row r="39432" spans="1:3" x14ac:dyDescent="0.25">
      <c r="A39432" s="2" t="s">
        <v>24669</v>
      </c>
      <c r="B39432" s="6">
        <v>656459.54999999993</v>
      </c>
      <c r="C39432" s="7">
        <f t="shared" si="616"/>
        <v>656.45954999999992</v>
      </c>
    </row>
    <row r="39433" spans="1:3" x14ac:dyDescent="0.25">
      <c r="A39433" s="2" t="s">
        <v>24670</v>
      </c>
      <c r="B39433" s="6">
        <v>656476.19999999995</v>
      </c>
      <c r="C39433" s="7">
        <f t="shared" si="616"/>
        <v>656.47619999999995</v>
      </c>
    </row>
    <row r="39434" spans="1:3" x14ac:dyDescent="0.25">
      <c r="A39434" s="2" t="s">
        <v>24671</v>
      </c>
      <c r="B39434" s="6">
        <v>656492.85</v>
      </c>
      <c r="C39434" s="7">
        <f t="shared" si="616"/>
        <v>656.49284999999998</v>
      </c>
    </row>
    <row r="39435" spans="1:3" x14ac:dyDescent="0.25">
      <c r="A39435" s="2" t="s">
        <v>24672</v>
      </c>
      <c r="B39435" s="6">
        <v>656509.5</v>
      </c>
      <c r="C39435" s="7">
        <f t="shared" si="616"/>
        <v>656.5095</v>
      </c>
    </row>
    <row r="39436" spans="1:3" x14ac:dyDescent="0.25">
      <c r="A39436" s="2" t="s">
        <v>24673</v>
      </c>
      <c r="B39436" s="6">
        <v>656526.14999999991</v>
      </c>
      <c r="C39436" s="7">
        <f t="shared" si="616"/>
        <v>656.52614999999992</v>
      </c>
    </row>
    <row r="39437" spans="1:3" x14ac:dyDescent="0.25">
      <c r="A39437" s="2" t="s">
        <v>24674</v>
      </c>
      <c r="B39437" s="6">
        <v>656542.79999999993</v>
      </c>
      <c r="C39437" s="7">
        <f t="shared" si="616"/>
        <v>656.54279999999994</v>
      </c>
    </row>
    <row r="39438" spans="1:3" x14ac:dyDescent="0.25">
      <c r="A39438" s="2" t="s">
        <v>24675</v>
      </c>
      <c r="B39438" s="6">
        <v>656559.44999999995</v>
      </c>
      <c r="C39438" s="7">
        <f t="shared" si="616"/>
        <v>656.55944999999997</v>
      </c>
    </row>
    <row r="39439" spans="1:3" x14ac:dyDescent="0.25">
      <c r="A39439" s="2" t="s">
        <v>24676</v>
      </c>
      <c r="B39439" s="6">
        <v>656576.1</v>
      </c>
      <c r="C39439" s="7">
        <f t="shared" si="616"/>
        <v>656.5761</v>
      </c>
    </row>
    <row r="39440" spans="1:3" x14ac:dyDescent="0.25">
      <c r="A39440" s="2" t="s">
        <v>24677</v>
      </c>
      <c r="B39440" s="6">
        <v>656592.75</v>
      </c>
      <c r="C39440" s="7">
        <f t="shared" si="616"/>
        <v>656.59275000000002</v>
      </c>
    </row>
    <row r="39441" spans="1:3" x14ac:dyDescent="0.25">
      <c r="A39441" s="2" t="s">
        <v>24678</v>
      </c>
      <c r="B39441" s="6">
        <v>656609.39999999991</v>
      </c>
      <c r="C39441" s="7">
        <f t="shared" si="616"/>
        <v>656.60939999999994</v>
      </c>
    </row>
    <row r="39442" spans="1:3" x14ac:dyDescent="0.25">
      <c r="A39442" s="2" t="s">
        <v>24679</v>
      </c>
      <c r="B39442" s="6">
        <v>656626.04999999993</v>
      </c>
      <c r="C39442" s="7">
        <f t="shared" si="616"/>
        <v>656.62604999999996</v>
      </c>
    </row>
    <row r="39443" spans="1:3" x14ac:dyDescent="0.25">
      <c r="A39443" s="2" t="s">
        <v>24680</v>
      </c>
      <c r="B39443" s="6">
        <v>656642.69999999995</v>
      </c>
      <c r="C39443" s="7">
        <f t="shared" si="616"/>
        <v>656.64269999999999</v>
      </c>
    </row>
    <row r="39444" spans="1:3" x14ac:dyDescent="0.25">
      <c r="A39444" s="2" t="s">
        <v>24681</v>
      </c>
      <c r="B39444" s="6">
        <v>656659.35</v>
      </c>
      <c r="C39444" s="7">
        <f t="shared" si="616"/>
        <v>656.65935000000002</v>
      </c>
    </row>
    <row r="39445" spans="1:3" x14ac:dyDescent="0.25">
      <c r="A39445" s="2" t="s">
        <v>24682</v>
      </c>
      <c r="B39445" s="6">
        <v>656676</v>
      </c>
      <c r="C39445" s="7">
        <f t="shared" si="616"/>
        <v>656.67600000000004</v>
      </c>
    </row>
    <row r="39446" spans="1:3" x14ac:dyDescent="0.25">
      <c r="A39446" s="2" t="s">
        <v>24683</v>
      </c>
      <c r="B39446" s="6">
        <v>656692.64999999991</v>
      </c>
      <c r="C39446" s="7">
        <f t="shared" si="616"/>
        <v>656.69264999999996</v>
      </c>
    </row>
    <row r="39447" spans="1:3" x14ac:dyDescent="0.25">
      <c r="A39447" s="2" t="s">
        <v>24684</v>
      </c>
      <c r="B39447" s="6">
        <v>656709.29999999993</v>
      </c>
      <c r="C39447" s="7">
        <f t="shared" si="616"/>
        <v>656.70929999999998</v>
      </c>
    </row>
    <row r="39448" spans="1:3" x14ac:dyDescent="0.25">
      <c r="A39448" s="2" t="s">
        <v>24685</v>
      </c>
      <c r="B39448" s="6">
        <v>656725.94999999995</v>
      </c>
      <c r="C39448" s="7">
        <f t="shared" si="616"/>
        <v>656.7259499999999</v>
      </c>
    </row>
    <row r="39449" spans="1:3" x14ac:dyDescent="0.25">
      <c r="A39449" s="2" t="s">
        <v>24686</v>
      </c>
      <c r="B39449" s="6">
        <v>656742.6</v>
      </c>
      <c r="C39449" s="7">
        <f t="shared" si="616"/>
        <v>656.74259999999992</v>
      </c>
    </row>
    <row r="39450" spans="1:3" x14ac:dyDescent="0.25">
      <c r="A39450" s="2" t="s">
        <v>24687</v>
      </c>
      <c r="B39450" s="6">
        <v>656759.25</v>
      </c>
      <c r="C39450" s="7">
        <f t="shared" si="616"/>
        <v>656.75924999999995</v>
      </c>
    </row>
    <row r="39451" spans="1:3" x14ac:dyDescent="0.25">
      <c r="A39451" s="2" t="s">
        <v>24688</v>
      </c>
      <c r="B39451" s="6">
        <v>656775.89999999991</v>
      </c>
      <c r="C39451" s="7">
        <f t="shared" si="616"/>
        <v>656.77589999999987</v>
      </c>
    </row>
    <row r="39452" spans="1:3" x14ac:dyDescent="0.25">
      <c r="A39452" s="2" t="s">
        <v>24689</v>
      </c>
      <c r="B39452" s="6">
        <v>656792.54999999993</v>
      </c>
      <c r="C39452" s="7">
        <f t="shared" si="616"/>
        <v>656.79254999999989</v>
      </c>
    </row>
    <row r="39453" spans="1:3" x14ac:dyDescent="0.25">
      <c r="A39453" s="2" t="s">
        <v>24690</v>
      </c>
      <c r="B39453" s="6">
        <v>656809.19999999995</v>
      </c>
      <c r="C39453" s="7">
        <f t="shared" si="616"/>
        <v>656.80919999999992</v>
      </c>
    </row>
    <row r="39454" spans="1:3" x14ac:dyDescent="0.25">
      <c r="A39454" s="2" t="s">
        <v>24691</v>
      </c>
      <c r="B39454" s="6">
        <v>656825.85</v>
      </c>
      <c r="C39454" s="7">
        <f t="shared" si="616"/>
        <v>656.82584999999995</v>
      </c>
    </row>
    <row r="39455" spans="1:3" x14ac:dyDescent="0.25">
      <c r="A39455" s="2" t="s">
        <v>24692</v>
      </c>
      <c r="B39455" s="6">
        <v>656842.5</v>
      </c>
      <c r="C39455" s="7">
        <f t="shared" si="616"/>
        <v>656.84249999999997</v>
      </c>
    </row>
    <row r="39456" spans="1:3" x14ac:dyDescent="0.25">
      <c r="A39456" s="2" t="s">
        <v>24693</v>
      </c>
      <c r="B39456" s="6">
        <v>656859.14999999991</v>
      </c>
      <c r="C39456" s="7">
        <f t="shared" si="616"/>
        <v>656.85914999999989</v>
      </c>
    </row>
    <row r="39457" spans="1:3" x14ac:dyDescent="0.25">
      <c r="A39457" s="2" t="s">
        <v>24694</v>
      </c>
      <c r="B39457" s="6">
        <v>656875.79999999993</v>
      </c>
      <c r="C39457" s="7">
        <f t="shared" si="616"/>
        <v>656.87579999999991</v>
      </c>
    </row>
    <row r="39458" spans="1:3" x14ac:dyDescent="0.25">
      <c r="A39458" s="2" t="s">
        <v>24695</v>
      </c>
      <c r="B39458" s="6">
        <v>656892.44999999995</v>
      </c>
      <c r="C39458" s="7">
        <f t="shared" si="616"/>
        <v>656.89244999999994</v>
      </c>
    </row>
    <row r="39459" spans="1:3" x14ac:dyDescent="0.25">
      <c r="A39459" s="2" t="s">
        <v>24696</v>
      </c>
      <c r="B39459" s="6">
        <v>656909.1</v>
      </c>
      <c r="C39459" s="7">
        <f t="shared" si="616"/>
        <v>656.90909999999997</v>
      </c>
    </row>
    <row r="39460" spans="1:3" x14ac:dyDescent="0.25">
      <c r="A39460" s="2" t="s">
        <v>24697</v>
      </c>
      <c r="B39460" s="6">
        <v>656925.75</v>
      </c>
      <c r="C39460" s="7">
        <f t="shared" si="616"/>
        <v>656.92574999999999</v>
      </c>
    </row>
    <row r="39461" spans="1:3" x14ac:dyDescent="0.25">
      <c r="A39461" s="2" t="s">
        <v>24698</v>
      </c>
      <c r="B39461" s="6">
        <v>656942.39999999991</v>
      </c>
      <c r="C39461" s="7">
        <f t="shared" si="616"/>
        <v>656.94239999999991</v>
      </c>
    </row>
    <row r="39462" spans="1:3" x14ac:dyDescent="0.25">
      <c r="A39462" s="2" t="s">
        <v>24699</v>
      </c>
      <c r="B39462" s="6">
        <v>656959.04999999993</v>
      </c>
      <c r="C39462" s="7">
        <f t="shared" si="616"/>
        <v>656.95904999999993</v>
      </c>
    </row>
    <row r="39463" spans="1:3" x14ac:dyDescent="0.25">
      <c r="A39463" s="2" t="s">
        <v>24700</v>
      </c>
      <c r="B39463" s="6">
        <v>656975.69999999995</v>
      </c>
      <c r="C39463" s="7">
        <f t="shared" si="616"/>
        <v>656.97569999999996</v>
      </c>
    </row>
    <row r="39464" spans="1:3" x14ac:dyDescent="0.25">
      <c r="A39464" s="2" t="s">
        <v>24701</v>
      </c>
      <c r="B39464" s="6">
        <v>656992.35</v>
      </c>
      <c r="C39464" s="7">
        <f t="shared" si="616"/>
        <v>656.99234999999999</v>
      </c>
    </row>
    <row r="39465" spans="1:3" x14ac:dyDescent="0.25">
      <c r="A39465" s="2" t="s">
        <v>24702</v>
      </c>
      <c r="B39465" s="6">
        <v>657009</v>
      </c>
      <c r="C39465" s="7">
        <f t="shared" si="616"/>
        <v>657.00900000000001</v>
      </c>
    </row>
    <row r="39466" spans="1:3" x14ac:dyDescent="0.25">
      <c r="A39466" s="2" t="s">
        <v>24703</v>
      </c>
      <c r="B39466" s="6">
        <v>657025.64999999991</v>
      </c>
      <c r="C39466" s="7">
        <f t="shared" si="616"/>
        <v>657.02564999999993</v>
      </c>
    </row>
    <row r="39467" spans="1:3" x14ac:dyDescent="0.25">
      <c r="A39467" s="2" t="s">
        <v>24704</v>
      </c>
      <c r="B39467" s="6">
        <v>657042.29999999993</v>
      </c>
      <c r="C39467" s="7">
        <f t="shared" si="616"/>
        <v>657.04229999999995</v>
      </c>
    </row>
    <row r="39468" spans="1:3" x14ac:dyDescent="0.25">
      <c r="A39468" s="2" t="s">
        <v>24705</v>
      </c>
      <c r="B39468" s="6">
        <v>657058.94999999995</v>
      </c>
      <c r="C39468" s="7">
        <f t="shared" si="616"/>
        <v>657.05894999999998</v>
      </c>
    </row>
    <row r="39469" spans="1:3" x14ac:dyDescent="0.25">
      <c r="A39469" s="2" t="s">
        <v>24706</v>
      </c>
      <c r="B39469" s="6">
        <v>657075.6</v>
      </c>
      <c r="C39469" s="7">
        <f t="shared" si="616"/>
        <v>657.07560000000001</v>
      </c>
    </row>
    <row r="39470" spans="1:3" x14ac:dyDescent="0.25">
      <c r="A39470" s="2" t="s">
        <v>24707</v>
      </c>
      <c r="B39470" s="6">
        <v>657092.25</v>
      </c>
      <c r="C39470" s="7">
        <f t="shared" si="616"/>
        <v>657.09225000000004</v>
      </c>
    </row>
    <row r="39471" spans="1:3" x14ac:dyDescent="0.25">
      <c r="A39471" s="2" t="s">
        <v>24708</v>
      </c>
      <c r="B39471" s="6">
        <v>657108.89999999991</v>
      </c>
      <c r="C39471" s="7">
        <f t="shared" si="616"/>
        <v>657.10889999999995</v>
      </c>
    </row>
    <row r="39472" spans="1:3" x14ac:dyDescent="0.25">
      <c r="A39472" s="2" t="s">
        <v>24709</v>
      </c>
      <c r="B39472" s="6">
        <v>657125.54999999993</v>
      </c>
      <c r="C39472" s="7">
        <f t="shared" si="616"/>
        <v>657.12554999999998</v>
      </c>
    </row>
    <row r="39473" spans="1:3" x14ac:dyDescent="0.25">
      <c r="A39473" s="2" t="s">
        <v>24710</v>
      </c>
      <c r="B39473" s="6">
        <v>657142.19999999995</v>
      </c>
      <c r="C39473" s="7">
        <f t="shared" si="616"/>
        <v>657.1422</v>
      </c>
    </row>
    <row r="39474" spans="1:3" x14ac:dyDescent="0.25">
      <c r="A39474" s="2" t="s">
        <v>24711</v>
      </c>
      <c r="B39474" s="6">
        <v>657158.85</v>
      </c>
      <c r="C39474" s="7">
        <f t="shared" si="616"/>
        <v>657.15885000000003</v>
      </c>
    </row>
    <row r="39475" spans="1:3" x14ac:dyDescent="0.25">
      <c r="A39475" s="2" t="s">
        <v>24712</v>
      </c>
      <c r="B39475" s="6">
        <v>657175.5</v>
      </c>
      <c r="C39475" s="7">
        <f t="shared" si="616"/>
        <v>657.17550000000006</v>
      </c>
    </row>
    <row r="39476" spans="1:3" x14ac:dyDescent="0.25">
      <c r="A39476" s="2" t="s">
        <v>24713</v>
      </c>
      <c r="B39476" s="6">
        <v>657192.14999999991</v>
      </c>
      <c r="C39476" s="7">
        <f t="shared" si="616"/>
        <v>657.19214999999986</v>
      </c>
    </row>
    <row r="39477" spans="1:3" x14ac:dyDescent="0.25">
      <c r="A39477" s="2" t="s">
        <v>24714</v>
      </c>
      <c r="B39477" s="6">
        <v>657208.79999999993</v>
      </c>
      <c r="C39477" s="7">
        <f t="shared" si="616"/>
        <v>657.20879999999988</v>
      </c>
    </row>
    <row r="39478" spans="1:3" x14ac:dyDescent="0.25">
      <c r="A39478" s="2" t="s">
        <v>24715</v>
      </c>
      <c r="B39478" s="6">
        <v>657225.44999999995</v>
      </c>
      <c r="C39478" s="7">
        <f t="shared" si="616"/>
        <v>657.22544999999991</v>
      </c>
    </row>
    <row r="39479" spans="1:3" x14ac:dyDescent="0.25">
      <c r="A39479" s="2" t="s">
        <v>24716</v>
      </c>
      <c r="B39479" s="6">
        <v>657242.1</v>
      </c>
      <c r="C39479" s="7">
        <f t="shared" si="616"/>
        <v>657.24209999999994</v>
      </c>
    </row>
    <row r="39480" spans="1:3" x14ac:dyDescent="0.25">
      <c r="A39480" s="2" t="s">
        <v>24717</v>
      </c>
      <c r="B39480" s="6">
        <v>657258.75</v>
      </c>
      <c r="C39480" s="7">
        <f t="shared" si="616"/>
        <v>657.25874999999996</v>
      </c>
    </row>
    <row r="39481" spans="1:3" x14ac:dyDescent="0.25">
      <c r="A39481" s="2" t="s">
        <v>24718</v>
      </c>
      <c r="B39481" s="6">
        <v>657275.39999999991</v>
      </c>
      <c r="C39481" s="7">
        <f t="shared" si="616"/>
        <v>657.27539999999988</v>
      </c>
    </row>
    <row r="39482" spans="1:3" x14ac:dyDescent="0.25">
      <c r="A39482" s="2" t="s">
        <v>24719</v>
      </c>
      <c r="B39482" s="6">
        <v>657292.04999999993</v>
      </c>
      <c r="C39482" s="7">
        <f t="shared" si="616"/>
        <v>657.2920499999999</v>
      </c>
    </row>
    <row r="39483" spans="1:3" x14ac:dyDescent="0.25">
      <c r="A39483" s="2" t="s">
        <v>24720</v>
      </c>
      <c r="B39483" s="6">
        <v>657308.69999999995</v>
      </c>
      <c r="C39483" s="7">
        <f t="shared" si="616"/>
        <v>657.30869999999993</v>
      </c>
    </row>
    <row r="39484" spans="1:3" x14ac:dyDescent="0.25">
      <c r="A39484" s="2" t="s">
        <v>24721</v>
      </c>
      <c r="B39484" s="6">
        <v>657325.35</v>
      </c>
      <c r="C39484" s="7">
        <f t="shared" si="616"/>
        <v>657.32534999999996</v>
      </c>
    </row>
    <row r="39485" spans="1:3" x14ac:dyDescent="0.25">
      <c r="A39485" s="2" t="s">
        <v>24722</v>
      </c>
      <c r="B39485" s="6">
        <v>657342</v>
      </c>
      <c r="C39485" s="7">
        <f t="shared" si="616"/>
        <v>657.34199999999998</v>
      </c>
    </row>
    <row r="39486" spans="1:3" x14ac:dyDescent="0.25">
      <c r="A39486" s="2" t="s">
        <v>24723</v>
      </c>
      <c r="B39486" s="6">
        <v>657358.64999999991</v>
      </c>
      <c r="C39486" s="7">
        <f t="shared" si="616"/>
        <v>657.3586499999999</v>
      </c>
    </row>
    <row r="39487" spans="1:3" x14ac:dyDescent="0.25">
      <c r="A39487" s="2" t="s">
        <v>24724</v>
      </c>
      <c r="B39487" s="6">
        <v>657375.29999999993</v>
      </c>
      <c r="C39487" s="7">
        <f t="shared" si="616"/>
        <v>657.37529999999992</v>
      </c>
    </row>
    <row r="39488" spans="1:3" x14ac:dyDescent="0.25">
      <c r="A39488" s="2" t="s">
        <v>24725</v>
      </c>
      <c r="B39488" s="6">
        <v>657391.94999999995</v>
      </c>
      <c r="C39488" s="7">
        <f t="shared" si="616"/>
        <v>657.39194999999995</v>
      </c>
    </row>
    <row r="39489" spans="1:3" x14ac:dyDescent="0.25">
      <c r="A39489" s="2" t="s">
        <v>24726</v>
      </c>
      <c r="B39489" s="6">
        <v>657408.6</v>
      </c>
      <c r="C39489" s="7">
        <f t="shared" si="616"/>
        <v>657.40859999999998</v>
      </c>
    </row>
    <row r="39490" spans="1:3" x14ac:dyDescent="0.25">
      <c r="A39490" s="2" t="s">
        <v>24727</v>
      </c>
      <c r="B39490" s="6">
        <v>657425.25</v>
      </c>
      <c r="C39490" s="7">
        <f t="shared" si="616"/>
        <v>657.42525000000001</v>
      </c>
    </row>
    <row r="39491" spans="1:3" x14ac:dyDescent="0.25">
      <c r="A39491" s="2" t="s">
        <v>24728</v>
      </c>
      <c r="B39491" s="6">
        <v>657441.89999999991</v>
      </c>
      <c r="C39491" s="7">
        <f t="shared" ref="C39491:C39554" si="617">B39491/1000</f>
        <v>657.44189999999992</v>
      </c>
    </row>
    <row r="39492" spans="1:3" x14ac:dyDescent="0.25">
      <c r="A39492" s="2" t="s">
        <v>24729</v>
      </c>
      <c r="B39492" s="6">
        <v>657458.54999999993</v>
      </c>
      <c r="C39492" s="7">
        <f t="shared" si="617"/>
        <v>657.45854999999995</v>
      </c>
    </row>
    <row r="39493" spans="1:3" x14ac:dyDescent="0.25">
      <c r="A39493" s="2" t="s">
        <v>24730</v>
      </c>
      <c r="B39493" s="6">
        <v>657475.19999999995</v>
      </c>
      <c r="C39493" s="7">
        <f t="shared" si="617"/>
        <v>657.47519999999997</v>
      </c>
    </row>
    <row r="39494" spans="1:3" x14ac:dyDescent="0.25">
      <c r="A39494" s="2" t="s">
        <v>24731</v>
      </c>
      <c r="B39494" s="6">
        <v>657491.85</v>
      </c>
      <c r="C39494" s="7">
        <f t="shared" si="617"/>
        <v>657.49185</v>
      </c>
    </row>
    <row r="39495" spans="1:3" x14ac:dyDescent="0.25">
      <c r="A39495" s="2" t="s">
        <v>24732</v>
      </c>
      <c r="B39495" s="6">
        <v>657508.5</v>
      </c>
      <c r="C39495" s="7">
        <f t="shared" si="617"/>
        <v>657.50850000000003</v>
      </c>
    </row>
    <row r="39496" spans="1:3" x14ac:dyDescent="0.25">
      <c r="A39496" s="2" t="s">
        <v>24733</v>
      </c>
      <c r="B39496" s="6">
        <v>657525.14999999991</v>
      </c>
      <c r="C39496" s="7">
        <f t="shared" si="617"/>
        <v>657.52514999999994</v>
      </c>
    </row>
    <row r="39497" spans="1:3" x14ac:dyDescent="0.25">
      <c r="A39497" s="2" t="s">
        <v>24734</v>
      </c>
      <c r="B39497" s="6">
        <v>657541.79999999993</v>
      </c>
      <c r="C39497" s="7">
        <f t="shared" si="617"/>
        <v>657.54179999999997</v>
      </c>
    </row>
    <row r="39498" spans="1:3" x14ac:dyDescent="0.25">
      <c r="A39498" s="2" t="s">
        <v>24735</v>
      </c>
      <c r="B39498" s="6">
        <v>657558.44999999995</v>
      </c>
      <c r="C39498" s="7">
        <f t="shared" si="617"/>
        <v>657.55844999999999</v>
      </c>
    </row>
    <row r="39499" spans="1:3" x14ac:dyDescent="0.25">
      <c r="A39499" s="2" t="s">
        <v>24736</v>
      </c>
      <c r="B39499" s="6">
        <v>657575.1</v>
      </c>
      <c r="C39499" s="7">
        <f t="shared" si="617"/>
        <v>657.57510000000002</v>
      </c>
    </row>
    <row r="39500" spans="1:3" x14ac:dyDescent="0.25">
      <c r="A39500" s="2" t="s">
        <v>24737</v>
      </c>
      <c r="B39500" s="6">
        <v>657591.75</v>
      </c>
      <c r="C39500" s="7">
        <f t="shared" si="617"/>
        <v>657.59175000000005</v>
      </c>
    </row>
    <row r="39501" spans="1:3" x14ac:dyDescent="0.25">
      <c r="A39501" s="2" t="s">
        <v>24738</v>
      </c>
      <c r="B39501" s="6">
        <v>657608.39999999991</v>
      </c>
      <c r="C39501" s="7">
        <f t="shared" si="617"/>
        <v>657.60839999999996</v>
      </c>
    </row>
    <row r="39502" spans="1:3" x14ac:dyDescent="0.25">
      <c r="A39502" s="2" t="s">
        <v>24739</v>
      </c>
      <c r="B39502" s="6">
        <v>657625.04999999993</v>
      </c>
      <c r="C39502" s="7">
        <f t="shared" si="617"/>
        <v>657.62504999999987</v>
      </c>
    </row>
    <row r="39503" spans="1:3" x14ac:dyDescent="0.25">
      <c r="A39503" s="2" t="s">
        <v>24740</v>
      </c>
      <c r="B39503" s="6">
        <v>657641.69999999995</v>
      </c>
      <c r="C39503" s="7">
        <f t="shared" si="617"/>
        <v>657.6416999999999</v>
      </c>
    </row>
    <row r="39504" spans="1:3" x14ac:dyDescent="0.25">
      <c r="A39504" s="2" t="s">
        <v>24741</v>
      </c>
      <c r="B39504" s="6">
        <v>657658.35</v>
      </c>
      <c r="C39504" s="7">
        <f t="shared" si="617"/>
        <v>657.65834999999993</v>
      </c>
    </row>
    <row r="39505" spans="1:3" x14ac:dyDescent="0.25">
      <c r="A39505" s="2" t="s">
        <v>24742</v>
      </c>
      <c r="B39505" s="6">
        <v>657675</v>
      </c>
      <c r="C39505" s="7">
        <f t="shared" si="617"/>
        <v>657.67499999999995</v>
      </c>
    </row>
    <row r="39506" spans="1:3" x14ac:dyDescent="0.25">
      <c r="A39506" s="2" t="s">
        <v>24743</v>
      </c>
      <c r="B39506" s="6">
        <v>657691.64999999991</v>
      </c>
      <c r="C39506" s="7">
        <f t="shared" si="617"/>
        <v>657.69164999999987</v>
      </c>
    </row>
    <row r="39507" spans="1:3" x14ac:dyDescent="0.25">
      <c r="A39507" s="2" t="s">
        <v>24744</v>
      </c>
      <c r="B39507" s="6">
        <v>657708.29999999993</v>
      </c>
      <c r="C39507" s="7">
        <f t="shared" si="617"/>
        <v>657.70829999999989</v>
      </c>
    </row>
    <row r="39508" spans="1:3" x14ac:dyDescent="0.25">
      <c r="A39508" s="2" t="s">
        <v>24745</v>
      </c>
      <c r="B39508" s="6">
        <v>657724.94999999995</v>
      </c>
      <c r="C39508" s="7">
        <f t="shared" si="617"/>
        <v>657.72494999999992</v>
      </c>
    </row>
    <row r="39509" spans="1:3" x14ac:dyDescent="0.25">
      <c r="A39509" s="2" t="s">
        <v>24746</v>
      </c>
      <c r="B39509" s="6">
        <v>657741.6</v>
      </c>
      <c r="C39509" s="7">
        <f t="shared" si="617"/>
        <v>657.74159999999995</v>
      </c>
    </row>
    <row r="39510" spans="1:3" x14ac:dyDescent="0.25">
      <c r="A39510" s="2" t="s">
        <v>24747</v>
      </c>
      <c r="B39510" s="6">
        <v>657758.25</v>
      </c>
      <c r="C39510" s="7">
        <f t="shared" si="617"/>
        <v>657.75824999999998</v>
      </c>
    </row>
    <row r="39511" spans="1:3" x14ac:dyDescent="0.25">
      <c r="A39511" s="2" t="s">
        <v>24748</v>
      </c>
      <c r="B39511" s="6">
        <v>657774.89999999991</v>
      </c>
      <c r="C39511" s="7">
        <f t="shared" si="617"/>
        <v>657.77489999999989</v>
      </c>
    </row>
    <row r="39512" spans="1:3" x14ac:dyDescent="0.25">
      <c r="A39512" s="2" t="s">
        <v>24749</v>
      </c>
      <c r="B39512" s="6">
        <v>657791.54999999993</v>
      </c>
      <c r="C39512" s="7">
        <f t="shared" si="617"/>
        <v>657.79154999999992</v>
      </c>
    </row>
    <row r="39513" spans="1:3" x14ac:dyDescent="0.25">
      <c r="A39513" s="2" t="s">
        <v>24750</v>
      </c>
      <c r="B39513" s="6">
        <v>657808.19999999995</v>
      </c>
      <c r="C39513" s="7">
        <f t="shared" si="617"/>
        <v>657.80819999999994</v>
      </c>
    </row>
    <row r="39514" spans="1:3" x14ac:dyDescent="0.25">
      <c r="A39514" s="2" t="s">
        <v>24751</v>
      </c>
      <c r="B39514" s="6">
        <v>657824.85</v>
      </c>
      <c r="C39514" s="7">
        <f t="shared" si="617"/>
        <v>657.82484999999997</v>
      </c>
    </row>
    <row r="39515" spans="1:3" x14ac:dyDescent="0.25">
      <c r="A39515" s="2" t="s">
        <v>24752</v>
      </c>
      <c r="B39515" s="6">
        <v>657841.5</v>
      </c>
      <c r="C39515" s="7">
        <f t="shared" si="617"/>
        <v>657.8415</v>
      </c>
    </row>
    <row r="39516" spans="1:3" x14ac:dyDescent="0.25">
      <c r="A39516" s="2" t="s">
        <v>24753</v>
      </c>
      <c r="B39516" s="6">
        <v>657858.14999999991</v>
      </c>
      <c r="C39516" s="7">
        <f t="shared" si="617"/>
        <v>657.85814999999991</v>
      </c>
    </row>
    <row r="39517" spans="1:3" x14ac:dyDescent="0.25">
      <c r="A39517" s="2" t="s">
        <v>24754</v>
      </c>
      <c r="B39517" s="6">
        <v>657874.79999999993</v>
      </c>
      <c r="C39517" s="7">
        <f t="shared" si="617"/>
        <v>657.87479999999994</v>
      </c>
    </row>
    <row r="39518" spans="1:3" x14ac:dyDescent="0.25">
      <c r="A39518" s="2" t="s">
        <v>24755</v>
      </c>
      <c r="B39518" s="6">
        <v>657891.44999999995</v>
      </c>
      <c r="C39518" s="7">
        <f t="shared" si="617"/>
        <v>657.89144999999996</v>
      </c>
    </row>
    <row r="39519" spans="1:3" x14ac:dyDescent="0.25">
      <c r="A39519" s="2" t="s">
        <v>24756</v>
      </c>
      <c r="B39519" s="6">
        <v>657908.1</v>
      </c>
      <c r="C39519" s="7">
        <f t="shared" si="617"/>
        <v>657.90809999999999</v>
      </c>
    </row>
    <row r="39520" spans="1:3" x14ac:dyDescent="0.25">
      <c r="A39520" s="2" t="s">
        <v>24757</v>
      </c>
      <c r="B39520" s="6">
        <v>657924.75</v>
      </c>
      <c r="C39520" s="7">
        <f t="shared" si="617"/>
        <v>657.92475000000002</v>
      </c>
    </row>
    <row r="39521" spans="1:3" x14ac:dyDescent="0.25">
      <c r="A39521" s="2" t="s">
        <v>24758</v>
      </c>
      <c r="B39521" s="6">
        <v>657941.39999999991</v>
      </c>
      <c r="C39521" s="7">
        <f t="shared" si="617"/>
        <v>657.94139999999993</v>
      </c>
    </row>
    <row r="39522" spans="1:3" x14ac:dyDescent="0.25">
      <c r="A39522" s="2" t="s">
        <v>24759</v>
      </c>
      <c r="B39522" s="6">
        <v>657958.04999999993</v>
      </c>
      <c r="C39522" s="7">
        <f t="shared" si="617"/>
        <v>657.95804999999996</v>
      </c>
    </row>
    <row r="39523" spans="1:3" x14ac:dyDescent="0.25">
      <c r="A39523" s="2" t="s">
        <v>24760</v>
      </c>
      <c r="B39523" s="6">
        <v>657974.69999999995</v>
      </c>
      <c r="C39523" s="7">
        <f t="shared" si="617"/>
        <v>657.97469999999998</v>
      </c>
    </row>
    <row r="39524" spans="1:3" x14ac:dyDescent="0.25">
      <c r="A39524" s="2" t="s">
        <v>24761</v>
      </c>
      <c r="B39524" s="6">
        <v>657991.35</v>
      </c>
      <c r="C39524" s="7">
        <f t="shared" si="617"/>
        <v>657.99135000000001</v>
      </c>
    </row>
    <row r="39525" spans="1:3" x14ac:dyDescent="0.25">
      <c r="A39525" s="2" t="s">
        <v>24762</v>
      </c>
      <c r="B39525" s="6">
        <v>658008</v>
      </c>
      <c r="C39525" s="7">
        <f t="shared" si="617"/>
        <v>658.00800000000004</v>
      </c>
    </row>
    <row r="39526" spans="1:3" x14ac:dyDescent="0.25">
      <c r="A39526" s="2" t="s">
        <v>24763</v>
      </c>
      <c r="B39526" s="6">
        <v>658024.64999999991</v>
      </c>
      <c r="C39526" s="7">
        <f t="shared" si="617"/>
        <v>658.02464999999995</v>
      </c>
    </row>
    <row r="39527" spans="1:3" x14ac:dyDescent="0.25">
      <c r="A39527" s="2" t="s">
        <v>24764</v>
      </c>
      <c r="B39527" s="6">
        <v>658041.29999999993</v>
      </c>
      <c r="C39527" s="7">
        <f t="shared" si="617"/>
        <v>658.04129999999998</v>
      </c>
    </row>
    <row r="39528" spans="1:3" x14ac:dyDescent="0.25">
      <c r="A39528" s="2" t="s">
        <v>24765</v>
      </c>
      <c r="B39528" s="6">
        <v>658057.94999999995</v>
      </c>
      <c r="C39528" s="7">
        <f t="shared" si="617"/>
        <v>658.05795000000001</v>
      </c>
    </row>
    <row r="39529" spans="1:3" x14ac:dyDescent="0.25">
      <c r="A39529" s="2" t="s">
        <v>24766</v>
      </c>
      <c r="B39529" s="6">
        <v>658074.6</v>
      </c>
      <c r="C39529" s="7">
        <f t="shared" si="617"/>
        <v>658.07460000000003</v>
      </c>
    </row>
    <row r="39530" spans="1:3" x14ac:dyDescent="0.25">
      <c r="A39530" s="2" t="s">
        <v>24767</v>
      </c>
      <c r="B39530" s="6">
        <v>658091.25</v>
      </c>
      <c r="C39530" s="7">
        <f t="shared" si="617"/>
        <v>658.09124999999995</v>
      </c>
    </row>
    <row r="39531" spans="1:3" x14ac:dyDescent="0.25">
      <c r="A39531" s="2" t="s">
        <v>24768</v>
      </c>
      <c r="B39531" s="6">
        <v>658107.89999999991</v>
      </c>
      <c r="C39531" s="7">
        <f t="shared" si="617"/>
        <v>658.10789999999986</v>
      </c>
    </row>
    <row r="39532" spans="1:3" x14ac:dyDescent="0.25">
      <c r="A39532" s="2" t="s">
        <v>24769</v>
      </c>
      <c r="B39532" s="6">
        <v>658124.54999999993</v>
      </c>
      <c r="C39532" s="7">
        <f t="shared" si="617"/>
        <v>658.12454999999989</v>
      </c>
    </row>
    <row r="39533" spans="1:3" x14ac:dyDescent="0.25">
      <c r="A39533" s="2" t="s">
        <v>24770</v>
      </c>
      <c r="B39533" s="6">
        <v>658141.19999999995</v>
      </c>
      <c r="C39533" s="7">
        <f t="shared" si="617"/>
        <v>658.14119999999991</v>
      </c>
    </row>
    <row r="39534" spans="1:3" x14ac:dyDescent="0.25">
      <c r="A39534" s="2" t="s">
        <v>24771</v>
      </c>
      <c r="B39534" s="6">
        <v>658157.85</v>
      </c>
      <c r="C39534" s="7">
        <f t="shared" si="617"/>
        <v>658.15784999999994</v>
      </c>
    </row>
    <row r="39535" spans="1:3" x14ac:dyDescent="0.25">
      <c r="A39535" s="2" t="s">
        <v>24772</v>
      </c>
      <c r="B39535" s="6">
        <v>658174.5</v>
      </c>
      <c r="C39535" s="7">
        <f t="shared" si="617"/>
        <v>658.17449999999997</v>
      </c>
    </row>
    <row r="39536" spans="1:3" x14ac:dyDescent="0.25">
      <c r="A39536" s="2" t="s">
        <v>24773</v>
      </c>
      <c r="B39536" s="6">
        <v>658191.14999999991</v>
      </c>
      <c r="C39536" s="7">
        <f t="shared" si="617"/>
        <v>658.19114999999988</v>
      </c>
    </row>
    <row r="39537" spans="1:9" x14ac:dyDescent="0.25">
      <c r="A39537" s="2" t="s">
        <v>24774</v>
      </c>
      <c r="B39537" s="6">
        <v>658207.79999999993</v>
      </c>
      <c r="C39537" s="7">
        <f t="shared" si="617"/>
        <v>658.20779999999991</v>
      </c>
    </row>
    <row r="39538" spans="1:9" x14ac:dyDescent="0.25">
      <c r="A39538" s="2" t="s">
        <v>24775</v>
      </c>
      <c r="B39538" s="6">
        <v>658224.44999999995</v>
      </c>
      <c r="C39538" s="7">
        <f t="shared" si="617"/>
        <v>658.22444999999993</v>
      </c>
    </row>
    <row r="39539" spans="1:9" x14ac:dyDescent="0.25">
      <c r="A39539" s="2" t="s">
        <v>24776</v>
      </c>
      <c r="B39539" s="6">
        <v>658241.1</v>
      </c>
      <c r="C39539" s="7">
        <f t="shared" si="617"/>
        <v>658.24109999999996</v>
      </c>
    </row>
    <row r="39540" spans="1:9" x14ac:dyDescent="0.25">
      <c r="A39540" s="2" t="s">
        <v>24777</v>
      </c>
      <c r="B39540" s="6">
        <v>658257.75</v>
      </c>
      <c r="C39540" s="7">
        <f t="shared" si="617"/>
        <v>658.25774999999999</v>
      </c>
    </row>
    <row r="39541" spans="1:9" x14ac:dyDescent="0.25">
      <c r="A39541" s="2" t="s">
        <v>24778</v>
      </c>
      <c r="B39541" s="6">
        <v>658274.39999999991</v>
      </c>
      <c r="C39541" s="7">
        <f t="shared" si="617"/>
        <v>658.2743999999999</v>
      </c>
    </row>
    <row r="39542" spans="1:9" x14ac:dyDescent="0.25">
      <c r="A39542" s="2" t="s">
        <v>24779</v>
      </c>
      <c r="B39542" s="6">
        <v>658291.04999999993</v>
      </c>
      <c r="C39542" s="7">
        <f t="shared" si="617"/>
        <v>658.29104999999993</v>
      </c>
    </row>
    <row r="39543" spans="1:9" x14ac:dyDescent="0.25">
      <c r="A39543" s="2" t="s">
        <v>24780</v>
      </c>
      <c r="B39543" s="6">
        <v>658307.69999999995</v>
      </c>
      <c r="C39543" s="7">
        <f t="shared" si="617"/>
        <v>658.30769999999995</v>
      </c>
    </row>
    <row r="39544" spans="1:9" x14ac:dyDescent="0.25">
      <c r="A39544" s="2" t="s">
        <v>24781</v>
      </c>
      <c r="B39544" s="6">
        <v>658324.35</v>
      </c>
      <c r="C39544" s="7">
        <f t="shared" si="617"/>
        <v>658.32434999999998</v>
      </c>
    </row>
    <row r="39545" spans="1:9" x14ac:dyDescent="0.25">
      <c r="A39545" s="3">
        <v>41647.332002314812</v>
      </c>
      <c r="B39545" s="6">
        <v>658341</v>
      </c>
      <c r="C39545" s="7">
        <f t="shared" si="617"/>
        <v>658.34100000000001</v>
      </c>
      <c r="I39545" s="1"/>
    </row>
    <row r="39546" spans="1:9" x14ac:dyDescent="0.25">
      <c r="A39546" s="3">
        <v>41647.332442129627</v>
      </c>
      <c r="B39546" s="6">
        <v>658357.64999999991</v>
      </c>
      <c r="C39546" s="7">
        <f t="shared" si="617"/>
        <v>658.35764999999992</v>
      </c>
      <c r="I39546" s="1"/>
    </row>
    <row r="39547" spans="1:9" x14ac:dyDescent="0.25">
      <c r="A39547" s="3">
        <v>41647.385694444441</v>
      </c>
      <c r="B39547" s="6">
        <v>658374.29999999993</v>
      </c>
      <c r="C39547" s="7">
        <f t="shared" si="617"/>
        <v>658.37429999999995</v>
      </c>
      <c r="I39547" s="1"/>
    </row>
    <row r="39548" spans="1:9" x14ac:dyDescent="0.25">
      <c r="A39548" s="3">
        <v>41647.385821759257</v>
      </c>
      <c r="B39548" s="6">
        <v>658390.94999999995</v>
      </c>
      <c r="C39548" s="7">
        <f t="shared" si="617"/>
        <v>658.39094999999998</v>
      </c>
      <c r="I39548" s="1"/>
    </row>
    <row r="39549" spans="1:9" x14ac:dyDescent="0.25">
      <c r="A39549" s="3">
        <v>41647.408622685187</v>
      </c>
      <c r="B39549" s="6">
        <v>658407.6</v>
      </c>
      <c r="C39549" s="7">
        <f t="shared" si="617"/>
        <v>658.4076</v>
      </c>
      <c r="I39549" s="1"/>
    </row>
    <row r="39550" spans="1:9" x14ac:dyDescent="0.25">
      <c r="A39550" s="3">
        <v>41647.409479166665</v>
      </c>
      <c r="B39550" s="6">
        <v>658424.25</v>
      </c>
      <c r="C39550" s="7">
        <f t="shared" si="617"/>
        <v>658.42425000000003</v>
      </c>
      <c r="I39550" s="1"/>
    </row>
    <row r="39551" spans="1:9" x14ac:dyDescent="0.25">
      <c r="A39551" s="3">
        <v>41647.425636574073</v>
      </c>
      <c r="B39551" s="6">
        <v>658440.89999999991</v>
      </c>
      <c r="C39551" s="7">
        <f t="shared" si="617"/>
        <v>658.44089999999994</v>
      </c>
      <c r="I39551" s="1"/>
    </row>
    <row r="39552" spans="1:9" x14ac:dyDescent="0.25">
      <c r="A39552" s="3">
        <v>41647.42591435185</v>
      </c>
      <c r="B39552" s="6">
        <v>658457.54999999993</v>
      </c>
      <c r="C39552" s="7">
        <f t="shared" si="617"/>
        <v>658.45754999999997</v>
      </c>
      <c r="I39552" s="1"/>
    </row>
    <row r="39553" spans="1:9" x14ac:dyDescent="0.25">
      <c r="A39553" s="3">
        <v>41647.431585648148</v>
      </c>
      <c r="B39553" s="6">
        <v>658474.19999999995</v>
      </c>
      <c r="C39553" s="7">
        <f t="shared" si="617"/>
        <v>658.4742</v>
      </c>
      <c r="I39553" s="1"/>
    </row>
    <row r="39554" spans="1:9" x14ac:dyDescent="0.25">
      <c r="A39554" s="3">
        <v>41647.431759259256</v>
      </c>
      <c r="B39554" s="6">
        <v>658490.85</v>
      </c>
      <c r="C39554" s="7">
        <f t="shared" si="617"/>
        <v>658.49085000000002</v>
      </c>
      <c r="I39554" s="1"/>
    </row>
    <row r="39555" spans="1:9" x14ac:dyDescent="0.25">
      <c r="A39555" s="3">
        <v>41647.43478009259</v>
      </c>
      <c r="B39555" s="6">
        <v>658507.5</v>
      </c>
      <c r="C39555" s="7">
        <f t="shared" ref="C39555:C39618" si="618">B39555/1000</f>
        <v>658.50750000000005</v>
      </c>
      <c r="I39555" s="1"/>
    </row>
    <row r="39556" spans="1:9" x14ac:dyDescent="0.25">
      <c r="A39556" s="3">
        <v>41647.434930555559</v>
      </c>
      <c r="B39556" s="6">
        <v>658524.14999999991</v>
      </c>
      <c r="C39556" s="7">
        <f t="shared" si="618"/>
        <v>658.52414999999996</v>
      </c>
      <c r="I39556" s="1"/>
    </row>
    <row r="39557" spans="1:9" x14ac:dyDescent="0.25">
      <c r="A39557" s="3">
        <v>41647.440138888887</v>
      </c>
      <c r="B39557" s="6">
        <v>658540.79999999993</v>
      </c>
      <c r="C39557" s="7">
        <f t="shared" si="618"/>
        <v>658.54079999999988</v>
      </c>
      <c r="I39557" s="1"/>
    </row>
    <row r="39558" spans="1:9" x14ac:dyDescent="0.25">
      <c r="A39558" s="3">
        <v>41647.440324074072</v>
      </c>
      <c r="B39558" s="6">
        <v>658557.44999999995</v>
      </c>
      <c r="C39558" s="7">
        <f t="shared" si="618"/>
        <v>658.5574499999999</v>
      </c>
      <c r="I39558" s="1"/>
    </row>
    <row r="39559" spans="1:9" x14ac:dyDescent="0.25">
      <c r="A39559" s="3">
        <v>41647.446597222224</v>
      </c>
      <c r="B39559" s="6">
        <v>658574.1</v>
      </c>
      <c r="C39559" s="7">
        <f t="shared" si="618"/>
        <v>658.57409999999993</v>
      </c>
      <c r="I39559" s="1"/>
    </row>
    <row r="39560" spans="1:9" x14ac:dyDescent="0.25">
      <c r="A39560" s="3">
        <v>41647.44672453704</v>
      </c>
      <c r="B39560" s="6">
        <v>658590.75</v>
      </c>
      <c r="C39560" s="7">
        <f t="shared" si="618"/>
        <v>658.59074999999996</v>
      </c>
      <c r="I39560" s="1"/>
    </row>
    <row r="39561" spans="1:9" x14ac:dyDescent="0.25">
      <c r="A39561" s="3">
        <v>41647.450185185182</v>
      </c>
      <c r="B39561" s="6">
        <v>658607.39999999991</v>
      </c>
      <c r="C39561" s="7">
        <f t="shared" si="618"/>
        <v>658.60739999999987</v>
      </c>
      <c r="I39561" s="1"/>
    </row>
    <row r="39562" spans="1:9" x14ac:dyDescent="0.25">
      <c r="A39562" s="3">
        <v>41647.45034722222</v>
      </c>
      <c r="B39562" s="6">
        <v>658624.04999999993</v>
      </c>
      <c r="C39562" s="7">
        <f t="shared" si="618"/>
        <v>658.6240499999999</v>
      </c>
      <c r="I39562" s="1"/>
    </row>
    <row r="39563" spans="1:9" x14ac:dyDescent="0.25">
      <c r="A39563" s="3">
        <v>41647.452384259261</v>
      </c>
      <c r="B39563" s="6">
        <v>658640.69999999995</v>
      </c>
      <c r="C39563" s="7">
        <f t="shared" si="618"/>
        <v>658.64069999999992</v>
      </c>
      <c r="I39563" s="1"/>
    </row>
    <row r="39564" spans="1:9" x14ac:dyDescent="0.25">
      <c r="A39564" s="3">
        <v>41647.452743055554</v>
      </c>
      <c r="B39564" s="6">
        <v>658657.35</v>
      </c>
      <c r="C39564" s="7">
        <f t="shared" si="618"/>
        <v>658.65734999999995</v>
      </c>
      <c r="I39564" s="1"/>
    </row>
    <row r="39565" spans="1:9" x14ac:dyDescent="0.25">
      <c r="A39565" s="3">
        <v>41647.463194444441</v>
      </c>
      <c r="B39565" s="6">
        <v>658674</v>
      </c>
      <c r="C39565" s="7">
        <f t="shared" si="618"/>
        <v>658.67399999999998</v>
      </c>
      <c r="I39565" s="1"/>
    </row>
    <row r="39566" spans="1:9" x14ac:dyDescent="0.25">
      <c r="A39566" s="3">
        <v>41647.463865740741</v>
      </c>
      <c r="B39566" s="6">
        <v>658690.64999999991</v>
      </c>
      <c r="C39566" s="7">
        <f t="shared" si="618"/>
        <v>658.69064999999989</v>
      </c>
      <c r="I39566" s="1"/>
    </row>
    <row r="39567" spans="1:9" x14ac:dyDescent="0.25">
      <c r="A39567" s="3">
        <v>41647.479201388887</v>
      </c>
      <c r="B39567" s="6">
        <v>658707.29999999993</v>
      </c>
      <c r="C39567" s="7">
        <f t="shared" si="618"/>
        <v>658.70729999999992</v>
      </c>
      <c r="I39567" s="1"/>
    </row>
    <row r="39568" spans="1:9" x14ac:dyDescent="0.25">
      <c r="A39568" s="3">
        <v>41647.482071759259</v>
      </c>
      <c r="B39568" s="6">
        <v>658723.94999999995</v>
      </c>
      <c r="C39568" s="7">
        <f t="shared" si="618"/>
        <v>658.72394999999995</v>
      </c>
      <c r="I39568" s="1"/>
    </row>
    <row r="39569" spans="1:9" x14ac:dyDescent="0.25">
      <c r="A39569" s="3">
        <v>41647.483946759261</v>
      </c>
      <c r="B39569" s="6">
        <v>658740.6</v>
      </c>
      <c r="C39569" s="7">
        <f t="shared" si="618"/>
        <v>658.74059999999997</v>
      </c>
      <c r="I39569" s="1"/>
    </row>
    <row r="39570" spans="1:9" x14ac:dyDescent="0.25">
      <c r="A39570" s="3">
        <v>41647.484131944446</v>
      </c>
      <c r="B39570" s="6">
        <v>658757.25</v>
      </c>
      <c r="C39570" s="7">
        <f t="shared" si="618"/>
        <v>658.75725</v>
      </c>
      <c r="I39570" s="1"/>
    </row>
    <row r="39571" spans="1:9" x14ac:dyDescent="0.25">
      <c r="A39571" s="3">
        <v>41647.489942129629</v>
      </c>
      <c r="B39571" s="6">
        <v>658773.89999999991</v>
      </c>
      <c r="C39571" s="7">
        <f t="shared" si="618"/>
        <v>658.77389999999991</v>
      </c>
      <c r="I39571" s="1"/>
    </row>
    <row r="39572" spans="1:9" x14ac:dyDescent="0.25">
      <c r="A39572" s="3">
        <v>41647.49015046296</v>
      </c>
      <c r="B39572" s="6">
        <v>658790.54999999993</v>
      </c>
      <c r="C39572" s="7">
        <f t="shared" si="618"/>
        <v>658.79054999999994</v>
      </c>
      <c r="I39572" s="1"/>
    </row>
    <row r="39573" spans="1:9" x14ac:dyDescent="0.25">
      <c r="A39573" s="3">
        <v>41647.497407407405</v>
      </c>
      <c r="B39573" s="6">
        <v>658807.19999999995</v>
      </c>
      <c r="C39573" s="7">
        <f t="shared" si="618"/>
        <v>658.80719999999997</v>
      </c>
      <c r="I39573" s="1"/>
    </row>
    <row r="39574" spans="1:9" x14ac:dyDescent="0.25">
      <c r="A39574" s="3">
        <v>41647.49759259259</v>
      </c>
      <c r="B39574" s="6">
        <v>658823.85</v>
      </c>
      <c r="C39574" s="7">
        <f t="shared" si="618"/>
        <v>658.82384999999999</v>
      </c>
      <c r="I39574" s="1"/>
    </row>
    <row r="39575" spans="1:9" x14ac:dyDescent="0.25">
      <c r="A39575" s="3">
        <v>41647.499791666669</v>
      </c>
      <c r="B39575" s="6">
        <v>658840.5</v>
      </c>
      <c r="C39575" s="7">
        <f t="shared" si="618"/>
        <v>658.84050000000002</v>
      </c>
      <c r="I39575" s="1"/>
    </row>
    <row r="39576" spans="1:9" x14ac:dyDescent="0.25">
      <c r="A39576" s="3">
        <v>41647.499988425923</v>
      </c>
      <c r="B39576" s="6">
        <v>658857.14999999991</v>
      </c>
      <c r="C39576" s="7">
        <f t="shared" si="618"/>
        <v>658.85714999999993</v>
      </c>
      <c r="I39576" s="1"/>
    </row>
    <row r="39577" spans="1:9" x14ac:dyDescent="0.25">
      <c r="A39577" s="3">
        <v>41647.504386574074</v>
      </c>
      <c r="B39577" s="6">
        <v>658873.79999999993</v>
      </c>
      <c r="C39577" s="7">
        <f t="shared" si="618"/>
        <v>658.87379999999996</v>
      </c>
      <c r="I39577" s="1"/>
    </row>
    <row r="39578" spans="1:9" x14ac:dyDescent="0.25">
      <c r="A39578" s="3">
        <v>41647.504699074074</v>
      </c>
      <c r="B39578" s="6">
        <v>658890.44999999995</v>
      </c>
      <c r="C39578" s="7">
        <f t="shared" si="618"/>
        <v>658.89044999999999</v>
      </c>
      <c r="I39578" s="1"/>
    </row>
    <row r="39579" spans="1:9" x14ac:dyDescent="0.25">
      <c r="A39579" s="3">
        <v>41647.506076388891</v>
      </c>
      <c r="B39579" s="6">
        <v>658907.1</v>
      </c>
      <c r="C39579" s="7">
        <f t="shared" si="618"/>
        <v>658.90710000000001</v>
      </c>
      <c r="I39579" s="1"/>
    </row>
    <row r="39580" spans="1:9" x14ac:dyDescent="0.25">
      <c r="A39580" s="3">
        <v>41647.506215277775</v>
      </c>
      <c r="B39580" s="6">
        <v>658923.75</v>
      </c>
      <c r="C39580" s="7">
        <f t="shared" si="618"/>
        <v>658.92375000000004</v>
      </c>
      <c r="I39580" s="1"/>
    </row>
    <row r="39581" spans="1:9" x14ac:dyDescent="0.25">
      <c r="A39581" s="3">
        <v>41647.512442129628</v>
      </c>
      <c r="B39581" s="6">
        <v>658940.39999999991</v>
      </c>
      <c r="C39581" s="7">
        <f t="shared" si="618"/>
        <v>658.94039999999995</v>
      </c>
      <c r="I39581" s="1"/>
    </row>
    <row r="39582" spans="1:9" x14ac:dyDescent="0.25">
      <c r="A39582" s="3">
        <v>41647.514722222222</v>
      </c>
      <c r="B39582" s="6">
        <v>658957.04999999993</v>
      </c>
      <c r="C39582" s="7">
        <f t="shared" si="618"/>
        <v>658.95704999999998</v>
      </c>
      <c r="I39582" s="1"/>
    </row>
    <row r="39583" spans="1:9" x14ac:dyDescent="0.25">
      <c r="A39583" s="3">
        <v>41647.520752314813</v>
      </c>
      <c r="B39583" s="6">
        <v>658973.69999999995</v>
      </c>
      <c r="C39583" s="7">
        <f t="shared" si="618"/>
        <v>658.97370000000001</v>
      </c>
      <c r="I39583" s="1"/>
    </row>
    <row r="39584" spans="1:9" x14ac:dyDescent="0.25">
      <c r="A39584" s="3">
        <v>41647.522164351853</v>
      </c>
      <c r="B39584" s="6">
        <v>658990.35</v>
      </c>
      <c r="C39584" s="7">
        <f t="shared" si="618"/>
        <v>658.99034999999992</v>
      </c>
      <c r="I39584" s="1"/>
    </row>
    <row r="39585" spans="1:9" x14ac:dyDescent="0.25">
      <c r="A39585" s="3">
        <v>41647.529131944444</v>
      </c>
      <c r="B39585" s="6">
        <v>659007</v>
      </c>
      <c r="C39585" s="7">
        <f t="shared" si="618"/>
        <v>659.00699999999995</v>
      </c>
      <c r="I39585" s="1"/>
    </row>
    <row r="39586" spans="1:9" x14ac:dyDescent="0.25">
      <c r="A39586" s="3">
        <v>41647.529618055552</v>
      </c>
      <c r="B39586" s="6">
        <v>659023.64999999991</v>
      </c>
      <c r="C39586" s="7">
        <f t="shared" si="618"/>
        <v>659.02364999999986</v>
      </c>
      <c r="I39586" s="1"/>
    </row>
    <row r="39587" spans="1:9" x14ac:dyDescent="0.25">
      <c r="A39587" s="3">
        <v>41647.539131944446</v>
      </c>
      <c r="B39587" s="6">
        <v>659040.29999999993</v>
      </c>
      <c r="C39587" s="7">
        <f t="shared" si="618"/>
        <v>659.04029999999989</v>
      </c>
      <c r="I39587" s="1"/>
    </row>
    <row r="39588" spans="1:9" x14ac:dyDescent="0.25">
      <c r="A39588" s="3">
        <v>41647.539305555554</v>
      </c>
      <c r="B39588" s="6">
        <v>659056.94999999995</v>
      </c>
      <c r="C39588" s="7">
        <f t="shared" si="618"/>
        <v>659.05694999999992</v>
      </c>
      <c r="I39588" s="1"/>
    </row>
    <row r="39589" spans="1:9" x14ac:dyDescent="0.25">
      <c r="A39589" s="3">
        <v>41647.550543981481</v>
      </c>
      <c r="B39589" s="6">
        <v>659073.6</v>
      </c>
      <c r="C39589" s="7">
        <f t="shared" si="618"/>
        <v>659.07359999999994</v>
      </c>
      <c r="I39589" s="1"/>
    </row>
    <row r="39590" spans="1:9" x14ac:dyDescent="0.25">
      <c r="A39590" s="3">
        <v>41647.55201388889</v>
      </c>
      <c r="B39590" s="6">
        <v>659090.25</v>
      </c>
      <c r="C39590" s="7">
        <f t="shared" si="618"/>
        <v>659.09024999999997</v>
      </c>
      <c r="I39590" s="1"/>
    </row>
    <row r="39591" spans="1:9" x14ac:dyDescent="0.25">
      <c r="A39591" s="3">
        <v>41647.558182870373</v>
      </c>
      <c r="B39591" s="6">
        <v>659106.89999999991</v>
      </c>
      <c r="C39591" s="7">
        <f t="shared" si="618"/>
        <v>659.10689999999988</v>
      </c>
      <c r="I39591" s="1"/>
    </row>
    <row r="39592" spans="1:9" x14ac:dyDescent="0.25">
      <c r="A39592" s="3">
        <v>41647.558287037034</v>
      </c>
      <c r="B39592" s="6">
        <v>659123.54999999993</v>
      </c>
      <c r="C39592" s="7">
        <f t="shared" si="618"/>
        <v>659.12354999999991</v>
      </c>
      <c r="I39592" s="1"/>
    </row>
    <row r="39593" spans="1:9" x14ac:dyDescent="0.25">
      <c r="A39593" s="3">
        <v>41647.561562499999</v>
      </c>
      <c r="B39593" s="6">
        <v>659140.19999999995</v>
      </c>
      <c r="C39593" s="7">
        <f t="shared" si="618"/>
        <v>659.14019999999994</v>
      </c>
      <c r="I39593" s="1"/>
    </row>
    <row r="39594" spans="1:9" x14ac:dyDescent="0.25">
      <c r="A39594" s="3">
        <v>41647.561793981484</v>
      </c>
      <c r="B39594" s="6">
        <v>659156.85</v>
      </c>
      <c r="C39594" s="7">
        <f t="shared" si="618"/>
        <v>659.15684999999996</v>
      </c>
      <c r="I39594" s="1"/>
    </row>
    <row r="39595" spans="1:9" x14ac:dyDescent="0.25">
      <c r="A39595" s="3">
        <v>41647.563796296294</v>
      </c>
      <c r="B39595" s="6">
        <v>659173.5</v>
      </c>
      <c r="C39595" s="7">
        <f t="shared" si="618"/>
        <v>659.17349999999999</v>
      </c>
      <c r="I39595" s="1"/>
    </row>
    <row r="39596" spans="1:9" x14ac:dyDescent="0.25">
      <c r="A39596" s="3">
        <v>41647.563935185186</v>
      </c>
      <c r="B39596" s="6">
        <v>659190.14999999991</v>
      </c>
      <c r="C39596" s="7">
        <f t="shared" si="618"/>
        <v>659.1901499999999</v>
      </c>
      <c r="I39596" s="1"/>
    </row>
    <row r="39597" spans="1:9" x14ac:dyDescent="0.25">
      <c r="A39597" s="3">
        <v>41647.567256944443</v>
      </c>
      <c r="B39597" s="6">
        <v>659206.79999999993</v>
      </c>
      <c r="C39597" s="7">
        <f t="shared" si="618"/>
        <v>659.20679999999993</v>
      </c>
      <c r="I39597" s="1"/>
    </row>
    <row r="39598" spans="1:9" x14ac:dyDescent="0.25">
      <c r="A39598" s="3">
        <v>41647.567407407405</v>
      </c>
      <c r="B39598" s="6">
        <v>659223.44999999995</v>
      </c>
      <c r="C39598" s="7">
        <f t="shared" si="618"/>
        <v>659.22344999999996</v>
      </c>
      <c r="I39598" s="1"/>
    </row>
    <row r="39599" spans="1:9" x14ac:dyDescent="0.25">
      <c r="A39599" s="3">
        <v>41647.573634259257</v>
      </c>
      <c r="B39599" s="6">
        <v>659240.1</v>
      </c>
      <c r="C39599" s="7">
        <f t="shared" si="618"/>
        <v>659.24009999999998</v>
      </c>
      <c r="I39599" s="1"/>
    </row>
    <row r="39600" spans="1:9" x14ac:dyDescent="0.25">
      <c r="A39600" s="3">
        <v>41647.573888888888</v>
      </c>
      <c r="B39600" s="6">
        <v>659256.75</v>
      </c>
      <c r="C39600" s="7">
        <f t="shared" si="618"/>
        <v>659.25675000000001</v>
      </c>
      <c r="I39600" s="1"/>
    </row>
    <row r="39601" spans="1:9" x14ac:dyDescent="0.25">
      <c r="A39601" s="3">
        <v>41647.577476851853</v>
      </c>
      <c r="B39601" s="6">
        <v>659273.39999999991</v>
      </c>
      <c r="C39601" s="7">
        <f t="shared" si="618"/>
        <v>659.27339999999992</v>
      </c>
      <c r="I39601" s="1"/>
    </row>
    <row r="39602" spans="1:9" x14ac:dyDescent="0.25">
      <c r="A39602" s="3">
        <v>41647.577604166669</v>
      </c>
      <c r="B39602" s="6">
        <v>659290.04999999993</v>
      </c>
      <c r="C39602" s="7">
        <f t="shared" si="618"/>
        <v>659.29004999999995</v>
      </c>
      <c r="I39602" s="1"/>
    </row>
    <row r="39603" spans="1:9" x14ac:dyDescent="0.25">
      <c r="A39603" s="3">
        <v>41647.579351851855</v>
      </c>
      <c r="B39603" s="6">
        <v>659306.69999999995</v>
      </c>
      <c r="C39603" s="7">
        <f t="shared" si="618"/>
        <v>659.30669999999998</v>
      </c>
      <c r="I39603" s="1"/>
    </row>
    <row r="39604" spans="1:9" x14ac:dyDescent="0.25">
      <c r="A39604" s="3">
        <v>41647.57949074074</v>
      </c>
      <c r="B39604" s="6">
        <v>659323.35</v>
      </c>
      <c r="C39604" s="7">
        <f t="shared" si="618"/>
        <v>659.32335</v>
      </c>
      <c r="I39604" s="1"/>
    </row>
    <row r="39605" spans="1:9" x14ac:dyDescent="0.25">
      <c r="A39605" s="3">
        <v>41647.583854166667</v>
      </c>
      <c r="B39605" s="6">
        <v>659340</v>
      </c>
      <c r="C39605" s="7">
        <f t="shared" si="618"/>
        <v>659.34</v>
      </c>
      <c r="I39605" s="1"/>
    </row>
    <row r="39606" spans="1:9" x14ac:dyDescent="0.25">
      <c r="A39606" s="3">
        <v>41647.58394675926</v>
      </c>
      <c r="B39606" s="6">
        <v>659356.64999999991</v>
      </c>
      <c r="C39606" s="7">
        <f t="shared" si="618"/>
        <v>659.35664999999995</v>
      </c>
      <c r="I39606" s="1"/>
    </row>
    <row r="39607" spans="1:9" x14ac:dyDescent="0.25">
      <c r="A39607" s="3">
        <v>41647.586400462962</v>
      </c>
      <c r="B39607" s="6">
        <v>659373.29999999993</v>
      </c>
      <c r="C39607" s="7">
        <f t="shared" si="618"/>
        <v>659.37329999999997</v>
      </c>
      <c r="I39607" s="1"/>
    </row>
    <row r="39608" spans="1:9" x14ac:dyDescent="0.25">
      <c r="A39608" s="3">
        <v>41647.586516203701</v>
      </c>
      <c r="B39608" s="6">
        <v>659389.94999999995</v>
      </c>
      <c r="C39608" s="7">
        <f t="shared" si="618"/>
        <v>659.38995</v>
      </c>
      <c r="I39608" s="1"/>
    </row>
    <row r="39609" spans="1:9" x14ac:dyDescent="0.25">
      <c r="A39609" s="3">
        <v>41647.588368055556</v>
      </c>
      <c r="B39609" s="6">
        <v>659406.6</v>
      </c>
      <c r="C39609" s="7">
        <f t="shared" si="618"/>
        <v>659.40660000000003</v>
      </c>
      <c r="I39609" s="1"/>
    </row>
    <row r="39610" spans="1:9" x14ac:dyDescent="0.25">
      <c r="A39610" s="3">
        <v>41647.588425925926</v>
      </c>
      <c r="B39610" s="6">
        <v>659423.25</v>
      </c>
      <c r="C39610" s="7">
        <f t="shared" si="618"/>
        <v>659.42325000000005</v>
      </c>
      <c r="I39610" s="1"/>
    </row>
    <row r="39611" spans="1:9" x14ac:dyDescent="0.25">
      <c r="A39611" s="3">
        <v>41647.589236111111</v>
      </c>
      <c r="B39611" s="6">
        <v>659439.89999999991</v>
      </c>
      <c r="C39611" s="7">
        <f t="shared" si="618"/>
        <v>659.43989999999985</v>
      </c>
      <c r="I39611" s="1"/>
    </row>
    <row r="39612" spans="1:9" x14ac:dyDescent="0.25">
      <c r="A39612" s="3">
        <v>41647.589305555557</v>
      </c>
      <c r="B39612" s="6">
        <v>659456.54999999993</v>
      </c>
      <c r="C39612" s="7">
        <f t="shared" si="618"/>
        <v>659.45654999999988</v>
      </c>
      <c r="I39612" s="1"/>
    </row>
    <row r="39613" spans="1:9" x14ac:dyDescent="0.25">
      <c r="A39613" s="3">
        <v>41647.590983796297</v>
      </c>
      <c r="B39613" s="6">
        <v>659473.19999999995</v>
      </c>
      <c r="C39613" s="7">
        <f t="shared" si="618"/>
        <v>659.47319999999991</v>
      </c>
      <c r="I39613" s="1"/>
    </row>
    <row r="39614" spans="1:9" x14ac:dyDescent="0.25">
      <c r="A39614" s="3">
        <v>41647.591261574074</v>
      </c>
      <c r="B39614" s="6">
        <v>659489.85</v>
      </c>
      <c r="C39614" s="7">
        <f t="shared" si="618"/>
        <v>659.48984999999993</v>
      </c>
      <c r="I39614" s="1"/>
    </row>
    <row r="39615" spans="1:9" x14ac:dyDescent="0.25">
      <c r="A39615" s="3">
        <v>41647.593252314815</v>
      </c>
      <c r="B39615" s="6">
        <v>659506.5</v>
      </c>
      <c r="C39615" s="7">
        <f t="shared" si="618"/>
        <v>659.50649999999996</v>
      </c>
      <c r="I39615" s="1"/>
    </row>
    <row r="39616" spans="1:9" x14ac:dyDescent="0.25">
      <c r="A39616" s="3">
        <v>41647.593402777777</v>
      </c>
      <c r="B39616" s="6">
        <v>659523.14999999991</v>
      </c>
      <c r="C39616" s="7">
        <f t="shared" si="618"/>
        <v>659.52314999999987</v>
      </c>
      <c r="I39616" s="1"/>
    </row>
    <row r="39617" spans="1:9" x14ac:dyDescent="0.25">
      <c r="A39617" s="3">
        <v>41647.594537037039</v>
      </c>
      <c r="B39617" s="6">
        <v>659539.79999999993</v>
      </c>
      <c r="C39617" s="7">
        <f t="shared" si="618"/>
        <v>659.5397999999999</v>
      </c>
      <c r="I39617" s="1"/>
    </row>
    <row r="39618" spans="1:9" x14ac:dyDescent="0.25">
      <c r="A39618" s="3">
        <v>41647.594710648147</v>
      </c>
      <c r="B39618" s="6">
        <v>659556.44999999995</v>
      </c>
      <c r="C39618" s="7">
        <f t="shared" si="618"/>
        <v>659.55644999999993</v>
      </c>
      <c r="I39618" s="1"/>
    </row>
    <row r="39619" spans="1:9" x14ac:dyDescent="0.25">
      <c r="A39619" s="3">
        <v>41647.596319444441</v>
      </c>
      <c r="B39619" s="6">
        <v>659573.1</v>
      </c>
      <c r="C39619" s="7">
        <f t="shared" ref="C39619:C39682" si="619">B39619/1000</f>
        <v>659.57309999999995</v>
      </c>
      <c r="I39619" s="1"/>
    </row>
    <row r="39620" spans="1:9" x14ac:dyDescent="0.25">
      <c r="A39620" s="3">
        <v>41647.596493055556</v>
      </c>
      <c r="B39620" s="6">
        <v>659589.75</v>
      </c>
      <c r="C39620" s="7">
        <f t="shared" si="619"/>
        <v>659.58974999999998</v>
      </c>
      <c r="I39620" s="1"/>
    </row>
    <row r="39621" spans="1:9" x14ac:dyDescent="0.25">
      <c r="A39621" s="3">
        <v>41647.59815972222</v>
      </c>
      <c r="B39621" s="6">
        <v>659606.39999999991</v>
      </c>
      <c r="C39621" s="7">
        <f t="shared" si="619"/>
        <v>659.60639999999989</v>
      </c>
      <c r="I39621" s="1"/>
    </row>
    <row r="39622" spans="1:9" x14ac:dyDescent="0.25">
      <c r="A39622" s="3">
        <v>41647.598252314812</v>
      </c>
      <c r="B39622" s="6">
        <v>659623.04999999993</v>
      </c>
      <c r="C39622" s="7">
        <f t="shared" si="619"/>
        <v>659.62304999999992</v>
      </c>
      <c r="I39622" s="1"/>
    </row>
    <row r="39623" spans="1:9" x14ac:dyDescent="0.25">
      <c r="A39623" s="3">
        <v>41647.602951388886</v>
      </c>
      <c r="B39623" s="6">
        <v>659639.69999999995</v>
      </c>
      <c r="C39623" s="7">
        <f t="shared" si="619"/>
        <v>659.63969999999995</v>
      </c>
      <c r="I39623" s="1"/>
    </row>
    <row r="39624" spans="1:9" x14ac:dyDescent="0.25">
      <c r="A39624" s="3">
        <v>41647.603078703702</v>
      </c>
      <c r="B39624" s="6">
        <v>659656.35</v>
      </c>
      <c r="C39624" s="7">
        <f t="shared" si="619"/>
        <v>659.65634999999997</v>
      </c>
      <c r="I39624" s="1"/>
    </row>
    <row r="39625" spans="1:9" x14ac:dyDescent="0.25">
      <c r="A39625" s="3">
        <v>41647.607731481483</v>
      </c>
      <c r="B39625" s="6">
        <v>659673</v>
      </c>
      <c r="C39625" s="7">
        <f t="shared" si="619"/>
        <v>659.673</v>
      </c>
      <c r="I39625" s="1"/>
    </row>
    <row r="39626" spans="1:9" x14ac:dyDescent="0.25">
      <c r="A39626" s="3">
        <v>41647.607800925929</v>
      </c>
      <c r="B39626" s="6">
        <v>659689.64999999991</v>
      </c>
      <c r="C39626" s="7">
        <f t="shared" si="619"/>
        <v>659.68964999999992</v>
      </c>
      <c r="I39626" s="1"/>
    </row>
    <row r="39627" spans="1:9" x14ac:dyDescent="0.25">
      <c r="A39627" s="3">
        <v>41647.609143518515</v>
      </c>
      <c r="B39627" s="6">
        <v>659706.29999999993</v>
      </c>
      <c r="C39627" s="7">
        <f t="shared" si="619"/>
        <v>659.70629999999994</v>
      </c>
      <c r="I39627" s="1"/>
    </row>
    <row r="39628" spans="1:9" x14ac:dyDescent="0.25">
      <c r="A39628" s="3">
        <v>41647.609305555554</v>
      </c>
      <c r="B39628" s="6">
        <v>659722.94999999995</v>
      </c>
      <c r="C39628" s="7">
        <f t="shared" si="619"/>
        <v>659.72294999999997</v>
      </c>
      <c r="I39628" s="1"/>
    </row>
    <row r="39629" spans="1:9" x14ac:dyDescent="0.25">
      <c r="A39629" s="3">
        <v>41647.611388888887</v>
      </c>
      <c r="B39629" s="6">
        <v>659739.6</v>
      </c>
      <c r="C39629" s="7">
        <f t="shared" si="619"/>
        <v>659.7396</v>
      </c>
      <c r="I39629" s="1"/>
    </row>
    <row r="39630" spans="1:9" x14ac:dyDescent="0.25">
      <c r="A39630" s="3">
        <v>41647.612337962964</v>
      </c>
      <c r="B39630" s="6">
        <v>659756.25</v>
      </c>
      <c r="C39630" s="7">
        <f t="shared" si="619"/>
        <v>659.75625000000002</v>
      </c>
      <c r="I39630" s="1"/>
    </row>
    <row r="39631" spans="1:9" x14ac:dyDescent="0.25">
      <c r="A39631" s="3">
        <v>41647.62427083333</v>
      </c>
      <c r="B39631" s="6">
        <v>659772.89999999991</v>
      </c>
      <c r="C39631" s="7">
        <f t="shared" si="619"/>
        <v>659.77289999999994</v>
      </c>
      <c r="I39631" s="1"/>
    </row>
    <row r="39632" spans="1:9" x14ac:dyDescent="0.25">
      <c r="A39632" s="3">
        <v>41647.624444444446</v>
      </c>
      <c r="B39632" s="6">
        <v>659789.54999999993</v>
      </c>
      <c r="C39632" s="7">
        <f t="shared" si="619"/>
        <v>659.78954999999996</v>
      </c>
      <c r="I39632" s="1"/>
    </row>
    <row r="39633" spans="1:9" x14ac:dyDescent="0.25">
      <c r="A39633" s="3">
        <v>41647.629074074073</v>
      </c>
      <c r="B39633" s="6">
        <v>659806.19999999995</v>
      </c>
      <c r="C39633" s="7">
        <f t="shared" si="619"/>
        <v>659.80619999999999</v>
      </c>
      <c r="I39633" s="1"/>
    </row>
    <row r="39634" spans="1:9" x14ac:dyDescent="0.25">
      <c r="A39634" s="3">
        <v>41647.629166666666</v>
      </c>
      <c r="B39634" s="6">
        <v>659822.85</v>
      </c>
      <c r="C39634" s="7">
        <f t="shared" si="619"/>
        <v>659.82285000000002</v>
      </c>
      <c r="I39634" s="1"/>
    </row>
    <row r="39635" spans="1:9" x14ac:dyDescent="0.25">
      <c r="A39635" s="3">
        <v>41647.630891203706</v>
      </c>
      <c r="B39635" s="6">
        <v>659839.5</v>
      </c>
      <c r="C39635" s="7">
        <f t="shared" si="619"/>
        <v>659.83950000000004</v>
      </c>
      <c r="I39635" s="1"/>
    </row>
    <row r="39636" spans="1:9" x14ac:dyDescent="0.25">
      <c r="A39636" s="3">
        <v>41647.631006944444</v>
      </c>
      <c r="B39636" s="6">
        <v>659856.14999999991</v>
      </c>
      <c r="C39636" s="7">
        <f t="shared" si="619"/>
        <v>659.85614999999996</v>
      </c>
      <c r="I39636" s="1"/>
    </row>
    <row r="39637" spans="1:9" x14ac:dyDescent="0.25">
      <c r="A39637" s="3">
        <v>41647.634085648147</v>
      </c>
      <c r="B39637" s="6">
        <v>659872.79999999993</v>
      </c>
      <c r="C39637" s="7">
        <f t="shared" si="619"/>
        <v>659.87279999999998</v>
      </c>
      <c r="I39637" s="1"/>
    </row>
    <row r="39638" spans="1:9" x14ac:dyDescent="0.25">
      <c r="A39638" s="3">
        <v>41647.634571759256</v>
      </c>
      <c r="B39638" s="6">
        <v>659889.44999999995</v>
      </c>
      <c r="C39638" s="7">
        <f t="shared" si="619"/>
        <v>659.8894499999999</v>
      </c>
      <c r="I39638" s="1"/>
    </row>
    <row r="39639" spans="1:9" x14ac:dyDescent="0.25">
      <c r="A39639" s="3">
        <v>41647.635254629633</v>
      </c>
      <c r="B39639" s="6">
        <v>659906.1</v>
      </c>
      <c r="C39639" s="7">
        <f t="shared" si="619"/>
        <v>659.90609999999992</v>
      </c>
      <c r="I39639" s="1"/>
    </row>
    <row r="39640" spans="1:9" x14ac:dyDescent="0.25">
      <c r="A39640" s="3">
        <v>41647.635381944441</v>
      </c>
      <c r="B39640" s="6">
        <v>659922.75</v>
      </c>
      <c r="C39640" s="7">
        <f t="shared" si="619"/>
        <v>659.92274999999995</v>
      </c>
      <c r="I39640" s="1"/>
    </row>
    <row r="39641" spans="1:9" x14ac:dyDescent="0.25">
      <c r="A39641" s="3">
        <v>41647.637083333335</v>
      </c>
      <c r="B39641" s="6">
        <v>659939.39999999991</v>
      </c>
      <c r="C39641" s="7">
        <f t="shared" si="619"/>
        <v>659.93939999999986</v>
      </c>
      <c r="I39641" s="1"/>
    </row>
    <row r="39642" spans="1:9" x14ac:dyDescent="0.25">
      <c r="A39642" s="3">
        <v>41647.637199074074</v>
      </c>
      <c r="B39642" s="6">
        <v>659956.04999999993</v>
      </c>
      <c r="C39642" s="7">
        <f t="shared" si="619"/>
        <v>659.95604999999989</v>
      </c>
      <c r="I39642" s="1"/>
    </row>
    <row r="39643" spans="1:9" x14ac:dyDescent="0.25">
      <c r="A39643" s="3">
        <v>41647.639085648145</v>
      </c>
      <c r="B39643" s="6">
        <v>659972.69999999995</v>
      </c>
      <c r="C39643" s="7">
        <f t="shared" si="619"/>
        <v>659.97269999999992</v>
      </c>
      <c r="I39643" s="1"/>
    </row>
    <row r="39644" spans="1:9" x14ac:dyDescent="0.25">
      <c r="A39644" s="3">
        <v>41647.639293981483</v>
      </c>
      <c r="B39644" s="6">
        <v>659989.35</v>
      </c>
      <c r="C39644" s="7">
        <f t="shared" si="619"/>
        <v>659.98934999999994</v>
      </c>
      <c r="I39644" s="1"/>
    </row>
    <row r="39645" spans="1:9" x14ac:dyDescent="0.25">
      <c r="A39645" s="3">
        <v>41647.647488425922</v>
      </c>
      <c r="B39645" s="6">
        <v>660006</v>
      </c>
      <c r="C39645" s="7">
        <f t="shared" si="619"/>
        <v>660.00599999999997</v>
      </c>
      <c r="I39645" s="1"/>
    </row>
    <row r="39646" spans="1:9" x14ac:dyDescent="0.25">
      <c r="A39646" s="3">
        <v>41647.647592592592</v>
      </c>
      <c r="B39646" s="6">
        <v>660022.64999999991</v>
      </c>
      <c r="C39646" s="7">
        <f t="shared" si="619"/>
        <v>660.02264999999989</v>
      </c>
      <c r="I39646" s="1"/>
    </row>
    <row r="39647" spans="1:9" x14ac:dyDescent="0.25">
      <c r="A39647" s="3">
        <v>41647.649884259263</v>
      </c>
      <c r="B39647" s="6">
        <v>660039.29999999993</v>
      </c>
      <c r="C39647" s="7">
        <f t="shared" si="619"/>
        <v>660.03929999999991</v>
      </c>
      <c r="I39647" s="1"/>
    </row>
    <row r="39648" spans="1:9" x14ac:dyDescent="0.25">
      <c r="A39648" s="3">
        <v>41647.652118055557</v>
      </c>
      <c r="B39648" s="6">
        <v>660055.94999999995</v>
      </c>
      <c r="C39648" s="7">
        <f t="shared" si="619"/>
        <v>660.05594999999994</v>
      </c>
      <c r="I39648" s="1"/>
    </row>
    <row r="39649" spans="1:9" x14ac:dyDescent="0.25">
      <c r="A39649" s="3">
        <v>41647.655381944445</v>
      </c>
      <c r="B39649" s="6">
        <v>660072.6</v>
      </c>
      <c r="C39649" s="7">
        <f t="shared" si="619"/>
        <v>660.07259999999997</v>
      </c>
      <c r="I39649" s="1"/>
    </row>
    <row r="39650" spans="1:9" x14ac:dyDescent="0.25">
      <c r="A39650" s="3">
        <v>41647.655486111114</v>
      </c>
      <c r="B39650" s="6">
        <v>660089.25</v>
      </c>
      <c r="C39650" s="7">
        <f t="shared" si="619"/>
        <v>660.08924999999999</v>
      </c>
      <c r="I39650" s="1"/>
    </row>
    <row r="39651" spans="1:9" x14ac:dyDescent="0.25">
      <c r="A39651" s="3">
        <v>41647.657141203701</v>
      </c>
      <c r="B39651" s="6">
        <v>660105.89999999991</v>
      </c>
      <c r="C39651" s="7">
        <f t="shared" si="619"/>
        <v>660.10589999999991</v>
      </c>
      <c r="I39651" s="1"/>
    </row>
    <row r="39652" spans="1:9" x14ac:dyDescent="0.25">
      <c r="A39652" s="3">
        <v>41647.65729166667</v>
      </c>
      <c r="B39652" s="6">
        <v>660122.54999999993</v>
      </c>
      <c r="C39652" s="7">
        <f t="shared" si="619"/>
        <v>660.12254999999993</v>
      </c>
      <c r="I39652" s="1"/>
    </row>
    <row r="39653" spans="1:9" x14ac:dyDescent="0.25">
      <c r="A39653" s="3">
        <v>41647.659155092595</v>
      </c>
      <c r="B39653" s="6">
        <v>660139.19999999995</v>
      </c>
      <c r="C39653" s="7">
        <f t="shared" si="619"/>
        <v>660.13919999999996</v>
      </c>
      <c r="I39653" s="1"/>
    </row>
    <row r="39654" spans="1:9" x14ac:dyDescent="0.25">
      <c r="A39654" s="3">
        <v>41647.659270833334</v>
      </c>
      <c r="B39654" s="6">
        <v>660155.85</v>
      </c>
      <c r="C39654" s="7">
        <f t="shared" si="619"/>
        <v>660.15584999999999</v>
      </c>
      <c r="I39654" s="1"/>
    </row>
    <row r="39655" spans="1:9" x14ac:dyDescent="0.25">
      <c r="A39655" s="3">
        <v>41647.661817129629</v>
      </c>
      <c r="B39655" s="6">
        <v>660172.5</v>
      </c>
      <c r="C39655" s="7">
        <f t="shared" si="619"/>
        <v>660.17250000000001</v>
      </c>
      <c r="I39655" s="1"/>
    </row>
    <row r="39656" spans="1:9" x14ac:dyDescent="0.25">
      <c r="A39656" s="3">
        <v>41647.662060185183</v>
      </c>
      <c r="B39656" s="6">
        <v>660189.14999999991</v>
      </c>
      <c r="C39656" s="7">
        <f t="shared" si="619"/>
        <v>660.18914999999993</v>
      </c>
      <c r="I39656" s="1"/>
    </row>
    <row r="39657" spans="1:9" x14ac:dyDescent="0.25">
      <c r="A39657" s="3">
        <v>41647.664675925924</v>
      </c>
      <c r="B39657" s="6">
        <v>660205.79999999993</v>
      </c>
      <c r="C39657" s="7">
        <f t="shared" si="619"/>
        <v>660.20579999999995</v>
      </c>
      <c r="I39657" s="1"/>
    </row>
    <row r="39658" spans="1:9" x14ac:dyDescent="0.25">
      <c r="A39658" s="3">
        <v>41647.664768518516</v>
      </c>
      <c r="B39658" s="6">
        <v>660222.44999999995</v>
      </c>
      <c r="C39658" s="7">
        <f t="shared" si="619"/>
        <v>660.22244999999998</v>
      </c>
      <c r="I39658" s="1"/>
    </row>
    <row r="39659" spans="1:9" x14ac:dyDescent="0.25">
      <c r="A39659" s="3">
        <v>41647.666828703703</v>
      </c>
      <c r="B39659" s="6">
        <v>660239.1</v>
      </c>
      <c r="C39659" s="7">
        <f t="shared" si="619"/>
        <v>660.23910000000001</v>
      </c>
      <c r="I39659" s="1"/>
    </row>
    <row r="39660" spans="1:9" x14ac:dyDescent="0.25">
      <c r="A39660" s="3">
        <v>41647.667083333334</v>
      </c>
      <c r="B39660" s="6">
        <v>660255.75</v>
      </c>
      <c r="C39660" s="7">
        <f t="shared" si="619"/>
        <v>660.25575000000003</v>
      </c>
      <c r="I39660" s="1"/>
    </row>
    <row r="39661" spans="1:9" x14ac:dyDescent="0.25">
      <c r="A39661" s="3">
        <v>41647.668240740742</v>
      </c>
      <c r="B39661" s="6">
        <v>660272.39999999991</v>
      </c>
      <c r="C39661" s="7">
        <f t="shared" si="619"/>
        <v>660.27239999999995</v>
      </c>
      <c r="I39661" s="1"/>
    </row>
    <row r="39662" spans="1:9" x14ac:dyDescent="0.25">
      <c r="A39662" s="3">
        <v>41647.668344907404</v>
      </c>
      <c r="B39662" s="6">
        <v>660289.04999999993</v>
      </c>
      <c r="C39662" s="7">
        <f t="shared" si="619"/>
        <v>660.28904999999997</v>
      </c>
      <c r="I39662" s="1"/>
    </row>
    <row r="39663" spans="1:9" x14ac:dyDescent="0.25">
      <c r="A39663" s="3">
        <v>41647.66946759259</v>
      </c>
      <c r="B39663" s="6">
        <v>660305.69999999995</v>
      </c>
      <c r="C39663" s="7">
        <f t="shared" si="619"/>
        <v>660.3057</v>
      </c>
      <c r="I39663" s="1"/>
    </row>
    <row r="39664" spans="1:9" x14ac:dyDescent="0.25">
      <c r="A39664" s="3">
        <v>41647.669571759259</v>
      </c>
      <c r="B39664" s="6">
        <v>660322.35</v>
      </c>
      <c r="C39664" s="7">
        <f t="shared" si="619"/>
        <v>660.32235000000003</v>
      </c>
      <c r="I39664" s="1"/>
    </row>
    <row r="39665" spans="1:9" x14ac:dyDescent="0.25">
      <c r="A39665" s="3">
        <v>41647.671064814815</v>
      </c>
      <c r="B39665" s="6">
        <v>660339</v>
      </c>
      <c r="C39665" s="7">
        <f t="shared" si="619"/>
        <v>660.33900000000006</v>
      </c>
      <c r="I39665" s="1"/>
    </row>
    <row r="39666" spans="1:9" x14ac:dyDescent="0.25">
      <c r="A39666" s="3">
        <v>41647.67114583333</v>
      </c>
      <c r="B39666" s="6">
        <v>660355.64999999991</v>
      </c>
      <c r="C39666" s="7">
        <f t="shared" si="619"/>
        <v>660.35564999999986</v>
      </c>
      <c r="I39666" s="1"/>
    </row>
    <row r="39667" spans="1:9" x14ac:dyDescent="0.25">
      <c r="A39667" s="3">
        <v>41647.67328703704</v>
      </c>
      <c r="B39667" s="6">
        <v>660372.29999999993</v>
      </c>
      <c r="C39667" s="7">
        <f t="shared" si="619"/>
        <v>660.37229999999988</v>
      </c>
      <c r="I39667" s="1"/>
    </row>
    <row r="39668" spans="1:9" x14ac:dyDescent="0.25">
      <c r="A39668" s="3">
        <v>41647.673425925925</v>
      </c>
      <c r="B39668" s="6">
        <v>660388.94999999995</v>
      </c>
      <c r="C39668" s="7">
        <f t="shared" si="619"/>
        <v>660.38894999999991</v>
      </c>
      <c r="I39668" s="1"/>
    </row>
    <row r="39669" spans="1:9" x14ac:dyDescent="0.25">
      <c r="A39669" s="3">
        <v>41647.674699074072</v>
      </c>
      <c r="B39669" s="6">
        <v>660405.6</v>
      </c>
      <c r="C39669" s="7">
        <f t="shared" si="619"/>
        <v>660.40559999999994</v>
      </c>
      <c r="I39669" s="1"/>
    </row>
    <row r="39670" spans="1:9" x14ac:dyDescent="0.25">
      <c r="A39670" s="3">
        <v>41647.674791666665</v>
      </c>
      <c r="B39670" s="6">
        <v>660422.25</v>
      </c>
      <c r="C39670" s="7">
        <f t="shared" si="619"/>
        <v>660.42224999999996</v>
      </c>
      <c r="I39670" s="1"/>
    </row>
    <row r="39671" spans="1:9" x14ac:dyDescent="0.25">
      <c r="A39671" s="3">
        <v>41647.677060185182</v>
      </c>
      <c r="B39671" s="6">
        <v>660438.89999999991</v>
      </c>
      <c r="C39671" s="7">
        <f t="shared" si="619"/>
        <v>660.43889999999988</v>
      </c>
      <c r="I39671" s="1"/>
    </row>
    <row r="39672" spans="1:9" x14ac:dyDescent="0.25">
      <c r="A39672" s="3">
        <v>41647.677222222221</v>
      </c>
      <c r="B39672" s="6">
        <v>660455.54999999993</v>
      </c>
      <c r="C39672" s="7">
        <f t="shared" si="619"/>
        <v>660.4555499999999</v>
      </c>
      <c r="I39672" s="1"/>
    </row>
    <row r="39673" spans="1:9" x14ac:dyDescent="0.25">
      <c r="A39673" s="3">
        <v>41647.678703703707</v>
      </c>
      <c r="B39673" s="6">
        <v>660472.19999999995</v>
      </c>
      <c r="C39673" s="7">
        <f t="shared" si="619"/>
        <v>660.47219999999993</v>
      </c>
      <c r="I39673" s="1"/>
    </row>
    <row r="39674" spans="1:9" x14ac:dyDescent="0.25">
      <c r="A39674" s="3">
        <v>41647.678842592592</v>
      </c>
      <c r="B39674" s="6">
        <v>660488.85</v>
      </c>
      <c r="C39674" s="7">
        <f t="shared" si="619"/>
        <v>660.48884999999996</v>
      </c>
      <c r="I39674" s="1"/>
    </row>
    <row r="39675" spans="1:9" x14ac:dyDescent="0.25">
      <c r="A39675" s="3">
        <v>41647.680914351855</v>
      </c>
      <c r="B39675" s="6">
        <v>660505.5</v>
      </c>
      <c r="C39675" s="7">
        <f t="shared" si="619"/>
        <v>660.50549999999998</v>
      </c>
      <c r="I39675" s="1"/>
    </row>
    <row r="39676" spans="1:9" x14ac:dyDescent="0.25">
      <c r="A39676" s="3">
        <v>41647.680960648147</v>
      </c>
      <c r="B39676" s="6">
        <v>660522.14999999991</v>
      </c>
      <c r="C39676" s="7">
        <f t="shared" si="619"/>
        <v>660.5221499999999</v>
      </c>
      <c r="I39676" s="1"/>
    </row>
    <row r="39677" spans="1:9" x14ac:dyDescent="0.25">
      <c r="A39677" s="3">
        <v>41647.681273148148</v>
      </c>
      <c r="B39677" s="6">
        <v>660538.79999999993</v>
      </c>
      <c r="C39677" s="7">
        <f t="shared" si="619"/>
        <v>660.53879999999992</v>
      </c>
      <c r="I39677" s="1"/>
    </row>
    <row r="39678" spans="1:9" x14ac:dyDescent="0.25">
      <c r="A39678" s="3">
        <v>41647.681319444448</v>
      </c>
      <c r="B39678" s="6">
        <v>660555.44999999995</v>
      </c>
      <c r="C39678" s="7">
        <f t="shared" si="619"/>
        <v>660.55544999999995</v>
      </c>
      <c r="I39678" s="1"/>
    </row>
    <row r="39679" spans="1:9" x14ac:dyDescent="0.25">
      <c r="A39679" s="3">
        <v>41647.682974537034</v>
      </c>
      <c r="B39679" s="6">
        <v>660572.1</v>
      </c>
      <c r="C39679" s="7">
        <f t="shared" si="619"/>
        <v>660.57209999999998</v>
      </c>
      <c r="I39679" s="1"/>
    </row>
    <row r="39680" spans="1:9" x14ac:dyDescent="0.25">
      <c r="A39680" s="3">
        <v>41647.683078703703</v>
      </c>
      <c r="B39680" s="6">
        <v>660588.75</v>
      </c>
      <c r="C39680" s="7">
        <f t="shared" si="619"/>
        <v>660.58875</v>
      </c>
      <c r="I39680" s="1"/>
    </row>
    <row r="39681" spans="1:9" x14ac:dyDescent="0.25">
      <c r="A39681" s="3">
        <v>41647.683761574073</v>
      </c>
      <c r="B39681" s="6">
        <v>660605.39999999991</v>
      </c>
      <c r="C39681" s="7">
        <f t="shared" si="619"/>
        <v>660.60539999999992</v>
      </c>
      <c r="I39681" s="1"/>
    </row>
    <row r="39682" spans="1:9" x14ac:dyDescent="0.25">
      <c r="A39682" s="3">
        <v>41647.683877314812</v>
      </c>
      <c r="B39682" s="6">
        <v>660622.04999999993</v>
      </c>
      <c r="C39682" s="7">
        <f t="shared" si="619"/>
        <v>660.62204999999994</v>
      </c>
      <c r="I39682" s="1"/>
    </row>
    <row r="39683" spans="1:9" x14ac:dyDescent="0.25">
      <c r="A39683" s="3">
        <v>41647.684583333335</v>
      </c>
      <c r="B39683" s="6">
        <v>660638.69999999995</v>
      </c>
      <c r="C39683" s="7">
        <f t="shared" ref="C39683:C39746" si="620">B39683/1000</f>
        <v>660.63869999999997</v>
      </c>
      <c r="I39683" s="1"/>
    </row>
    <row r="39684" spans="1:9" x14ac:dyDescent="0.25">
      <c r="A39684" s="3">
        <v>41647.684733796297</v>
      </c>
      <c r="B39684" s="6">
        <v>660655.35</v>
      </c>
      <c r="C39684" s="7">
        <f t="shared" si="620"/>
        <v>660.65535</v>
      </c>
      <c r="I39684" s="1"/>
    </row>
    <row r="39685" spans="1:9" x14ac:dyDescent="0.25">
      <c r="A39685" s="3">
        <v>41647.686249999999</v>
      </c>
      <c r="B39685" s="6">
        <v>660672</v>
      </c>
      <c r="C39685" s="7">
        <f t="shared" si="620"/>
        <v>660.67200000000003</v>
      </c>
      <c r="I39685" s="1"/>
    </row>
    <row r="39686" spans="1:9" x14ac:dyDescent="0.25">
      <c r="A39686" s="3">
        <v>41647.686331018522</v>
      </c>
      <c r="B39686" s="6">
        <v>660688.64999999991</v>
      </c>
      <c r="C39686" s="7">
        <f t="shared" si="620"/>
        <v>660.68864999999994</v>
      </c>
      <c r="I39686" s="1"/>
    </row>
    <row r="39687" spans="1:9" x14ac:dyDescent="0.25">
      <c r="A39687" s="3">
        <v>41647.687395833331</v>
      </c>
      <c r="B39687" s="6">
        <v>660705.29999999993</v>
      </c>
      <c r="C39687" s="7">
        <f t="shared" si="620"/>
        <v>660.70529999999997</v>
      </c>
      <c r="I39687" s="1"/>
    </row>
    <row r="39688" spans="1:9" x14ac:dyDescent="0.25">
      <c r="A39688" s="3">
        <v>41647.6874537037</v>
      </c>
      <c r="B39688" s="6">
        <v>660721.94999999995</v>
      </c>
      <c r="C39688" s="7">
        <f t="shared" si="620"/>
        <v>660.72194999999999</v>
      </c>
      <c r="I39688" s="1"/>
    </row>
    <row r="39689" spans="1:9" x14ac:dyDescent="0.25">
      <c r="A39689" s="3">
        <v>41647.690972222219</v>
      </c>
      <c r="B39689" s="6">
        <v>660738.6</v>
      </c>
      <c r="C39689" s="7">
        <f t="shared" si="620"/>
        <v>660.73860000000002</v>
      </c>
      <c r="I39689" s="1"/>
    </row>
    <row r="39690" spans="1:9" x14ac:dyDescent="0.25">
      <c r="A39690" s="3">
        <v>41647.69122685185</v>
      </c>
      <c r="B39690" s="6">
        <v>660755.25</v>
      </c>
      <c r="C39690" s="7">
        <f t="shared" si="620"/>
        <v>660.75525000000005</v>
      </c>
      <c r="I39690" s="1"/>
    </row>
    <row r="39691" spans="1:9" x14ac:dyDescent="0.25">
      <c r="A39691" s="3">
        <v>41647.693414351852</v>
      </c>
      <c r="B39691" s="6">
        <v>660771.89999999991</v>
      </c>
      <c r="C39691" s="7">
        <f t="shared" si="620"/>
        <v>660.77189999999996</v>
      </c>
      <c r="I39691" s="1"/>
    </row>
    <row r="39692" spans="1:9" x14ac:dyDescent="0.25">
      <c r="A39692" s="3">
        <v>41647.693576388891</v>
      </c>
      <c r="B39692" s="6">
        <v>660788.54999999993</v>
      </c>
      <c r="C39692" s="7">
        <f t="shared" si="620"/>
        <v>660.78854999999999</v>
      </c>
      <c r="I39692" s="1"/>
    </row>
    <row r="39693" spans="1:9" x14ac:dyDescent="0.25">
      <c r="A39693" s="3">
        <v>41647.695474537039</v>
      </c>
      <c r="B39693" s="6">
        <v>660805.19999999995</v>
      </c>
      <c r="C39693" s="7">
        <f t="shared" si="620"/>
        <v>660.8051999999999</v>
      </c>
      <c r="I39693" s="1"/>
    </row>
    <row r="39694" spans="1:9" x14ac:dyDescent="0.25">
      <c r="A39694" s="3">
        <v>41647.695567129631</v>
      </c>
      <c r="B39694" s="6">
        <v>660821.85</v>
      </c>
      <c r="C39694" s="7">
        <f t="shared" si="620"/>
        <v>660.82184999999993</v>
      </c>
      <c r="I39694" s="1"/>
    </row>
    <row r="39695" spans="1:9" x14ac:dyDescent="0.25">
      <c r="A39695" s="3">
        <v>41647.696504629632</v>
      </c>
      <c r="B39695" s="6">
        <v>660838.5</v>
      </c>
      <c r="C39695" s="7">
        <f t="shared" si="620"/>
        <v>660.83849999999995</v>
      </c>
      <c r="I39695" s="1"/>
    </row>
    <row r="39696" spans="1:9" x14ac:dyDescent="0.25">
      <c r="A39696" s="3">
        <v>41647.696620370371</v>
      </c>
      <c r="B39696" s="6">
        <v>660855.14999999991</v>
      </c>
      <c r="C39696" s="7">
        <f t="shared" si="620"/>
        <v>660.85514999999987</v>
      </c>
      <c r="I39696" s="1"/>
    </row>
    <row r="39697" spans="1:9" x14ac:dyDescent="0.25">
      <c r="A39697" s="3">
        <v>41647.697662037041</v>
      </c>
      <c r="B39697" s="6">
        <v>660871.79999999993</v>
      </c>
      <c r="C39697" s="7">
        <f t="shared" si="620"/>
        <v>660.87179999999989</v>
      </c>
      <c r="I39697" s="1"/>
    </row>
    <row r="39698" spans="1:9" x14ac:dyDescent="0.25">
      <c r="A39698" s="3">
        <v>41647.697905092595</v>
      </c>
      <c r="B39698" s="6">
        <v>660888.44999999995</v>
      </c>
      <c r="C39698" s="7">
        <f t="shared" si="620"/>
        <v>660.88844999999992</v>
      </c>
      <c r="I39698" s="1"/>
    </row>
    <row r="39699" spans="1:9" x14ac:dyDescent="0.25">
      <c r="A39699" s="3">
        <v>41647.698923611111</v>
      </c>
      <c r="B39699" s="6">
        <v>660905.1</v>
      </c>
      <c r="C39699" s="7">
        <f t="shared" si="620"/>
        <v>660.90509999999995</v>
      </c>
      <c r="I39699" s="1"/>
    </row>
    <row r="39700" spans="1:9" x14ac:dyDescent="0.25">
      <c r="A39700" s="3">
        <v>41647.699050925927</v>
      </c>
      <c r="B39700" s="6">
        <v>660921.75</v>
      </c>
      <c r="C39700" s="7">
        <f t="shared" si="620"/>
        <v>660.92174999999997</v>
      </c>
      <c r="I39700" s="1"/>
    </row>
    <row r="39701" spans="1:9" x14ac:dyDescent="0.25">
      <c r="A39701" s="3">
        <v>41647.700185185182</v>
      </c>
      <c r="B39701" s="6">
        <v>660938.39999999991</v>
      </c>
      <c r="C39701" s="7">
        <f t="shared" si="620"/>
        <v>660.93839999999989</v>
      </c>
      <c r="I39701" s="1"/>
    </row>
    <row r="39702" spans="1:9" x14ac:dyDescent="0.25">
      <c r="A39702" s="3">
        <v>41647.700266203705</v>
      </c>
      <c r="B39702" s="6">
        <v>660955.04999999993</v>
      </c>
      <c r="C39702" s="7">
        <f t="shared" si="620"/>
        <v>660.95504999999991</v>
      </c>
      <c r="I39702" s="1"/>
    </row>
    <row r="39703" spans="1:9" x14ac:dyDescent="0.25">
      <c r="A39703" s="3">
        <v>41647.702476851853</v>
      </c>
      <c r="B39703" s="6">
        <v>660971.69999999995</v>
      </c>
      <c r="C39703" s="7">
        <f t="shared" si="620"/>
        <v>660.97169999999994</v>
      </c>
      <c r="I39703" s="1"/>
    </row>
    <row r="39704" spans="1:9" x14ac:dyDescent="0.25">
      <c r="A39704" s="3">
        <v>41647.702650462961</v>
      </c>
      <c r="B39704" s="6">
        <v>660988.35</v>
      </c>
      <c r="C39704" s="7">
        <f t="shared" si="620"/>
        <v>660.98834999999997</v>
      </c>
      <c r="I39704" s="1"/>
    </row>
    <row r="39705" spans="1:9" x14ac:dyDescent="0.25">
      <c r="A39705" s="3">
        <v>41647.704594907409</v>
      </c>
      <c r="B39705" s="6">
        <v>661005</v>
      </c>
      <c r="C39705" s="7">
        <f t="shared" si="620"/>
        <v>661.005</v>
      </c>
      <c r="I39705" s="1"/>
    </row>
    <row r="39706" spans="1:9" x14ac:dyDescent="0.25">
      <c r="A39706" s="3">
        <v>41647.704988425925</v>
      </c>
      <c r="B39706" s="6">
        <v>661021.64999999991</v>
      </c>
      <c r="C39706" s="7">
        <f t="shared" si="620"/>
        <v>661.02164999999991</v>
      </c>
      <c r="I39706" s="1"/>
    </row>
    <row r="39707" spans="1:9" x14ac:dyDescent="0.25">
      <c r="A39707" s="3">
        <v>41647.709328703706</v>
      </c>
      <c r="B39707" s="6">
        <v>661038.29999999993</v>
      </c>
      <c r="C39707" s="7">
        <f t="shared" si="620"/>
        <v>661.03829999999994</v>
      </c>
      <c r="I39707" s="1"/>
    </row>
    <row r="39708" spans="1:9" x14ac:dyDescent="0.25">
      <c r="A39708" s="3">
        <v>41647.709687499999</v>
      </c>
      <c r="B39708" s="6">
        <v>661054.94999999995</v>
      </c>
      <c r="C39708" s="7">
        <f t="shared" si="620"/>
        <v>661.05494999999996</v>
      </c>
      <c r="I39708" s="1"/>
    </row>
    <row r="39709" spans="1:9" x14ac:dyDescent="0.25">
      <c r="A39709" s="3">
        <v>41647.713148148148</v>
      </c>
      <c r="B39709" s="6">
        <v>661071.6</v>
      </c>
      <c r="C39709" s="7">
        <f t="shared" si="620"/>
        <v>661.07159999999999</v>
      </c>
      <c r="I39709" s="1"/>
    </row>
    <row r="39710" spans="1:9" x14ac:dyDescent="0.25">
      <c r="A39710" s="3">
        <v>41647.713252314818</v>
      </c>
      <c r="B39710" s="6">
        <v>661088.25</v>
      </c>
      <c r="C39710" s="7">
        <f t="shared" si="620"/>
        <v>661.08825000000002</v>
      </c>
      <c r="I39710" s="1"/>
    </row>
    <row r="39711" spans="1:9" x14ac:dyDescent="0.25">
      <c r="A39711" s="3">
        <v>41647.715821759259</v>
      </c>
      <c r="B39711" s="6">
        <v>661104.89999999991</v>
      </c>
      <c r="C39711" s="7">
        <f t="shared" si="620"/>
        <v>661.10489999999993</v>
      </c>
      <c r="I39711" s="1"/>
    </row>
    <row r="39712" spans="1:9" x14ac:dyDescent="0.25">
      <c r="A39712" s="3">
        <v>41647.71597222222</v>
      </c>
      <c r="B39712" s="6">
        <v>661121.54999999993</v>
      </c>
      <c r="C39712" s="7">
        <f t="shared" si="620"/>
        <v>661.12154999999996</v>
      </c>
      <c r="I39712" s="1"/>
    </row>
    <row r="39713" spans="1:9" x14ac:dyDescent="0.25">
      <c r="A39713" s="3">
        <v>41647.722048611111</v>
      </c>
      <c r="B39713" s="6">
        <v>661138.19999999995</v>
      </c>
      <c r="C39713" s="7">
        <f t="shared" si="620"/>
        <v>661.13819999999998</v>
      </c>
      <c r="I39713" s="1"/>
    </row>
    <row r="39714" spans="1:9" x14ac:dyDescent="0.25">
      <c r="A39714" s="3">
        <v>41647.722129629627</v>
      </c>
      <c r="B39714" s="6">
        <v>661154.85</v>
      </c>
      <c r="C39714" s="7">
        <f t="shared" si="620"/>
        <v>661.15485000000001</v>
      </c>
      <c r="I39714" s="1"/>
    </row>
    <row r="39715" spans="1:9" x14ac:dyDescent="0.25">
      <c r="A39715" s="3">
        <v>41647.724039351851</v>
      </c>
      <c r="B39715" s="6">
        <v>661171.5</v>
      </c>
      <c r="C39715" s="7">
        <f t="shared" si="620"/>
        <v>661.17150000000004</v>
      </c>
      <c r="I39715" s="1"/>
    </row>
    <row r="39716" spans="1:9" x14ac:dyDescent="0.25">
      <c r="A39716" s="3">
        <v>41647.724097222221</v>
      </c>
      <c r="B39716" s="6">
        <v>661188.14999999991</v>
      </c>
      <c r="C39716" s="7">
        <f t="shared" si="620"/>
        <v>661.18814999999995</v>
      </c>
      <c r="I39716" s="1"/>
    </row>
    <row r="39717" spans="1:9" x14ac:dyDescent="0.25">
      <c r="A39717" s="3">
        <v>41647.725717592592</v>
      </c>
      <c r="B39717" s="6">
        <v>661204.79999999993</v>
      </c>
      <c r="C39717" s="7">
        <f t="shared" si="620"/>
        <v>661.20479999999998</v>
      </c>
      <c r="I39717" s="1"/>
    </row>
    <row r="39718" spans="1:9" x14ac:dyDescent="0.25">
      <c r="A39718" s="3">
        <v>41647.725798611114</v>
      </c>
      <c r="B39718" s="6">
        <v>661221.44999999995</v>
      </c>
      <c r="C39718" s="7">
        <f t="shared" si="620"/>
        <v>661.22145</v>
      </c>
      <c r="I39718" s="1"/>
    </row>
    <row r="39719" spans="1:9" x14ac:dyDescent="0.25">
      <c r="A39719" s="3">
        <v>41647.728043981479</v>
      </c>
      <c r="B39719" s="6">
        <v>661238.1</v>
      </c>
      <c r="C39719" s="7">
        <f t="shared" si="620"/>
        <v>661.23810000000003</v>
      </c>
      <c r="I39719" s="1"/>
    </row>
    <row r="39720" spans="1:9" x14ac:dyDescent="0.25">
      <c r="A39720" s="3">
        <v>41647.72855324074</v>
      </c>
      <c r="B39720" s="6">
        <v>661254.75</v>
      </c>
      <c r="C39720" s="7">
        <f t="shared" si="620"/>
        <v>661.25474999999994</v>
      </c>
      <c r="I39720" s="1"/>
    </row>
    <row r="39721" spans="1:9" x14ac:dyDescent="0.25">
      <c r="A39721" s="3">
        <v>41647.730150462965</v>
      </c>
      <c r="B39721" s="6">
        <v>661271.39999999991</v>
      </c>
      <c r="C39721" s="7">
        <f t="shared" si="620"/>
        <v>661.27139999999986</v>
      </c>
      <c r="I39721" s="1"/>
    </row>
    <row r="39722" spans="1:9" x14ac:dyDescent="0.25">
      <c r="A39722" s="3">
        <v>41647.730300925927</v>
      </c>
      <c r="B39722" s="6">
        <v>661288.04999999993</v>
      </c>
      <c r="C39722" s="7">
        <f t="shared" si="620"/>
        <v>661.28804999999988</v>
      </c>
      <c r="I39722" s="1"/>
    </row>
    <row r="39723" spans="1:9" x14ac:dyDescent="0.25">
      <c r="A39723" s="3">
        <v>41647.732592592591</v>
      </c>
      <c r="B39723" s="6">
        <v>661304.69999999995</v>
      </c>
      <c r="C39723" s="7">
        <f t="shared" si="620"/>
        <v>661.30469999999991</v>
      </c>
      <c r="I39723" s="1"/>
    </row>
    <row r="39724" spans="1:9" x14ac:dyDescent="0.25">
      <c r="A39724" s="3">
        <v>41647.73296296296</v>
      </c>
      <c r="B39724" s="6">
        <v>661321.35</v>
      </c>
      <c r="C39724" s="7">
        <f t="shared" si="620"/>
        <v>661.32134999999994</v>
      </c>
      <c r="I39724" s="1"/>
    </row>
    <row r="39725" spans="1:9" x14ac:dyDescent="0.25">
      <c r="A39725" s="3">
        <v>41647.735578703701</v>
      </c>
      <c r="B39725" s="6">
        <v>661338</v>
      </c>
      <c r="C39725" s="7">
        <f t="shared" si="620"/>
        <v>661.33799999999997</v>
      </c>
      <c r="I39725" s="1"/>
    </row>
    <row r="39726" spans="1:9" x14ac:dyDescent="0.25">
      <c r="A39726" s="3">
        <v>41647.735671296294</v>
      </c>
      <c r="B39726" s="6">
        <v>661354.64999999991</v>
      </c>
      <c r="C39726" s="7">
        <f t="shared" si="620"/>
        <v>661.35464999999988</v>
      </c>
      <c r="I39726" s="1"/>
    </row>
    <row r="39727" spans="1:9" x14ac:dyDescent="0.25">
      <c r="A39727" s="3">
        <v>41647.736574074072</v>
      </c>
      <c r="B39727" s="6">
        <v>661371.29999999993</v>
      </c>
      <c r="C39727" s="7">
        <f t="shared" si="620"/>
        <v>661.37129999999991</v>
      </c>
      <c r="I39727" s="1"/>
    </row>
    <row r="39728" spans="1:9" x14ac:dyDescent="0.25">
      <c r="A39728" s="3">
        <v>41647.736770833333</v>
      </c>
      <c r="B39728" s="6">
        <v>661387.94999999995</v>
      </c>
      <c r="C39728" s="7">
        <f t="shared" si="620"/>
        <v>661.38794999999993</v>
      </c>
      <c r="I39728" s="1"/>
    </row>
    <row r="39729" spans="1:9" x14ac:dyDescent="0.25">
      <c r="A39729" s="3">
        <v>41647.741678240738</v>
      </c>
      <c r="B39729" s="6">
        <v>661404.6</v>
      </c>
      <c r="C39729" s="7">
        <f t="shared" si="620"/>
        <v>661.40459999999996</v>
      </c>
      <c r="I39729" s="1"/>
    </row>
    <row r="39730" spans="1:9" x14ac:dyDescent="0.25">
      <c r="A39730" s="3">
        <v>41647.741909722223</v>
      </c>
      <c r="B39730" s="6">
        <v>661421.25</v>
      </c>
      <c r="C39730" s="7">
        <f t="shared" si="620"/>
        <v>661.42124999999999</v>
      </c>
      <c r="I39730" s="1"/>
    </row>
    <row r="39731" spans="1:9" x14ac:dyDescent="0.25">
      <c r="A39731" s="3">
        <v>41647.747766203705</v>
      </c>
      <c r="B39731" s="6">
        <v>661437.89999999991</v>
      </c>
      <c r="C39731" s="7">
        <f t="shared" si="620"/>
        <v>661.4378999999999</v>
      </c>
      <c r="I39731" s="1"/>
    </row>
    <row r="39732" spans="1:9" x14ac:dyDescent="0.25">
      <c r="A39732" s="3">
        <v>41647.747881944444</v>
      </c>
      <c r="B39732" s="6">
        <v>661454.54999999993</v>
      </c>
      <c r="C39732" s="7">
        <f t="shared" si="620"/>
        <v>661.45454999999993</v>
      </c>
      <c r="I39732" s="1"/>
    </row>
    <row r="39733" spans="1:9" x14ac:dyDescent="0.25">
      <c r="A39733" s="3">
        <v>41647.750717592593</v>
      </c>
      <c r="B39733" s="6">
        <v>661471.19999999995</v>
      </c>
      <c r="C39733" s="7">
        <f t="shared" si="620"/>
        <v>661.47119999999995</v>
      </c>
      <c r="I39733" s="1"/>
    </row>
    <row r="39734" spans="1:9" x14ac:dyDescent="0.25">
      <c r="A39734" s="3">
        <v>41647.750833333332</v>
      </c>
      <c r="B39734" s="6">
        <v>661487.85</v>
      </c>
      <c r="C39734" s="7">
        <f t="shared" si="620"/>
        <v>661.48784999999998</v>
      </c>
      <c r="I39734" s="1"/>
    </row>
    <row r="39735" spans="1:9" x14ac:dyDescent="0.25">
      <c r="A39735" s="3">
        <v>41647.753171296295</v>
      </c>
      <c r="B39735" s="6">
        <v>661504.5</v>
      </c>
      <c r="C39735" s="7">
        <f t="shared" si="620"/>
        <v>661.50450000000001</v>
      </c>
      <c r="I39735" s="1"/>
    </row>
    <row r="39736" spans="1:9" x14ac:dyDescent="0.25">
      <c r="A39736" s="3">
        <v>41647.753275462965</v>
      </c>
      <c r="B39736" s="6">
        <v>661521.14999999991</v>
      </c>
      <c r="C39736" s="7">
        <f t="shared" si="620"/>
        <v>661.52114999999992</v>
      </c>
      <c r="I39736" s="1"/>
    </row>
    <row r="39737" spans="1:9" x14ac:dyDescent="0.25">
      <c r="A39737" s="3">
        <v>41647.76730324074</v>
      </c>
      <c r="B39737" s="6">
        <v>661537.79999999993</v>
      </c>
      <c r="C39737" s="7">
        <f t="shared" si="620"/>
        <v>661.53779999999995</v>
      </c>
      <c r="I39737" s="1"/>
    </row>
    <row r="39738" spans="1:9" x14ac:dyDescent="0.25">
      <c r="A39738" s="3">
        <v>41647.768240740741</v>
      </c>
      <c r="B39738" s="6">
        <v>661554.44999999995</v>
      </c>
      <c r="C39738" s="7">
        <f t="shared" si="620"/>
        <v>661.55444999999997</v>
      </c>
      <c r="I39738" s="1"/>
    </row>
    <row r="39739" spans="1:9" x14ac:dyDescent="0.25">
      <c r="A39739" s="3">
        <v>41647.7734375</v>
      </c>
      <c r="B39739" s="6">
        <v>661571.1</v>
      </c>
      <c r="C39739" s="7">
        <f t="shared" si="620"/>
        <v>661.5711</v>
      </c>
      <c r="I39739" s="1"/>
    </row>
    <row r="39740" spans="1:9" x14ac:dyDescent="0.25">
      <c r="A39740" s="3">
        <v>41647.773634259262</v>
      </c>
      <c r="B39740" s="6">
        <v>661587.75</v>
      </c>
      <c r="C39740" s="7">
        <f t="shared" si="620"/>
        <v>661.58775000000003</v>
      </c>
      <c r="I39740" s="1"/>
    </row>
    <row r="39741" spans="1:9" x14ac:dyDescent="0.25">
      <c r="A39741" s="3">
        <v>41647.778749999998</v>
      </c>
      <c r="B39741" s="6">
        <v>661604.39999999991</v>
      </c>
      <c r="C39741" s="7">
        <f t="shared" si="620"/>
        <v>661.60439999999994</v>
      </c>
      <c r="I39741" s="1"/>
    </row>
    <row r="39742" spans="1:9" x14ac:dyDescent="0.25">
      <c r="A39742" s="3">
        <v>41647.783368055556</v>
      </c>
      <c r="B39742" s="6">
        <v>661621.04999999993</v>
      </c>
      <c r="C39742" s="7">
        <f t="shared" si="620"/>
        <v>661.62104999999997</v>
      </c>
      <c r="I39742" s="1"/>
    </row>
    <row r="39743" spans="1:9" x14ac:dyDescent="0.25">
      <c r="A39743" s="3">
        <v>41647.790254629632</v>
      </c>
      <c r="B39743" s="6">
        <v>661637.69999999995</v>
      </c>
      <c r="C39743" s="7">
        <f t="shared" si="620"/>
        <v>661.6377</v>
      </c>
      <c r="I39743" s="1"/>
    </row>
    <row r="39744" spans="1:9" x14ac:dyDescent="0.25">
      <c r="A39744" s="3">
        <v>41647.790358796294</v>
      </c>
      <c r="B39744" s="6">
        <v>661654.35</v>
      </c>
      <c r="C39744" s="7">
        <f t="shared" si="620"/>
        <v>661.65435000000002</v>
      </c>
      <c r="I39744" s="1"/>
    </row>
    <row r="39745" spans="1:9" x14ac:dyDescent="0.25">
      <c r="A39745" s="3">
        <v>41647.795972222222</v>
      </c>
      <c r="B39745" s="6">
        <v>661671</v>
      </c>
      <c r="C39745" s="7">
        <f t="shared" si="620"/>
        <v>661.67100000000005</v>
      </c>
      <c r="I39745" s="1"/>
    </row>
    <row r="39746" spans="1:9" x14ac:dyDescent="0.25">
      <c r="A39746" s="3">
        <v>41647.796087962961</v>
      </c>
      <c r="B39746" s="6">
        <v>661687.64999999991</v>
      </c>
      <c r="C39746" s="7">
        <f t="shared" si="620"/>
        <v>661.68764999999996</v>
      </c>
      <c r="I39746" s="1"/>
    </row>
    <row r="39747" spans="1:9" x14ac:dyDescent="0.25">
      <c r="A39747" s="3">
        <v>41647.800219907411</v>
      </c>
      <c r="B39747" s="6">
        <v>661704.29999999993</v>
      </c>
      <c r="C39747" s="7">
        <f t="shared" ref="C39747:C39810" si="621">B39747/1000</f>
        <v>661.70429999999988</v>
      </c>
      <c r="I39747" s="1"/>
    </row>
    <row r="39748" spans="1:9" x14ac:dyDescent="0.25">
      <c r="A39748" s="3">
        <v>41647.801087962966</v>
      </c>
      <c r="B39748" s="6">
        <v>661720.94999999995</v>
      </c>
      <c r="C39748" s="7">
        <f t="shared" si="621"/>
        <v>661.7209499999999</v>
      </c>
      <c r="I39748" s="1"/>
    </row>
    <row r="39749" spans="1:9" x14ac:dyDescent="0.25">
      <c r="A39749" s="3">
        <v>41647.809664351851</v>
      </c>
      <c r="B39749" s="6">
        <v>661737.6</v>
      </c>
      <c r="C39749" s="7">
        <f t="shared" si="621"/>
        <v>661.73759999999993</v>
      </c>
      <c r="I39749" s="1"/>
    </row>
    <row r="39750" spans="1:9" x14ac:dyDescent="0.25">
      <c r="A39750" s="3">
        <v>41647.810023148151</v>
      </c>
      <c r="B39750" s="6">
        <v>661754.25</v>
      </c>
      <c r="C39750" s="7">
        <f t="shared" si="621"/>
        <v>661.75424999999996</v>
      </c>
      <c r="I39750" s="1"/>
    </row>
    <row r="39751" spans="1:9" x14ac:dyDescent="0.25">
      <c r="A39751" s="3">
        <v>41678.353159722225</v>
      </c>
      <c r="B39751" s="6">
        <v>661770.89999999991</v>
      </c>
      <c r="C39751" s="7">
        <f t="shared" si="621"/>
        <v>661.77089999999987</v>
      </c>
      <c r="I39751" s="1"/>
    </row>
    <row r="39752" spans="1:9" x14ac:dyDescent="0.25">
      <c r="A39752" s="3">
        <v>41678.353356481479</v>
      </c>
      <c r="B39752" s="6">
        <v>661787.54999999993</v>
      </c>
      <c r="C39752" s="7">
        <f t="shared" si="621"/>
        <v>661.7875499999999</v>
      </c>
      <c r="I39752" s="1"/>
    </row>
    <row r="39753" spans="1:9" x14ac:dyDescent="0.25">
      <c r="A39753" s="3">
        <v>41678.36509259259</v>
      </c>
      <c r="B39753" s="6">
        <v>661804.19999999995</v>
      </c>
      <c r="C39753" s="7">
        <f t="shared" si="621"/>
        <v>661.80419999999992</v>
      </c>
      <c r="I39753" s="1"/>
    </row>
    <row r="39754" spans="1:9" x14ac:dyDescent="0.25">
      <c r="A39754" s="3">
        <v>41678.365335648145</v>
      </c>
      <c r="B39754" s="6">
        <v>661820.85</v>
      </c>
      <c r="C39754" s="7">
        <f t="shared" si="621"/>
        <v>661.82084999999995</v>
      </c>
      <c r="I39754" s="1"/>
    </row>
    <row r="39755" spans="1:9" x14ac:dyDescent="0.25">
      <c r="A39755" s="3">
        <v>41678.373043981483</v>
      </c>
      <c r="B39755" s="6">
        <v>661837.5</v>
      </c>
      <c r="C39755" s="7">
        <f t="shared" si="621"/>
        <v>661.83749999999998</v>
      </c>
      <c r="I39755" s="1"/>
    </row>
    <row r="39756" spans="1:9" x14ac:dyDescent="0.25">
      <c r="A39756" s="3">
        <v>41678.375706018516</v>
      </c>
      <c r="B39756" s="6">
        <v>661854.14999999991</v>
      </c>
      <c r="C39756" s="7">
        <f t="shared" si="621"/>
        <v>661.85414999999989</v>
      </c>
      <c r="I39756" s="1"/>
    </row>
    <row r="39757" spans="1:9" x14ac:dyDescent="0.25">
      <c r="A39757" s="3">
        <v>41678.388182870367</v>
      </c>
      <c r="B39757" s="6">
        <v>661870.79999999993</v>
      </c>
      <c r="C39757" s="7">
        <f t="shared" si="621"/>
        <v>661.87079999999992</v>
      </c>
      <c r="I39757" s="1"/>
    </row>
    <row r="39758" spans="1:9" x14ac:dyDescent="0.25">
      <c r="A39758" s="3">
        <v>41678.390729166669</v>
      </c>
      <c r="B39758" s="6">
        <v>661887.44999999995</v>
      </c>
      <c r="C39758" s="7">
        <f t="shared" si="621"/>
        <v>661.88744999999994</v>
      </c>
      <c r="I39758" s="1"/>
    </row>
    <row r="39759" spans="1:9" x14ac:dyDescent="0.25">
      <c r="A39759" s="3">
        <v>41678.394097222219</v>
      </c>
      <c r="B39759" s="6">
        <v>661904.1</v>
      </c>
      <c r="C39759" s="7">
        <f t="shared" si="621"/>
        <v>661.90409999999997</v>
      </c>
      <c r="I39759" s="1"/>
    </row>
    <row r="39760" spans="1:9" x14ac:dyDescent="0.25">
      <c r="A39760" s="3">
        <v>41678.394201388888</v>
      </c>
      <c r="B39760" s="6">
        <v>661920.75</v>
      </c>
      <c r="C39760" s="7">
        <f t="shared" si="621"/>
        <v>661.92075</v>
      </c>
      <c r="I39760" s="1"/>
    </row>
    <row r="39761" spans="1:9" x14ac:dyDescent="0.25">
      <c r="A39761" s="3">
        <v>41678.395648148151</v>
      </c>
      <c r="B39761" s="6">
        <v>661937.39999999991</v>
      </c>
      <c r="C39761" s="7">
        <f t="shared" si="621"/>
        <v>661.93739999999991</v>
      </c>
      <c r="I39761" s="1"/>
    </row>
    <row r="39762" spans="1:9" x14ac:dyDescent="0.25">
      <c r="A39762" s="3">
        <v>41678.39739583333</v>
      </c>
      <c r="B39762" s="6">
        <v>661954.04999999993</v>
      </c>
      <c r="C39762" s="7">
        <f t="shared" si="621"/>
        <v>661.95404999999994</v>
      </c>
      <c r="I39762" s="1"/>
    </row>
    <row r="39763" spans="1:9" x14ac:dyDescent="0.25">
      <c r="A39763" s="3">
        <v>41678.400173611109</v>
      </c>
      <c r="B39763" s="6">
        <v>661970.69999999995</v>
      </c>
      <c r="C39763" s="7">
        <f t="shared" si="621"/>
        <v>661.97069999999997</v>
      </c>
      <c r="I39763" s="1"/>
    </row>
    <row r="39764" spans="1:9" x14ac:dyDescent="0.25">
      <c r="A39764" s="3">
        <v>41678.400347222225</v>
      </c>
      <c r="B39764" s="6">
        <v>661987.35</v>
      </c>
      <c r="C39764" s="7">
        <f t="shared" si="621"/>
        <v>661.98734999999999</v>
      </c>
      <c r="I39764" s="1"/>
    </row>
    <row r="39765" spans="1:9" x14ac:dyDescent="0.25">
      <c r="A39765" s="3">
        <v>41678.411585648151</v>
      </c>
      <c r="B39765" s="6">
        <v>662004</v>
      </c>
      <c r="C39765" s="7">
        <f t="shared" si="621"/>
        <v>662.00400000000002</v>
      </c>
      <c r="I39765" s="1"/>
    </row>
    <row r="39766" spans="1:9" x14ac:dyDescent="0.25">
      <c r="A39766" s="3">
        <v>41678.411678240744</v>
      </c>
      <c r="B39766" s="6">
        <v>662020.64999999991</v>
      </c>
      <c r="C39766" s="7">
        <f t="shared" si="621"/>
        <v>662.02064999999993</v>
      </c>
      <c r="I39766" s="1"/>
    </row>
    <row r="39767" spans="1:9" x14ac:dyDescent="0.25">
      <c r="A39767" s="3">
        <v>41678.412939814814</v>
      </c>
      <c r="B39767" s="6">
        <v>662037.29999999993</v>
      </c>
      <c r="C39767" s="7">
        <f t="shared" si="621"/>
        <v>662.03729999999996</v>
      </c>
      <c r="I39767" s="1"/>
    </row>
    <row r="39768" spans="1:9" x14ac:dyDescent="0.25">
      <c r="A39768" s="3">
        <v>41678.413136574076</v>
      </c>
      <c r="B39768" s="6">
        <v>662053.94999999995</v>
      </c>
      <c r="C39768" s="7">
        <f t="shared" si="621"/>
        <v>662.05394999999999</v>
      </c>
      <c r="I39768" s="1"/>
    </row>
    <row r="39769" spans="1:9" x14ac:dyDescent="0.25">
      <c r="A39769" s="3">
        <v>41678.420277777775</v>
      </c>
      <c r="B39769" s="6">
        <v>662070.6</v>
      </c>
      <c r="C39769" s="7">
        <f t="shared" si="621"/>
        <v>662.07060000000001</v>
      </c>
      <c r="I39769" s="1"/>
    </row>
    <row r="39770" spans="1:9" x14ac:dyDescent="0.25">
      <c r="A39770" s="3">
        <v>41678.421261574076</v>
      </c>
      <c r="B39770" s="6">
        <v>662087.25</v>
      </c>
      <c r="C39770" s="7">
        <f t="shared" si="621"/>
        <v>662.08725000000004</v>
      </c>
      <c r="I39770" s="1"/>
    </row>
    <row r="39771" spans="1:9" x14ac:dyDescent="0.25">
      <c r="A39771" s="3">
        <v>41678.424259259256</v>
      </c>
      <c r="B39771" s="6">
        <v>662103.89999999991</v>
      </c>
      <c r="C39771" s="7">
        <f t="shared" si="621"/>
        <v>662.10389999999995</v>
      </c>
      <c r="I39771" s="1"/>
    </row>
    <row r="39772" spans="1:9" x14ac:dyDescent="0.25">
      <c r="A39772" s="3">
        <v>41678.424432870372</v>
      </c>
      <c r="B39772" s="6">
        <v>662120.54999999993</v>
      </c>
      <c r="C39772" s="7">
        <f t="shared" si="621"/>
        <v>662.12054999999998</v>
      </c>
      <c r="I39772" s="1"/>
    </row>
    <row r="39773" spans="1:9" x14ac:dyDescent="0.25">
      <c r="A39773" s="3">
        <v>41678.434328703705</v>
      </c>
      <c r="B39773" s="6">
        <v>662137.19999999995</v>
      </c>
      <c r="C39773" s="7">
        <f t="shared" si="621"/>
        <v>662.13720000000001</v>
      </c>
      <c r="I39773" s="1"/>
    </row>
    <row r="39774" spans="1:9" x14ac:dyDescent="0.25">
      <c r="A39774" s="3">
        <v>41678.434571759259</v>
      </c>
      <c r="B39774" s="6">
        <v>662153.85</v>
      </c>
      <c r="C39774" s="7">
        <f t="shared" si="621"/>
        <v>662.15384999999992</v>
      </c>
      <c r="I39774" s="1"/>
    </row>
    <row r="39775" spans="1:9" x14ac:dyDescent="0.25">
      <c r="A39775" s="3">
        <v>41678.442395833335</v>
      </c>
      <c r="B39775" s="6">
        <v>662170.5</v>
      </c>
      <c r="C39775" s="7">
        <f t="shared" si="621"/>
        <v>662.17049999999995</v>
      </c>
      <c r="I39775" s="1"/>
    </row>
    <row r="39776" spans="1:9" x14ac:dyDescent="0.25">
      <c r="A39776" s="3">
        <v>41678.442731481482</v>
      </c>
      <c r="B39776" s="6">
        <v>662187.14999999991</v>
      </c>
      <c r="C39776" s="7">
        <f t="shared" si="621"/>
        <v>662.18714999999986</v>
      </c>
      <c r="I39776" s="1"/>
    </row>
    <row r="39777" spans="1:9" x14ac:dyDescent="0.25">
      <c r="A39777" s="3">
        <v>41678.453101851854</v>
      </c>
      <c r="B39777" s="6">
        <v>662203.79999999993</v>
      </c>
      <c r="C39777" s="7">
        <f t="shared" si="621"/>
        <v>662.20379999999989</v>
      </c>
      <c r="I39777" s="1"/>
    </row>
    <row r="39778" spans="1:9" x14ac:dyDescent="0.25">
      <c r="A39778" s="3">
        <v>41678.454004629632</v>
      </c>
      <c r="B39778" s="6">
        <v>662220.44999999995</v>
      </c>
      <c r="C39778" s="7">
        <f t="shared" si="621"/>
        <v>662.22044999999991</v>
      </c>
      <c r="I39778" s="1"/>
    </row>
    <row r="39779" spans="1:9" x14ac:dyDescent="0.25">
      <c r="A39779" s="3">
        <v>41678.455717592595</v>
      </c>
      <c r="B39779" s="6">
        <v>662237.1</v>
      </c>
      <c r="C39779" s="7">
        <f t="shared" si="621"/>
        <v>662.23709999999994</v>
      </c>
      <c r="I39779" s="1"/>
    </row>
    <row r="39780" spans="1:9" x14ac:dyDescent="0.25">
      <c r="A39780" s="3">
        <v>41678.455833333333</v>
      </c>
      <c r="B39780" s="6">
        <v>662253.75</v>
      </c>
      <c r="C39780" s="7">
        <f t="shared" si="621"/>
        <v>662.25374999999997</v>
      </c>
      <c r="I39780" s="1"/>
    </row>
    <row r="39781" spans="1:9" x14ac:dyDescent="0.25">
      <c r="A39781" s="3">
        <v>41678.46261574074</v>
      </c>
      <c r="B39781" s="6">
        <v>662270.39999999991</v>
      </c>
      <c r="C39781" s="7">
        <f t="shared" si="621"/>
        <v>662.27039999999988</v>
      </c>
      <c r="I39781" s="1"/>
    </row>
    <row r="39782" spans="1:9" x14ac:dyDescent="0.25">
      <c r="A39782" s="3">
        <v>41678.462754629632</v>
      </c>
      <c r="B39782" s="6">
        <v>662287.04999999993</v>
      </c>
      <c r="C39782" s="7">
        <f t="shared" si="621"/>
        <v>662.28704999999991</v>
      </c>
      <c r="I39782" s="1"/>
    </row>
    <row r="39783" spans="1:9" x14ac:dyDescent="0.25">
      <c r="A39783" s="3">
        <v>41678.466516203705</v>
      </c>
      <c r="B39783" s="6">
        <v>662303.69999999995</v>
      </c>
      <c r="C39783" s="7">
        <f t="shared" si="621"/>
        <v>662.30369999999994</v>
      </c>
      <c r="I39783" s="1"/>
    </row>
    <row r="39784" spans="1:9" x14ac:dyDescent="0.25">
      <c r="A39784" s="3">
        <v>41678.466631944444</v>
      </c>
      <c r="B39784" s="6">
        <v>662320.35</v>
      </c>
      <c r="C39784" s="7">
        <f t="shared" si="621"/>
        <v>662.32034999999996</v>
      </c>
      <c r="I39784" s="1"/>
    </row>
    <row r="39785" spans="1:9" x14ac:dyDescent="0.25">
      <c r="A39785" s="3">
        <v>41678.472349537034</v>
      </c>
      <c r="B39785" s="6">
        <v>662337</v>
      </c>
      <c r="C39785" s="7">
        <f t="shared" si="621"/>
        <v>662.33699999999999</v>
      </c>
      <c r="I39785" s="1"/>
    </row>
    <row r="39786" spans="1:9" x14ac:dyDescent="0.25">
      <c r="A39786" s="3">
        <v>41678.472500000003</v>
      </c>
      <c r="B39786" s="6">
        <v>662353.64999999991</v>
      </c>
      <c r="C39786" s="7">
        <f t="shared" si="621"/>
        <v>662.3536499999999</v>
      </c>
      <c r="I39786" s="1"/>
    </row>
    <row r="39787" spans="1:9" x14ac:dyDescent="0.25">
      <c r="A39787" s="3">
        <v>41678.477430555555</v>
      </c>
      <c r="B39787" s="6">
        <v>662370.29999999993</v>
      </c>
      <c r="C39787" s="7">
        <f t="shared" si="621"/>
        <v>662.37029999999993</v>
      </c>
      <c r="I39787" s="1"/>
    </row>
    <row r="39788" spans="1:9" x14ac:dyDescent="0.25">
      <c r="A39788" s="3">
        <v>41678.477546296293</v>
      </c>
      <c r="B39788" s="6">
        <v>662386.94999999995</v>
      </c>
      <c r="C39788" s="7">
        <f t="shared" si="621"/>
        <v>662.38694999999996</v>
      </c>
      <c r="I39788" s="1"/>
    </row>
    <row r="39789" spans="1:9" x14ac:dyDescent="0.25">
      <c r="A39789" s="3">
        <v>41678.481168981481</v>
      </c>
      <c r="B39789" s="6">
        <v>662403.6</v>
      </c>
      <c r="C39789" s="7">
        <f t="shared" si="621"/>
        <v>662.40359999999998</v>
      </c>
      <c r="I39789" s="1"/>
    </row>
    <row r="39790" spans="1:9" x14ac:dyDescent="0.25">
      <c r="A39790" s="3">
        <v>41678.481307870374</v>
      </c>
      <c r="B39790" s="6">
        <v>662420.25</v>
      </c>
      <c r="C39790" s="7">
        <f t="shared" si="621"/>
        <v>662.42025000000001</v>
      </c>
      <c r="I39790" s="1"/>
    </row>
    <row r="39791" spans="1:9" x14ac:dyDescent="0.25">
      <c r="A39791" s="3">
        <v>41678.483101851853</v>
      </c>
      <c r="B39791" s="6">
        <v>662436.89999999991</v>
      </c>
      <c r="C39791" s="7">
        <f t="shared" si="621"/>
        <v>662.43689999999992</v>
      </c>
      <c r="I39791" s="1"/>
    </row>
    <row r="39792" spans="1:9" x14ac:dyDescent="0.25">
      <c r="A39792" s="3">
        <v>41678.483703703707</v>
      </c>
      <c r="B39792" s="6">
        <v>662453.54999999993</v>
      </c>
      <c r="C39792" s="7">
        <f t="shared" si="621"/>
        <v>662.45354999999995</v>
      </c>
      <c r="I39792" s="1"/>
    </row>
    <row r="39793" spans="1:9" x14ac:dyDescent="0.25">
      <c r="A39793" s="3">
        <v>41678.484837962962</v>
      </c>
      <c r="B39793" s="6">
        <v>662470.19999999995</v>
      </c>
      <c r="C39793" s="7">
        <f t="shared" si="621"/>
        <v>662.47019999999998</v>
      </c>
      <c r="I39793" s="1"/>
    </row>
    <row r="39794" spans="1:9" x14ac:dyDescent="0.25">
      <c r="A39794" s="3">
        <v>41678.484930555554</v>
      </c>
      <c r="B39794" s="6">
        <v>662486.85</v>
      </c>
      <c r="C39794" s="7">
        <f t="shared" si="621"/>
        <v>662.48685</v>
      </c>
      <c r="I39794" s="1"/>
    </row>
    <row r="39795" spans="1:9" x14ac:dyDescent="0.25">
      <c r="A39795" s="3">
        <v>41678.485706018517</v>
      </c>
      <c r="B39795" s="6">
        <v>662503.5</v>
      </c>
      <c r="C39795" s="7">
        <f t="shared" si="621"/>
        <v>662.50350000000003</v>
      </c>
      <c r="I39795" s="1"/>
    </row>
    <row r="39796" spans="1:9" x14ac:dyDescent="0.25">
      <c r="A39796" s="3">
        <v>41678.485879629632</v>
      </c>
      <c r="B39796" s="6">
        <v>662520.14999999991</v>
      </c>
      <c r="C39796" s="7">
        <f t="shared" si="621"/>
        <v>662.52014999999994</v>
      </c>
      <c r="I39796" s="1"/>
    </row>
    <row r="39797" spans="1:9" x14ac:dyDescent="0.25">
      <c r="A39797" s="3">
        <v>41678.492939814816</v>
      </c>
      <c r="B39797" s="6">
        <v>662536.79999999993</v>
      </c>
      <c r="C39797" s="7">
        <f t="shared" si="621"/>
        <v>662.53679999999997</v>
      </c>
      <c r="I39797" s="1"/>
    </row>
    <row r="39798" spans="1:9" x14ac:dyDescent="0.25">
      <c r="A39798" s="3">
        <v>41678.493379629632</v>
      </c>
      <c r="B39798" s="6">
        <v>662553.44999999995</v>
      </c>
      <c r="C39798" s="7">
        <f t="shared" si="621"/>
        <v>662.55345</v>
      </c>
      <c r="I39798" s="1"/>
    </row>
    <row r="39799" spans="1:9" x14ac:dyDescent="0.25">
      <c r="A39799" s="3">
        <v>41678.494988425926</v>
      </c>
      <c r="B39799" s="6">
        <v>662570.1</v>
      </c>
      <c r="C39799" s="7">
        <f t="shared" si="621"/>
        <v>662.57010000000002</v>
      </c>
      <c r="I39799" s="1"/>
    </row>
    <row r="39800" spans="1:9" x14ac:dyDescent="0.25">
      <c r="A39800" s="3">
        <v>41678.495069444441</v>
      </c>
      <c r="B39800" s="6">
        <v>662586.75</v>
      </c>
      <c r="C39800" s="7">
        <f t="shared" si="621"/>
        <v>662.58675000000005</v>
      </c>
      <c r="I39800" s="1"/>
    </row>
    <row r="39801" spans="1:9" x14ac:dyDescent="0.25">
      <c r="A39801" s="3">
        <v>41678.495671296296</v>
      </c>
      <c r="B39801" s="6">
        <v>662603.39999999991</v>
      </c>
      <c r="C39801" s="7">
        <f t="shared" si="621"/>
        <v>662.60339999999985</v>
      </c>
      <c r="I39801" s="1"/>
    </row>
    <row r="39802" spans="1:9" x14ac:dyDescent="0.25">
      <c r="A39802" s="3">
        <v>41678.495740740742</v>
      </c>
      <c r="B39802" s="6">
        <v>662620.04999999993</v>
      </c>
      <c r="C39802" s="7">
        <f t="shared" si="621"/>
        <v>662.62004999999988</v>
      </c>
      <c r="I39802" s="1"/>
    </row>
    <row r="39803" spans="1:9" x14ac:dyDescent="0.25">
      <c r="A39803" s="3">
        <v>41678.496620370373</v>
      </c>
      <c r="B39803" s="6">
        <v>662636.69999999995</v>
      </c>
      <c r="C39803" s="7">
        <f t="shared" si="621"/>
        <v>662.63669999999991</v>
      </c>
      <c r="I39803" s="1"/>
    </row>
    <row r="39804" spans="1:9" x14ac:dyDescent="0.25">
      <c r="A39804" s="3">
        <v>41678.496712962966</v>
      </c>
      <c r="B39804" s="6">
        <v>662653.35</v>
      </c>
      <c r="C39804" s="7">
        <f t="shared" si="621"/>
        <v>662.65334999999993</v>
      </c>
      <c r="I39804" s="1"/>
    </row>
    <row r="39805" spans="1:9" x14ac:dyDescent="0.25">
      <c r="A39805" s="3">
        <v>41678.499583333331</v>
      </c>
      <c r="B39805" s="6">
        <v>662670</v>
      </c>
      <c r="C39805" s="7">
        <f t="shared" si="621"/>
        <v>662.67</v>
      </c>
      <c r="I39805" s="1"/>
    </row>
    <row r="39806" spans="1:9" x14ac:dyDescent="0.25">
      <c r="A39806" s="3">
        <v>41678.4996875</v>
      </c>
      <c r="B39806" s="6">
        <v>662686.64999999991</v>
      </c>
      <c r="C39806" s="7">
        <f t="shared" si="621"/>
        <v>662.68664999999987</v>
      </c>
      <c r="I39806" s="1"/>
    </row>
    <row r="39807" spans="1:9" x14ac:dyDescent="0.25">
      <c r="A39807" s="3">
        <v>41678.50240740741</v>
      </c>
      <c r="B39807" s="6">
        <v>662703.29999999993</v>
      </c>
      <c r="C39807" s="7">
        <f t="shared" si="621"/>
        <v>662.7032999999999</v>
      </c>
      <c r="I39807" s="1"/>
    </row>
    <row r="39808" spans="1:9" x14ac:dyDescent="0.25">
      <c r="A39808" s="3">
        <v>41678.502662037034</v>
      </c>
      <c r="B39808" s="6">
        <v>662719.94999999995</v>
      </c>
      <c r="C39808" s="7">
        <f t="shared" si="621"/>
        <v>662.71994999999993</v>
      </c>
      <c r="I39808" s="1"/>
    </row>
    <row r="39809" spans="1:9" x14ac:dyDescent="0.25">
      <c r="A39809" s="3">
        <v>41678.507650462961</v>
      </c>
      <c r="B39809" s="6">
        <v>662736.6</v>
      </c>
      <c r="C39809" s="7">
        <f t="shared" si="621"/>
        <v>662.73659999999995</v>
      </c>
      <c r="I39809" s="1"/>
    </row>
    <row r="39810" spans="1:9" x14ac:dyDescent="0.25">
      <c r="A39810" s="3">
        <v>41678.507893518516</v>
      </c>
      <c r="B39810" s="6">
        <v>662753.25</v>
      </c>
      <c r="C39810" s="7">
        <f t="shared" si="621"/>
        <v>662.75324999999998</v>
      </c>
      <c r="I39810" s="1"/>
    </row>
    <row r="39811" spans="1:9" x14ac:dyDescent="0.25">
      <c r="A39811" s="3">
        <v>41678.510625000003</v>
      </c>
      <c r="B39811" s="6">
        <v>662769.89999999991</v>
      </c>
      <c r="C39811" s="7">
        <f t="shared" ref="C39811:C39874" si="622">B39811/1000</f>
        <v>662.76989999999989</v>
      </c>
      <c r="I39811" s="1"/>
    </row>
    <row r="39812" spans="1:9" x14ac:dyDescent="0.25">
      <c r="A39812" s="3">
        <v>41678.510763888888</v>
      </c>
      <c r="B39812" s="6">
        <v>662786.54999999993</v>
      </c>
      <c r="C39812" s="7">
        <f t="shared" si="622"/>
        <v>662.78654999999992</v>
      </c>
      <c r="I39812" s="1"/>
    </row>
    <row r="39813" spans="1:9" x14ac:dyDescent="0.25">
      <c r="A39813" s="3">
        <v>41678.512858796297</v>
      </c>
      <c r="B39813" s="6">
        <v>662803.19999999995</v>
      </c>
      <c r="C39813" s="7">
        <f t="shared" si="622"/>
        <v>662.80319999999995</v>
      </c>
      <c r="I39813" s="1"/>
    </row>
    <row r="39814" spans="1:9" x14ac:dyDescent="0.25">
      <c r="A39814" s="3">
        <v>41678.512986111113</v>
      </c>
      <c r="B39814" s="6">
        <v>662819.85</v>
      </c>
      <c r="C39814" s="7">
        <f t="shared" si="622"/>
        <v>662.81984999999997</v>
      </c>
      <c r="I39814" s="1"/>
    </row>
    <row r="39815" spans="1:9" x14ac:dyDescent="0.25">
      <c r="A39815" s="3">
        <v>41678.514120370368</v>
      </c>
      <c r="B39815" s="6">
        <v>662836.5</v>
      </c>
      <c r="C39815" s="7">
        <f t="shared" si="622"/>
        <v>662.8365</v>
      </c>
      <c r="I39815" s="1"/>
    </row>
    <row r="39816" spans="1:9" x14ac:dyDescent="0.25">
      <c r="A39816" s="3">
        <v>41678.51425925926</v>
      </c>
      <c r="B39816" s="6">
        <v>662853.14999999991</v>
      </c>
      <c r="C39816" s="7">
        <f t="shared" si="622"/>
        <v>662.85314999999991</v>
      </c>
      <c r="I39816" s="1"/>
    </row>
    <row r="39817" spans="1:9" x14ac:dyDescent="0.25">
      <c r="A39817" s="3">
        <v>41678.51767361111</v>
      </c>
      <c r="B39817" s="6">
        <v>662869.79999999993</v>
      </c>
      <c r="C39817" s="7">
        <f t="shared" si="622"/>
        <v>662.86979999999994</v>
      </c>
      <c r="I39817" s="1"/>
    </row>
    <row r="39818" spans="1:9" x14ac:dyDescent="0.25">
      <c r="A39818" s="3">
        <v>41678.517789351848</v>
      </c>
      <c r="B39818" s="6">
        <v>662886.44999999995</v>
      </c>
      <c r="C39818" s="7">
        <f t="shared" si="622"/>
        <v>662.88644999999997</v>
      </c>
      <c r="I39818" s="1"/>
    </row>
    <row r="39819" spans="1:9" x14ac:dyDescent="0.25">
      <c r="A39819" s="3">
        <v>41678.518773148149</v>
      </c>
      <c r="B39819" s="6">
        <v>662903.1</v>
      </c>
      <c r="C39819" s="7">
        <f t="shared" si="622"/>
        <v>662.90309999999999</v>
      </c>
      <c r="I39819" s="1"/>
    </row>
    <row r="39820" spans="1:9" x14ac:dyDescent="0.25">
      <c r="A39820" s="3">
        <v>41678.518935185188</v>
      </c>
      <c r="B39820" s="6">
        <v>662919.75</v>
      </c>
      <c r="C39820" s="7">
        <f t="shared" si="622"/>
        <v>662.91975000000002</v>
      </c>
      <c r="I39820" s="1"/>
    </row>
    <row r="39821" spans="1:9" x14ac:dyDescent="0.25">
      <c r="A39821" s="3">
        <v>41678.522303240738</v>
      </c>
      <c r="B39821" s="6">
        <v>662936.39999999991</v>
      </c>
      <c r="C39821" s="7">
        <f t="shared" si="622"/>
        <v>662.93639999999994</v>
      </c>
      <c r="I39821" s="1"/>
    </row>
    <row r="39822" spans="1:9" x14ac:dyDescent="0.25">
      <c r="A39822" s="3">
        <v>41678.522546296299</v>
      </c>
      <c r="B39822" s="6">
        <v>662953.04999999993</v>
      </c>
      <c r="C39822" s="7">
        <f t="shared" si="622"/>
        <v>662.95304999999996</v>
      </c>
      <c r="I39822" s="1"/>
    </row>
    <row r="39823" spans="1:9" x14ac:dyDescent="0.25">
      <c r="A39823" s="3">
        <v>41678.525381944448</v>
      </c>
      <c r="B39823" s="6">
        <v>662969.69999999995</v>
      </c>
      <c r="C39823" s="7">
        <f t="shared" si="622"/>
        <v>662.96969999999999</v>
      </c>
      <c r="I39823" s="1"/>
    </row>
    <row r="39824" spans="1:9" x14ac:dyDescent="0.25">
      <c r="A39824" s="3">
        <v>41678.525451388887</v>
      </c>
      <c r="B39824" s="6">
        <v>662986.35</v>
      </c>
      <c r="C39824" s="7">
        <f t="shared" si="622"/>
        <v>662.98635000000002</v>
      </c>
      <c r="I39824" s="1"/>
    </row>
    <row r="39825" spans="1:9" x14ac:dyDescent="0.25">
      <c r="A39825" s="3">
        <v>41678.526469907411</v>
      </c>
      <c r="B39825" s="6">
        <v>663003</v>
      </c>
      <c r="C39825" s="7">
        <f t="shared" si="622"/>
        <v>663.00300000000004</v>
      </c>
      <c r="I39825" s="1"/>
    </row>
    <row r="39826" spans="1:9" x14ac:dyDescent="0.25">
      <c r="A39826" s="3">
        <v>41678.52715277778</v>
      </c>
      <c r="B39826" s="6">
        <v>663019.64999999991</v>
      </c>
      <c r="C39826" s="7">
        <f t="shared" si="622"/>
        <v>663.01964999999996</v>
      </c>
      <c r="I39826" s="1"/>
    </row>
    <row r="39827" spans="1:9" x14ac:dyDescent="0.25">
      <c r="A39827" s="3">
        <v>41678.533750000002</v>
      </c>
      <c r="B39827" s="6">
        <v>663036.29999999993</v>
      </c>
      <c r="C39827" s="7">
        <f t="shared" si="622"/>
        <v>663.03629999999998</v>
      </c>
      <c r="I39827" s="1"/>
    </row>
    <row r="39828" spans="1:9" x14ac:dyDescent="0.25">
      <c r="A39828" s="3">
        <v>41678.533831018518</v>
      </c>
      <c r="B39828" s="6">
        <v>663052.94999999995</v>
      </c>
      <c r="C39828" s="7">
        <f t="shared" si="622"/>
        <v>663.05295000000001</v>
      </c>
      <c r="I39828" s="1"/>
    </row>
    <row r="39829" spans="1:9" x14ac:dyDescent="0.25">
      <c r="A39829" s="3">
        <v>41678.536296296297</v>
      </c>
      <c r="B39829" s="6">
        <v>663069.6</v>
      </c>
      <c r="C39829" s="7">
        <f t="shared" si="622"/>
        <v>663.06959999999992</v>
      </c>
      <c r="I39829" s="1"/>
    </row>
    <row r="39830" spans="1:9" x14ac:dyDescent="0.25">
      <c r="A39830" s="3">
        <v>41678.536469907405</v>
      </c>
      <c r="B39830" s="6">
        <v>663086.25</v>
      </c>
      <c r="C39830" s="7">
        <f t="shared" si="622"/>
        <v>663.08624999999995</v>
      </c>
      <c r="I39830" s="1"/>
    </row>
    <row r="39831" spans="1:9" x14ac:dyDescent="0.25">
      <c r="A39831" s="3">
        <v>41678.537349537037</v>
      </c>
      <c r="B39831" s="6">
        <v>663102.89999999991</v>
      </c>
      <c r="C39831" s="7">
        <f t="shared" si="622"/>
        <v>663.10289999999986</v>
      </c>
      <c r="I39831" s="1"/>
    </row>
    <row r="39832" spans="1:9" x14ac:dyDescent="0.25">
      <c r="A39832" s="3">
        <v>41678.537442129629</v>
      </c>
      <c r="B39832" s="6">
        <v>663119.54999999993</v>
      </c>
      <c r="C39832" s="7">
        <f t="shared" si="622"/>
        <v>663.11954999999989</v>
      </c>
      <c r="I39832" s="1"/>
    </row>
    <row r="39833" spans="1:9" x14ac:dyDescent="0.25">
      <c r="A39833" s="3">
        <v>41678.539722222224</v>
      </c>
      <c r="B39833" s="6">
        <v>663136.19999999995</v>
      </c>
      <c r="C39833" s="7">
        <f t="shared" si="622"/>
        <v>663.13619999999992</v>
      </c>
      <c r="I39833" s="1"/>
    </row>
    <row r="39834" spans="1:9" x14ac:dyDescent="0.25">
      <c r="A39834" s="3">
        <v>41678.540347222224</v>
      </c>
      <c r="B39834" s="6">
        <v>663152.85</v>
      </c>
      <c r="C39834" s="7">
        <f t="shared" si="622"/>
        <v>663.15284999999994</v>
      </c>
      <c r="I39834" s="1"/>
    </row>
    <row r="39835" spans="1:9" x14ac:dyDescent="0.25">
      <c r="A39835" s="3">
        <v>41678.540937500002</v>
      </c>
      <c r="B39835" s="6">
        <v>663169.5</v>
      </c>
      <c r="C39835" s="7">
        <f t="shared" si="622"/>
        <v>663.16949999999997</v>
      </c>
      <c r="I39835" s="1"/>
    </row>
    <row r="39836" spans="1:9" x14ac:dyDescent="0.25">
      <c r="A39836" s="3">
        <v>41678.540995370371</v>
      </c>
      <c r="B39836" s="6">
        <v>663186.14999999991</v>
      </c>
      <c r="C39836" s="7">
        <f t="shared" si="622"/>
        <v>663.18614999999988</v>
      </c>
      <c r="I39836" s="1"/>
    </row>
    <row r="39837" spans="1:9" x14ac:dyDescent="0.25">
      <c r="A39837" s="3">
        <v>41678.541608796295</v>
      </c>
      <c r="B39837" s="6">
        <v>663202.79999999993</v>
      </c>
      <c r="C39837" s="7">
        <f t="shared" si="622"/>
        <v>663.20279999999991</v>
      </c>
      <c r="I39837" s="1"/>
    </row>
    <row r="39838" spans="1:9" x14ac:dyDescent="0.25">
      <c r="A39838" s="3">
        <v>41678.541689814818</v>
      </c>
      <c r="B39838" s="6">
        <v>663219.44999999995</v>
      </c>
      <c r="C39838" s="7">
        <f t="shared" si="622"/>
        <v>663.21944999999994</v>
      </c>
      <c r="I39838" s="1"/>
    </row>
    <row r="39839" spans="1:9" x14ac:dyDescent="0.25">
      <c r="A39839" s="3">
        <v>41678.544930555552</v>
      </c>
      <c r="B39839" s="6">
        <v>663236.1</v>
      </c>
      <c r="C39839" s="7">
        <f t="shared" si="622"/>
        <v>663.23609999999996</v>
      </c>
      <c r="I39839" s="1"/>
    </row>
    <row r="39840" spans="1:9" x14ac:dyDescent="0.25">
      <c r="A39840" s="3">
        <v>41678.545127314814</v>
      </c>
      <c r="B39840" s="6">
        <v>663252.75</v>
      </c>
      <c r="C39840" s="7">
        <f t="shared" si="622"/>
        <v>663.25274999999999</v>
      </c>
      <c r="I39840" s="1"/>
    </row>
    <row r="39841" spans="1:9" x14ac:dyDescent="0.25">
      <c r="A39841" s="3">
        <v>41678.547164351854</v>
      </c>
      <c r="B39841" s="6">
        <v>663269.39999999991</v>
      </c>
      <c r="C39841" s="7">
        <f t="shared" si="622"/>
        <v>663.26939999999991</v>
      </c>
      <c r="I39841" s="1"/>
    </row>
    <row r="39842" spans="1:9" x14ac:dyDescent="0.25">
      <c r="A39842" s="3">
        <v>41678.547326388885</v>
      </c>
      <c r="B39842" s="6">
        <v>663286.04999999993</v>
      </c>
      <c r="C39842" s="7">
        <f t="shared" si="622"/>
        <v>663.28604999999993</v>
      </c>
      <c r="I39842" s="1"/>
    </row>
    <row r="39843" spans="1:9" x14ac:dyDescent="0.25">
      <c r="A39843" s="3">
        <v>41678.552395833336</v>
      </c>
      <c r="B39843" s="6">
        <v>663302.69999999995</v>
      </c>
      <c r="C39843" s="7">
        <f t="shared" si="622"/>
        <v>663.30269999999996</v>
      </c>
      <c r="I39843" s="1"/>
    </row>
    <row r="39844" spans="1:9" x14ac:dyDescent="0.25">
      <c r="A39844" s="3">
        <v>41678.552673611113</v>
      </c>
      <c r="B39844" s="6">
        <v>663319.35</v>
      </c>
      <c r="C39844" s="7">
        <f t="shared" si="622"/>
        <v>663.31934999999999</v>
      </c>
      <c r="I39844" s="1"/>
    </row>
    <row r="39845" spans="1:9" x14ac:dyDescent="0.25">
      <c r="A39845" s="3">
        <v>41678.553715277776</v>
      </c>
      <c r="B39845" s="6">
        <v>663336</v>
      </c>
      <c r="C39845" s="7">
        <f t="shared" si="622"/>
        <v>663.33600000000001</v>
      </c>
      <c r="I39845" s="1"/>
    </row>
    <row r="39846" spans="1:9" x14ac:dyDescent="0.25">
      <c r="A39846" s="3">
        <v>41678.553761574076</v>
      </c>
      <c r="B39846" s="6">
        <v>663352.64999999991</v>
      </c>
      <c r="C39846" s="7">
        <f t="shared" si="622"/>
        <v>663.35264999999993</v>
      </c>
      <c r="I39846" s="1"/>
    </row>
    <row r="39847" spans="1:9" x14ac:dyDescent="0.25">
      <c r="A39847" s="3">
        <v>41678.554259259261</v>
      </c>
      <c r="B39847" s="6">
        <v>663369.29999999993</v>
      </c>
      <c r="C39847" s="7">
        <f t="shared" si="622"/>
        <v>663.36929999999995</v>
      </c>
      <c r="I39847" s="1"/>
    </row>
    <row r="39848" spans="1:9" x14ac:dyDescent="0.25">
      <c r="A39848" s="3">
        <v>41678.554351851853</v>
      </c>
      <c r="B39848" s="6">
        <v>663385.94999999995</v>
      </c>
      <c r="C39848" s="7">
        <f t="shared" si="622"/>
        <v>663.38594999999998</v>
      </c>
      <c r="I39848" s="1"/>
    </row>
    <row r="39849" spans="1:9" x14ac:dyDescent="0.25">
      <c r="A39849" s="3">
        <v>41678.555023148147</v>
      </c>
      <c r="B39849" s="6">
        <v>663402.6</v>
      </c>
      <c r="C39849" s="7">
        <f t="shared" si="622"/>
        <v>663.40260000000001</v>
      </c>
      <c r="I39849" s="1"/>
    </row>
    <row r="39850" spans="1:9" x14ac:dyDescent="0.25">
      <c r="A39850" s="3">
        <v>41678.555092592593</v>
      </c>
      <c r="B39850" s="6">
        <v>663419.25</v>
      </c>
      <c r="C39850" s="7">
        <f t="shared" si="622"/>
        <v>663.41925000000003</v>
      </c>
      <c r="I39850" s="1"/>
    </row>
    <row r="39851" spans="1:9" x14ac:dyDescent="0.25">
      <c r="A39851" s="3">
        <v>41678.556944444441</v>
      </c>
      <c r="B39851" s="6">
        <v>663435.89999999991</v>
      </c>
      <c r="C39851" s="7">
        <f t="shared" si="622"/>
        <v>663.43589999999995</v>
      </c>
      <c r="I39851" s="1"/>
    </row>
    <row r="39852" spans="1:9" x14ac:dyDescent="0.25">
      <c r="A39852" s="3">
        <v>41678.55709490741</v>
      </c>
      <c r="B39852" s="6">
        <v>663452.54999999993</v>
      </c>
      <c r="C39852" s="7">
        <f t="shared" si="622"/>
        <v>663.45254999999997</v>
      </c>
      <c r="I39852" s="1"/>
    </row>
    <row r="39853" spans="1:9" x14ac:dyDescent="0.25">
      <c r="A39853" s="3">
        <v>41678.561319444445</v>
      </c>
      <c r="B39853" s="6">
        <v>663469.19999999995</v>
      </c>
      <c r="C39853" s="7">
        <f t="shared" si="622"/>
        <v>663.4692</v>
      </c>
      <c r="I39853" s="1"/>
    </row>
    <row r="39854" spans="1:9" x14ac:dyDescent="0.25">
      <c r="A39854" s="3">
        <v>41678.561585648145</v>
      </c>
      <c r="B39854" s="6">
        <v>663485.85</v>
      </c>
      <c r="C39854" s="7">
        <f t="shared" si="622"/>
        <v>663.48585000000003</v>
      </c>
      <c r="I39854" s="1"/>
    </row>
    <row r="39855" spans="1:9" x14ac:dyDescent="0.25">
      <c r="A39855" s="3">
        <v>41678.563078703701</v>
      </c>
      <c r="B39855" s="6">
        <v>663502.5</v>
      </c>
      <c r="C39855" s="7">
        <f t="shared" si="622"/>
        <v>663.50250000000005</v>
      </c>
      <c r="I39855" s="1"/>
    </row>
    <row r="39856" spans="1:9" x14ac:dyDescent="0.25">
      <c r="A39856" s="3">
        <v>41678.56318287037</v>
      </c>
      <c r="B39856" s="6">
        <v>663519.14999999991</v>
      </c>
      <c r="C39856" s="7">
        <f t="shared" si="622"/>
        <v>663.51914999999985</v>
      </c>
      <c r="I39856" s="1"/>
    </row>
    <row r="39857" spans="1:9" x14ac:dyDescent="0.25">
      <c r="A39857" s="3">
        <v>41678.56417824074</v>
      </c>
      <c r="B39857" s="6">
        <v>663535.79999999993</v>
      </c>
      <c r="C39857" s="7">
        <f t="shared" si="622"/>
        <v>663.53579999999988</v>
      </c>
      <c r="I39857" s="1"/>
    </row>
    <row r="39858" spans="1:9" x14ac:dyDescent="0.25">
      <c r="A39858" s="3">
        <v>41678.56422453704</v>
      </c>
      <c r="B39858" s="6">
        <v>663552.44999999995</v>
      </c>
      <c r="C39858" s="7">
        <f t="shared" si="622"/>
        <v>663.55244999999991</v>
      </c>
      <c r="I39858" s="1"/>
    </row>
    <row r="39859" spans="1:9" x14ac:dyDescent="0.25">
      <c r="A39859" s="3">
        <v>41678.566921296297</v>
      </c>
      <c r="B39859" s="6">
        <v>663569.1</v>
      </c>
      <c r="C39859" s="7">
        <f t="shared" si="622"/>
        <v>663.56909999999993</v>
      </c>
      <c r="I39859" s="1"/>
    </row>
    <row r="39860" spans="1:9" x14ac:dyDescent="0.25">
      <c r="A39860" s="3">
        <v>41678.567071759258</v>
      </c>
      <c r="B39860" s="6">
        <v>663585.75</v>
      </c>
      <c r="C39860" s="7">
        <f t="shared" si="622"/>
        <v>663.58574999999996</v>
      </c>
      <c r="I39860" s="1"/>
    </row>
    <row r="39861" spans="1:9" x14ac:dyDescent="0.25">
      <c r="A39861" s="3">
        <v>41678.568611111114</v>
      </c>
      <c r="B39861" s="6">
        <v>663602.39999999991</v>
      </c>
      <c r="C39861" s="7">
        <f t="shared" si="622"/>
        <v>663.60239999999988</v>
      </c>
      <c r="I39861" s="1"/>
    </row>
    <row r="39862" spans="1:9" x14ac:dyDescent="0.25">
      <c r="A39862" s="3">
        <v>41678.568749999999</v>
      </c>
      <c r="B39862" s="6">
        <v>663619.04999999993</v>
      </c>
      <c r="C39862" s="7">
        <f t="shared" si="622"/>
        <v>663.6190499999999</v>
      </c>
      <c r="I39862" s="1"/>
    </row>
    <row r="39863" spans="1:9" x14ac:dyDescent="0.25">
      <c r="A39863" s="3">
        <v>41678.57230324074</v>
      </c>
      <c r="B39863" s="6">
        <v>663635.69999999995</v>
      </c>
      <c r="C39863" s="7">
        <f t="shared" si="622"/>
        <v>663.63569999999993</v>
      </c>
      <c r="I39863" s="1"/>
    </row>
    <row r="39864" spans="1:9" x14ac:dyDescent="0.25">
      <c r="A39864" s="3">
        <v>41678.572395833333</v>
      </c>
      <c r="B39864" s="6">
        <v>663652.35</v>
      </c>
      <c r="C39864" s="7">
        <f t="shared" si="622"/>
        <v>663.65234999999996</v>
      </c>
      <c r="I39864" s="1"/>
    </row>
    <row r="39865" spans="1:9" x14ac:dyDescent="0.25">
      <c r="A39865" s="3">
        <v>41678.573333333334</v>
      </c>
      <c r="B39865" s="6">
        <v>663669</v>
      </c>
      <c r="C39865" s="7">
        <f t="shared" si="622"/>
        <v>663.66899999999998</v>
      </c>
      <c r="I39865" s="1"/>
    </row>
    <row r="39866" spans="1:9" x14ac:dyDescent="0.25">
      <c r="A39866" s="3">
        <v>41678.573634259257</v>
      </c>
      <c r="B39866" s="6">
        <v>663685.64999999991</v>
      </c>
      <c r="C39866" s="7">
        <f t="shared" si="622"/>
        <v>663.6856499999999</v>
      </c>
      <c r="I39866" s="1"/>
    </row>
    <row r="39867" spans="1:9" x14ac:dyDescent="0.25">
      <c r="A39867" s="3">
        <v>41678.574942129628</v>
      </c>
      <c r="B39867" s="6">
        <v>663702.29999999993</v>
      </c>
      <c r="C39867" s="7">
        <f t="shared" si="622"/>
        <v>663.70229999999992</v>
      </c>
      <c r="I39867" s="1"/>
    </row>
    <row r="39868" spans="1:9" x14ac:dyDescent="0.25">
      <c r="A39868" s="3">
        <v>41678.575312499997</v>
      </c>
      <c r="B39868" s="6">
        <v>663718.94999999995</v>
      </c>
      <c r="C39868" s="7">
        <f t="shared" si="622"/>
        <v>663.71894999999995</v>
      </c>
      <c r="I39868" s="1"/>
    </row>
    <row r="39869" spans="1:9" x14ac:dyDescent="0.25">
      <c r="A39869" s="3">
        <v>41678.577048611114</v>
      </c>
      <c r="B39869" s="6">
        <v>663735.6</v>
      </c>
      <c r="C39869" s="7">
        <f t="shared" si="622"/>
        <v>663.73559999999998</v>
      </c>
      <c r="I39869" s="1"/>
    </row>
    <row r="39870" spans="1:9" x14ac:dyDescent="0.25">
      <c r="A39870" s="3">
        <v>41678.577175925922</v>
      </c>
      <c r="B39870" s="6">
        <v>663752.25</v>
      </c>
      <c r="C39870" s="7">
        <f t="shared" si="622"/>
        <v>663.75225</v>
      </c>
      <c r="I39870" s="1"/>
    </row>
    <row r="39871" spans="1:9" x14ac:dyDescent="0.25">
      <c r="A39871" s="3">
        <v>41678.578425925924</v>
      </c>
      <c r="B39871" s="6">
        <v>663768.89999999991</v>
      </c>
      <c r="C39871" s="7">
        <f t="shared" si="622"/>
        <v>663.76889999999992</v>
      </c>
      <c r="I39871" s="1"/>
    </row>
    <row r="39872" spans="1:9" x14ac:dyDescent="0.25">
      <c r="A39872" s="3">
        <v>41678.578726851854</v>
      </c>
      <c r="B39872" s="6">
        <v>663785.54999999993</v>
      </c>
      <c r="C39872" s="7">
        <f t="shared" si="622"/>
        <v>663.78554999999994</v>
      </c>
      <c r="I39872" s="1"/>
    </row>
    <row r="39873" spans="1:9" x14ac:dyDescent="0.25">
      <c r="A39873" s="3">
        <v>41678.579953703702</v>
      </c>
      <c r="B39873" s="6">
        <v>663802.19999999995</v>
      </c>
      <c r="C39873" s="7">
        <f t="shared" si="622"/>
        <v>663.80219999999997</v>
      </c>
      <c r="I39873" s="1"/>
    </row>
    <row r="39874" spans="1:9" x14ac:dyDescent="0.25">
      <c r="A39874" s="3">
        <v>41678.580474537041</v>
      </c>
      <c r="B39874" s="6">
        <v>663818.85</v>
      </c>
      <c r="C39874" s="7">
        <f t="shared" si="622"/>
        <v>663.81885</v>
      </c>
      <c r="I39874" s="1"/>
    </row>
    <row r="39875" spans="1:9" x14ac:dyDescent="0.25">
      <c r="A39875" s="3">
        <v>41678.582546296297</v>
      </c>
      <c r="B39875" s="6">
        <v>663835.5</v>
      </c>
      <c r="C39875" s="7">
        <f t="shared" ref="C39875:C39938" si="623">B39875/1000</f>
        <v>663.83550000000002</v>
      </c>
      <c r="I39875" s="1"/>
    </row>
    <row r="39876" spans="1:9" x14ac:dyDescent="0.25">
      <c r="A39876" s="3">
        <v>41678.582685185182</v>
      </c>
      <c r="B39876" s="6">
        <v>663852.14999999991</v>
      </c>
      <c r="C39876" s="7">
        <f t="shared" si="623"/>
        <v>663.85214999999994</v>
      </c>
      <c r="I39876" s="1"/>
    </row>
    <row r="39877" spans="1:9" x14ac:dyDescent="0.25">
      <c r="A39877" s="3">
        <v>41678.585057870368</v>
      </c>
      <c r="B39877" s="6">
        <v>663868.79999999993</v>
      </c>
      <c r="C39877" s="7">
        <f t="shared" si="623"/>
        <v>663.86879999999996</v>
      </c>
      <c r="I39877" s="1"/>
    </row>
    <row r="39878" spans="1:9" x14ac:dyDescent="0.25">
      <c r="A39878" s="3">
        <v>41678.585173611114</v>
      </c>
      <c r="B39878" s="6">
        <v>663885.44999999995</v>
      </c>
      <c r="C39878" s="7">
        <f t="shared" si="623"/>
        <v>663.88544999999999</v>
      </c>
      <c r="I39878" s="1"/>
    </row>
    <row r="39879" spans="1:9" x14ac:dyDescent="0.25">
      <c r="A39879" s="3">
        <v>41678.586689814816</v>
      </c>
      <c r="B39879" s="6">
        <v>663902.1</v>
      </c>
      <c r="C39879" s="7">
        <f t="shared" si="623"/>
        <v>663.90210000000002</v>
      </c>
      <c r="I39879" s="1"/>
    </row>
    <row r="39880" spans="1:9" x14ac:dyDescent="0.25">
      <c r="A39880" s="3">
        <v>41678.586967592593</v>
      </c>
      <c r="B39880" s="6">
        <v>663918.75</v>
      </c>
      <c r="C39880" s="7">
        <f t="shared" si="623"/>
        <v>663.91875000000005</v>
      </c>
      <c r="I39880" s="1"/>
    </row>
    <row r="39881" spans="1:9" x14ac:dyDescent="0.25">
      <c r="A39881" s="3">
        <v>41678.59033564815</v>
      </c>
      <c r="B39881" s="6">
        <v>663935.39999999991</v>
      </c>
      <c r="C39881" s="7">
        <f t="shared" si="623"/>
        <v>663.93539999999996</v>
      </c>
      <c r="I39881" s="1"/>
    </row>
    <row r="39882" spans="1:9" x14ac:dyDescent="0.25">
      <c r="A39882" s="3">
        <v>41678.590451388889</v>
      </c>
      <c r="B39882" s="6">
        <v>663952.04999999993</v>
      </c>
      <c r="C39882" s="7">
        <f t="shared" si="623"/>
        <v>663.95204999999999</v>
      </c>
      <c r="I39882" s="1"/>
    </row>
    <row r="39883" spans="1:9" x14ac:dyDescent="0.25">
      <c r="A39883" s="3">
        <v>41678.591516203705</v>
      </c>
      <c r="B39883" s="6">
        <v>663968.69999999995</v>
      </c>
      <c r="C39883" s="7">
        <f t="shared" si="623"/>
        <v>663.9686999999999</v>
      </c>
      <c r="I39883" s="1"/>
    </row>
    <row r="39884" spans="1:9" x14ac:dyDescent="0.25">
      <c r="A39884" s="3">
        <v>41678.591840277775</v>
      </c>
      <c r="B39884" s="6">
        <v>663985.35</v>
      </c>
      <c r="C39884" s="7">
        <f t="shared" si="623"/>
        <v>663.98534999999993</v>
      </c>
      <c r="I39884" s="1"/>
    </row>
    <row r="39885" spans="1:9" x14ac:dyDescent="0.25">
      <c r="A39885" s="3">
        <v>41678.593969907408</v>
      </c>
      <c r="B39885" s="6">
        <v>664002</v>
      </c>
      <c r="C39885" s="7">
        <f t="shared" si="623"/>
        <v>664.00199999999995</v>
      </c>
      <c r="I39885" s="1"/>
    </row>
    <row r="39886" spans="1:9" x14ac:dyDescent="0.25">
      <c r="A39886" s="3">
        <v>41678.594050925924</v>
      </c>
      <c r="B39886" s="6">
        <v>664018.64999999991</v>
      </c>
      <c r="C39886" s="7">
        <f t="shared" si="623"/>
        <v>664.01864999999987</v>
      </c>
      <c r="I39886" s="1"/>
    </row>
    <row r="39887" spans="1:9" x14ac:dyDescent="0.25">
      <c r="A39887" s="3">
        <v>41678.595104166663</v>
      </c>
      <c r="B39887" s="6">
        <v>664035.29999999993</v>
      </c>
      <c r="C39887" s="7">
        <f t="shared" si="623"/>
        <v>664.03529999999989</v>
      </c>
      <c r="I39887" s="1"/>
    </row>
    <row r="39888" spans="1:9" x14ac:dyDescent="0.25">
      <c r="A39888" s="3">
        <v>41678.595277777778</v>
      </c>
      <c r="B39888" s="6">
        <v>664051.94999999995</v>
      </c>
      <c r="C39888" s="7">
        <f t="shared" si="623"/>
        <v>664.05194999999992</v>
      </c>
      <c r="I39888" s="1"/>
    </row>
    <row r="39889" spans="1:9" x14ac:dyDescent="0.25">
      <c r="A39889" s="3">
        <v>41678.597245370373</v>
      </c>
      <c r="B39889" s="6">
        <v>664068.6</v>
      </c>
      <c r="C39889" s="7">
        <f t="shared" si="623"/>
        <v>664.06859999999995</v>
      </c>
      <c r="I39889" s="1"/>
    </row>
    <row r="39890" spans="1:9" x14ac:dyDescent="0.25">
      <c r="A39890" s="3">
        <v>41678.59747685185</v>
      </c>
      <c r="B39890" s="6">
        <v>664085.25</v>
      </c>
      <c r="C39890" s="7">
        <f t="shared" si="623"/>
        <v>664.08524999999997</v>
      </c>
      <c r="I39890" s="1"/>
    </row>
    <row r="39891" spans="1:9" x14ac:dyDescent="0.25">
      <c r="A39891" s="3">
        <v>41678.600057870368</v>
      </c>
      <c r="B39891" s="6">
        <v>664101.89999999991</v>
      </c>
      <c r="C39891" s="7">
        <f t="shared" si="623"/>
        <v>664.10189999999989</v>
      </c>
      <c r="I39891" s="1"/>
    </row>
    <row r="39892" spans="1:9" x14ac:dyDescent="0.25">
      <c r="A39892" s="3">
        <v>41678.600173611114</v>
      </c>
      <c r="B39892" s="6">
        <v>664118.54999999993</v>
      </c>
      <c r="C39892" s="7">
        <f t="shared" si="623"/>
        <v>664.11854999999991</v>
      </c>
      <c r="I39892" s="1"/>
    </row>
    <row r="39893" spans="1:9" x14ac:dyDescent="0.25">
      <c r="A39893" s="3">
        <v>41678.60261574074</v>
      </c>
      <c r="B39893" s="6">
        <v>664135.19999999995</v>
      </c>
      <c r="C39893" s="7">
        <f t="shared" si="623"/>
        <v>664.13519999999994</v>
      </c>
      <c r="I39893" s="1"/>
    </row>
    <row r="39894" spans="1:9" x14ac:dyDescent="0.25">
      <c r="A39894" s="3">
        <v>41678.602708333332</v>
      </c>
      <c r="B39894" s="6">
        <v>664151.85</v>
      </c>
      <c r="C39894" s="7">
        <f t="shared" si="623"/>
        <v>664.15184999999997</v>
      </c>
      <c r="I39894" s="1"/>
    </row>
    <row r="39895" spans="1:9" x14ac:dyDescent="0.25">
      <c r="A39895" s="3">
        <v>41678.60428240741</v>
      </c>
      <c r="B39895" s="6">
        <v>664168.5</v>
      </c>
      <c r="C39895" s="7">
        <f t="shared" si="623"/>
        <v>664.16849999999999</v>
      </c>
      <c r="I39895" s="1"/>
    </row>
    <row r="39896" spans="1:9" x14ac:dyDescent="0.25">
      <c r="A39896" s="3">
        <v>41678.606631944444</v>
      </c>
      <c r="B39896" s="6">
        <v>664185.14999999991</v>
      </c>
      <c r="C39896" s="7">
        <f t="shared" si="623"/>
        <v>664.18514999999991</v>
      </c>
      <c r="I39896" s="1"/>
    </row>
    <row r="39897" spans="1:9" x14ac:dyDescent="0.25">
      <c r="A39897" s="3">
        <v>41678.607951388891</v>
      </c>
      <c r="B39897" s="6">
        <v>664201.79999999993</v>
      </c>
      <c r="C39897" s="7">
        <f t="shared" si="623"/>
        <v>664.20179999999993</v>
      </c>
      <c r="I39897" s="1"/>
    </row>
    <row r="39898" spans="1:9" x14ac:dyDescent="0.25">
      <c r="A39898" s="3">
        <v>41678.608252314814</v>
      </c>
      <c r="B39898" s="6">
        <v>664218.44999999995</v>
      </c>
      <c r="C39898" s="7">
        <f t="shared" si="623"/>
        <v>664.21844999999996</v>
      </c>
      <c r="I39898" s="1"/>
    </row>
    <row r="39899" spans="1:9" x14ac:dyDescent="0.25">
      <c r="A39899" s="3">
        <v>41678.610960648148</v>
      </c>
      <c r="B39899" s="6">
        <v>664235.1</v>
      </c>
      <c r="C39899" s="7">
        <f t="shared" si="623"/>
        <v>664.23509999999999</v>
      </c>
      <c r="I39899" s="1"/>
    </row>
    <row r="39900" spans="1:9" x14ac:dyDescent="0.25">
      <c r="A39900" s="3">
        <v>41678.611122685186</v>
      </c>
      <c r="B39900" s="6">
        <v>664251.75</v>
      </c>
      <c r="C39900" s="7">
        <f t="shared" si="623"/>
        <v>664.25175000000002</v>
      </c>
      <c r="I39900" s="1"/>
    </row>
    <row r="39901" spans="1:9" x14ac:dyDescent="0.25">
      <c r="A39901" s="3">
        <v>41678.613634259258</v>
      </c>
      <c r="B39901" s="6">
        <v>664268.39999999991</v>
      </c>
      <c r="C39901" s="7">
        <f t="shared" si="623"/>
        <v>664.26839999999993</v>
      </c>
      <c r="I39901" s="1"/>
    </row>
    <row r="39902" spans="1:9" x14ac:dyDescent="0.25">
      <c r="A39902" s="3">
        <v>41678.61377314815</v>
      </c>
      <c r="B39902" s="6">
        <v>664285.04999999993</v>
      </c>
      <c r="C39902" s="7">
        <f t="shared" si="623"/>
        <v>664.28504999999996</v>
      </c>
      <c r="I39902" s="1"/>
    </row>
    <row r="39903" spans="1:9" x14ac:dyDescent="0.25">
      <c r="A39903" s="3">
        <v>41678.616412037038</v>
      </c>
      <c r="B39903" s="6">
        <v>664301.69999999995</v>
      </c>
      <c r="C39903" s="7">
        <f t="shared" si="623"/>
        <v>664.30169999999998</v>
      </c>
      <c r="I39903" s="1"/>
    </row>
    <row r="39904" spans="1:9" x14ac:dyDescent="0.25">
      <c r="A39904" s="3">
        <v>41678.616481481484</v>
      </c>
      <c r="B39904" s="6">
        <v>664318.35</v>
      </c>
      <c r="C39904" s="7">
        <f t="shared" si="623"/>
        <v>664.31835000000001</v>
      </c>
      <c r="I39904" s="1"/>
    </row>
    <row r="39905" spans="1:9" x14ac:dyDescent="0.25">
      <c r="A39905" s="3">
        <v>41678.618125000001</v>
      </c>
      <c r="B39905" s="6">
        <v>664335</v>
      </c>
      <c r="C39905" s="7">
        <f t="shared" si="623"/>
        <v>664.33500000000004</v>
      </c>
      <c r="I39905" s="1"/>
    </row>
    <row r="39906" spans="1:9" x14ac:dyDescent="0.25">
      <c r="A39906" s="3">
        <v>41678.618194444447</v>
      </c>
      <c r="B39906" s="6">
        <v>664351.64999999991</v>
      </c>
      <c r="C39906" s="7">
        <f t="shared" si="623"/>
        <v>664.35164999999995</v>
      </c>
      <c r="I39906" s="1"/>
    </row>
    <row r="39907" spans="1:9" x14ac:dyDescent="0.25">
      <c r="A39907" s="3">
        <v>41678.621145833335</v>
      </c>
      <c r="B39907" s="6">
        <v>664368.29999999993</v>
      </c>
      <c r="C39907" s="7">
        <f t="shared" si="623"/>
        <v>664.36829999999998</v>
      </c>
      <c r="I39907" s="1"/>
    </row>
    <row r="39908" spans="1:9" x14ac:dyDescent="0.25">
      <c r="A39908" s="3">
        <v>41678.621238425927</v>
      </c>
      <c r="B39908" s="6">
        <v>664384.94999999995</v>
      </c>
      <c r="C39908" s="7">
        <f t="shared" si="623"/>
        <v>664.38495</v>
      </c>
      <c r="I39908" s="1"/>
    </row>
    <row r="39909" spans="1:9" x14ac:dyDescent="0.25">
      <c r="A39909" s="3">
        <v>41678.623541666668</v>
      </c>
      <c r="B39909" s="6">
        <v>664401.6</v>
      </c>
      <c r="C39909" s="7">
        <f t="shared" si="623"/>
        <v>664.40160000000003</v>
      </c>
      <c r="I39909" s="1"/>
    </row>
    <row r="39910" spans="1:9" x14ac:dyDescent="0.25">
      <c r="A39910" s="3">
        <v>41678.623692129629</v>
      </c>
      <c r="B39910" s="6">
        <v>664418.25</v>
      </c>
      <c r="C39910" s="7">
        <f t="shared" si="623"/>
        <v>664.41824999999994</v>
      </c>
      <c r="I39910" s="1"/>
    </row>
    <row r="39911" spans="1:9" x14ac:dyDescent="0.25">
      <c r="A39911" s="3">
        <v>41678.625254629631</v>
      </c>
      <c r="B39911" s="6">
        <v>664434.89999999991</v>
      </c>
      <c r="C39911" s="7">
        <f t="shared" si="623"/>
        <v>664.43489999999986</v>
      </c>
      <c r="I39911" s="1"/>
    </row>
    <row r="39912" spans="1:9" x14ac:dyDescent="0.25">
      <c r="A39912" s="3">
        <v>41678.625555555554</v>
      </c>
      <c r="B39912" s="6">
        <v>664451.54999999993</v>
      </c>
      <c r="C39912" s="7">
        <f t="shared" si="623"/>
        <v>664.45154999999988</v>
      </c>
      <c r="I39912" s="1"/>
    </row>
    <row r="39913" spans="1:9" x14ac:dyDescent="0.25">
      <c r="A39913" s="3">
        <v>41678.62940972222</v>
      </c>
      <c r="B39913" s="6">
        <v>664468.19999999995</v>
      </c>
      <c r="C39913" s="7">
        <f t="shared" si="623"/>
        <v>664.46819999999991</v>
      </c>
      <c r="I39913" s="1"/>
    </row>
    <row r="39914" spans="1:9" x14ac:dyDescent="0.25">
      <c r="A39914" s="3">
        <v>41678.629513888889</v>
      </c>
      <c r="B39914" s="6">
        <v>664484.85</v>
      </c>
      <c r="C39914" s="7">
        <f t="shared" si="623"/>
        <v>664.48484999999994</v>
      </c>
      <c r="I39914" s="1"/>
    </row>
    <row r="39915" spans="1:9" x14ac:dyDescent="0.25">
      <c r="A39915" s="3">
        <v>41678.631307870368</v>
      </c>
      <c r="B39915" s="6">
        <v>664501.5</v>
      </c>
      <c r="C39915" s="7">
        <f t="shared" si="623"/>
        <v>664.50149999999996</v>
      </c>
      <c r="I39915" s="1"/>
    </row>
    <row r="39916" spans="1:9" x14ac:dyDescent="0.25">
      <c r="A39916" s="3">
        <v>41678.631585648145</v>
      </c>
      <c r="B39916" s="6">
        <v>664518.14999999991</v>
      </c>
      <c r="C39916" s="7">
        <f t="shared" si="623"/>
        <v>664.51814999999988</v>
      </c>
      <c r="I39916" s="1"/>
    </row>
    <row r="39917" spans="1:9" x14ac:dyDescent="0.25">
      <c r="A39917" s="3">
        <v>41678.636180555557</v>
      </c>
      <c r="B39917" s="6">
        <v>664534.79999999993</v>
      </c>
      <c r="C39917" s="7">
        <f t="shared" si="623"/>
        <v>664.5347999999999</v>
      </c>
      <c r="I39917" s="1"/>
    </row>
    <row r="39918" spans="1:9" x14ac:dyDescent="0.25">
      <c r="A39918" s="3">
        <v>41678.637326388889</v>
      </c>
      <c r="B39918" s="6">
        <v>664551.44999999995</v>
      </c>
      <c r="C39918" s="7">
        <f t="shared" si="623"/>
        <v>664.55144999999993</v>
      </c>
      <c r="I39918" s="1"/>
    </row>
    <row r="39919" spans="1:9" x14ac:dyDescent="0.25">
      <c r="A39919" s="3">
        <v>41678.63962962963</v>
      </c>
      <c r="B39919" s="6">
        <v>664568.1</v>
      </c>
      <c r="C39919" s="7">
        <f t="shared" si="623"/>
        <v>664.56809999999996</v>
      </c>
      <c r="I39919" s="1"/>
    </row>
    <row r="39920" spans="1:9" x14ac:dyDescent="0.25">
      <c r="A39920" s="3">
        <v>41678.639733796299</v>
      </c>
      <c r="B39920" s="6">
        <v>664584.75</v>
      </c>
      <c r="C39920" s="7">
        <f t="shared" si="623"/>
        <v>664.58474999999999</v>
      </c>
      <c r="I39920" s="1"/>
    </row>
    <row r="39921" spans="1:9" x14ac:dyDescent="0.25">
      <c r="A39921" s="3">
        <v>41678.642048611109</v>
      </c>
      <c r="B39921" s="6">
        <v>664601.39999999991</v>
      </c>
      <c r="C39921" s="7">
        <f t="shared" si="623"/>
        <v>664.6013999999999</v>
      </c>
      <c r="I39921" s="1"/>
    </row>
    <row r="39922" spans="1:9" x14ac:dyDescent="0.25">
      <c r="A39922" s="3">
        <v>41678.642268518517</v>
      </c>
      <c r="B39922" s="6">
        <v>664618.04999999993</v>
      </c>
      <c r="C39922" s="7">
        <f t="shared" si="623"/>
        <v>664.61804999999993</v>
      </c>
      <c r="I39922" s="1"/>
    </row>
    <row r="39923" spans="1:9" x14ac:dyDescent="0.25">
      <c r="A39923" s="3">
        <v>41678.649328703701</v>
      </c>
      <c r="B39923" s="6">
        <v>664634.69999999995</v>
      </c>
      <c r="C39923" s="7">
        <f t="shared" si="623"/>
        <v>664.63469999999995</v>
      </c>
      <c r="I39923" s="1"/>
    </row>
    <row r="39924" spans="1:9" x14ac:dyDescent="0.25">
      <c r="A39924" s="3">
        <v>41678.649560185186</v>
      </c>
      <c r="B39924" s="6">
        <v>664651.35</v>
      </c>
      <c r="C39924" s="7">
        <f t="shared" si="623"/>
        <v>664.65134999999998</v>
      </c>
      <c r="I39924" s="1"/>
    </row>
    <row r="39925" spans="1:9" x14ac:dyDescent="0.25">
      <c r="A39925" s="3">
        <v>41678.655729166669</v>
      </c>
      <c r="B39925" s="6">
        <v>664668</v>
      </c>
      <c r="C39925" s="7">
        <f t="shared" si="623"/>
        <v>664.66800000000001</v>
      </c>
      <c r="I39925" s="1"/>
    </row>
    <row r="39926" spans="1:9" x14ac:dyDescent="0.25">
      <c r="A39926" s="3">
        <v>41678.656018518515</v>
      </c>
      <c r="B39926" s="6">
        <v>664684.64999999991</v>
      </c>
      <c r="C39926" s="7">
        <f t="shared" si="623"/>
        <v>664.68464999999992</v>
      </c>
      <c r="I39926" s="1"/>
    </row>
    <row r="39927" spans="1:9" x14ac:dyDescent="0.25">
      <c r="A39927" s="3">
        <v>41678.660092592596</v>
      </c>
      <c r="B39927" s="6">
        <v>664701.29999999993</v>
      </c>
      <c r="C39927" s="7">
        <f t="shared" si="623"/>
        <v>664.70129999999995</v>
      </c>
      <c r="I39927" s="1"/>
    </row>
    <row r="39928" spans="1:9" x14ac:dyDescent="0.25">
      <c r="A39928" s="3">
        <v>41678.668356481481</v>
      </c>
      <c r="B39928" s="6">
        <v>664717.94999999995</v>
      </c>
      <c r="C39928" s="7">
        <f t="shared" si="623"/>
        <v>664.71794999999997</v>
      </c>
      <c r="I39928" s="1"/>
    </row>
    <row r="39929" spans="1:9" x14ac:dyDescent="0.25">
      <c r="A39929" s="3">
        <v>41678.689814814818</v>
      </c>
      <c r="B39929" s="6">
        <v>664734.6</v>
      </c>
      <c r="C39929" s="7">
        <f t="shared" si="623"/>
        <v>664.7346</v>
      </c>
      <c r="I39929" s="1"/>
    </row>
    <row r="39930" spans="1:9" x14ac:dyDescent="0.25">
      <c r="A39930" s="3">
        <v>41678.691874999997</v>
      </c>
      <c r="B39930" s="6">
        <v>664751.25</v>
      </c>
      <c r="C39930" s="7">
        <f t="shared" si="623"/>
        <v>664.75125000000003</v>
      </c>
      <c r="I39930" s="1"/>
    </row>
    <row r="39931" spans="1:9" x14ac:dyDescent="0.25">
      <c r="A39931" s="3">
        <v>41678.700150462966</v>
      </c>
      <c r="B39931" s="6">
        <v>664767.89999999991</v>
      </c>
      <c r="C39931" s="7">
        <f t="shared" si="623"/>
        <v>664.76789999999994</v>
      </c>
      <c r="I39931" s="1"/>
    </row>
    <row r="39932" spans="1:9" x14ac:dyDescent="0.25">
      <c r="A39932" s="3">
        <v>41678.701458333337</v>
      </c>
      <c r="B39932" s="6">
        <v>664784.54999999993</v>
      </c>
      <c r="C39932" s="7">
        <f t="shared" si="623"/>
        <v>664.78454999999997</v>
      </c>
      <c r="I39932" s="1"/>
    </row>
    <row r="39933" spans="1:9" x14ac:dyDescent="0.25">
      <c r="A39933" s="3">
        <v>41678.70553240741</v>
      </c>
      <c r="B39933" s="6">
        <v>664801.19999999995</v>
      </c>
      <c r="C39933" s="7">
        <f t="shared" si="623"/>
        <v>664.80119999999999</v>
      </c>
      <c r="I39933" s="1"/>
    </row>
    <row r="39934" spans="1:9" x14ac:dyDescent="0.25">
      <c r="A39934" s="3">
        <v>41678.70621527778</v>
      </c>
      <c r="B39934" s="6">
        <v>664817.85</v>
      </c>
      <c r="C39934" s="7">
        <f t="shared" si="623"/>
        <v>664.81785000000002</v>
      </c>
      <c r="I39934" s="1"/>
    </row>
    <row r="39935" spans="1:9" x14ac:dyDescent="0.25">
      <c r="A39935" s="3">
        <v>41678.709699074076</v>
      </c>
      <c r="B39935" s="6">
        <v>664834.5</v>
      </c>
      <c r="C39935" s="7">
        <f t="shared" si="623"/>
        <v>664.83450000000005</v>
      </c>
      <c r="I39935" s="1"/>
    </row>
    <row r="39936" spans="1:9" x14ac:dyDescent="0.25">
      <c r="A39936" s="3">
        <v>41678.709861111114</v>
      </c>
      <c r="B39936" s="6">
        <v>664851.14999999991</v>
      </c>
      <c r="C39936" s="7">
        <f t="shared" si="623"/>
        <v>664.85114999999996</v>
      </c>
      <c r="I39936" s="1"/>
    </row>
    <row r="39937" spans="1:9" x14ac:dyDescent="0.25">
      <c r="A39937" s="3">
        <v>41678.711365740739</v>
      </c>
      <c r="B39937" s="6">
        <v>664867.79999999993</v>
      </c>
      <c r="C39937" s="7">
        <f t="shared" si="623"/>
        <v>664.86779999999987</v>
      </c>
      <c r="I39937" s="1"/>
    </row>
    <row r="39938" spans="1:9" x14ac:dyDescent="0.25">
      <c r="A39938" s="3">
        <v>41678.711851851855</v>
      </c>
      <c r="B39938" s="6">
        <v>664884.44999999995</v>
      </c>
      <c r="C39938" s="7">
        <f t="shared" si="623"/>
        <v>664.8844499999999</v>
      </c>
      <c r="I39938" s="1"/>
    </row>
    <row r="39939" spans="1:9" x14ac:dyDescent="0.25">
      <c r="A39939" s="3">
        <v>41678.722025462965</v>
      </c>
      <c r="B39939" s="6">
        <v>664901.1</v>
      </c>
      <c r="C39939" s="7">
        <f t="shared" ref="C39939:C40002" si="624">B39939/1000</f>
        <v>664.90109999999993</v>
      </c>
      <c r="I39939" s="1"/>
    </row>
    <row r="39940" spans="1:9" x14ac:dyDescent="0.25">
      <c r="A39940" s="3">
        <v>41678.722303240742</v>
      </c>
      <c r="B39940" s="6">
        <v>664917.75</v>
      </c>
      <c r="C39940" s="7">
        <f t="shared" si="624"/>
        <v>664.91774999999996</v>
      </c>
      <c r="I39940" s="1"/>
    </row>
    <row r="39941" spans="1:9" x14ac:dyDescent="0.25">
      <c r="A39941" s="3">
        <v>41678.730219907404</v>
      </c>
      <c r="B39941" s="6">
        <v>664934.39999999991</v>
      </c>
      <c r="C39941" s="7">
        <f t="shared" si="624"/>
        <v>664.93439999999987</v>
      </c>
      <c r="I39941" s="1"/>
    </row>
    <row r="39942" spans="1:9" x14ac:dyDescent="0.25">
      <c r="A39942" s="3">
        <v>41678.730439814812</v>
      </c>
      <c r="B39942" s="6">
        <v>664951.04999999993</v>
      </c>
      <c r="C39942" s="7">
        <f t="shared" si="624"/>
        <v>664.9510499999999</v>
      </c>
      <c r="I39942" s="1"/>
    </row>
    <row r="39943" spans="1:9" x14ac:dyDescent="0.25">
      <c r="A39943" s="3">
        <v>41678.739016203705</v>
      </c>
      <c r="B39943" s="6">
        <v>664967.69999999995</v>
      </c>
      <c r="C39943" s="7">
        <f t="shared" si="624"/>
        <v>664.96769999999992</v>
      </c>
      <c r="I39943" s="1"/>
    </row>
    <row r="39944" spans="1:9" x14ac:dyDescent="0.25">
      <c r="A39944" s="3">
        <v>41678.739155092589</v>
      </c>
      <c r="B39944" s="6">
        <v>664984.35</v>
      </c>
      <c r="C39944" s="7">
        <f t="shared" si="624"/>
        <v>664.98434999999995</v>
      </c>
      <c r="I39944" s="1"/>
    </row>
    <row r="39945" spans="1:9" x14ac:dyDescent="0.25">
      <c r="A39945" s="3">
        <v>41678.743622685186</v>
      </c>
      <c r="B39945" s="6">
        <v>665001</v>
      </c>
      <c r="C39945" s="7">
        <f t="shared" si="624"/>
        <v>665.00099999999998</v>
      </c>
      <c r="I39945" s="1"/>
    </row>
    <row r="39946" spans="1:9" x14ac:dyDescent="0.25">
      <c r="A39946" s="3">
        <v>41678.743831018517</v>
      </c>
      <c r="B39946" s="6">
        <v>665017.64999999991</v>
      </c>
      <c r="C39946" s="7">
        <f t="shared" si="624"/>
        <v>665.01764999999989</v>
      </c>
      <c r="I39946" s="1"/>
    </row>
    <row r="39947" spans="1:9" x14ac:dyDescent="0.25">
      <c r="A39947" s="3">
        <v>41678.746678240743</v>
      </c>
      <c r="B39947" s="6">
        <v>665034.29999999993</v>
      </c>
      <c r="C39947" s="7">
        <f t="shared" si="624"/>
        <v>665.03429999999992</v>
      </c>
      <c r="I39947" s="1"/>
    </row>
    <row r="39948" spans="1:9" x14ac:dyDescent="0.25">
      <c r="A39948" s="3">
        <v>41678.746805555558</v>
      </c>
      <c r="B39948" s="6">
        <v>665050.94999999995</v>
      </c>
      <c r="C39948" s="7">
        <f t="shared" si="624"/>
        <v>665.05094999999994</v>
      </c>
      <c r="I39948" s="1"/>
    </row>
    <row r="39949" spans="1:9" x14ac:dyDescent="0.25">
      <c r="A39949" s="3">
        <v>41678.749421296299</v>
      </c>
      <c r="B39949" s="6">
        <v>665067.6</v>
      </c>
      <c r="C39949" s="7">
        <f t="shared" si="624"/>
        <v>665.06759999999997</v>
      </c>
      <c r="I39949" s="1"/>
    </row>
    <row r="39950" spans="1:9" x14ac:dyDescent="0.25">
      <c r="A39950" s="3">
        <v>41678.749525462961</v>
      </c>
      <c r="B39950" s="6">
        <v>665084.25</v>
      </c>
      <c r="C39950" s="7">
        <f t="shared" si="624"/>
        <v>665.08425</v>
      </c>
      <c r="I39950" s="1"/>
    </row>
    <row r="39951" spans="1:9" x14ac:dyDescent="0.25">
      <c r="A39951" s="3">
        <v>41678.751238425924</v>
      </c>
      <c r="B39951" s="6">
        <v>665100.89999999991</v>
      </c>
      <c r="C39951" s="7">
        <f t="shared" si="624"/>
        <v>665.10089999999991</v>
      </c>
      <c r="I39951" s="1"/>
    </row>
    <row r="39952" spans="1:9" x14ac:dyDescent="0.25">
      <c r="A39952" s="3">
        <v>41678.751689814817</v>
      </c>
      <c r="B39952" s="6">
        <v>665117.54999999993</v>
      </c>
      <c r="C39952" s="7">
        <f t="shared" si="624"/>
        <v>665.11754999999994</v>
      </c>
      <c r="I39952" s="1"/>
    </row>
    <row r="39953" spans="1:9" x14ac:dyDescent="0.25">
      <c r="A39953" s="3">
        <v>41678.753831018519</v>
      </c>
      <c r="B39953" s="6">
        <v>665134.19999999995</v>
      </c>
      <c r="C39953" s="7">
        <f t="shared" si="624"/>
        <v>665.13419999999996</v>
      </c>
      <c r="I39953" s="1"/>
    </row>
    <row r="39954" spans="1:9" x14ac:dyDescent="0.25">
      <c r="A39954" s="3">
        <v>41678.754108796296</v>
      </c>
      <c r="B39954" s="6">
        <v>665150.85</v>
      </c>
      <c r="C39954" s="7">
        <f t="shared" si="624"/>
        <v>665.15084999999999</v>
      </c>
      <c r="I39954" s="1"/>
    </row>
    <row r="39955" spans="1:9" x14ac:dyDescent="0.25">
      <c r="A39955" s="3">
        <v>41678.756805555553</v>
      </c>
      <c r="B39955" s="6">
        <v>665167.5</v>
      </c>
      <c r="C39955" s="7">
        <f t="shared" si="624"/>
        <v>665.16750000000002</v>
      </c>
      <c r="I39955" s="1"/>
    </row>
    <row r="39956" spans="1:9" x14ac:dyDescent="0.25">
      <c r="A39956" s="3">
        <v>41678.756886574076</v>
      </c>
      <c r="B39956" s="6">
        <v>665184.14999999991</v>
      </c>
      <c r="C39956" s="7">
        <f t="shared" si="624"/>
        <v>665.18414999999993</v>
      </c>
      <c r="I39956" s="1"/>
    </row>
    <row r="39957" spans="1:9" x14ac:dyDescent="0.25">
      <c r="A39957" s="3">
        <v>41678.758831018517</v>
      </c>
      <c r="B39957" s="6">
        <v>665200.79999999993</v>
      </c>
      <c r="C39957" s="7">
        <f t="shared" si="624"/>
        <v>665.20079999999996</v>
      </c>
      <c r="I39957" s="1"/>
    </row>
    <row r="39958" spans="1:9" x14ac:dyDescent="0.25">
      <c r="A39958" s="3">
        <v>41678.758900462963</v>
      </c>
      <c r="B39958" s="6">
        <v>665217.44999999995</v>
      </c>
      <c r="C39958" s="7">
        <f t="shared" si="624"/>
        <v>665.21744999999999</v>
      </c>
      <c r="I39958" s="1"/>
    </row>
    <row r="39959" spans="1:9" x14ac:dyDescent="0.25">
      <c r="A39959" s="3">
        <v>41678.760810185187</v>
      </c>
      <c r="B39959" s="6">
        <v>665234.1</v>
      </c>
      <c r="C39959" s="7">
        <f t="shared" si="624"/>
        <v>665.23410000000001</v>
      </c>
      <c r="I39959" s="1"/>
    </row>
    <row r="39960" spans="1:9" x14ac:dyDescent="0.25">
      <c r="A39960" s="3">
        <v>41678.760925925926</v>
      </c>
      <c r="B39960" s="6">
        <v>665250.75</v>
      </c>
      <c r="C39960" s="7">
        <f t="shared" si="624"/>
        <v>665.25075000000004</v>
      </c>
      <c r="I39960" s="1"/>
    </row>
    <row r="39961" spans="1:9" x14ac:dyDescent="0.25">
      <c r="A39961" s="3">
        <v>41678.761782407404</v>
      </c>
      <c r="B39961" s="6">
        <v>665267.39999999991</v>
      </c>
      <c r="C39961" s="7">
        <f t="shared" si="624"/>
        <v>665.26739999999995</v>
      </c>
      <c r="I39961" s="1"/>
    </row>
    <row r="39962" spans="1:9" x14ac:dyDescent="0.25">
      <c r="A39962" s="3">
        <v>41678.76189814815</v>
      </c>
      <c r="B39962" s="6">
        <v>665284.04999999993</v>
      </c>
      <c r="C39962" s="7">
        <f t="shared" si="624"/>
        <v>665.28404999999998</v>
      </c>
      <c r="I39962" s="1"/>
    </row>
    <row r="39963" spans="1:9" x14ac:dyDescent="0.25">
      <c r="A39963" s="3">
        <v>41678.76358796296</v>
      </c>
      <c r="B39963" s="6">
        <v>665300.69999999995</v>
      </c>
      <c r="C39963" s="7">
        <f t="shared" si="624"/>
        <v>665.30070000000001</v>
      </c>
      <c r="I39963" s="1"/>
    </row>
    <row r="39964" spans="1:9" x14ac:dyDescent="0.25">
      <c r="A39964" s="3">
        <v>41678.763715277775</v>
      </c>
      <c r="B39964" s="6">
        <v>665317.35</v>
      </c>
      <c r="C39964" s="7">
        <f t="shared" si="624"/>
        <v>665.31735000000003</v>
      </c>
      <c r="I39964" s="1"/>
    </row>
    <row r="39965" spans="1:9" x14ac:dyDescent="0.25">
      <c r="A39965" s="3">
        <v>41678.764710648145</v>
      </c>
      <c r="B39965" s="6">
        <v>665334</v>
      </c>
      <c r="C39965" s="7">
        <f t="shared" si="624"/>
        <v>665.33399999999995</v>
      </c>
      <c r="I39965" s="1"/>
    </row>
    <row r="39966" spans="1:9" x14ac:dyDescent="0.25">
      <c r="A39966" s="3">
        <v>41678.765740740739</v>
      </c>
      <c r="B39966" s="6">
        <v>665350.64999999991</v>
      </c>
      <c r="C39966" s="7">
        <f t="shared" si="624"/>
        <v>665.35064999999986</v>
      </c>
      <c r="I39966" s="1"/>
    </row>
    <row r="39967" spans="1:9" x14ac:dyDescent="0.25">
      <c r="A39967" s="3">
        <v>41678.767175925925</v>
      </c>
      <c r="B39967" s="6">
        <v>665367.29999999993</v>
      </c>
      <c r="C39967" s="7">
        <f t="shared" si="624"/>
        <v>665.36729999999989</v>
      </c>
      <c r="I39967" s="1"/>
    </row>
    <row r="39968" spans="1:9" x14ac:dyDescent="0.25">
      <c r="A39968" s="3">
        <v>41678.767592592594</v>
      </c>
      <c r="B39968" s="6">
        <v>665383.94999999995</v>
      </c>
      <c r="C39968" s="7">
        <f t="shared" si="624"/>
        <v>665.38394999999991</v>
      </c>
      <c r="I39968" s="1"/>
    </row>
    <row r="39969" spans="1:9" x14ac:dyDescent="0.25">
      <c r="A39969" s="3">
        <v>41678.770439814813</v>
      </c>
      <c r="B39969" s="6">
        <v>665400.6</v>
      </c>
      <c r="C39969" s="7">
        <f t="shared" si="624"/>
        <v>665.40059999999994</v>
      </c>
      <c r="I39969" s="1"/>
    </row>
    <row r="39970" spans="1:9" x14ac:dyDescent="0.25">
      <c r="A39970" s="3">
        <v>41678.770543981482</v>
      </c>
      <c r="B39970" s="6">
        <v>665417.25</v>
      </c>
      <c r="C39970" s="7">
        <f t="shared" si="624"/>
        <v>665.41724999999997</v>
      </c>
      <c r="I39970" s="1"/>
    </row>
    <row r="39971" spans="1:9" x14ac:dyDescent="0.25">
      <c r="A39971" s="3">
        <v>41678.773541666669</v>
      </c>
      <c r="B39971" s="6">
        <v>665433.89999999991</v>
      </c>
      <c r="C39971" s="7">
        <f t="shared" si="624"/>
        <v>665.43389999999988</v>
      </c>
      <c r="I39971" s="1"/>
    </row>
    <row r="39972" spans="1:9" x14ac:dyDescent="0.25">
      <c r="A39972" s="3">
        <v>41678.773692129631</v>
      </c>
      <c r="B39972" s="6">
        <v>665450.54999999993</v>
      </c>
      <c r="C39972" s="7">
        <f t="shared" si="624"/>
        <v>665.45054999999991</v>
      </c>
      <c r="I39972" s="1"/>
    </row>
    <row r="39973" spans="1:9" x14ac:dyDescent="0.25">
      <c r="A39973" s="3">
        <v>41678.77621527778</v>
      </c>
      <c r="B39973" s="6">
        <v>665467.19999999995</v>
      </c>
      <c r="C39973" s="7">
        <f t="shared" si="624"/>
        <v>665.46719999999993</v>
      </c>
      <c r="I39973" s="1"/>
    </row>
    <row r="39974" spans="1:9" x14ac:dyDescent="0.25">
      <c r="A39974" s="3">
        <v>41678.776354166665</v>
      </c>
      <c r="B39974" s="6">
        <v>665483.85</v>
      </c>
      <c r="C39974" s="7">
        <f t="shared" si="624"/>
        <v>665.48384999999996</v>
      </c>
      <c r="I39974" s="1"/>
    </row>
    <row r="39975" spans="1:9" x14ac:dyDescent="0.25">
      <c r="A39975" s="3">
        <v>41678.777615740742</v>
      </c>
      <c r="B39975" s="6">
        <v>665500.5</v>
      </c>
      <c r="C39975" s="7">
        <f t="shared" si="624"/>
        <v>665.50049999999999</v>
      </c>
      <c r="I39975" s="1"/>
    </row>
    <row r="39976" spans="1:9" x14ac:dyDescent="0.25">
      <c r="A39976" s="3">
        <v>41678.777731481481</v>
      </c>
      <c r="B39976" s="6">
        <v>665517.14999999991</v>
      </c>
      <c r="C39976" s="7">
        <f t="shared" si="624"/>
        <v>665.5171499999999</v>
      </c>
      <c r="I39976" s="1"/>
    </row>
    <row r="39977" spans="1:9" x14ac:dyDescent="0.25">
      <c r="A39977" s="3">
        <v>41678.780925925923</v>
      </c>
      <c r="B39977" s="6">
        <v>665533.79999999993</v>
      </c>
      <c r="C39977" s="7">
        <f t="shared" si="624"/>
        <v>665.53379999999993</v>
      </c>
      <c r="I39977" s="1"/>
    </row>
    <row r="39978" spans="1:9" x14ac:dyDescent="0.25">
      <c r="A39978" s="3">
        <v>41678.781087962961</v>
      </c>
      <c r="B39978" s="6">
        <v>665550.44999999995</v>
      </c>
      <c r="C39978" s="7">
        <f t="shared" si="624"/>
        <v>665.55044999999996</v>
      </c>
      <c r="I39978" s="1"/>
    </row>
    <row r="39979" spans="1:9" x14ac:dyDescent="0.25">
      <c r="A39979" s="3">
        <v>41678.790162037039</v>
      </c>
      <c r="B39979" s="6">
        <v>665567.1</v>
      </c>
      <c r="C39979" s="7">
        <f t="shared" si="624"/>
        <v>665.56709999999998</v>
      </c>
      <c r="I39979" s="1"/>
    </row>
    <row r="39980" spans="1:9" x14ac:dyDescent="0.25">
      <c r="A39980" s="3">
        <v>41678.791342592594</v>
      </c>
      <c r="B39980" s="6">
        <v>665583.75</v>
      </c>
      <c r="C39980" s="7">
        <f t="shared" si="624"/>
        <v>665.58375000000001</v>
      </c>
      <c r="I39980" s="1"/>
    </row>
    <row r="39981" spans="1:9" x14ac:dyDescent="0.25">
      <c r="A39981" s="3">
        <v>41678.794317129628</v>
      </c>
      <c r="B39981" s="6">
        <v>665600.39999999991</v>
      </c>
      <c r="C39981" s="7">
        <f t="shared" si="624"/>
        <v>665.60039999999992</v>
      </c>
      <c r="I39981" s="1"/>
    </row>
    <row r="39982" spans="1:9" x14ac:dyDescent="0.25">
      <c r="A39982" s="3">
        <v>41678.803541666668</v>
      </c>
      <c r="B39982" s="6">
        <v>665617.04999999993</v>
      </c>
      <c r="C39982" s="7">
        <f t="shared" si="624"/>
        <v>665.61704999999995</v>
      </c>
      <c r="I39982" s="1"/>
    </row>
    <row r="39983" spans="1:9" x14ac:dyDescent="0.25">
      <c r="A39983" s="3">
        <v>41706.304432870369</v>
      </c>
      <c r="B39983" s="6">
        <v>665633.69999999995</v>
      </c>
      <c r="C39983" s="7">
        <f t="shared" si="624"/>
        <v>665.63369999999998</v>
      </c>
      <c r="I39983" s="1"/>
    </row>
    <row r="39984" spans="1:9" x14ac:dyDescent="0.25">
      <c r="A39984" s="3">
        <v>41706.3047337963</v>
      </c>
      <c r="B39984" s="6">
        <v>665650.35</v>
      </c>
      <c r="C39984" s="7">
        <f t="shared" si="624"/>
        <v>665.65035</v>
      </c>
      <c r="I39984" s="1"/>
    </row>
    <row r="39985" spans="1:9" x14ac:dyDescent="0.25">
      <c r="A39985" s="3">
        <v>41706.375127314815</v>
      </c>
      <c r="B39985" s="6">
        <v>665667</v>
      </c>
      <c r="C39985" s="7">
        <f t="shared" si="624"/>
        <v>665.66700000000003</v>
      </c>
      <c r="I39985" s="1"/>
    </row>
    <row r="39986" spans="1:9" x14ac:dyDescent="0.25">
      <c r="A39986" s="3">
        <v>41706.375277777777</v>
      </c>
      <c r="B39986" s="6">
        <v>665683.64999999991</v>
      </c>
      <c r="C39986" s="7">
        <f t="shared" si="624"/>
        <v>665.68364999999994</v>
      </c>
      <c r="I39986" s="1"/>
    </row>
    <row r="39987" spans="1:9" x14ac:dyDescent="0.25">
      <c r="A39987" s="3">
        <v>41706.378078703703</v>
      </c>
      <c r="B39987" s="6">
        <v>665700.29999999993</v>
      </c>
      <c r="C39987" s="7">
        <f t="shared" si="624"/>
        <v>665.70029999999997</v>
      </c>
      <c r="I39987" s="1"/>
    </row>
    <row r="39988" spans="1:9" x14ac:dyDescent="0.25">
      <c r="A39988" s="3">
        <v>41706.386724537035</v>
      </c>
      <c r="B39988" s="6">
        <v>665716.94999999995</v>
      </c>
      <c r="C39988" s="7">
        <f t="shared" si="624"/>
        <v>665.71695</v>
      </c>
      <c r="I39988" s="1"/>
    </row>
    <row r="39989" spans="1:9" x14ac:dyDescent="0.25">
      <c r="A39989" s="3">
        <v>41706.393599537034</v>
      </c>
      <c r="B39989" s="6">
        <v>665733.6</v>
      </c>
      <c r="C39989" s="7">
        <f t="shared" si="624"/>
        <v>665.73360000000002</v>
      </c>
      <c r="I39989" s="1"/>
    </row>
    <row r="39990" spans="1:9" x14ac:dyDescent="0.25">
      <c r="A39990" s="3">
        <v>41706.395601851851</v>
      </c>
      <c r="B39990" s="6">
        <v>665750.25</v>
      </c>
      <c r="C39990" s="7">
        <f t="shared" si="624"/>
        <v>665.75025000000005</v>
      </c>
      <c r="I39990" s="1"/>
    </row>
    <row r="39991" spans="1:9" x14ac:dyDescent="0.25">
      <c r="A39991" s="3">
        <v>41706.396921296298</v>
      </c>
      <c r="B39991" s="6">
        <v>665766.89999999991</v>
      </c>
      <c r="C39991" s="7">
        <f t="shared" si="624"/>
        <v>665.76689999999985</v>
      </c>
      <c r="I39991" s="1"/>
    </row>
    <row r="39992" spans="1:9" x14ac:dyDescent="0.25">
      <c r="A39992" s="3">
        <v>41706.400127314817</v>
      </c>
      <c r="B39992" s="6">
        <v>665783.54999999993</v>
      </c>
      <c r="C39992" s="7">
        <f t="shared" si="624"/>
        <v>665.78354999999988</v>
      </c>
      <c r="I39992" s="1"/>
    </row>
    <row r="39993" spans="1:9" x14ac:dyDescent="0.25">
      <c r="A39993" s="3">
        <v>41706.401562500003</v>
      </c>
      <c r="B39993" s="6">
        <v>665800.19999999995</v>
      </c>
      <c r="C39993" s="7">
        <f t="shared" si="624"/>
        <v>665.8001999999999</v>
      </c>
      <c r="I39993" s="1"/>
    </row>
    <row r="39994" spans="1:9" x14ac:dyDescent="0.25">
      <c r="A39994" s="3">
        <v>41706.401666666665</v>
      </c>
      <c r="B39994" s="6">
        <v>665816.85</v>
      </c>
      <c r="C39994" s="7">
        <f t="shared" si="624"/>
        <v>665.81684999999993</v>
      </c>
      <c r="I39994" s="1"/>
    </row>
    <row r="39995" spans="1:9" x14ac:dyDescent="0.25">
      <c r="A39995" s="3">
        <v>41706.403136574074</v>
      </c>
      <c r="B39995" s="6">
        <v>665833.5</v>
      </c>
      <c r="C39995" s="7">
        <f t="shared" si="624"/>
        <v>665.83349999999996</v>
      </c>
      <c r="I39995" s="1"/>
    </row>
    <row r="39996" spans="1:9" x14ac:dyDescent="0.25">
      <c r="A39996" s="3">
        <v>41706.403344907405</v>
      </c>
      <c r="B39996" s="6">
        <v>665850.14999999991</v>
      </c>
      <c r="C39996" s="7">
        <f t="shared" si="624"/>
        <v>665.85014999999987</v>
      </c>
      <c r="I39996" s="1"/>
    </row>
    <row r="39997" spans="1:9" x14ac:dyDescent="0.25">
      <c r="A39997" s="3">
        <v>41706.410185185188</v>
      </c>
      <c r="B39997" s="6">
        <v>665866.79999999993</v>
      </c>
      <c r="C39997" s="7">
        <f t="shared" si="624"/>
        <v>665.8667999999999</v>
      </c>
      <c r="I39997" s="1"/>
    </row>
    <row r="39998" spans="1:9" x14ac:dyDescent="0.25">
      <c r="A39998" s="3">
        <v>41706.410254629627</v>
      </c>
      <c r="B39998" s="6">
        <v>665883.44999999995</v>
      </c>
      <c r="C39998" s="7">
        <f t="shared" si="624"/>
        <v>665.88344999999993</v>
      </c>
      <c r="I39998" s="1"/>
    </row>
    <row r="39999" spans="1:9" x14ac:dyDescent="0.25">
      <c r="A39999" s="3">
        <v>41706.411203703705</v>
      </c>
      <c r="B39999" s="6">
        <v>665900.1</v>
      </c>
      <c r="C39999" s="7">
        <f t="shared" si="624"/>
        <v>665.90009999999995</v>
      </c>
      <c r="I39999" s="1"/>
    </row>
    <row r="40000" spans="1:9" x14ac:dyDescent="0.25">
      <c r="A40000" s="3">
        <v>41706.411412037036</v>
      </c>
      <c r="B40000" s="6">
        <v>665916.75</v>
      </c>
      <c r="C40000" s="7">
        <f t="shared" si="624"/>
        <v>665.91674999999998</v>
      </c>
      <c r="I40000" s="1"/>
    </row>
    <row r="40001" spans="1:9" x14ac:dyDescent="0.25">
      <c r="A40001" s="3">
        <v>41706.415127314816</v>
      </c>
      <c r="B40001" s="6">
        <v>665933.39999999991</v>
      </c>
      <c r="C40001" s="7">
        <f t="shared" si="624"/>
        <v>665.93339999999989</v>
      </c>
      <c r="I40001" s="1"/>
    </row>
    <row r="40002" spans="1:9" x14ac:dyDescent="0.25">
      <c r="A40002" s="3">
        <v>41706.415208333332</v>
      </c>
      <c r="B40002" s="6">
        <v>665950.04999999993</v>
      </c>
      <c r="C40002" s="7">
        <f t="shared" si="624"/>
        <v>665.95004999999992</v>
      </c>
      <c r="I40002" s="1"/>
    </row>
    <row r="40003" spans="1:9" x14ac:dyDescent="0.25">
      <c r="A40003" s="3">
        <v>41706.416018518517</v>
      </c>
      <c r="B40003" s="6">
        <v>665966.69999999995</v>
      </c>
      <c r="C40003" s="7">
        <f t="shared" ref="C40003:C40066" si="625">B40003/1000</f>
        <v>665.96669999999995</v>
      </c>
      <c r="I40003" s="1"/>
    </row>
    <row r="40004" spans="1:9" x14ac:dyDescent="0.25">
      <c r="A40004" s="3">
        <v>41706.416087962964</v>
      </c>
      <c r="B40004" s="6">
        <v>665983.35</v>
      </c>
      <c r="C40004" s="7">
        <f t="shared" si="625"/>
        <v>665.98334999999997</v>
      </c>
      <c r="I40004" s="1"/>
    </row>
    <row r="40005" spans="1:9" x14ac:dyDescent="0.25">
      <c r="A40005" s="3">
        <v>41706.417384259257</v>
      </c>
      <c r="B40005" s="6">
        <v>666000</v>
      </c>
      <c r="C40005" s="7">
        <f t="shared" si="625"/>
        <v>666</v>
      </c>
      <c r="I40005" s="1"/>
    </row>
    <row r="40006" spans="1:9" x14ac:dyDescent="0.25">
      <c r="A40006" s="3">
        <v>41706.417500000003</v>
      </c>
      <c r="B40006" s="6">
        <v>666016.64999999991</v>
      </c>
      <c r="C40006" s="7">
        <f t="shared" si="625"/>
        <v>666.01664999999991</v>
      </c>
      <c r="I40006" s="1"/>
    </row>
    <row r="40007" spans="1:9" x14ac:dyDescent="0.25">
      <c r="A40007" s="3">
        <v>41706.418773148151</v>
      </c>
      <c r="B40007" s="6">
        <v>666033.29999999993</v>
      </c>
      <c r="C40007" s="7">
        <f t="shared" si="625"/>
        <v>666.03329999999994</v>
      </c>
      <c r="I40007" s="1"/>
    </row>
    <row r="40008" spans="1:9" x14ac:dyDescent="0.25">
      <c r="A40008" s="3">
        <v>41706.418888888889</v>
      </c>
      <c r="B40008" s="6">
        <v>666049.94999999995</v>
      </c>
      <c r="C40008" s="7">
        <f t="shared" si="625"/>
        <v>666.04994999999997</v>
      </c>
      <c r="I40008" s="1"/>
    </row>
    <row r="40009" spans="1:9" x14ac:dyDescent="0.25">
      <c r="A40009" s="3">
        <v>41706.420370370368</v>
      </c>
      <c r="B40009" s="6">
        <v>666066.6</v>
      </c>
      <c r="C40009" s="7">
        <f t="shared" si="625"/>
        <v>666.06659999999999</v>
      </c>
      <c r="I40009" s="1"/>
    </row>
    <row r="40010" spans="1:9" x14ac:dyDescent="0.25">
      <c r="A40010" s="3">
        <v>41706.420486111114</v>
      </c>
      <c r="B40010" s="6">
        <v>666083.25</v>
      </c>
      <c r="C40010" s="7">
        <f t="shared" si="625"/>
        <v>666.08325000000002</v>
      </c>
      <c r="I40010" s="1"/>
    </row>
    <row r="40011" spans="1:9" x14ac:dyDescent="0.25">
      <c r="A40011" s="3">
        <v>41706.422303240739</v>
      </c>
      <c r="B40011" s="6">
        <v>666099.89999999991</v>
      </c>
      <c r="C40011" s="7">
        <f t="shared" si="625"/>
        <v>666.09989999999993</v>
      </c>
      <c r="I40011" s="1"/>
    </row>
    <row r="40012" spans="1:9" x14ac:dyDescent="0.25">
      <c r="A40012" s="3">
        <v>41706.424085648148</v>
      </c>
      <c r="B40012" s="6">
        <v>666116.54999999993</v>
      </c>
      <c r="C40012" s="7">
        <f t="shared" si="625"/>
        <v>666.11654999999996</v>
      </c>
      <c r="I40012" s="1"/>
    </row>
    <row r="40013" spans="1:9" x14ac:dyDescent="0.25">
      <c r="A40013" s="3">
        <v>41706.431712962964</v>
      </c>
      <c r="B40013" s="6">
        <v>666133.19999999995</v>
      </c>
      <c r="C40013" s="7">
        <f t="shared" si="625"/>
        <v>666.13319999999999</v>
      </c>
      <c r="I40013" s="1"/>
    </row>
    <row r="40014" spans="1:9" x14ac:dyDescent="0.25">
      <c r="A40014" s="3">
        <v>41706.431898148148</v>
      </c>
      <c r="B40014" s="6">
        <v>666149.85</v>
      </c>
      <c r="C40014" s="7">
        <f t="shared" si="625"/>
        <v>666.14985000000001</v>
      </c>
      <c r="I40014" s="1"/>
    </row>
    <row r="40015" spans="1:9" x14ac:dyDescent="0.25">
      <c r="A40015" s="3">
        <v>41706.440844907411</v>
      </c>
      <c r="B40015" s="6">
        <v>666166.5</v>
      </c>
      <c r="C40015" s="7">
        <f t="shared" si="625"/>
        <v>666.16650000000004</v>
      </c>
      <c r="I40015" s="1"/>
    </row>
    <row r="40016" spans="1:9" x14ac:dyDescent="0.25">
      <c r="A40016" s="3">
        <v>41706.440937500003</v>
      </c>
      <c r="B40016" s="6">
        <v>666183.14999999991</v>
      </c>
      <c r="C40016" s="7">
        <f t="shared" si="625"/>
        <v>666.18314999999996</v>
      </c>
      <c r="I40016" s="1"/>
    </row>
    <row r="40017" spans="1:9" x14ac:dyDescent="0.25">
      <c r="A40017" s="3">
        <v>41706.441932870373</v>
      </c>
      <c r="B40017" s="6">
        <v>666199.79999999993</v>
      </c>
      <c r="C40017" s="7">
        <f t="shared" si="625"/>
        <v>666.19979999999998</v>
      </c>
      <c r="I40017" s="1"/>
    </row>
    <row r="40018" spans="1:9" x14ac:dyDescent="0.25">
      <c r="A40018" s="3">
        <v>41706.442060185182</v>
      </c>
      <c r="B40018" s="6">
        <v>666216.44999999995</v>
      </c>
      <c r="C40018" s="7">
        <f t="shared" si="625"/>
        <v>666.21645000000001</v>
      </c>
      <c r="I40018" s="1"/>
    </row>
    <row r="40019" spans="1:9" x14ac:dyDescent="0.25">
      <c r="A40019" s="3">
        <v>41706.445914351854</v>
      </c>
      <c r="B40019" s="6">
        <v>666233.1</v>
      </c>
      <c r="C40019" s="7">
        <f t="shared" si="625"/>
        <v>666.23309999999992</v>
      </c>
      <c r="I40019" s="1"/>
    </row>
    <row r="40020" spans="1:9" x14ac:dyDescent="0.25">
      <c r="A40020" s="3">
        <v>41706.446793981479</v>
      </c>
      <c r="B40020" s="6">
        <v>666249.75</v>
      </c>
      <c r="C40020" s="7">
        <f t="shared" si="625"/>
        <v>666.24974999999995</v>
      </c>
      <c r="I40020" s="1"/>
    </row>
    <row r="40021" spans="1:9" x14ac:dyDescent="0.25">
      <c r="A40021" s="3">
        <v>41706.449305555558</v>
      </c>
      <c r="B40021" s="6">
        <v>666266.39999999991</v>
      </c>
      <c r="C40021" s="7">
        <f t="shared" si="625"/>
        <v>666.26639999999986</v>
      </c>
      <c r="I40021" s="1"/>
    </row>
    <row r="40022" spans="1:9" x14ac:dyDescent="0.25">
      <c r="A40022" s="3">
        <v>41706.449456018519</v>
      </c>
      <c r="B40022" s="6">
        <v>666283.04999999993</v>
      </c>
      <c r="C40022" s="7">
        <f t="shared" si="625"/>
        <v>666.28304999999989</v>
      </c>
      <c r="I40022" s="1"/>
    </row>
    <row r="40023" spans="1:9" x14ac:dyDescent="0.25">
      <c r="A40023" s="3">
        <v>41706.454016203701</v>
      </c>
      <c r="B40023" s="6">
        <v>666299.69999999995</v>
      </c>
      <c r="C40023" s="7">
        <f t="shared" si="625"/>
        <v>666.29969999999992</v>
      </c>
      <c r="I40023" s="1"/>
    </row>
    <row r="40024" spans="1:9" x14ac:dyDescent="0.25">
      <c r="A40024" s="3">
        <v>41706.454641203702</v>
      </c>
      <c r="B40024" s="6">
        <v>666316.35</v>
      </c>
      <c r="C40024" s="7">
        <f t="shared" si="625"/>
        <v>666.31634999999994</v>
      </c>
      <c r="I40024" s="1"/>
    </row>
    <row r="40025" spans="1:9" x14ac:dyDescent="0.25">
      <c r="A40025" s="3">
        <v>41706.457719907405</v>
      </c>
      <c r="B40025" s="6">
        <v>666333</v>
      </c>
      <c r="C40025" s="7">
        <f t="shared" si="625"/>
        <v>666.33299999999997</v>
      </c>
      <c r="I40025" s="1"/>
    </row>
    <row r="40026" spans="1:9" x14ac:dyDescent="0.25">
      <c r="A40026" s="3">
        <v>41706.457870370374</v>
      </c>
      <c r="B40026" s="6">
        <v>666349.64999999991</v>
      </c>
      <c r="C40026" s="7">
        <f t="shared" si="625"/>
        <v>666.34964999999988</v>
      </c>
      <c r="I40026" s="1"/>
    </row>
    <row r="40027" spans="1:9" x14ac:dyDescent="0.25">
      <c r="A40027" s="3">
        <v>41706.460300925923</v>
      </c>
      <c r="B40027" s="6">
        <v>666366.29999999993</v>
      </c>
      <c r="C40027" s="7">
        <f t="shared" si="625"/>
        <v>666.36629999999991</v>
      </c>
      <c r="I40027" s="1"/>
    </row>
    <row r="40028" spans="1:9" x14ac:dyDescent="0.25">
      <c r="A40028" s="3">
        <v>41706.460520833331</v>
      </c>
      <c r="B40028" s="6">
        <v>666382.94999999995</v>
      </c>
      <c r="C40028" s="7">
        <f t="shared" si="625"/>
        <v>666.38294999999994</v>
      </c>
      <c r="I40028" s="1"/>
    </row>
    <row r="40029" spans="1:9" x14ac:dyDescent="0.25">
      <c r="A40029" s="3">
        <v>41706.46361111111</v>
      </c>
      <c r="B40029" s="6">
        <v>666399.6</v>
      </c>
      <c r="C40029" s="7">
        <f t="shared" si="625"/>
        <v>666.39959999999996</v>
      </c>
      <c r="I40029" s="1"/>
    </row>
    <row r="40030" spans="1:9" x14ac:dyDescent="0.25">
      <c r="A40030" s="3">
        <v>41706.464953703704</v>
      </c>
      <c r="B40030" s="6">
        <v>666416.25</v>
      </c>
      <c r="C40030" s="7">
        <f t="shared" si="625"/>
        <v>666.41624999999999</v>
      </c>
      <c r="I40030" s="1"/>
    </row>
    <row r="40031" spans="1:9" x14ac:dyDescent="0.25">
      <c r="A40031" s="3">
        <v>41706.473055555558</v>
      </c>
      <c r="B40031" s="6">
        <v>666432.89999999991</v>
      </c>
      <c r="C40031" s="7">
        <f t="shared" si="625"/>
        <v>666.4328999999999</v>
      </c>
      <c r="I40031" s="1"/>
    </row>
    <row r="40032" spans="1:9" x14ac:dyDescent="0.25">
      <c r="A40032" s="3">
        <v>41706.473726851851</v>
      </c>
      <c r="B40032" s="6">
        <v>666449.54999999993</v>
      </c>
      <c r="C40032" s="7">
        <f t="shared" si="625"/>
        <v>666.44954999999993</v>
      </c>
      <c r="I40032" s="1"/>
    </row>
    <row r="40033" spans="1:9" x14ac:dyDescent="0.25">
      <c r="A40033" s="3">
        <v>41706.478125000001</v>
      </c>
      <c r="B40033" s="6">
        <v>666466.19999999995</v>
      </c>
      <c r="C40033" s="7">
        <f t="shared" si="625"/>
        <v>666.46619999999996</v>
      </c>
      <c r="I40033" s="1"/>
    </row>
    <row r="40034" spans="1:9" x14ac:dyDescent="0.25">
      <c r="A40034" s="3">
        <v>41706.478356481479</v>
      </c>
      <c r="B40034" s="6">
        <v>666482.85</v>
      </c>
      <c r="C40034" s="7">
        <f t="shared" si="625"/>
        <v>666.48284999999998</v>
      </c>
      <c r="I40034" s="1"/>
    </row>
    <row r="40035" spans="1:9" x14ac:dyDescent="0.25">
      <c r="A40035" s="3">
        <v>41706.482569444444</v>
      </c>
      <c r="B40035" s="6">
        <v>666499.5</v>
      </c>
      <c r="C40035" s="7">
        <f t="shared" si="625"/>
        <v>666.49950000000001</v>
      </c>
      <c r="I40035" s="1"/>
    </row>
    <row r="40036" spans="1:9" x14ac:dyDescent="0.25">
      <c r="A40036" s="3">
        <v>41706.48269675926</v>
      </c>
      <c r="B40036" s="6">
        <v>666516.14999999991</v>
      </c>
      <c r="C40036" s="7">
        <f t="shared" si="625"/>
        <v>666.51614999999993</v>
      </c>
      <c r="I40036" s="1"/>
    </row>
    <row r="40037" spans="1:9" x14ac:dyDescent="0.25">
      <c r="A40037" s="3">
        <v>41706.485763888886</v>
      </c>
      <c r="B40037" s="6">
        <v>666532.79999999993</v>
      </c>
      <c r="C40037" s="7">
        <f t="shared" si="625"/>
        <v>666.53279999999995</v>
      </c>
      <c r="I40037" s="1"/>
    </row>
    <row r="40038" spans="1:9" x14ac:dyDescent="0.25">
      <c r="A40038" s="3">
        <v>41706.486307870371</v>
      </c>
      <c r="B40038" s="6">
        <v>666549.44999999995</v>
      </c>
      <c r="C40038" s="7">
        <f t="shared" si="625"/>
        <v>666.54944999999998</v>
      </c>
      <c r="I40038" s="1"/>
    </row>
    <row r="40039" spans="1:9" x14ac:dyDescent="0.25">
      <c r="A40039" s="3">
        <v>41706.489074074074</v>
      </c>
      <c r="B40039" s="6">
        <v>666566.1</v>
      </c>
      <c r="C40039" s="7">
        <f t="shared" si="625"/>
        <v>666.56610000000001</v>
      </c>
      <c r="I40039" s="1"/>
    </row>
    <row r="40040" spans="1:9" x14ac:dyDescent="0.25">
      <c r="A40040" s="3">
        <v>41706.489988425928</v>
      </c>
      <c r="B40040" s="6">
        <v>666582.75</v>
      </c>
      <c r="C40040" s="7">
        <f t="shared" si="625"/>
        <v>666.58275000000003</v>
      </c>
      <c r="I40040" s="1"/>
    </row>
    <row r="40041" spans="1:9" x14ac:dyDescent="0.25">
      <c r="A40041" s="3">
        <v>41706.492858796293</v>
      </c>
      <c r="B40041" s="6">
        <v>666599.39999999991</v>
      </c>
      <c r="C40041" s="7">
        <f t="shared" si="625"/>
        <v>666.59939999999995</v>
      </c>
      <c r="I40041" s="1"/>
    </row>
    <row r="40042" spans="1:9" x14ac:dyDescent="0.25">
      <c r="A40042" s="3">
        <v>41706.492974537039</v>
      </c>
      <c r="B40042" s="6">
        <v>666616.04999999993</v>
      </c>
      <c r="C40042" s="7">
        <f t="shared" si="625"/>
        <v>666.61604999999997</v>
      </c>
      <c r="I40042" s="1"/>
    </row>
    <row r="40043" spans="1:9" x14ac:dyDescent="0.25">
      <c r="A40043" s="3">
        <v>41706.496921296297</v>
      </c>
      <c r="B40043" s="6">
        <v>666632.69999999995</v>
      </c>
      <c r="C40043" s="7">
        <f t="shared" si="625"/>
        <v>666.6327</v>
      </c>
      <c r="I40043" s="1"/>
    </row>
    <row r="40044" spans="1:9" x14ac:dyDescent="0.25">
      <c r="A40044" s="3">
        <v>41706.497037037036</v>
      </c>
      <c r="B40044" s="6">
        <v>666649.35</v>
      </c>
      <c r="C40044" s="7">
        <f t="shared" si="625"/>
        <v>666.64935000000003</v>
      </c>
      <c r="I40044" s="1"/>
    </row>
    <row r="40045" spans="1:9" x14ac:dyDescent="0.25">
      <c r="A40045" s="3">
        <v>41706.497986111113</v>
      </c>
      <c r="B40045" s="6">
        <v>666666</v>
      </c>
      <c r="C40045" s="7">
        <f t="shared" si="625"/>
        <v>666.66600000000005</v>
      </c>
      <c r="I40045" s="1"/>
    </row>
    <row r="40046" spans="1:9" x14ac:dyDescent="0.25">
      <c r="A40046" s="3">
        <v>41706.498449074075</v>
      </c>
      <c r="B40046" s="6">
        <v>666682.64999999991</v>
      </c>
      <c r="C40046" s="7">
        <f t="shared" si="625"/>
        <v>666.68264999999985</v>
      </c>
      <c r="I40046" s="1"/>
    </row>
    <row r="40047" spans="1:9" x14ac:dyDescent="0.25">
      <c r="A40047" s="3">
        <v>41706.509976851848</v>
      </c>
      <c r="B40047" s="6">
        <v>666699.29999999993</v>
      </c>
      <c r="C40047" s="7">
        <f t="shared" si="625"/>
        <v>666.69929999999988</v>
      </c>
      <c r="I40047" s="1"/>
    </row>
    <row r="40048" spans="1:9" x14ac:dyDescent="0.25">
      <c r="A40048" s="3">
        <v>41706.510104166664</v>
      </c>
      <c r="B40048" s="6">
        <v>666715.94999999995</v>
      </c>
      <c r="C40048" s="7">
        <f t="shared" si="625"/>
        <v>666.71594999999991</v>
      </c>
      <c r="I40048" s="1"/>
    </row>
    <row r="40049" spans="1:9" x14ac:dyDescent="0.25">
      <c r="A40049" s="3">
        <v>41706.514363425929</v>
      </c>
      <c r="B40049" s="6">
        <v>666732.6</v>
      </c>
      <c r="C40049" s="7">
        <f t="shared" si="625"/>
        <v>666.73259999999993</v>
      </c>
      <c r="I40049" s="1"/>
    </row>
    <row r="40050" spans="1:9" x14ac:dyDescent="0.25">
      <c r="A40050" s="3">
        <v>41706.514490740738</v>
      </c>
      <c r="B40050" s="6">
        <v>666749.25</v>
      </c>
      <c r="C40050" s="7">
        <f t="shared" si="625"/>
        <v>666.74924999999996</v>
      </c>
      <c r="I40050" s="1"/>
    </row>
    <row r="40051" spans="1:9" x14ac:dyDescent="0.25">
      <c r="A40051" s="3">
        <v>41706.515613425923</v>
      </c>
      <c r="B40051" s="6">
        <v>666765.89999999991</v>
      </c>
      <c r="C40051" s="7">
        <f t="shared" si="625"/>
        <v>666.76589999999987</v>
      </c>
      <c r="I40051" s="1"/>
    </row>
    <row r="40052" spans="1:9" x14ac:dyDescent="0.25">
      <c r="A40052" s="3">
        <v>41706.5156712963</v>
      </c>
      <c r="B40052" s="6">
        <v>666782.54999999993</v>
      </c>
      <c r="C40052" s="7">
        <f t="shared" si="625"/>
        <v>666.7825499999999</v>
      </c>
      <c r="I40052" s="1"/>
    </row>
    <row r="40053" spans="1:9" x14ac:dyDescent="0.25">
      <c r="A40053" s="3">
        <v>41706.516296296293</v>
      </c>
      <c r="B40053" s="6">
        <v>666799.19999999995</v>
      </c>
      <c r="C40053" s="7">
        <f t="shared" si="625"/>
        <v>666.79919999999993</v>
      </c>
      <c r="I40053" s="1"/>
    </row>
    <row r="40054" spans="1:9" x14ac:dyDescent="0.25">
      <c r="A40054" s="3">
        <v>41706.516365740739</v>
      </c>
      <c r="B40054" s="6">
        <v>666815.85</v>
      </c>
      <c r="C40054" s="7">
        <f t="shared" si="625"/>
        <v>666.81584999999995</v>
      </c>
      <c r="I40054" s="1"/>
    </row>
    <row r="40055" spans="1:9" x14ac:dyDescent="0.25">
      <c r="A40055" s="3">
        <v>41706.518842592595</v>
      </c>
      <c r="B40055" s="6">
        <v>666832.5</v>
      </c>
      <c r="C40055" s="7">
        <f t="shared" si="625"/>
        <v>666.83249999999998</v>
      </c>
      <c r="I40055" s="1"/>
    </row>
    <row r="40056" spans="1:9" x14ac:dyDescent="0.25">
      <c r="A40056" s="3">
        <v>41706.518935185188</v>
      </c>
      <c r="B40056" s="6">
        <v>666849.14999999991</v>
      </c>
      <c r="C40056" s="7">
        <f t="shared" si="625"/>
        <v>666.8491499999999</v>
      </c>
      <c r="I40056" s="1"/>
    </row>
    <row r="40057" spans="1:9" x14ac:dyDescent="0.25">
      <c r="A40057" s="3">
        <v>41706.520428240743</v>
      </c>
      <c r="B40057" s="6">
        <v>666865.79999999993</v>
      </c>
      <c r="C40057" s="7">
        <f t="shared" si="625"/>
        <v>666.86579999999992</v>
      </c>
      <c r="I40057" s="1"/>
    </row>
    <row r="40058" spans="1:9" x14ac:dyDescent="0.25">
      <c r="A40058" s="3">
        <v>41706.520520833335</v>
      </c>
      <c r="B40058" s="6">
        <v>666882.44999999995</v>
      </c>
      <c r="C40058" s="7">
        <f t="shared" si="625"/>
        <v>666.88244999999995</v>
      </c>
      <c r="I40058" s="1"/>
    </row>
    <row r="40059" spans="1:9" x14ac:dyDescent="0.25">
      <c r="A40059" s="3">
        <v>41706.524108796293</v>
      </c>
      <c r="B40059" s="6">
        <v>666899.1</v>
      </c>
      <c r="C40059" s="7">
        <f t="shared" si="625"/>
        <v>666.89909999999998</v>
      </c>
      <c r="I40059" s="1"/>
    </row>
    <row r="40060" spans="1:9" x14ac:dyDescent="0.25">
      <c r="A40060" s="3">
        <v>41706.525011574071</v>
      </c>
      <c r="B40060" s="6">
        <v>666915.75</v>
      </c>
      <c r="C40060" s="7">
        <f t="shared" si="625"/>
        <v>666.91575</v>
      </c>
      <c r="I40060" s="1"/>
    </row>
    <row r="40061" spans="1:9" x14ac:dyDescent="0.25">
      <c r="A40061" s="3">
        <v>41706.529340277775</v>
      </c>
      <c r="B40061" s="6">
        <v>666932.39999999991</v>
      </c>
      <c r="C40061" s="7">
        <f t="shared" si="625"/>
        <v>666.93239999999992</v>
      </c>
      <c r="I40061" s="1"/>
    </row>
    <row r="40062" spans="1:9" x14ac:dyDescent="0.25">
      <c r="A40062" s="3">
        <v>41706.529409722221</v>
      </c>
      <c r="B40062" s="6">
        <v>666949.04999999993</v>
      </c>
      <c r="C40062" s="7">
        <f t="shared" si="625"/>
        <v>666.94904999999994</v>
      </c>
      <c r="I40062" s="1"/>
    </row>
    <row r="40063" spans="1:9" x14ac:dyDescent="0.25">
      <c r="A40063" s="3">
        <v>41706.531226851854</v>
      </c>
      <c r="B40063" s="6">
        <v>666965.69999999995</v>
      </c>
      <c r="C40063" s="7">
        <f t="shared" si="625"/>
        <v>666.96569999999997</v>
      </c>
      <c r="I40063" s="1"/>
    </row>
    <row r="40064" spans="1:9" x14ac:dyDescent="0.25">
      <c r="A40064" s="3">
        <v>41706.531354166669</v>
      </c>
      <c r="B40064" s="6">
        <v>666982.35</v>
      </c>
      <c r="C40064" s="7">
        <f t="shared" si="625"/>
        <v>666.98235</v>
      </c>
      <c r="I40064" s="1"/>
    </row>
    <row r="40065" spans="1:9" x14ac:dyDescent="0.25">
      <c r="A40065" s="3">
        <v>41706.532453703701</v>
      </c>
      <c r="B40065" s="6">
        <v>666999</v>
      </c>
      <c r="C40065" s="7">
        <f t="shared" si="625"/>
        <v>666.99900000000002</v>
      </c>
      <c r="I40065" s="1"/>
    </row>
    <row r="40066" spans="1:9" x14ac:dyDescent="0.25">
      <c r="A40066" s="3">
        <v>41706.532546296294</v>
      </c>
      <c r="B40066" s="6">
        <v>667015.64999999991</v>
      </c>
      <c r="C40066" s="7">
        <f t="shared" si="625"/>
        <v>667.01564999999994</v>
      </c>
      <c r="I40066" s="1"/>
    </row>
    <row r="40067" spans="1:9" x14ac:dyDescent="0.25">
      <c r="A40067" s="3">
        <v>41706.533888888887</v>
      </c>
      <c r="B40067" s="6">
        <v>667032.29999999993</v>
      </c>
      <c r="C40067" s="7">
        <f t="shared" ref="C40067:C40130" si="626">B40067/1000</f>
        <v>667.03229999999996</v>
      </c>
      <c r="I40067" s="1"/>
    </row>
    <row r="40068" spans="1:9" x14ac:dyDescent="0.25">
      <c r="A40068" s="3">
        <v>41706.534074074072</v>
      </c>
      <c r="B40068" s="6">
        <v>667048.94999999995</v>
      </c>
      <c r="C40068" s="7">
        <f t="shared" si="626"/>
        <v>667.04894999999999</v>
      </c>
      <c r="I40068" s="1"/>
    </row>
    <row r="40069" spans="1:9" x14ac:dyDescent="0.25">
      <c r="A40069" s="3">
        <v>41706.537048611113</v>
      </c>
      <c r="B40069" s="6">
        <v>667065.59999999998</v>
      </c>
      <c r="C40069" s="7">
        <f t="shared" si="626"/>
        <v>667.06560000000002</v>
      </c>
      <c r="I40069" s="1"/>
    </row>
    <row r="40070" spans="1:9" x14ac:dyDescent="0.25">
      <c r="A40070" s="3">
        <v>41706.538912037038</v>
      </c>
      <c r="B40070" s="6">
        <v>667082.25</v>
      </c>
      <c r="C40070" s="7">
        <f t="shared" si="626"/>
        <v>667.08225000000004</v>
      </c>
      <c r="I40070" s="1"/>
    </row>
    <row r="40071" spans="1:9" x14ac:dyDescent="0.25">
      <c r="A40071" s="3">
        <v>41706.54451388889</v>
      </c>
      <c r="B40071" s="6">
        <v>667098.89999999991</v>
      </c>
      <c r="C40071" s="7">
        <f t="shared" si="626"/>
        <v>667.09889999999996</v>
      </c>
      <c r="I40071" s="1"/>
    </row>
    <row r="40072" spans="1:9" x14ac:dyDescent="0.25">
      <c r="A40072" s="3">
        <v>41706.545046296298</v>
      </c>
      <c r="B40072" s="6">
        <v>667115.54999999993</v>
      </c>
      <c r="C40072" s="7">
        <f t="shared" si="626"/>
        <v>667.11554999999998</v>
      </c>
      <c r="I40072" s="1"/>
    </row>
    <row r="40073" spans="1:9" x14ac:dyDescent="0.25">
      <c r="A40073" s="3">
        <v>41706.550127314818</v>
      </c>
      <c r="B40073" s="6">
        <v>667132.19999999995</v>
      </c>
      <c r="C40073" s="7">
        <f t="shared" si="626"/>
        <v>667.1321999999999</v>
      </c>
      <c r="I40073" s="1"/>
    </row>
    <row r="40074" spans="1:9" x14ac:dyDescent="0.25">
      <c r="A40074" s="3">
        <v>41706.55023148148</v>
      </c>
      <c r="B40074" s="6">
        <v>667148.85</v>
      </c>
      <c r="C40074" s="7">
        <f t="shared" si="626"/>
        <v>667.14884999999992</v>
      </c>
      <c r="I40074" s="1"/>
    </row>
    <row r="40075" spans="1:9" x14ac:dyDescent="0.25">
      <c r="A40075" s="3">
        <v>41706.553784722222</v>
      </c>
      <c r="B40075" s="6">
        <v>667165.5</v>
      </c>
      <c r="C40075" s="7">
        <f t="shared" si="626"/>
        <v>667.16549999999995</v>
      </c>
      <c r="I40075" s="1"/>
    </row>
    <row r="40076" spans="1:9" x14ac:dyDescent="0.25">
      <c r="A40076" s="3">
        <v>41706.554872685185</v>
      </c>
      <c r="B40076" s="6">
        <v>667182.14999999991</v>
      </c>
      <c r="C40076" s="7">
        <f t="shared" si="626"/>
        <v>667.18214999999987</v>
      </c>
      <c r="I40076" s="1"/>
    </row>
    <row r="40077" spans="1:9" x14ac:dyDescent="0.25">
      <c r="A40077" s="3">
        <v>41706.56082175926</v>
      </c>
      <c r="B40077" s="6">
        <v>667198.79999999993</v>
      </c>
      <c r="C40077" s="7">
        <f t="shared" si="626"/>
        <v>667.19879999999989</v>
      </c>
      <c r="I40077" s="1"/>
    </row>
    <row r="40078" spans="1:9" x14ac:dyDescent="0.25">
      <c r="A40078" s="3">
        <v>41706.560983796298</v>
      </c>
      <c r="B40078" s="6">
        <v>667215.44999999995</v>
      </c>
      <c r="C40078" s="7">
        <f t="shared" si="626"/>
        <v>667.21544999999992</v>
      </c>
      <c r="I40078" s="1"/>
    </row>
    <row r="40079" spans="1:9" x14ac:dyDescent="0.25">
      <c r="A40079" s="3">
        <v>41706.563240740739</v>
      </c>
      <c r="B40079" s="6">
        <v>667232.1</v>
      </c>
      <c r="C40079" s="7">
        <f t="shared" si="626"/>
        <v>667.23209999999995</v>
      </c>
      <c r="I40079" s="1"/>
    </row>
    <row r="40080" spans="1:9" x14ac:dyDescent="0.25">
      <c r="A40080" s="3">
        <v>41706.563321759262</v>
      </c>
      <c r="B40080" s="6">
        <v>667248.75</v>
      </c>
      <c r="C40080" s="7">
        <f t="shared" si="626"/>
        <v>667.24874999999997</v>
      </c>
      <c r="I40080" s="1"/>
    </row>
    <row r="40081" spans="1:9" x14ac:dyDescent="0.25">
      <c r="A40081" s="3">
        <v>41706.565740740742</v>
      </c>
      <c r="B40081" s="6">
        <v>667265.39999999991</v>
      </c>
      <c r="C40081" s="7">
        <f t="shared" si="626"/>
        <v>667.26539999999989</v>
      </c>
      <c r="I40081" s="1"/>
    </row>
    <row r="40082" spans="1:9" x14ac:dyDescent="0.25">
      <c r="A40082" s="3">
        <v>41706.56590277778</v>
      </c>
      <c r="B40082" s="6">
        <v>667282.04999999993</v>
      </c>
      <c r="C40082" s="7">
        <f t="shared" si="626"/>
        <v>667.28204999999991</v>
      </c>
      <c r="I40082" s="1"/>
    </row>
    <row r="40083" spans="1:9" x14ac:dyDescent="0.25">
      <c r="A40083" s="3">
        <v>41706.567407407405</v>
      </c>
      <c r="B40083" s="6">
        <v>667298.69999999995</v>
      </c>
      <c r="C40083" s="7">
        <f t="shared" si="626"/>
        <v>667.29869999999994</v>
      </c>
      <c r="I40083" s="1"/>
    </row>
    <row r="40084" spans="1:9" x14ac:dyDescent="0.25">
      <c r="A40084" s="3">
        <v>41706.568287037036</v>
      </c>
      <c r="B40084" s="6">
        <v>667315.35</v>
      </c>
      <c r="C40084" s="7">
        <f t="shared" si="626"/>
        <v>667.31534999999997</v>
      </c>
      <c r="I40084" s="1"/>
    </row>
    <row r="40085" spans="1:9" x14ac:dyDescent="0.25">
      <c r="A40085" s="3">
        <v>41706.570069444446</v>
      </c>
      <c r="B40085" s="6">
        <v>667332</v>
      </c>
      <c r="C40085" s="7">
        <f t="shared" si="626"/>
        <v>667.33199999999999</v>
      </c>
      <c r="I40085" s="1"/>
    </row>
    <row r="40086" spans="1:9" x14ac:dyDescent="0.25">
      <c r="A40086" s="3">
        <v>41706.570729166669</v>
      </c>
      <c r="B40086" s="6">
        <v>667348.64999999991</v>
      </c>
      <c r="C40086" s="7">
        <f t="shared" si="626"/>
        <v>667.34864999999991</v>
      </c>
      <c r="I40086" s="1"/>
    </row>
    <row r="40087" spans="1:9" x14ac:dyDescent="0.25">
      <c r="A40087" s="3">
        <v>41706.574687499997</v>
      </c>
      <c r="B40087" s="6">
        <v>667365.29999999993</v>
      </c>
      <c r="C40087" s="7">
        <f t="shared" si="626"/>
        <v>667.36529999999993</v>
      </c>
      <c r="I40087" s="1"/>
    </row>
    <row r="40088" spans="1:9" x14ac:dyDescent="0.25">
      <c r="A40088" s="3">
        <v>41706.574976851851</v>
      </c>
      <c r="B40088" s="6">
        <v>667381.94999999995</v>
      </c>
      <c r="C40088" s="7">
        <f t="shared" si="626"/>
        <v>667.38194999999996</v>
      </c>
      <c r="I40088" s="1"/>
    </row>
    <row r="40089" spans="1:9" x14ac:dyDescent="0.25">
      <c r="A40089" s="3">
        <v>41706.581134259257</v>
      </c>
      <c r="B40089" s="6">
        <v>667398.6</v>
      </c>
      <c r="C40089" s="7">
        <f t="shared" si="626"/>
        <v>667.39859999999999</v>
      </c>
      <c r="I40089" s="1"/>
    </row>
    <row r="40090" spans="1:9" x14ac:dyDescent="0.25">
      <c r="A40090" s="3">
        <v>41706.581273148149</v>
      </c>
      <c r="B40090" s="6">
        <v>667415.25</v>
      </c>
      <c r="C40090" s="7">
        <f t="shared" si="626"/>
        <v>667.41525000000001</v>
      </c>
      <c r="I40090" s="1"/>
    </row>
    <row r="40091" spans="1:9" x14ac:dyDescent="0.25">
      <c r="A40091" s="3">
        <v>41706.58320601852</v>
      </c>
      <c r="B40091" s="6">
        <v>667431.89999999991</v>
      </c>
      <c r="C40091" s="7">
        <f t="shared" si="626"/>
        <v>667.43189999999993</v>
      </c>
      <c r="I40091" s="1"/>
    </row>
    <row r="40092" spans="1:9" x14ac:dyDescent="0.25">
      <c r="A40092" s="3">
        <v>41706.583356481482</v>
      </c>
      <c r="B40092" s="6">
        <v>667448.54999999993</v>
      </c>
      <c r="C40092" s="7">
        <f t="shared" si="626"/>
        <v>667.44854999999995</v>
      </c>
      <c r="I40092" s="1"/>
    </row>
    <row r="40093" spans="1:9" x14ac:dyDescent="0.25">
      <c r="A40093" s="3">
        <v>41706.587187500001</v>
      </c>
      <c r="B40093" s="6">
        <v>667465.19999999995</v>
      </c>
      <c r="C40093" s="7">
        <f t="shared" si="626"/>
        <v>667.46519999999998</v>
      </c>
      <c r="I40093" s="1"/>
    </row>
    <row r="40094" spans="1:9" x14ac:dyDescent="0.25">
      <c r="A40094" s="3">
        <v>41706.587291666663</v>
      </c>
      <c r="B40094" s="6">
        <v>667481.85</v>
      </c>
      <c r="C40094" s="7">
        <f t="shared" si="626"/>
        <v>667.48185000000001</v>
      </c>
      <c r="I40094" s="1"/>
    </row>
    <row r="40095" spans="1:9" x14ac:dyDescent="0.25">
      <c r="A40095" s="3">
        <v>41706.589745370373</v>
      </c>
      <c r="B40095" s="6">
        <v>667498.5</v>
      </c>
      <c r="C40095" s="7">
        <f t="shared" si="626"/>
        <v>667.49850000000004</v>
      </c>
      <c r="I40095" s="1"/>
    </row>
    <row r="40096" spans="1:9" x14ac:dyDescent="0.25">
      <c r="A40096" s="3">
        <v>41706.589837962965</v>
      </c>
      <c r="B40096" s="6">
        <v>667515.14999999991</v>
      </c>
      <c r="C40096" s="7">
        <f t="shared" si="626"/>
        <v>667.51514999999995</v>
      </c>
      <c r="I40096" s="1"/>
    </row>
    <row r="40097" spans="1:9" x14ac:dyDescent="0.25">
      <c r="A40097" s="3">
        <v>41706.590995370374</v>
      </c>
      <c r="B40097" s="6">
        <v>667531.79999999993</v>
      </c>
      <c r="C40097" s="7">
        <f t="shared" si="626"/>
        <v>667.53179999999998</v>
      </c>
      <c r="I40097" s="1"/>
    </row>
    <row r="40098" spans="1:9" x14ac:dyDescent="0.25">
      <c r="A40098" s="3">
        <v>41706.591134259259</v>
      </c>
      <c r="B40098" s="6">
        <v>667548.44999999995</v>
      </c>
      <c r="C40098" s="7">
        <f t="shared" si="626"/>
        <v>667.54845</v>
      </c>
      <c r="I40098" s="1"/>
    </row>
    <row r="40099" spans="1:9" x14ac:dyDescent="0.25">
      <c r="A40099" s="3">
        <v>41706.593773148146</v>
      </c>
      <c r="B40099" s="6">
        <v>667565.1</v>
      </c>
      <c r="C40099" s="7">
        <f t="shared" si="626"/>
        <v>667.56510000000003</v>
      </c>
      <c r="I40099" s="1"/>
    </row>
    <row r="40100" spans="1:9" x14ac:dyDescent="0.25">
      <c r="A40100" s="3">
        <v>41706.593865740739</v>
      </c>
      <c r="B40100" s="6">
        <v>667581.75</v>
      </c>
      <c r="C40100" s="7">
        <f t="shared" si="626"/>
        <v>667.58175000000006</v>
      </c>
      <c r="I40100" s="1"/>
    </row>
    <row r="40101" spans="1:9" x14ac:dyDescent="0.25">
      <c r="A40101" s="3">
        <v>41706.595127314817</v>
      </c>
      <c r="B40101" s="6">
        <v>667598.39999999991</v>
      </c>
      <c r="C40101" s="7">
        <f t="shared" si="626"/>
        <v>667.59839999999986</v>
      </c>
      <c r="I40101" s="1"/>
    </row>
    <row r="40102" spans="1:9" x14ac:dyDescent="0.25">
      <c r="A40102" s="3">
        <v>41706.595208333332</v>
      </c>
      <c r="B40102" s="6">
        <v>667615.04999999993</v>
      </c>
      <c r="C40102" s="7">
        <f t="shared" si="626"/>
        <v>667.61504999999988</v>
      </c>
      <c r="I40102" s="1"/>
    </row>
    <row r="40103" spans="1:9" x14ac:dyDescent="0.25">
      <c r="A40103" s="3">
        <v>41706.599421296298</v>
      </c>
      <c r="B40103" s="6">
        <v>667631.69999999995</v>
      </c>
      <c r="C40103" s="7">
        <f t="shared" si="626"/>
        <v>667.63169999999991</v>
      </c>
      <c r="I40103" s="1"/>
    </row>
    <row r="40104" spans="1:9" x14ac:dyDescent="0.25">
      <c r="A40104" s="3">
        <v>41706.59951388889</v>
      </c>
      <c r="B40104" s="6">
        <v>667648.35</v>
      </c>
      <c r="C40104" s="7">
        <f t="shared" si="626"/>
        <v>667.64834999999994</v>
      </c>
      <c r="I40104" s="1"/>
    </row>
    <row r="40105" spans="1:9" x14ac:dyDescent="0.25">
      <c r="A40105" s="3">
        <v>41706.601817129631</v>
      </c>
      <c r="B40105" s="6">
        <v>667665</v>
      </c>
      <c r="C40105" s="7">
        <f t="shared" si="626"/>
        <v>667.66499999999996</v>
      </c>
      <c r="I40105" s="1"/>
    </row>
    <row r="40106" spans="1:9" x14ac:dyDescent="0.25">
      <c r="A40106" s="3">
        <v>41706.602592592593</v>
      </c>
      <c r="B40106" s="6">
        <v>667681.64999999991</v>
      </c>
      <c r="C40106" s="7">
        <f t="shared" si="626"/>
        <v>667.68164999999988</v>
      </c>
      <c r="I40106" s="1"/>
    </row>
    <row r="40107" spans="1:9" x14ac:dyDescent="0.25">
      <c r="A40107" s="3">
        <v>41706.604305555556</v>
      </c>
      <c r="B40107" s="6">
        <v>667698.29999999993</v>
      </c>
      <c r="C40107" s="7">
        <f t="shared" si="626"/>
        <v>667.6982999999999</v>
      </c>
      <c r="I40107" s="1"/>
    </row>
    <row r="40108" spans="1:9" x14ac:dyDescent="0.25">
      <c r="A40108" s="3">
        <v>41706.604814814818</v>
      </c>
      <c r="B40108" s="6">
        <v>667714.94999999995</v>
      </c>
      <c r="C40108" s="7">
        <f t="shared" si="626"/>
        <v>667.71494999999993</v>
      </c>
      <c r="I40108" s="1"/>
    </row>
    <row r="40109" spans="1:9" x14ac:dyDescent="0.25">
      <c r="A40109" s="3">
        <v>41706.610972222225</v>
      </c>
      <c r="B40109" s="6">
        <v>667731.6</v>
      </c>
      <c r="C40109" s="7">
        <f t="shared" si="626"/>
        <v>667.73159999999996</v>
      </c>
      <c r="I40109" s="1"/>
    </row>
    <row r="40110" spans="1:9" x14ac:dyDescent="0.25">
      <c r="A40110" s="3">
        <v>41706.611527777779</v>
      </c>
      <c r="B40110" s="6">
        <v>667748.25</v>
      </c>
      <c r="C40110" s="7">
        <f t="shared" si="626"/>
        <v>667.74824999999998</v>
      </c>
      <c r="I40110" s="1"/>
    </row>
    <row r="40111" spans="1:9" x14ac:dyDescent="0.25">
      <c r="A40111" s="3">
        <v>41706.617476851854</v>
      </c>
      <c r="B40111" s="6">
        <v>667764.89999999991</v>
      </c>
      <c r="C40111" s="7">
        <f t="shared" si="626"/>
        <v>667.7648999999999</v>
      </c>
      <c r="I40111" s="1"/>
    </row>
    <row r="40112" spans="1:9" x14ac:dyDescent="0.25">
      <c r="A40112" s="3">
        <v>41706.617615740739</v>
      </c>
      <c r="B40112" s="6">
        <v>667781.54999999993</v>
      </c>
      <c r="C40112" s="7">
        <f t="shared" si="626"/>
        <v>667.78154999999992</v>
      </c>
      <c r="I40112" s="1"/>
    </row>
    <row r="40113" spans="1:9" x14ac:dyDescent="0.25">
      <c r="A40113" s="3">
        <v>41706.629594907405</v>
      </c>
      <c r="B40113" s="6">
        <v>667798.19999999995</v>
      </c>
      <c r="C40113" s="7">
        <f t="shared" si="626"/>
        <v>667.79819999999995</v>
      </c>
      <c r="I40113" s="1"/>
    </row>
    <row r="40114" spans="1:9" x14ac:dyDescent="0.25">
      <c r="A40114" s="3">
        <v>41706.629849537036</v>
      </c>
      <c r="B40114" s="6">
        <v>667814.85</v>
      </c>
      <c r="C40114" s="7">
        <f t="shared" si="626"/>
        <v>667.81484999999998</v>
      </c>
      <c r="I40114" s="1"/>
    </row>
    <row r="40115" spans="1:9" x14ac:dyDescent="0.25">
      <c r="A40115" s="3">
        <v>41706.638206018521</v>
      </c>
      <c r="B40115" s="6">
        <v>667831.5</v>
      </c>
      <c r="C40115" s="7">
        <f t="shared" si="626"/>
        <v>667.83150000000001</v>
      </c>
      <c r="I40115" s="1"/>
    </row>
    <row r="40116" spans="1:9" x14ac:dyDescent="0.25">
      <c r="A40116" s="3">
        <v>41706.638333333336</v>
      </c>
      <c r="B40116" s="6">
        <v>667848.14999999991</v>
      </c>
      <c r="C40116" s="7">
        <f t="shared" si="626"/>
        <v>667.84814999999992</v>
      </c>
      <c r="I40116" s="1"/>
    </row>
    <row r="40117" spans="1:9" x14ac:dyDescent="0.25">
      <c r="A40117" s="3">
        <v>41706.639976851853</v>
      </c>
      <c r="B40117" s="6">
        <v>667864.79999999993</v>
      </c>
      <c r="C40117" s="7">
        <f t="shared" si="626"/>
        <v>667.86479999999995</v>
      </c>
      <c r="I40117" s="1"/>
    </row>
    <row r="40118" spans="1:9" x14ac:dyDescent="0.25">
      <c r="A40118" s="3">
        <v>41706.64025462963</v>
      </c>
      <c r="B40118" s="6">
        <v>667881.44999999995</v>
      </c>
      <c r="C40118" s="7">
        <f t="shared" si="626"/>
        <v>667.88144999999997</v>
      </c>
      <c r="I40118" s="1"/>
    </row>
    <row r="40119" spans="1:9" x14ac:dyDescent="0.25">
      <c r="A40119" s="3">
        <v>41706.643657407411</v>
      </c>
      <c r="B40119" s="6">
        <v>667898.1</v>
      </c>
      <c r="C40119" s="7">
        <f t="shared" si="626"/>
        <v>667.8981</v>
      </c>
      <c r="I40119" s="1"/>
    </row>
    <row r="40120" spans="1:9" x14ac:dyDescent="0.25">
      <c r="A40120" s="3">
        <v>41706.64403935185</v>
      </c>
      <c r="B40120" s="6">
        <v>667914.75</v>
      </c>
      <c r="C40120" s="7">
        <f t="shared" si="626"/>
        <v>667.91475000000003</v>
      </c>
      <c r="I40120" s="1"/>
    </row>
    <row r="40121" spans="1:9" x14ac:dyDescent="0.25">
      <c r="A40121" s="3">
        <v>41706.646226851852</v>
      </c>
      <c r="B40121" s="6">
        <v>667931.39999999991</v>
      </c>
      <c r="C40121" s="7">
        <f t="shared" si="626"/>
        <v>667.93139999999994</v>
      </c>
      <c r="I40121" s="1"/>
    </row>
    <row r="40122" spans="1:9" x14ac:dyDescent="0.25">
      <c r="A40122" s="3">
        <v>41706.646331018521</v>
      </c>
      <c r="B40122" s="6">
        <v>667948.04999999993</v>
      </c>
      <c r="C40122" s="7">
        <f t="shared" si="626"/>
        <v>667.94804999999997</v>
      </c>
      <c r="I40122" s="1"/>
    </row>
    <row r="40123" spans="1:9" x14ac:dyDescent="0.25">
      <c r="A40123" s="3">
        <v>41706.653333333335</v>
      </c>
      <c r="B40123" s="6">
        <v>667964.69999999995</v>
      </c>
      <c r="C40123" s="7">
        <f t="shared" si="626"/>
        <v>667.96469999999999</v>
      </c>
      <c r="I40123" s="1"/>
    </row>
    <row r="40124" spans="1:9" x14ac:dyDescent="0.25">
      <c r="A40124" s="3">
        <v>41706.653425925928</v>
      </c>
      <c r="B40124" s="6">
        <v>667981.35</v>
      </c>
      <c r="C40124" s="7">
        <f t="shared" si="626"/>
        <v>667.98135000000002</v>
      </c>
      <c r="I40124" s="1"/>
    </row>
    <row r="40125" spans="1:9" x14ac:dyDescent="0.25">
      <c r="A40125" s="3">
        <v>41706.656226851854</v>
      </c>
      <c r="B40125" s="6">
        <v>667998</v>
      </c>
      <c r="C40125" s="7">
        <f t="shared" si="626"/>
        <v>667.99800000000005</v>
      </c>
      <c r="I40125" s="1"/>
    </row>
    <row r="40126" spans="1:9" x14ac:dyDescent="0.25">
      <c r="A40126" s="3">
        <v>41706.656412037039</v>
      </c>
      <c r="B40126" s="6">
        <v>668014.64999999991</v>
      </c>
      <c r="C40126" s="7">
        <f t="shared" si="626"/>
        <v>668.01464999999996</v>
      </c>
      <c r="I40126" s="1"/>
    </row>
    <row r="40127" spans="1:9" x14ac:dyDescent="0.25">
      <c r="A40127" s="3">
        <v>41706.659317129626</v>
      </c>
      <c r="B40127" s="6">
        <v>668031.29999999993</v>
      </c>
      <c r="C40127" s="7">
        <f t="shared" si="626"/>
        <v>668.03129999999987</v>
      </c>
      <c r="I40127" s="1"/>
    </row>
    <row r="40128" spans="1:9" x14ac:dyDescent="0.25">
      <c r="A40128" s="3">
        <v>41706.659490740742</v>
      </c>
      <c r="B40128" s="6">
        <v>668047.94999999995</v>
      </c>
      <c r="C40128" s="7">
        <f t="shared" si="626"/>
        <v>668.0479499999999</v>
      </c>
      <c r="I40128" s="1"/>
    </row>
    <row r="40129" spans="1:9" x14ac:dyDescent="0.25">
      <c r="A40129" s="3">
        <v>41706.663263888891</v>
      </c>
      <c r="B40129" s="6">
        <v>668064.6</v>
      </c>
      <c r="C40129" s="7">
        <f t="shared" si="626"/>
        <v>668.06459999999993</v>
      </c>
      <c r="I40129" s="1"/>
    </row>
    <row r="40130" spans="1:9" x14ac:dyDescent="0.25">
      <c r="A40130" s="3">
        <v>41706.663368055553</v>
      </c>
      <c r="B40130" s="6">
        <v>668081.25</v>
      </c>
      <c r="C40130" s="7">
        <f t="shared" si="626"/>
        <v>668.08124999999995</v>
      </c>
      <c r="I40130" s="1"/>
    </row>
    <row r="40131" spans="1:9" x14ac:dyDescent="0.25">
      <c r="A40131" s="3">
        <v>41706.666458333333</v>
      </c>
      <c r="B40131" s="6">
        <v>668097.89999999991</v>
      </c>
      <c r="C40131" s="7">
        <f t="shared" ref="C40131:C40194" si="627">B40131/1000</f>
        <v>668.09789999999987</v>
      </c>
      <c r="I40131" s="1"/>
    </row>
    <row r="40132" spans="1:9" x14ac:dyDescent="0.25">
      <c r="A40132" s="3">
        <v>41706.669722222221</v>
      </c>
      <c r="B40132" s="6">
        <v>668114.54999999993</v>
      </c>
      <c r="C40132" s="7">
        <f t="shared" si="627"/>
        <v>668.11454999999989</v>
      </c>
      <c r="I40132" s="1"/>
    </row>
    <row r="40133" spans="1:9" x14ac:dyDescent="0.25">
      <c r="A40133" s="3">
        <v>41706.682569444441</v>
      </c>
      <c r="B40133" s="6">
        <v>668131.19999999995</v>
      </c>
      <c r="C40133" s="7">
        <f t="shared" si="627"/>
        <v>668.13119999999992</v>
      </c>
      <c r="I40133" s="1"/>
    </row>
    <row r="40134" spans="1:9" x14ac:dyDescent="0.25">
      <c r="A40134" s="3">
        <v>41706.683032407411</v>
      </c>
      <c r="B40134" s="6">
        <v>668147.85</v>
      </c>
      <c r="C40134" s="7">
        <f t="shared" si="627"/>
        <v>668.14784999999995</v>
      </c>
      <c r="I40134" s="1"/>
    </row>
    <row r="40135" spans="1:9" x14ac:dyDescent="0.25">
      <c r="A40135" s="3">
        <v>41706.685891203706</v>
      </c>
      <c r="B40135" s="6">
        <v>668164.5</v>
      </c>
      <c r="C40135" s="7">
        <f t="shared" si="627"/>
        <v>668.16449999999998</v>
      </c>
      <c r="I40135" s="1"/>
    </row>
    <row r="40136" spans="1:9" x14ac:dyDescent="0.25">
      <c r="A40136" s="3">
        <v>41706.685995370368</v>
      </c>
      <c r="B40136" s="6">
        <v>668181.14999999991</v>
      </c>
      <c r="C40136" s="7">
        <f t="shared" si="627"/>
        <v>668.18114999999989</v>
      </c>
      <c r="I40136" s="1"/>
    </row>
    <row r="40137" spans="1:9" x14ac:dyDescent="0.25">
      <c r="A40137" s="3">
        <v>41706.692372685182</v>
      </c>
      <c r="B40137" s="6">
        <v>668197.79999999993</v>
      </c>
      <c r="C40137" s="7">
        <f t="shared" si="627"/>
        <v>668.19779999999992</v>
      </c>
      <c r="I40137" s="1"/>
    </row>
    <row r="40138" spans="1:9" x14ac:dyDescent="0.25">
      <c r="A40138" s="3">
        <v>41706.692766203705</v>
      </c>
      <c r="B40138" s="6">
        <v>668214.44999999995</v>
      </c>
      <c r="C40138" s="7">
        <f t="shared" si="627"/>
        <v>668.21444999999994</v>
      </c>
      <c r="I40138" s="1"/>
    </row>
    <row r="40139" spans="1:9" x14ac:dyDescent="0.25">
      <c r="A40139" s="3">
        <v>41706.698055555556</v>
      </c>
      <c r="B40139" s="6">
        <v>668231.1</v>
      </c>
      <c r="C40139" s="7">
        <f t="shared" si="627"/>
        <v>668.23109999999997</v>
      </c>
      <c r="I40139" s="1"/>
    </row>
    <row r="40140" spans="1:9" x14ac:dyDescent="0.25">
      <c r="A40140" s="3">
        <v>41706.698194444441</v>
      </c>
      <c r="B40140" s="6">
        <v>668247.75</v>
      </c>
      <c r="C40140" s="7">
        <f t="shared" si="627"/>
        <v>668.24775</v>
      </c>
      <c r="I40140" s="1"/>
    </row>
    <row r="40141" spans="1:9" x14ac:dyDescent="0.25">
      <c r="A40141" s="3">
        <v>41706.704502314817</v>
      </c>
      <c r="B40141" s="6">
        <v>668264.39999999991</v>
      </c>
      <c r="C40141" s="7">
        <f t="shared" si="627"/>
        <v>668.26439999999991</v>
      </c>
      <c r="I40141" s="1"/>
    </row>
    <row r="40142" spans="1:9" x14ac:dyDescent="0.25">
      <c r="A40142" s="3">
        <v>41706.705729166664</v>
      </c>
      <c r="B40142" s="6">
        <v>668281.04999999993</v>
      </c>
      <c r="C40142" s="7">
        <f t="shared" si="627"/>
        <v>668.28104999999994</v>
      </c>
      <c r="I40142" s="1"/>
    </row>
    <row r="40143" spans="1:9" x14ac:dyDescent="0.25">
      <c r="A40143" s="3">
        <v>41706.708101851851</v>
      </c>
      <c r="B40143" s="6">
        <v>668297.69999999995</v>
      </c>
      <c r="C40143" s="7">
        <f t="shared" si="627"/>
        <v>668.29769999999996</v>
      </c>
      <c r="I40143" s="1"/>
    </row>
    <row r="40144" spans="1:9" x14ac:dyDescent="0.25">
      <c r="A40144" s="3">
        <v>41706.708182870374</v>
      </c>
      <c r="B40144" s="6">
        <v>668314.35</v>
      </c>
      <c r="C40144" s="7">
        <f t="shared" si="627"/>
        <v>668.31434999999999</v>
      </c>
      <c r="I40144" s="1"/>
    </row>
    <row r="40145" spans="1:9" x14ac:dyDescent="0.25">
      <c r="A40145" s="3">
        <v>41706.711354166669</v>
      </c>
      <c r="B40145" s="6">
        <v>668331</v>
      </c>
      <c r="C40145" s="7">
        <f t="shared" si="627"/>
        <v>668.33100000000002</v>
      </c>
      <c r="I40145" s="1"/>
    </row>
    <row r="40146" spans="1:9" x14ac:dyDescent="0.25">
      <c r="A40146" s="3">
        <v>41706.711643518516</v>
      </c>
      <c r="B40146" s="6">
        <v>668347.64999999991</v>
      </c>
      <c r="C40146" s="7">
        <f t="shared" si="627"/>
        <v>668.34764999999993</v>
      </c>
      <c r="I40146" s="1"/>
    </row>
    <row r="40147" spans="1:9" x14ac:dyDescent="0.25">
      <c r="A40147" s="3">
        <v>41706.718182870369</v>
      </c>
      <c r="B40147" s="6">
        <v>668364.29999999993</v>
      </c>
      <c r="C40147" s="7">
        <f t="shared" si="627"/>
        <v>668.36429999999996</v>
      </c>
      <c r="I40147" s="1"/>
    </row>
    <row r="40148" spans="1:9" x14ac:dyDescent="0.25">
      <c r="A40148" s="3">
        <v>41706.718495370369</v>
      </c>
      <c r="B40148" s="6">
        <v>668380.94999999995</v>
      </c>
      <c r="C40148" s="7">
        <f t="shared" si="627"/>
        <v>668.38094999999998</v>
      </c>
      <c r="I40148" s="1"/>
    </row>
    <row r="40149" spans="1:9" x14ac:dyDescent="0.25">
      <c r="A40149" s="3">
        <v>41706.720231481479</v>
      </c>
      <c r="B40149" s="6">
        <v>668397.6</v>
      </c>
      <c r="C40149" s="7">
        <f t="shared" si="627"/>
        <v>668.39760000000001</v>
      </c>
      <c r="I40149" s="1"/>
    </row>
    <row r="40150" spans="1:9" x14ac:dyDescent="0.25">
      <c r="A40150" s="3">
        <v>41706.720312500001</v>
      </c>
      <c r="B40150" s="6">
        <v>668414.25</v>
      </c>
      <c r="C40150" s="7">
        <f t="shared" si="627"/>
        <v>668.41425000000004</v>
      </c>
      <c r="I40150" s="1"/>
    </row>
    <row r="40151" spans="1:9" x14ac:dyDescent="0.25">
      <c r="A40151" s="3">
        <v>41706.726261574076</v>
      </c>
      <c r="B40151" s="6">
        <v>668430.89999999991</v>
      </c>
      <c r="C40151" s="7">
        <f t="shared" si="627"/>
        <v>668.43089999999995</v>
      </c>
      <c r="I40151" s="1"/>
    </row>
    <row r="40152" spans="1:9" x14ac:dyDescent="0.25">
      <c r="A40152" s="3">
        <v>41706.72755787037</v>
      </c>
      <c r="B40152" s="6">
        <v>668447.54999999993</v>
      </c>
      <c r="C40152" s="7">
        <f t="shared" si="627"/>
        <v>668.44754999999998</v>
      </c>
      <c r="I40152" s="1"/>
    </row>
    <row r="40153" spans="1:9" x14ac:dyDescent="0.25">
      <c r="A40153" s="3">
        <v>41706.732881944445</v>
      </c>
      <c r="B40153" s="6">
        <v>668464.19999999995</v>
      </c>
      <c r="C40153" s="7">
        <f t="shared" si="627"/>
        <v>668.46420000000001</v>
      </c>
      <c r="I40153" s="1"/>
    </row>
    <row r="40154" spans="1:9" x14ac:dyDescent="0.25">
      <c r="A40154" s="3">
        <v>41706.734895833331</v>
      </c>
      <c r="B40154" s="6">
        <v>668480.85</v>
      </c>
      <c r="C40154" s="7">
        <f t="shared" si="627"/>
        <v>668.48085000000003</v>
      </c>
      <c r="I40154" s="1"/>
    </row>
    <row r="40155" spans="1:9" x14ac:dyDescent="0.25">
      <c r="A40155" s="3">
        <v>41706.738888888889</v>
      </c>
      <c r="B40155" s="6">
        <v>668497.5</v>
      </c>
      <c r="C40155" s="7">
        <f t="shared" si="627"/>
        <v>668.49749999999995</v>
      </c>
      <c r="I40155" s="1"/>
    </row>
    <row r="40156" spans="1:9" x14ac:dyDescent="0.25">
      <c r="A40156" s="3">
        <v>41706.739085648151</v>
      </c>
      <c r="B40156" s="6">
        <v>668514.14999999991</v>
      </c>
      <c r="C40156" s="7">
        <f t="shared" si="627"/>
        <v>668.51414999999986</v>
      </c>
      <c r="I40156" s="1"/>
    </row>
    <row r="40157" spans="1:9" x14ac:dyDescent="0.25">
      <c r="A40157" s="3">
        <v>41706.740949074076</v>
      </c>
      <c r="B40157" s="6">
        <v>668530.79999999993</v>
      </c>
      <c r="C40157" s="7">
        <f t="shared" si="627"/>
        <v>668.53079999999989</v>
      </c>
      <c r="I40157" s="1"/>
    </row>
    <row r="40158" spans="1:9" x14ac:dyDescent="0.25">
      <c r="A40158" s="3">
        <v>41706.741238425922</v>
      </c>
      <c r="B40158" s="6">
        <v>668547.44999999995</v>
      </c>
      <c r="C40158" s="7">
        <f t="shared" si="627"/>
        <v>668.54744999999991</v>
      </c>
      <c r="I40158" s="1"/>
    </row>
    <row r="40159" spans="1:9" x14ac:dyDescent="0.25">
      <c r="A40159" s="3">
        <v>41706.742754629631</v>
      </c>
      <c r="B40159" s="6">
        <v>668564.1</v>
      </c>
      <c r="C40159" s="7">
        <f t="shared" si="627"/>
        <v>668.56409999999994</v>
      </c>
      <c r="I40159" s="1"/>
    </row>
    <row r="40160" spans="1:9" x14ac:dyDescent="0.25">
      <c r="A40160" s="3">
        <v>41706.742858796293</v>
      </c>
      <c r="B40160" s="6">
        <v>668580.75</v>
      </c>
      <c r="C40160" s="7">
        <f t="shared" si="627"/>
        <v>668.58074999999997</v>
      </c>
      <c r="I40160" s="1"/>
    </row>
    <row r="40161" spans="1:9" x14ac:dyDescent="0.25">
      <c r="A40161" s="3">
        <v>41706.745069444441</v>
      </c>
      <c r="B40161" s="6">
        <v>668597.39999999991</v>
      </c>
      <c r="C40161" s="7">
        <f t="shared" si="627"/>
        <v>668.59739999999988</v>
      </c>
      <c r="I40161" s="1"/>
    </row>
    <row r="40162" spans="1:9" x14ac:dyDescent="0.25">
      <c r="A40162" s="3">
        <v>41706.74527777778</v>
      </c>
      <c r="B40162" s="6">
        <v>668614.04999999993</v>
      </c>
      <c r="C40162" s="7">
        <f t="shared" si="627"/>
        <v>668.61404999999991</v>
      </c>
      <c r="I40162" s="1"/>
    </row>
    <row r="40163" spans="1:9" x14ac:dyDescent="0.25">
      <c r="A40163" s="3">
        <v>41706.74796296296</v>
      </c>
      <c r="B40163" s="6">
        <v>668630.69999999995</v>
      </c>
      <c r="C40163" s="7">
        <f t="shared" si="627"/>
        <v>668.63069999999993</v>
      </c>
      <c r="I40163" s="1"/>
    </row>
    <row r="40164" spans="1:9" x14ac:dyDescent="0.25">
      <c r="A40164" s="3">
        <v>41706.748032407406</v>
      </c>
      <c r="B40164" s="6">
        <v>668647.35</v>
      </c>
      <c r="C40164" s="7">
        <f t="shared" si="627"/>
        <v>668.64734999999996</v>
      </c>
      <c r="I40164" s="1"/>
    </row>
    <row r="40165" spans="1:9" x14ac:dyDescent="0.25">
      <c r="A40165" s="3">
        <v>41706.75271990741</v>
      </c>
      <c r="B40165" s="6">
        <v>668664</v>
      </c>
      <c r="C40165" s="7">
        <f t="shared" si="627"/>
        <v>668.66399999999999</v>
      </c>
      <c r="I40165" s="1"/>
    </row>
    <row r="40166" spans="1:9" x14ac:dyDescent="0.25">
      <c r="A40166" s="3">
        <v>41706.752928240741</v>
      </c>
      <c r="B40166" s="6">
        <v>668680.64999999991</v>
      </c>
      <c r="C40166" s="7">
        <f t="shared" si="627"/>
        <v>668.6806499999999</v>
      </c>
      <c r="I40166" s="1"/>
    </row>
    <row r="40167" spans="1:9" x14ac:dyDescent="0.25">
      <c r="A40167" s="3">
        <v>41706.755300925928</v>
      </c>
      <c r="B40167" s="6">
        <v>668697.29999999993</v>
      </c>
      <c r="C40167" s="7">
        <f t="shared" si="627"/>
        <v>668.69729999999993</v>
      </c>
      <c r="I40167" s="1"/>
    </row>
    <row r="40168" spans="1:9" x14ac:dyDescent="0.25">
      <c r="A40168" s="3">
        <v>41706.755914351852</v>
      </c>
      <c r="B40168" s="6">
        <v>668713.94999999995</v>
      </c>
      <c r="C40168" s="7">
        <f t="shared" si="627"/>
        <v>668.71394999999995</v>
      </c>
      <c r="I40168" s="1"/>
    </row>
    <row r="40169" spans="1:9" x14ac:dyDescent="0.25">
      <c r="A40169" s="3">
        <v>41706.766238425924</v>
      </c>
      <c r="B40169" s="6">
        <v>668730.6</v>
      </c>
      <c r="C40169" s="7">
        <f t="shared" si="627"/>
        <v>668.73059999999998</v>
      </c>
      <c r="I40169" s="1"/>
    </row>
    <row r="40170" spans="1:9" x14ac:dyDescent="0.25">
      <c r="A40170" s="3">
        <v>41706.768611111111</v>
      </c>
      <c r="B40170" s="6">
        <v>668747.25</v>
      </c>
      <c r="C40170" s="7">
        <f t="shared" si="627"/>
        <v>668.74725000000001</v>
      </c>
      <c r="I40170" s="1"/>
    </row>
    <row r="40171" spans="1:9" x14ac:dyDescent="0.25">
      <c r="A40171" s="3">
        <v>41706.7733912037</v>
      </c>
      <c r="B40171" s="6">
        <v>668763.89999999991</v>
      </c>
      <c r="C40171" s="7">
        <f t="shared" si="627"/>
        <v>668.76389999999992</v>
      </c>
      <c r="I40171" s="1"/>
    </row>
    <row r="40172" spans="1:9" x14ac:dyDescent="0.25">
      <c r="A40172" s="3">
        <v>41706.779479166667</v>
      </c>
      <c r="B40172" s="6">
        <v>668780.54999999993</v>
      </c>
      <c r="C40172" s="7">
        <f t="shared" si="627"/>
        <v>668.78054999999995</v>
      </c>
      <c r="I40172" s="1"/>
    </row>
    <row r="40173" spans="1:9" x14ac:dyDescent="0.25">
      <c r="A40173" s="3">
        <v>41706.78466435185</v>
      </c>
      <c r="B40173" s="6">
        <v>668797.19999999995</v>
      </c>
      <c r="C40173" s="7">
        <f t="shared" si="627"/>
        <v>668.79719999999998</v>
      </c>
      <c r="I40173" s="1"/>
    </row>
    <row r="40174" spans="1:9" x14ac:dyDescent="0.25">
      <c r="A40174" s="3">
        <v>41706.786377314813</v>
      </c>
      <c r="B40174" s="6">
        <v>668813.85</v>
      </c>
      <c r="C40174" s="7">
        <f t="shared" si="627"/>
        <v>668.81385</v>
      </c>
      <c r="I40174" s="1"/>
    </row>
    <row r="40175" spans="1:9" x14ac:dyDescent="0.25">
      <c r="A40175" s="3">
        <v>41706.790243055555</v>
      </c>
      <c r="B40175" s="6">
        <v>668830.5</v>
      </c>
      <c r="C40175" s="7">
        <f t="shared" si="627"/>
        <v>668.83050000000003</v>
      </c>
      <c r="I40175" s="1"/>
    </row>
    <row r="40176" spans="1:9" x14ac:dyDescent="0.25">
      <c r="A40176" s="3">
        <v>41706.790868055556</v>
      </c>
      <c r="B40176" s="6">
        <v>668847.14999999991</v>
      </c>
      <c r="C40176" s="7">
        <f t="shared" si="627"/>
        <v>668.84714999999994</v>
      </c>
      <c r="I40176" s="1"/>
    </row>
    <row r="40177" spans="1:9" x14ac:dyDescent="0.25">
      <c r="A40177" s="3">
        <v>41706.792002314818</v>
      </c>
      <c r="B40177" s="6">
        <v>668863.79999999993</v>
      </c>
      <c r="C40177" s="7">
        <f t="shared" si="627"/>
        <v>668.86379999999997</v>
      </c>
      <c r="I40177" s="1"/>
    </row>
    <row r="40178" spans="1:9" x14ac:dyDescent="0.25">
      <c r="A40178" s="3">
        <v>41706.79210648148</v>
      </c>
      <c r="B40178" s="6">
        <v>668880.44999999995</v>
      </c>
      <c r="C40178" s="7">
        <f t="shared" si="627"/>
        <v>668.88045</v>
      </c>
      <c r="I40178" s="1"/>
    </row>
    <row r="40179" spans="1:9" x14ac:dyDescent="0.25">
      <c r="A40179" s="3">
        <v>41706.79420138889</v>
      </c>
      <c r="B40179" s="6">
        <v>668897.1</v>
      </c>
      <c r="C40179" s="7">
        <f t="shared" si="627"/>
        <v>668.89710000000002</v>
      </c>
      <c r="I40179" s="1"/>
    </row>
    <row r="40180" spans="1:9" x14ac:dyDescent="0.25">
      <c r="A40180" s="3">
        <v>41706.794317129628</v>
      </c>
      <c r="B40180" s="6">
        <v>668913.75</v>
      </c>
      <c r="C40180" s="7">
        <f t="shared" si="627"/>
        <v>668.91375000000005</v>
      </c>
      <c r="I40180" s="1"/>
    </row>
    <row r="40181" spans="1:9" x14ac:dyDescent="0.25">
      <c r="A40181" s="3">
        <v>41706.796053240738</v>
      </c>
      <c r="B40181" s="6">
        <v>668930.39999999991</v>
      </c>
      <c r="C40181" s="7">
        <f t="shared" si="627"/>
        <v>668.93039999999996</v>
      </c>
      <c r="I40181" s="1"/>
    </row>
    <row r="40182" spans="1:9" x14ac:dyDescent="0.25">
      <c r="A40182" s="3">
        <v>41706.796180555553</v>
      </c>
      <c r="B40182" s="6">
        <v>668947.04999999993</v>
      </c>
      <c r="C40182" s="7">
        <f t="shared" si="627"/>
        <v>668.94704999999988</v>
      </c>
      <c r="I40182" s="1"/>
    </row>
    <row r="40183" spans="1:9" x14ac:dyDescent="0.25">
      <c r="A40183" s="3">
        <v>41706.797743055555</v>
      </c>
      <c r="B40183" s="6">
        <v>668963.69999999995</v>
      </c>
      <c r="C40183" s="7">
        <f t="shared" si="627"/>
        <v>668.9636999999999</v>
      </c>
      <c r="I40183" s="1"/>
    </row>
    <row r="40184" spans="1:9" x14ac:dyDescent="0.25">
      <c r="A40184" s="3">
        <v>41706.797824074078</v>
      </c>
      <c r="B40184" s="6">
        <v>668980.35</v>
      </c>
      <c r="C40184" s="7">
        <f t="shared" si="627"/>
        <v>668.98034999999993</v>
      </c>
      <c r="I40184" s="1"/>
    </row>
    <row r="40185" spans="1:9" x14ac:dyDescent="0.25">
      <c r="A40185" s="3">
        <v>41706.800208333334</v>
      </c>
      <c r="B40185" s="6">
        <v>668997</v>
      </c>
      <c r="C40185" s="7">
        <f t="shared" si="627"/>
        <v>668.99699999999996</v>
      </c>
      <c r="I40185" s="1"/>
    </row>
    <row r="40186" spans="1:9" x14ac:dyDescent="0.25">
      <c r="A40186" s="3">
        <v>41706.800347222219</v>
      </c>
      <c r="B40186" s="6">
        <v>669013.64999999991</v>
      </c>
      <c r="C40186" s="7">
        <f t="shared" si="627"/>
        <v>669.01364999999987</v>
      </c>
      <c r="I40186" s="1"/>
    </row>
    <row r="40187" spans="1:9" x14ac:dyDescent="0.25">
      <c r="A40187" s="3">
        <v>41706.802233796298</v>
      </c>
      <c r="B40187" s="6">
        <v>669030.29999999993</v>
      </c>
      <c r="C40187" s="7">
        <f t="shared" si="627"/>
        <v>669.0302999999999</v>
      </c>
      <c r="I40187" s="1"/>
    </row>
    <row r="40188" spans="1:9" x14ac:dyDescent="0.25">
      <c r="A40188" s="3">
        <v>41706.802349537036</v>
      </c>
      <c r="B40188" s="6">
        <v>669046.94999999995</v>
      </c>
      <c r="C40188" s="7">
        <f t="shared" si="627"/>
        <v>669.04694999999992</v>
      </c>
      <c r="I40188" s="1"/>
    </row>
    <row r="40189" spans="1:9" x14ac:dyDescent="0.25">
      <c r="A40189" s="3">
        <v>41706.806712962964</v>
      </c>
      <c r="B40189" s="6">
        <v>669063.6</v>
      </c>
      <c r="C40189" s="7">
        <f t="shared" si="627"/>
        <v>669.06359999999995</v>
      </c>
      <c r="I40189" s="1"/>
    </row>
    <row r="40190" spans="1:9" x14ac:dyDescent="0.25">
      <c r="A40190" s="3">
        <v>41706.808310185188</v>
      </c>
      <c r="B40190" s="6">
        <v>669080.25</v>
      </c>
      <c r="C40190" s="7">
        <f t="shared" si="627"/>
        <v>669.08024999999998</v>
      </c>
      <c r="I40190" s="1"/>
    </row>
    <row r="40191" spans="1:9" x14ac:dyDescent="0.25">
      <c r="A40191" s="3">
        <v>41706.811307870368</v>
      </c>
      <c r="B40191" s="6">
        <v>669096.89999999991</v>
      </c>
      <c r="C40191" s="7">
        <f t="shared" si="627"/>
        <v>669.09689999999989</v>
      </c>
      <c r="I40191" s="1"/>
    </row>
    <row r="40192" spans="1:9" x14ac:dyDescent="0.25">
      <c r="A40192" s="3">
        <v>41706.81145833333</v>
      </c>
      <c r="B40192" s="6">
        <v>669113.54999999993</v>
      </c>
      <c r="C40192" s="7">
        <f t="shared" si="627"/>
        <v>669.11354999999992</v>
      </c>
      <c r="I40192" s="1"/>
    </row>
    <row r="40193" spans="1:9" x14ac:dyDescent="0.25">
      <c r="A40193" s="3">
        <v>41706.813136574077</v>
      </c>
      <c r="B40193" s="6">
        <v>669130.19999999995</v>
      </c>
      <c r="C40193" s="7">
        <f t="shared" si="627"/>
        <v>669.13019999999995</v>
      </c>
      <c r="I40193" s="1"/>
    </row>
    <row r="40194" spans="1:9" x14ac:dyDescent="0.25">
      <c r="A40194" s="3">
        <v>41706.813206018516</v>
      </c>
      <c r="B40194" s="6">
        <v>669146.85</v>
      </c>
      <c r="C40194" s="7">
        <f t="shared" si="627"/>
        <v>669.14684999999997</v>
      </c>
      <c r="I40194" s="1"/>
    </row>
    <row r="40195" spans="1:9" x14ac:dyDescent="0.25">
      <c r="A40195" s="3">
        <v>41706.815162037034</v>
      </c>
      <c r="B40195" s="6">
        <v>669163.5</v>
      </c>
      <c r="C40195" s="7">
        <f t="shared" ref="C40195:C40258" si="628">B40195/1000</f>
        <v>669.1635</v>
      </c>
      <c r="I40195" s="1"/>
    </row>
    <row r="40196" spans="1:9" x14ac:dyDescent="0.25">
      <c r="A40196" s="3">
        <v>41706.815439814818</v>
      </c>
      <c r="B40196" s="6">
        <v>669180.14999999991</v>
      </c>
      <c r="C40196" s="7">
        <f t="shared" si="628"/>
        <v>669.18014999999991</v>
      </c>
      <c r="I40196" s="1"/>
    </row>
    <row r="40197" spans="1:9" x14ac:dyDescent="0.25">
      <c r="A40197" s="3">
        <v>41706.816712962966</v>
      </c>
      <c r="B40197" s="6">
        <v>669196.79999999993</v>
      </c>
      <c r="C40197" s="7">
        <f t="shared" si="628"/>
        <v>669.19679999999994</v>
      </c>
      <c r="I40197" s="1"/>
    </row>
    <row r="40198" spans="1:9" x14ac:dyDescent="0.25">
      <c r="A40198" s="3">
        <v>41706.816828703704</v>
      </c>
      <c r="B40198" s="6">
        <v>669213.44999999995</v>
      </c>
      <c r="C40198" s="7">
        <f t="shared" si="628"/>
        <v>669.21344999999997</v>
      </c>
      <c r="I40198" s="1"/>
    </row>
    <row r="40199" spans="1:9" x14ac:dyDescent="0.25">
      <c r="A40199" s="3">
        <v>41706.821666666663</v>
      </c>
      <c r="B40199" s="6">
        <v>669230.1</v>
      </c>
      <c r="C40199" s="7">
        <f t="shared" si="628"/>
        <v>669.23009999999999</v>
      </c>
      <c r="I40199" s="1"/>
    </row>
    <row r="40200" spans="1:9" x14ac:dyDescent="0.25">
      <c r="A40200" s="3">
        <v>41706.82203703704</v>
      </c>
      <c r="B40200" s="6">
        <v>669246.75</v>
      </c>
      <c r="C40200" s="7">
        <f t="shared" si="628"/>
        <v>669.24675000000002</v>
      </c>
      <c r="I40200" s="1"/>
    </row>
    <row r="40201" spans="1:9" x14ac:dyDescent="0.25">
      <c r="A40201" s="3">
        <v>41706.831030092595</v>
      </c>
      <c r="B40201" s="6">
        <v>669263.39999999991</v>
      </c>
      <c r="C40201" s="7">
        <f t="shared" si="628"/>
        <v>669.26339999999993</v>
      </c>
      <c r="I40201" s="1"/>
    </row>
    <row r="40202" spans="1:9" x14ac:dyDescent="0.25">
      <c r="A40202" s="3">
        <v>41706.836319444446</v>
      </c>
      <c r="B40202" s="6">
        <v>669280.04999999993</v>
      </c>
      <c r="C40202" s="7">
        <f t="shared" si="628"/>
        <v>669.28004999999996</v>
      </c>
      <c r="I40202" s="1"/>
    </row>
    <row r="40203" spans="1:9" x14ac:dyDescent="0.25">
      <c r="A40203" s="3">
        <v>41706.843668981484</v>
      </c>
      <c r="B40203" s="6">
        <v>669296.69999999995</v>
      </c>
      <c r="C40203" s="7">
        <f t="shared" si="628"/>
        <v>669.29669999999999</v>
      </c>
      <c r="I40203" s="1"/>
    </row>
    <row r="40204" spans="1:9" x14ac:dyDescent="0.25">
      <c r="A40204" s="3">
        <v>41706.843865740739</v>
      </c>
      <c r="B40204" s="6">
        <v>669313.35</v>
      </c>
      <c r="C40204" s="7">
        <f t="shared" si="628"/>
        <v>669.31335000000001</v>
      </c>
      <c r="I40204" s="1"/>
    </row>
    <row r="40205" spans="1:9" x14ac:dyDescent="0.25">
      <c r="A40205" s="3">
        <v>41706.84951388889</v>
      </c>
      <c r="B40205" s="6">
        <v>669330</v>
      </c>
      <c r="C40205" s="7">
        <f t="shared" si="628"/>
        <v>669.33</v>
      </c>
      <c r="I40205" s="1"/>
    </row>
    <row r="40206" spans="1:9" x14ac:dyDescent="0.25">
      <c r="A40206" s="3">
        <v>41706.850474537037</v>
      </c>
      <c r="B40206" s="6">
        <v>669346.64999999991</v>
      </c>
      <c r="C40206" s="7">
        <f t="shared" si="628"/>
        <v>669.34664999999995</v>
      </c>
      <c r="I40206" s="1"/>
    </row>
    <row r="40207" spans="1:9" x14ac:dyDescent="0.25">
      <c r="A40207" s="3">
        <v>41706.858668981484</v>
      </c>
      <c r="B40207" s="6">
        <v>669363.29999999993</v>
      </c>
      <c r="C40207" s="7">
        <f t="shared" si="628"/>
        <v>669.36329999999998</v>
      </c>
      <c r="I40207" s="1"/>
    </row>
    <row r="40208" spans="1:9" x14ac:dyDescent="0.25">
      <c r="A40208" s="3">
        <v>41706.858796296299</v>
      </c>
      <c r="B40208" s="6">
        <v>669379.94999999995</v>
      </c>
      <c r="C40208" s="7">
        <f t="shared" si="628"/>
        <v>669.37995000000001</v>
      </c>
      <c r="I40208" s="1"/>
    </row>
    <row r="40209" spans="1:9" x14ac:dyDescent="0.25">
      <c r="A40209" s="3">
        <v>41706.860578703701</v>
      </c>
      <c r="B40209" s="6">
        <v>669396.6</v>
      </c>
      <c r="C40209" s="7">
        <f t="shared" si="628"/>
        <v>669.39659999999992</v>
      </c>
      <c r="I40209" s="1"/>
    </row>
    <row r="40210" spans="1:9" x14ac:dyDescent="0.25">
      <c r="A40210" s="3">
        <v>41706.860729166663</v>
      </c>
      <c r="B40210" s="6">
        <v>669413.25</v>
      </c>
      <c r="C40210" s="7">
        <f t="shared" si="628"/>
        <v>669.41324999999995</v>
      </c>
      <c r="I40210" s="1"/>
    </row>
    <row r="40211" spans="1:9" x14ac:dyDescent="0.25">
      <c r="A40211" s="3">
        <v>41706.862604166665</v>
      </c>
      <c r="B40211" s="6">
        <v>669429.89999999991</v>
      </c>
      <c r="C40211" s="7">
        <f t="shared" si="628"/>
        <v>669.42989999999986</v>
      </c>
      <c r="I40211" s="1"/>
    </row>
    <row r="40212" spans="1:9" x14ac:dyDescent="0.25">
      <c r="A40212" s="3">
        <v>41706.862662037034</v>
      </c>
      <c r="B40212" s="6">
        <v>669446.54999999993</v>
      </c>
      <c r="C40212" s="7">
        <f t="shared" si="628"/>
        <v>669.44654999999989</v>
      </c>
      <c r="I40212" s="1"/>
    </row>
    <row r="40213" spans="1:9" x14ac:dyDescent="0.25">
      <c r="A40213" s="3">
        <v>41706.864062499997</v>
      </c>
      <c r="B40213" s="6">
        <v>669463.19999999995</v>
      </c>
      <c r="C40213" s="7">
        <f t="shared" si="628"/>
        <v>669.46319999999992</v>
      </c>
      <c r="I40213" s="1"/>
    </row>
    <row r="40214" spans="1:9" x14ac:dyDescent="0.25">
      <c r="A40214" s="3">
        <v>41706.864131944443</v>
      </c>
      <c r="B40214" s="6">
        <v>669479.85</v>
      </c>
      <c r="C40214" s="7">
        <f t="shared" si="628"/>
        <v>669.47984999999994</v>
      </c>
      <c r="I40214" s="1"/>
    </row>
    <row r="40215" spans="1:9" x14ac:dyDescent="0.25">
      <c r="A40215" s="3">
        <v>41706.867268518516</v>
      </c>
      <c r="B40215" s="6">
        <v>669496.5</v>
      </c>
      <c r="C40215" s="7">
        <f t="shared" si="628"/>
        <v>669.49649999999997</v>
      </c>
      <c r="I40215" s="1"/>
    </row>
    <row r="40216" spans="1:9" x14ac:dyDescent="0.25">
      <c r="A40216" s="3">
        <v>41706.867604166669</v>
      </c>
      <c r="B40216" s="6">
        <v>669513.14999999991</v>
      </c>
      <c r="C40216" s="7">
        <f t="shared" si="628"/>
        <v>669.51314999999988</v>
      </c>
      <c r="I40216" s="1"/>
    </row>
    <row r="40217" spans="1:9" x14ac:dyDescent="0.25">
      <c r="A40217" s="3">
        <v>41706.878738425927</v>
      </c>
      <c r="B40217" s="6">
        <v>669529.79999999993</v>
      </c>
      <c r="C40217" s="7">
        <f t="shared" si="628"/>
        <v>669.52979999999991</v>
      </c>
      <c r="I40217" s="1"/>
    </row>
    <row r="40218" spans="1:9" x14ac:dyDescent="0.25">
      <c r="A40218" s="3">
        <v>41706.880046296297</v>
      </c>
      <c r="B40218" s="6">
        <v>669546.44999999995</v>
      </c>
      <c r="C40218" s="7">
        <f t="shared" si="628"/>
        <v>669.54644999999994</v>
      </c>
      <c r="I40218" s="1"/>
    </row>
    <row r="40219" spans="1:9" x14ac:dyDescent="0.25">
      <c r="A40219" s="3">
        <v>41706.962430555555</v>
      </c>
      <c r="B40219" s="6">
        <v>669563.1</v>
      </c>
      <c r="C40219" s="7">
        <f t="shared" si="628"/>
        <v>669.56309999999996</v>
      </c>
      <c r="I40219" s="1"/>
    </row>
    <row r="40220" spans="1:9" x14ac:dyDescent="0.25">
      <c r="A40220" s="3">
        <v>41706.962592592594</v>
      </c>
      <c r="B40220" s="6">
        <v>669579.75</v>
      </c>
      <c r="C40220" s="7">
        <f t="shared" si="628"/>
        <v>669.57974999999999</v>
      </c>
      <c r="I40220" s="1"/>
    </row>
    <row r="40221" spans="1:9" x14ac:dyDescent="0.25">
      <c r="A40221" s="3">
        <v>41706.969282407408</v>
      </c>
      <c r="B40221" s="6">
        <v>669596.39999999991</v>
      </c>
      <c r="C40221" s="7">
        <f t="shared" si="628"/>
        <v>669.5963999999999</v>
      </c>
      <c r="I40221" s="1"/>
    </row>
    <row r="40222" spans="1:9" x14ac:dyDescent="0.25">
      <c r="A40222" s="3">
        <v>41706.970405092594</v>
      </c>
      <c r="B40222" s="6">
        <v>669613.04999999993</v>
      </c>
      <c r="C40222" s="7">
        <f t="shared" si="628"/>
        <v>669.61304999999993</v>
      </c>
      <c r="I40222" s="1"/>
    </row>
    <row r="40223" spans="1:9" x14ac:dyDescent="0.25">
      <c r="A40223" s="3">
        <v>41737.335509259261</v>
      </c>
      <c r="B40223" s="6">
        <v>669629.69999999995</v>
      </c>
      <c r="C40223" s="7">
        <f t="shared" si="628"/>
        <v>669.62969999999996</v>
      </c>
      <c r="I40223" s="1"/>
    </row>
    <row r="40224" spans="1:9" x14ac:dyDescent="0.25">
      <c r="A40224" s="3">
        <v>41737.335729166669</v>
      </c>
      <c r="B40224" s="6">
        <v>669646.35</v>
      </c>
      <c r="C40224" s="7">
        <f t="shared" si="628"/>
        <v>669.64634999999998</v>
      </c>
      <c r="I40224" s="1"/>
    </row>
    <row r="40225" spans="1:9" x14ac:dyDescent="0.25">
      <c r="A40225" s="3">
        <v>41737.339108796295</v>
      </c>
      <c r="B40225" s="6">
        <v>669663</v>
      </c>
      <c r="C40225" s="7">
        <f t="shared" si="628"/>
        <v>669.66300000000001</v>
      </c>
      <c r="I40225" s="1"/>
    </row>
    <row r="40226" spans="1:9" x14ac:dyDescent="0.25">
      <c r="A40226" s="3">
        <v>41737.339618055557</v>
      </c>
      <c r="B40226" s="6">
        <v>669679.64999999991</v>
      </c>
      <c r="C40226" s="7">
        <f t="shared" si="628"/>
        <v>669.67964999999992</v>
      </c>
      <c r="I40226" s="1"/>
    </row>
    <row r="40227" spans="1:9" x14ac:dyDescent="0.25">
      <c r="A40227" s="3">
        <v>41737.344722222224</v>
      </c>
      <c r="B40227" s="6">
        <v>669696.29999999993</v>
      </c>
      <c r="C40227" s="7">
        <f t="shared" si="628"/>
        <v>669.69629999999995</v>
      </c>
      <c r="I40227" s="1"/>
    </row>
    <row r="40228" spans="1:9" x14ac:dyDescent="0.25">
      <c r="A40228" s="3">
        <v>41737.34480324074</v>
      </c>
      <c r="B40228" s="6">
        <v>669712.94999999995</v>
      </c>
      <c r="C40228" s="7">
        <f t="shared" si="628"/>
        <v>669.71294999999998</v>
      </c>
      <c r="I40228" s="1"/>
    </row>
    <row r="40229" spans="1:9" x14ac:dyDescent="0.25">
      <c r="A40229" s="3">
        <v>41737.346018518518</v>
      </c>
      <c r="B40229" s="6">
        <v>669729.6</v>
      </c>
      <c r="C40229" s="7">
        <f t="shared" si="628"/>
        <v>669.7296</v>
      </c>
      <c r="I40229" s="1"/>
    </row>
    <row r="40230" spans="1:9" x14ac:dyDescent="0.25">
      <c r="A40230" s="3">
        <v>41737.348749999997</v>
      </c>
      <c r="B40230" s="6">
        <v>669746.25</v>
      </c>
      <c r="C40230" s="7">
        <f t="shared" si="628"/>
        <v>669.74625000000003</v>
      </c>
      <c r="I40230" s="1"/>
    </row>
    <row r="40231" spans="1:9" x14ac:dyDescent="0.25">
      <c r="A40231" s="3">
        <v>41737.357708333337</v>
      </c>
      <c r="B40231" s="6">
        <v>669762.89999999991</v>
      </c>
      <c r="C40231" s="7">
        <f t="shared" si="628"/>
        <v>669.76289999999995</v>
      </c>
      <c r="I40231" s="1"/>
    </row>
    <row r="40232" spans="1:9" x14ac:dyDescent="0.25">
      <c r="A40232" s="3">
        <v>41737.358020833337</v>
      </c>
      <c r="B40232" s="6">
        <v>669779.54999999993</v>
      </c>
      <c r="C40232" s="7">
        <f t="shared" si="628"/>
        <v>669.77954999999997</v>
      </c>
      <c r="I40232" s="1"/>
    </row>
    <row r="40233" spans="1:9" x14ac:dyDescent="0.25">
      <c r="A40233" s="3">
        <v>41737.359965277778</v>
      </c>
      <c r="B40233" s="6">
        <v>669796.19999999995</v>
      </c>
      <c r="C40233" s="7">
        <f t="shared" si="628"/>
        <v>669.7962</v>
      </c>
      <c r="I40233" s="1"/>
    </row>
    <row r="40234" spans="1:9" x14ac:dyDescent="0.25">
      <c r="A40234" s="3">
        <v>41737.360092592593</v>
      </c>
      <c r="B40234" s="6">
        <v>669812.85</v>
      </c>
      <c r="C40234" s="7">
        <f t="shared" si="628"/>
        <v>669.81285000000003</v>
      </c>
      <c r="I40234" s="1"/>
    </row>
    <row r="40235" spans="1:9" x14ac:dyDescent="0.25">
      <c r="A40235" s="3">
        <v>41737.362743055557</v>
      </c>
      <c r="B40235" s="6">
        <v>669829.5</v>
      </c>
      <c r="C40235" s="7">
        <f t="shared" si="628"/>
        <v>669.82950000000005</v>
      </c>
      <c r="I40235" s="1"/>
    </row>
    <row r="40236" spans="1:9" x14ac:dyDescent="0.25">
      <c r="A40236" s="3">
        <v>41737.362847222219</v>
      </c>
      <c r="B40236" s="6">
        <v>669846.14999999991</v>
      </c>
      <c r="C40236" s="7">
        <f t="shared" si="628"/>
        <v>669.84614999999985</v>
      </c>
      <c r="I40236" s="1"/>
    </row>
    <row r="40237" spans="1:9" x14ac:dyDescent="0.25">
      <c r="A40237" s="3">
        <v>41737.39980324074</v>
      </c>
      <c r="B40237" s="6">
        <v>669862.79999999993</v>
      </c>
      <c r="C40237" s="7">
        <f t="shared" si="628"/>
        <v>669.86279999999988</v>
      </c>
      <c r="I40237" s="1"/>
    </row>
    <row r="40238" spans="1:9" x14ac:dyDescent="0.25">
      <c r="A40238" s="3">
        <v>41737.40111111111</v>
      </c>
      <c r="B40238" s="6">
        <v>669879.44999999995</v>
      </c>
      <c r="C40238" s="7">
        <f t="shared" si="628"/>
        <v>669.87944999999991</v>
      </c>
      <c r="I40238" s="1"/>
    </row>
    <row r="40239" spans="1:9" x14ac:dyDescent="0.25">
      <c r="A40239" s="3">
        <v>41737.412812499999</v>
      </c>
      <c r="B40239" s="6">
        <v>669896.1</v>
      </c>
      <c r="C40239" s="7">
        <f t="shared" si="628"/>
        <v>669.89609999999993</v>
      </c>
      <c r="I40239" s="1"/>
    </row>
    <row r="40240" spans="1:9" x14ac:dyDescent="0.25">
      <c r="A40240" s="3">
        <v>41737.412986111114</v>
      </c>
      <c r="B40240" s="6">
        <v>669912.75</v>
      </c>
      <c r="C40240" s="7">
        <f t="shared" si="628"/>
        <v>669.91274999999996</v>
      </c>
      <c r="I40240" s="1"/>
    </row>
    <row r="40241" spans="1:9" x14ac:dyDescent="0.25">
      <c r="A40241" s="3">
        <v>41737.420787037037</v>
      </c>
      <c r="B40241" s="6">
        <v>669929.39999999991</v>
      </c>
      <c r="C40241" s="7">
        <f t="shared" si="628"/>
        <v>669.92939999999987</v>
      </c>
      <c r="I40241" s="1"/>
    </row>
    <row r="40242" spans="1:9" x14ac:dyDescent="0.25">
      <c r="A40242" s="3">
        <v>41737.420914351853</v>
      </c>
      <c r="B40242" s="6">
        <v>669946.04999999993</v>
      </c>
      <c r="C40242" s="7">
        <f t="shared" si="628"/>
        <v>669.9460499999999</v>
      </c>
      <c r="I40242" s="1"/>
    </row>
    <row r="40243" spans="1:9" x14ac:dyDescent="0.25">
      <c r="A40243" s="3">
        <v>41737.421932870369</v>
      </c>
      <c r="B40243" s="6">
        <v>669962.69999999995</v>
      </c>
      <c r="C40243" s="7">
        <f t="shared" si="628"/>
        <v>669.96269999999993</v>
      </c>
      <c r="I40243" s="1"/>
    </row>
    <row r="40244" spans="1:9" x14ac:dyDescent="0.25">
      <c r="A40244" s="3">
        <v>41737.422037037039</v>
      </c>
      <c r="B40244" s="6">
        <v>669979.35</v>
      </c>
      <c r="C40244" s="7">
        <f t="shared" si="628"/>
        <v>669.97934999999995</v>
      </c>
      <c r="I40244" s="1"/>
    </row>
    <row r="40245" spans="1:9" x14ac:dyDescent="0.25">
      <c r="A40245" s="3">
        <v>41737.427789351852</v>
      </c>
      <c r="B40245" s="6">
        <v>669996</v>
      </c>
      <c r="C40245" s="7">
        <f t="shared" si="628"/>
        <v>669.99599999999998</v>
      </c>
      <c r="I40245" s="1"/>
    </row>
    <row r="40246" spans="1:9" x14ac:dyDescent="0.25">
      <c r="A40246" s="3">
        <v>41737.431932870371</v>
      </c>
      <c r="B40246" s="6">
        <v>670012.64999999991</v>
      </c>
      <c r="C40246" s="7">
        <f t="shared" si="628"/>
        <v>670.01264999999989</v>
      </c>
      <c r="I40246" s="1"/>
    </row>
    <row r="40247" spans="1:9" x14ac:dyDescent="0.25">
      <c r="A40247" s="3">
        <v>41737.440162037034</v>
      </c>
      <c r="B40247" s="6">
        <v>670029.29999999993</v>
      </c>
      <c r="C40247" s="7">
        <f t="shared" si="628"/>
        <v>670.02929999999992</v>
      </c>
      <c r="I40247" s="1"/>
    </row>
    <row r="40248" spans="1:9" x14ac:dyDescent="0.25">
      <c r="A40248" s="3">
        <v>41737.440254629626</v>
      </c>
      <c r="B40248" s="6">
        <v>670045.94999999995</v>
      </c>
      <c r="C40248" s="7">
        <f t="shared" si="628"/>
        <v>670.04594999999995</v>
      </c>
      <c r="I40248" s="1"/>
    </row>
    <row r="40249" spans="1:9" x14ac:dyDescent="0.25">
      <c r="A40249" s="3">
        <v>41737.446979166663</v>
      </c>
      <c r="B40249" s="6">
        <v>670062.6</v>
      </c>
      <c r="C40249" s="7">
        <f t="shared" si="628"/>
        <v>670.06259999999997</v>
      </c>
      <c r="I40249" s="1"/>
    </row>
    <row r="40250" spans="1:9" x14ac:dyDescent="0.25">
      <c r="A40250" s="3">
        <v>41737.447210648148</v>
      </c>
      <c r="B40250" s="6">
        <v>670079.25</v>
      </c>
      <c r="C40250" s="7">
        <f t="shared" si="628"/>
        <v>670.07925</v>
      </c>
      <c r="I40250" s="1"/>
    </row>
    <row r="40251" spans="1:9" x14ac:dyDescent="0.25">
      <c r="A40251" s="3">
        <v>41737.456273148149</v>
      </c>
      <c r="B40251" s="6">
        <v>670095.89999999991</v>
      </c>
      <c r="C40251" s="7">
        <f t="shared" si="628"/>
        <v>670.09589999999992</v>
      </c>
      <c r="I40251" s="1"/>
    </row>
    <row r="40252" spans="1:9" x14ac:dyDescent="0.25">
      <c r="A40252" s="3">
        <v>41737.456412037034</v>
      </c>
      <c r="B40252" s="6">
        <v>670112.54999999993</v>
      </c>
      <c r="C40252" s="7">
        <f t="shared" si="628"/>
        <v>670.11254999999994</v>
      </c>
      <c r="I40252" s="1"/>
    </row>
    <row r="40253" spans="1:9" x14ac:dyDescent="0.25">
      <c r="A40253" s="3">
        <v>41737.462430555555</v>
      </c>
      <c r="B40253" s="6">
        <v>670129.19999999995</v>
      </c>
      <c r="C40253" s="7">
        <f t="shared" si="628"/>
        <v>670.12919999999997</v>
      </c>
      <c r="I40253" s="1"/>
    </row>
    <row r="40254" spans="1:9" x14ac:dyDescent="0.25">
      <c r="A40254" s="3">
        <v>41737.462581018517</v>
      </c>
      <c r="B40254" s="6">
        <v>670145.85</v>
      </c>
      <c r="C40254" s="7">
        <f t="shared" si="628"/>
        <v>670.14585</v>
      </c>
      <c r="I40254" s="1"/>
    </row>
    <row r="40255" spans="1:9" x14ac:dyDescent="0.25">
      <c r="A40255" s="3">
        <v>41737.464247685188</v>
      </c>
      <c r="B40255" s="6">
        <v>670162.5</v>
      </c>
      <c r="C40255" s="7">
        <f t="shared" si="628"/>
        <v>670.16250000000002</v>
      </c>
      <c r="I40255" s="1"/>
    </row>
    <row r="40256" spans="1:9" x14ac:dyDescent="0.25">
      <c r="A40256" s="3">
        <v>41737.464328703703</v>
      </c>
      <c r="B40256" s="6">
        <v>670179.14999999991</v>
      </c>
      <c r="C40256" s="7">
        <f t="shared" si="628"/>
        <v>670.17914999999994</v>
      </c>
      <c r="I40256" s="1"/>
    </row>
    <row r="40257" spans="1:9" x14ac:dyDescent="0.25">
      <c r="A40257" s="3">
        <v>41737.465162037035</v>
      </c>
      <c r="B40257" s="6">
        <v>670195.79999999993</v>
      </c>
      <c r="C40257" s="7">
        <f t="shared" si="628"/>
        <v>670.19579999999996</v>
      </c>
      <c r="I40257" s="1"/>
    </row>
    <row r="40258" spans="1:9" x14ac:dyDescent="0.25">
      <c r="A40258" s="3">
        <v>41737.465254629627</v>
      </c>
      <c r="B40258" s="6">
        <v>670212.44999999995</v>
      </c>
      <c r="C40258" s="7">
        <f t="shared" si="628"/>
        <v>670.21244999999999</v>
      </c>
      <c r="I40258" s="1"/>
    </row>
    <row r="40259" spans="1:9" x14ac:dyDescent="0.25">
      <c r="A40259" s="3">
        <v>41737.465925925928</v>
      </c>
      <c r="B40259" s="6">
        <v>670229.1</v>
      </c>
      <c r="C40259" s="7">
        <f t="shared" ref="C40259:C40322" si="629">B40259/1000</f>
        <v>670.22910000000002</v>
      </c>
      <c r="I40259" s="1"/>
    </row>
    <row r="40260" spans="1:9" x14ac:dyDescent="0.25">
      <c r="A40260" s="3">
        <v>41737.46601851852</v>
      </c>
      <c r="B40260" s="6">
        <v>670245.75</v>
      </c>
      <c r="C40260" s="7">
        <f t="shared" si="629"/>
        <v>670.24575000000004</v>
      </c>
      <c r="I40260" s="1"/>
    </row>
    <row r="40261" spans="1:9" x14ac:dyDescent="0.25">
      <c r="A40261" s="3">
        <v>41737.468831018516</v>
      </c>
      <c r="B40261" s="6">
        <v>670262.39999999991</v>
      </c>
      <c r="C40261" s="7">
        <f t="shared" si="629"/>
        <v>670.26239999999996</v>
      </c>
      <c r="I40261" s="1"/>
    </row>
    <row r="40262" spans="1:9" x14ac:dyDescent="0.25">
      <c r="A40262" s="3">
        <v>41737.470081018517</v>
      </c>
      <c r="B40262" s="6">
        <v>670279.04999999993</v>
      </c>
      <c r="C40262" s="7">
        <f t="shared" si="629"/>
        <v>670.27904999999998</v>
      </c>
      <c r="I40262" s="1"/>
    </row>
    <row r="40263" spans="1:9" x14ac:dyDescent="0.25">
      <c r="A40263" s="3">
        <v>41737.47215277778</v>
      </c>
      <c r="B40263" s="6">
        <v>670295.69999999995</v>
      </c>
      <c r="C40263" s="7">
        <f t="shared" si="629"/>
        <v>670.2956999999999</v>
      </c>
      <c r="I40263" s="1"/>
    </row>
    <row r="40264" spans="1:9" x14ac:dyDescent="0.25">
      <c r="A40264" s="3">
        <v>41737.475324074076</v>
      </c>
      <c r="B40264" s="6">
        <v>670312.35</v>
      </c>
      <c r="C40264" s="7">
        <f t="shared" si="629"/>
        <v>670.31234999999992</v>
      </c>
      <c r="I40264" s="1"/>
    </row>
    <row r="40265" spans="1:9" x14ac:dyDescent="0.25">
      <c r="A40265" s="3">
        <v>41737.480613425927</v>
      </c>
      <c r="B40265" s="6">
        <v>670329</v>
      </c>
      <c r="C40265" s="7">
        <f t="shared" si="629"/>
        <v>670.32899999999995</v>
      </c>
      <c r="I40265" s="1"/>
    </row>
    <row r="40266" spans="1:9" x14ac:dyDescent="0.25">
      <c r="A40266" s="3">
        <v>41737.480833333335</v>
      </c>
      <c r="B40266" s="6">
        <v>670345.64999999991</v>
      </c>
      <c r="C40266" s="7">
        <f t="shared" si="629"/>
        <v>670.34564999999986</v>
      </c>
      <c r="I40266" s="1"/>
    </row>
    <row r="40267" spans="1:9" x14ac:dyDescent="0.25">
      <c r="A40267" s="3">
        <v>41737.491736111115</v>
      </c>
      <c r="B40267" s="6">
        <v>670362.29999999993</v>
      </c>
      <c r="C40267" s="7">
        <f t="shared" si="629"/>
        <v>670.36229999999989</v>
      </c>
      <c r="I40267" s="1"/>
    </row>
    <row r="40268" spans="1:9" x14ac:dyDescent="0.25">
      <c r="A40268" s="3">
        <v>41737.491840277777</v>
      </c>
      <c r="B40268" s="6">
        <v>670378.94999999995</v>
      </c>
      <c r="C40268" s="7">
        <f t="shared" si="629"/>
        <v>670.37894999999992</v>
      </c>
      <c r="I40268" s="1"/>
    </row>
    <row r="40269" spans="1:9" x14ac:dyDescent="0.25">
      <c r="A40269" s="3">
        <v>41737.498900462961</v>
      </c>
      <c r="B40269" s="6">
        <v>670395.6</v>
      </c>
      <c r="C40269" s="7">
        <f t="shared" si="629"/>
        <v>670.39559999999994</v>
      </c>
      <c r="I40269" s="1"/>
    </row>
    <row r="40270" spans="1:9" x14ac:dyDescent="0.25">
      <c r="A40270" s="3">
        <v>41737.499259259261</v>
      </c>
      <c r="B40270" s="6">
        <v>670412.25</v>
      </c>
      <c r="C40270" s="7">
        <f t="shared" si="629"/>
        <v>670.41224999999997</v>
      </c>
      <c r="I40270" s="1"/>
    </row>
    <row r="40271" spans="1:9" x14ac:dyDescent="0.25">
      <c r="A40271" s="3">
        <v>41737.513553240744</v>
      </c>
      <c r="B40271" s="6">
        <v>670428.89999999991</v>
      </c>
      <c r="C40271" s="7">
        <f t="shared" si="629"/>
        <v>670.42889999999989</v>
      </c>
      <c r="I40271" s="1"/>
    </row>
    <row r="40272" spans="1:9" x14ac:dyDescent="0.25">
      <c r="A40272" s="3">
        <v>41737.514467592591</v>
      </c>
      <c r="B40272" s="6">
        <v>670445.54999999993</v>
      </c>
      <c r="C40272" s="7">
        <f t="shared" si="629"/>
        <v>670.44554999999991</v>
      </c>
      <c r="I40272" s="1"/>
    </row>
    <row r="40273" spans="1:9" x14ac:dyDescent="0.25">
      <c r="A40273" s="3">
        <v>41737.520474537036</v>
      </c>
      <c r="B40273" s="6">
        <v>670462.19999999995</v>
      </c>
      <c r="C40273" s="7">
        <f t="shared" si="629"/>
        <v>670.46219999999994</v>
      </c>
      <c r="I40273" s="1"/>
    </row>
    <row r="40274" spans="1:9" x14ac:dyDescent="0.25">
      <c r="A40274" s="3">
        <v>41737.520740740743</v>
      </c>
      <c r="B40274" s="6">
        <v>670478.85</v>
      </c>
      <c r="C40274" s="7">
        <f t="shared" si="629"/>
        <v>670.47884999999997</v>
      </c>
      <c r="I40274" s="1"/>
    </row>
    <row r="40275" spans="1:9" x14ac:dyDescent="0.25">
      <c r="A40275" s="3">
        <v>41737.526863425926</v>
      </c>
      <c r="B40275" s="6">
        <v>670495.5</v>
      </c>
      <c r="C40275" s="7">
        <f t="shared" si="629"/>
        <v>670.49549999999999</v>
      </c>
      <c r="I40275" s="1"/>
    </row>
    <row r="40276" spans="1:9" x14ac:dyDescent="0.25">
      <c r="A40276" s="3">
        <v>41737.526967592596</v>
      </c>
      <c r="B40276" s="6">
        <v>670512.14999999991</v>
      </c>
      <c r="C40276" s="7">
        <f t="shared" si="629"/>
        <v>670.51214999999991</v>
      </c>
      <c r="I40276" s="1"/>
    </row>
    <row r="40277" spans="1:9" x14ac:dyDescent="0.25">
      <c r="A40277" s="3">
        <v>41737.537094907406</v>
      </c>
      <c r="B40277" s="6">
        <v>670528.79999999993</v>
      </c>
      <c r="C40277" s="7">
        <f t="shared" si="629"/>
        <v>670.52879999999993</v>
      </c>
      <c r="I40277" s="1"/>
    </row>
    <row r="40278" spans="1:9" x14ac:dyDescent="0.25">
      <c r="A40278" s="3">
        <v>41737.537222222221</v>
      </c>
      <c r="B40278" s="6">
        <v>670545.44999999995</v>
      </c>
      <c r="C40278" s="7">
        <f t="shared" si="629"/>
        <v>670.54544999999996</v>
      </c>
      <c r="I40278" s="1"/>
    </row>
    <row r="40279" spans="1:9" x14ac:dyDescent="0.25">
      <c r="A40279" s="3">
        <v>41737.539131944446</v>
      </c>
      <c r="B40279" s="6">
        <v>670562.1</v>
      </c>
      <c r="C40279" s="7">
        <f t="shared" si="629"/>
        <v>670.56209999999999</v>
      </c>
      <c r="I40279" s="1"/>
    </row>
    <row r="40280" spans="1:9" x14ac:dyDescent="0.25">
      <c r="A40280" s="3">
        <v>41737.539212962962</v>
      </c>
      <c r="B40280" s="6">
        <v>670578.75</v>
      </c>
      <c r="C40280" s="7">
        <f t="shared" si="629"/>
        <v>670.57875000000001</v>
      </c>
      <c r="I40280" s="1"/>
    </row>
    <row r="40281" spans="1:9" x14ac:dyDescent="0.25">
      <c r="A40281" s="3">
        <v>41737.546932870369</v>
      </c>
      <c r="B40281" s="6">
        <v>670595.39999999991</v>
      </c>
      <c r="C40281" s="7">
        <f t="shared" si="629"/>
        <v>670.59539999999993</v>
      </c>
      <c r="I40281" s="1"/>
    </row>
    <row r="40282" spans="1:9" x14ac:dyDescent="0.25">
      <c r="A40282" s="3">
        <v>41737.547500000001</v>
      </c>
      <c r="B40282" s="6">
        <v>670612.04999999993</v>
      </c>
      <c r="C40282" s="7">
        <f t="shared" si="629"/>
        <v>670.61204999999995</v>
      </c>
      <c r="I40282" s="1"/>
    </row>
    <row r="40283" spans="1:9" x14ac:dyDescent="0.25">
      <c r="A40283" s="3">
        <v>41737.557372685187</v>
      </c>
      <c r="B40283" s="6">
        <v>670628.69999999995</v>
      </c>
      <c r="C40283" s="7">
        <f t="shared" si="629"/>
        <v>670.62869999999998</v>
      </c>
      <c r="I40283" s="1"/>
    </row>
    <row r="40284" spans="1:9" x14ac:dyDescent="0.25">
      <c r="A40284" s="3">
        <v>41737.559305555558</v>
      </c>
      <c r="B40284" s="6">
        <v>670645.35</v>
      </c>
      <c r="C40284" s="7">
        <f t="shared" si="629"/>
        <v>670.64535000000001</v>
      </c>
      <c r="I40284" s="1"/>
    </row>
    <row r="40285" spans="1:9" x14ac:dyDescent="0.25">
      <c r="A40285" s="3">
        <v>41737.564606481479</v>
      </c>
      <c r="B40285" s="6">
        <v>670662</v>
      </c>
      <c r="C40285" s="7">
        <f t="shared" si="629"/>
        <v>670.66200000000003</v>
      </c>
      <c r="I40285" s="1"/>
    </row>
    <row r="40286" spans="1:9" x14ac:dyDescent="0.25">
      <c r="A40286" s="3">
        <v>41737.564687500002</v>
      </c>
      <c r="B40286" s="6">
        <v>670678.64999999991</v>
      </c>
      <c r="C40286" s="7">
        <f t="shared" si="629"/>
        <v>670.67864999999995</v>
      </c>
      <c r="I40286" s="1"/>
    </row>
    <row r="40287" spans="1:9" x14ac:dyDescent="0.25">
      <c r="A40287" s="3">
        <v>41737.571909722225</v>
      </c>
      <c r="B40287" s="6">
        <v>670695.29999999993</v>
      </c>
      <c r="C40287" s="7">
        <f t="shared" si="629"/>
        <v>670.69529999999997</v>
      </c>
      <c r="I40287" s="1"/>
    </row>
    <row r="40288" spans="1:9" x14ac:dyDescent="0.25">
      <c r="A40288" s="3">
        <v>41737.572083333333</v>
      </c>
      <c r="B40288" s="6">
        <v>670711.94999999995</v>
      </c>
      <c r="C40288" s="7">
        <f t="shared" si="629"/>
        <v>670.71195</v>
      </c>
      <c r="I40288" s="1"/>
    </row>
    <row r="40289" spans="1:9" x14ac:dyDescent="0.25">
      <c r="A40289" s="3">
        <v>41737.574108796296</v>
      </c>
      <c r="B40289" s="6">
        <v>670728.6</v>
      </c>
      <c r="C40289" s="7">
        <f t="shared" si="629"/>
        <v>670.72860000000003</v>
      </c>
      <c r="I40289" s="1"/>
    </row>
    <row r="40290" spans="1:9" x14ac:dyDescent="0.25">
      <c r="A40290" s="3">
        <v>41737.574201388888</v>
      </c>
      <c r="B40290" s="6">
        <v>670745.25</v>
      </c>
      <c r="C40290" s="7">
        <f t="shared" si="629"/>
        <v>670.74525000000006</v>
      </c>
      <c r="I40290" s="1"/>
    </row>
    <row r="40291" spans="1:9" x14ac:dyDescent="0.25">
      <c r="A40291" s="3">
        <v>41737.57571759259</v>
      </c>
      <c r="B40291" s="6">
        <v>670761.89999999991</v>
      </c>
      <c r="C40291" s="7">
        <f t="shared" si="629"/>
        <v>670.76189999999986</v>
      </c>
      <c r="I40291" s="1"/>
    </row>
    <row r="40292" spans="1:9" x14ac:dyDescent="0.25">
      <c r="A40292" s="3">
        <v>41737.575972222221</v>
      </c>
      <c r="B40292" s="6">
        <v>670778.54999999993</v>
      </c>
      <c r="C40292" s="7">
        <f t="shared" si="629"/>
        <v>670.77854999999988</v>
      </c>
      <c r="I40292" s="1"/>
    </row>
    <row r="40293" spans="1:9" x14ac:dyDescent="0.25">
      <c r="A40293" s="3">
        <v>41737.577685185184</v>
      </c>
      <c r="B40293" s="6">
        <v>670795.19999999995</v>
      </c>
      <c r="C40293" s="7">
        <f t="shared" si="629"/>
        <v>670.79519999999991</v>
      </c>
      <c r="I40293" s="1"/>
    </row>
    <row r="40294" spans="1:9" x14ac:dyDescent="0.25">
      <c r="A40294" s="3">
        <v>41737.57775462963</v>
      </c>
      <c r="B40294" s="6">
        <v>670811.85</v>
      </c>
      <c r="C40294" s="7">
        <f t="shared" si="629"/>
        <v>670.81184999999994</v>
      </c>
      <c r="I40294" s="1"/>
    </row>
    <row r="40295" spans="1:9" x14ac:dyDescent="0.25">
      <c r="A40295" s="3">
        <v>41737.579270833332</v>
      </c>
      <c r="B40295" s="6">
        <v>670828.5</v>
      </c>
      <c r="C40295" s="7">
        <f t="shared" si="629"/>
        <v>670.82849999999996</v>
      </c>
      <c r="I40295" s="1"/>
    </row>
    <row r="40296" spans="1:9" x14ac:dyDescent="0.25">
      <c r="A40296" s="3">
        <v>41737.579386574071</v>
      </c>
      <c r="B40296" s="6">
        <v>670845.14999999991</v>
      </c>
      <c r="C40296" s="7">
        <f t="shared" si="629"/>
        <v>670.84514999999988</v>
      </c>
      <c r="I40296" s="1"/>
    </row>
    <row r="40297" spans="1:9" x14ac:dyDescent="0.25">
      <c r="A40297" s="3">
        <v>41737.580578703702</v>
      </c>
      <c r="B40297" s="6">
        <v>670861.79999999993</v>
      </c>
      <c r="C40297" s="7">
        <f t="shared" si="629"/>
        <v>670.8617999999999</v>
      </c>
      <c r="I40297" s="1"/>
    </row>
    <row r="40298" spans="1:9" x14ac:dyDescent="0.25">
      <c r="A40298" s="3">
        <v>41737.580787037034</v>
      </c>
      <c r="B40298" s="6">
        <v>670878.44999999995</v>
      </c>
      <c r="C40298" s="7">
        <f t="shared" si="629"/>
        <v>670.87844999999993</v>
      </c>
      <c r="I40298" s="1"/>
    </row>
    <row r="40299" spans="1:9" x14ac:dyDescent="0.25">
      <c r="A40299" s="3">
        <v>41737.58185185185</v>
      </c>
      <c r="B40299" s="6">
        <v>670895.1</v>
      </c>
      <c r="C40299" s="7">
        <f t="shared" si="629"/>
        <v>670.89509999999996</v>
      </c>
      <c r="I40299" s="1"/>
    </row>
    <row r="40300" spans="1:9" x14ac:dyDescent="0.25">
      <c r="A40300" s="3">
        <v>41737.581944444442</v>
      </c>
      <c r="B40300" s="6">
        <v>670911.75</v>
      </c>
      <c r="C40300" s="7">
        <f t="shared" si="629"/>
        <v>670.91174999999998</v>
      </c>
      <c r="I40300" s="1"/>
    </row>
    <row r="40301" spans="1:9" x14ac:dyDescent="0.25">
      <c r="A40301" s="3">
        <v>41737.584965277776</v>
      </c>
      <c r="B40301" s="6">
        <v>670928.39999999991</v>
      </c>
      <c r="C40301" s="7">
        <f t="shared" si="629"/>
        <v>670.9283999999999</v>
      </c>
      <c r="I40301" s="1"/>
    </row>
    <row r="40302" spans="1:9" x14ac:dyDescent="0.25">
      <c r="A40302" s="3">
        <v>41737.585127314815</v>
      </c>
      <c r="B40302" s="6">
        <v>670945.04999999993</v>
      </c>
      <c r="C40302" s="7">
        <f t="shared" si="629"/>
        <v>670.94504999999992</v>
      </c>
      <c r="I40302" s="1"/>
    </row>
    <row r="40303" spans="1:9" x14ac:dyDescent="0.25">
      <c r="A40303" s="3">
        <v>41737.587222222224</v>
      </c>
      <c r="B40303" s="6">
        <v>670961.69999999995</v>
      </c>
      <c r="C40303" s="7">
        <f t="shared" si="629"/>
        <v>670.96169999999995</v>
      </c>
      <c r="I40303" s="1"/>
    </row>
    <row r="40304" spans="1:9" x14ac:dyDescent="0.25">
      <c r="A40304" s="3">
        <v>41737.587337962963</v>
      </c>
      <c r="B40304" s="6">
        <v>670978.35</v>
      </c>
      <c r="C40304" s="7">
        <f t="shared" si="629"/>
        <v>670.97834999999998</v>
      </c>
      <c r="I40304" s="1"/>
    </row>
    <row r="40305" spans="1:9" x14ac:dyDescent="0.25">
      <c r="A40305" s="3">
        <v>41737.58966435185</v>
      </c>
      <c r="B40305" s="6">
        <v>670995</v>
      </c>
      <c r="C40305" s="7">
        <f t="shared" si="629"/>
        <v>670.995</v>
      </c>
      <c r="I40305" s="1"/>
    </row>
    <row r="40306" spans="1:9" x14ac:dyDescent="0.25">
      <c r="A40306" s="3">
        <v>41737.589803240742</v>
      </c>
      <c r="B40306" s="6">
        <v>671011.64999999991</v>
      </c>
      <c r="C40306" s="7">
        <f t="shared" si="629"/>
        <v>671.01164999999992</v>
      </c>
      <c r="I40306" s="1"/>
    </row>
    <row r="40307" spans="1:9" x14ac:dyDescent="0.25">
      <c r="A40307" s="3">
        <v>41737.596076388887</v>
      </c>
      <c r="B40307" s="6">
        <v>671028.29999999993</v>
      </c>
      <c r="C40307" s="7">
        <f t="shared" si="629"/>
        <v>671.02829999999994</v>
      </c>
      <c r="I40307" s="1"/>
    </row>
    <row r="40308" spans="1:9" x14ac:dyDescent="0.25">
      <c r="A40308" s="3">
        <v>41737.596226851849</v>
      </c>
      <c r="B40308" s="6">
        <v>671044.94999999995</v>
      </c>
      <c r="C40308" s="7">
        <f t="shared" si="629"/>
        <v>671.04494999999997</v>
      </c>
      <c r="I40308" s="1"/>
    </row>
    <row r="40309" spans="1:9" x14ac:dyDescent="0.25">
      <c r="A40309" s="3">
        <v>41737.60365740741</v>
      </c>
      <c r="B40309" s="6">
        <v>671061.6</v>
      </c>
      <c r="C40309" s="7">
        <f t="shared" si="629"/>
        <v>671.0616</v>
      </c>
      <c r="I40309" s="1"/>
    </row>
    <row r="40310" spans="1:9" x14ac:dyDescent="0.25">
      <c r="A40310" s="3">
        <v>41737.603831018518</v>
      </c>
      <c r="B40310" s="6">
        <v>671078.25</v>
      </c>
      <c r="C40310" s="7">
        <f t="shared" si="629"/>
        <v>671.07825000000003</v>
      </c>
      <c r="I40310" s="1"/>
    </row>
    <row r="40311" spans="1:9" x14ac:dyDescent="0.25">
      <c r="A40311" s="3">
        <v>41737.606296296297</v>
      </c>
      <c r="B40311" s="6">
        <v>671094.89999999991</v>
      </c>
      <c r="C40311" s="7">
        <f t="shared" si="629"/>
        <v>671.09489999999994</v>
      </c>
      <c r="I40311" s="1"/>
    </row>
    <row r="40312" spans="1:9" x14ac:dyDescent="0.25">
      <c r="A40312" s="3">
        <v>41737.607881944445</v>
      </c>
      <c r="B40312" s="6">
        <v>671111.54999999993</v>
      </c>
      <c r="C40312" s="7">
        <f t="shared" si="629"/>
        <v>671.11154999999997</v>
      </c>
      <c r="I40312" s="1"/>
    </row>
    <row r="40313" spans="1:9" x14ac:dyDescent="0.25">
      <c r="A40313" s="3">
        <v>41737.617534722223</v>
      </c>
      <c r="B40313" s="6">
        <v>671128.2</v>
      </c>
      <c r="C40313" s="7">
        <f t="shared" si="629"/>
        <v>671.12819999999999</v>
      </c>
      <c r="I40313" s="1"/>
    </row>
    <row r="40314" spans="1:9" x14ac:dyDescent="0.25">
      <c r="A40314" s="3">
        <v>41737.619050925925</v>
      </c>
      <c r="B40314" s="6">
        <v>671144.85</v>
      </c>
      <c r="C40314" s="7">
        <f t="shared" si="629"/>
        <v>671.14485000000002</v>
      </c>
      <c r="I40314" s="1"/>
    </row>
    <row r="40315" spans="1:9" x14ac:dyDescent="0.25">
      <c r="A40315" s="3">
        <v>41737.623865740738</v>
      </c>
      <c r="B40315" s="6">
        <v>671161.5</v>
      </c>
      <c r="C40315" s="7">
        <f t="shared" si="629"/>
        <v>671.16150000000005</v>
      </c>
      <c r="I40315" s="1"/>
    </row>
    <row r="40316" spans="1:9" x14ac:dyDescent="0.25">
      <c r="A40316" s="3">
        <v>41737.62395833333</v>
      </c>
      <c r="B40316" s="6">
        <v>671178.14999999991</v>
      </c>
      <c r="C40316" s="7">
        <f t="shared" si="629"/>
        <v>671.17814999999996</v>
      </c>
      <c r="I40316" s="1"/>
    </row>
    <row r="40317" spans="1:9" x14ac:dyDescent="0.25">
      <c r="A40317" s="3">
        <v>41737.625231481485</v>
      </c>
      <c r="B40317" s="6">
        <v>671194.79999999993</v>
      </c>
      <c r="C40317" s="7">
        <f t="shared" si="629"/>
        <v>671.19479999999999</v>
      </c>
      <c r="I40317" s="1"/>
    </row>
    <row r="40318" spans="1:9" x14ac:dyDescent="0.25">
      <c r="A40318" s="3">
        <v>41737.6253125</v>
      </c>
      <c r="B40318" s="6">
        <v>671211.45</v>
      </c>
      <c r="C40318" s="7">
        <f t="shared" si="629"/>
        <v>671.2114499999999</v>
      </c>
      <c r="I40318" s="1"/>
    </row>
    <row r="40319" spans="1:9" x14ac:dyDescent="0.25">
      <c r="A40319" s="3">
        <v>41737.627615740741</v>
      </c>
      <c r="B40319" s="6">
        <v>671228.1</v>
      </c>
      <c r="C40319" s="7">
        <f t="shared" si="629"/>
        <v>671.22809999999993</v>
      </c>
      <c r="I40319" s="1"/>
    </row>
    <row r="40320" spans="1:9" x14ac:dyDescent="0.25">
      <c r="A40320" s="3">
        <v>41737.62771990741</v>
      </c>
      <c r="B40320" s="6">
        <v>671244.75</v>
      </c>
      <c r="C40320" s="7">
        <f t="shared" si="629"/>
        <v>671.24474999999995</v>
      </c>
      <c r="I40320" s="1"/>
    </row>
    <row r="40321" spans="1:9" x14ac:dyDescent="0.25">
      <c r="A40321" s="3">
        <v>41737.630520833336</v>
      </c>
      <c r="B40321" s="6">
        <v>671261.39999999991</v>
      </c>
      <c r="C40321" s="7">
        <f t="shared" si="629"/>
        <v>671.26139999999987</v>
      </c>
      <c r="I40321" s="1"/>
    </row>
    <row r="40322" spans="1:9" x14ac:dyDescent="0.25">
      <c r="A40322" s="3">
        <v>41737.630706018521</v>
      </c>
      <c r="B40322" s="6">
        <v>671278.04999999993</v>
      </c>
      <c r="C40322" s="7">
        <f t="shared" si="629"/>
        <v>671.27804999999989</v>
      </c>
      <c r="I40322" s="1"/>
    </row>
    <row r="40323" spans="1:9" x14ac:dyDescent="0.25">
      <c r="A40323" s="3">
        <v>41737.632164351853</v>
      </c>
      <c r="B40323" s="6">
        <v>671294.7</v>
      </c>
      <c r="C40323" s="7">
        <f t="shared" ref="C40323:C40386" si="630">B40323/1000</f>
        <v>671.29469999999992</v>
      </c>
      <c r="I40323" s="1"/>
    </row>
    <row r="40324" spans="1:9" x14ac:dyDescent="0.25">
      <c r="A40324" s="3">
        <v>41737.632291666669</v>
      </c>
      <c r="B40324" s="6">
        <v>671311.35</v>
      </c>
      <c r="C40324" s="7">
        <f t="shared" si="630"/>
        <v>671.31134999999995</v>
      </c>
      <c r="I40324" s="1"/>
    </row>
    <row r="40325" spans="1:9" x14ac:dyDescent="0.25">
      <c r="A40325" s="3">
        <v>41737.636041666665</v>
      </c>
      <c r="B40325" s="6">
        <v>671328</v>
      </c>
      <c r="C40325" s="7">
        <f t="shared" si="630"/>
        <v>671.32799999999997</v>
      </c>
      <c r="I40325" s="1"/>
    </row>
    <row r="40326" spans="1:9" x14ac:dyDescent="0.25">
      <c r="A40326" s="3">
        <v>41737.636643518519</v>
      </c>
      <c r="B40326" s="6">
        <v>671344.64999999991</v>
      </c>
      <c r="C40326" s="7">
        <f t="shared" si="630"/>
        <v>671.34464999999989</v>
      </c>
      <c r="I40326" s="1"/>
    </row>
    <row r="40327" spans="1:9" x14ac:dyDescent="0.25">
      <c r="A40327" s="3">
        <v>41737.643888888888</v>
      </c>
      <c r="B40327" s="6">
        <v>671361.29999999993</v>
      </c>
      <c r="C40327" s="7">
        <f t="shared" si="630"/>
        <v>671.36129999999991</v>
      </c>
      <c r="I40327" s="1"/>
    </row>
    <row r="40328" spans="1:9" x14ac:dyDescent="0.25">
      <c r="A40328" s="3">
        <v>41737.644097222219</v>
      </c>
      <c r="B40328" s="6">
        <v>671377.95</v>
      </c>
      <c r="C40328" s="7">
        <f t="shared" si="630"/>
        <v>671.37794999999994</v>
      </c>
      <c r="I40328" s="1"/>
    </row>
    <row r="40329" spans="1:9" x14ac:dyDescent="0.25">
      <c r="A40329" s="3">
        <v>41737.647569444445</v>
      </c>
      <c r="B40329" s="6">
        <v>671394.6</v>
      </c>
      <c r="C40329" s="7">
        <f t="shared" si="630"/>
        <v>671.39459999999997</v>
      </c>
      <c r="I40329" s="1"/>
    </row>
    <row r="40330" spans="1:9" x14ac:dyDescent="0.25">
      <c r="A40330" s="3">
        <v>41737.647696759261</v>
      </c>
      <c r="B40330" s="6">
        <v>671411.25</v>
      </c>
      <c r="C40330" s="7">
        <f t="shared" si="630"/>
        <v>671.41125</v>
      </c>
      <c r="I40330" s="1"/>
    </row>
    <row r="40331" spans="1:9" x14ac:dyDescent="0.25">
      <c r="A40331" s="3">
        <v>41737.65247685185</v>
      </c>
      <c r="B40331" s="6">
        <v>671427.89999999991</v>
      </c>
      <c r="C40331" s="7">
        <f t="shared" si="630"/>
        <v>671.42789999999991</v>
      </c>
      <c r="I40331" s="1"/>
    </row>
    <row r="40332" spans="1:9" x14ac:dyDescent="0.25">
      <c r="A40332" s="3">
        <v>41737.652615740742</v>
      </c>
      <c r="B40332" s="6">
        <v>671444.54999999993</v>
      </c>
      <c r="C40332" s="7">
        <f t="shared" si="630"/>
        <v>671.44454999999994</v>
      </c>
      <c r="I40332" s="1"/>
    </row>
    <row r="40333" spans="1:9" x14ac:dyDescent="0.25">
      <c r="A40333" s="3">
        <v>41737.653749999998</v>
      </c>
      <c r="B40333" s="6">
        <v>671461.2</v>
      </c>
      <c r="C40333" s="7">
        <f t="shared" si="630"/>
        <v>671.46119999999996</v>
      </c>
      <c r="I40333" s="1"/>
    </row>
    <row r="40334" spans="1:9" x14ac:dyDescent="0.25">
      <c r="A40334" s="3">
        <v>41737.65384259259</v>
      </c>
      <c r="B40334" s="6">
        <v>671477.85</v>
      </c>
      <c r="C40334" s="7">
        <f t="shared" si="630"/>
        <v>671.47784999999999</v>
      </c>
      <c r="I40334" s="1"/>
    </row>
    <row r="40335" spans="1:9" x14ac:dyDescent="0.25">
      <c r="A40335" s="3">
        <v>41737.656111111108</v>
      </c>
      <c r="B40335" s="6">
        <v>671494.5</v>
      </c>
      <c r="C40335" s="7">
        <f t="shared" si="630"/>
        <v>671.49450000000002</v>
      </c>
      <c r="I40335" s="1"/>
    </row>
    <row r="40336" spans="1:9" x14ac:dyDescent="0.25">
      <c r="A40336" s="3">
        <v>41737.656215277777</v>
      </c>
      <c r="B40336" s="6">
        <v>671511.14999999991</v>
      </c>
      <c r="C40336" s="7">
        <f t="shared" si="630"/>
        <v>671.51114999999993</v>
      </c>
      <c r="I40336" s="1"/>
    </row>
    <row r="40337" spans="1:9" x14ac:dyDescent="0.25">
      <c r="A40337" s="3">
        <v>41737.679861111108</v>
      </c>
      <c r="B40337" s="6">
        <v>671527.79999999993</v>
      </c>
      <c r="C40337" s="7">
        <f t="shared" si="630"/>
        <v>671.52779999999996</v>
      </c>
      <c r="I40337" s="1"/>
    </row>
    <row r="40338" spans="1:9" x14ac:dyDescent="0.25">
      <c r="A40338" s="3">
        <v>41737.68041666667</v>
      </c>
      <c r="B40338" s="6">
        <v>671544.45</v>
      </c>
      <c r="C40338" s="7">
        <f t="shared" si="630"/>
        <v>671.54444999999998</v>
      </c>
      <c r="I40338" s="1"/>
    </row>
    <row r="40339" spans="1:9" x14ac:dyDescent="0.25">
      <c r="A40339" s="3">
        <v>41737.687430555554</v>
      </c>
      <c r="B40339" s="6">
        <v>671561.1</v>
      </c>
      <c r="C40339" s="7">
        <f t="shared" si="630"/>
        <v>671.56110000000001</v>
      </c>
      <c r="I40339" s="1"/>
    </row>
    <row r="40340" spans="1:9" x14ac:dyDescent="0.25">
      <c r="A40340" s="3">
        <v>41737.690879629627</v>
      </c>
      <c r="B40340" s="6">
        <v>671577.75</v>
      </c>
      <c r="C40340" s="7">
        <f t="shared" si="630"/>
        <v>671.57775000000004</v>
      </c>
      <c r="I40340" s="1"/>
    </row>
    <row r="40341" spans="1:9" x14ac:dyDescent="0.25">
      <c r="A40341" s="3">
        <v>41737.691886574074</v>
      </c>
      <c r="B40341" s="6">
        <v>671594.39999999991</v>
      </c>
      <c r="C40341" s="7">
        <f t="shared" si="630"/>
        <v>671.59439999999995</v>
      </c>
      <c r="I40341" s="1"/>
    </row>
    <row r="40342" spans="1:9" x14ac:dyDescent="0.25">
      <c r="A40342" s="3">
        <v>41737.697245370371</v>
      </c>
      <c r="B40342" s="6">
        <v>671611.04999999993</v>
      </c>
      <c r="C40342" s="7">
        <f t="shared" si="630"/>
        <v>671.61104999999998</v>
      </c>
      <c r="I40342" s="1"/>
    </row>
    <row r="40343" spans="1:9" x14ac:dyDescent="0.25">
      <c r="A40343" s="3">
        <v>41737.740763888891</v>
      </c>
      <c r="B40343" s="6">
        <v>671627.7</v>
      </c>
      <c r="C40343" s="7">
        <f t="shared" si="630"/>
        <v>671.6277</v>
      </c>
      <c r="I40343" s="1"/>
    </row>
    <row r="40344" spans="1:9" x14ac:dyDescent="0.25">
      <c r="A40344" s="3">
        <v>41737.740937499999</v>
      </c>
      <c r="B40344" s="6">
        <v>671644.35</v>
      </c>
      <c r="C40344" s="7">
        <f t="shared" si="630"/>
        <v>671.64435000000003</v>
      </c>
      <c r="I40344" s="1"/>
    </row>
    <row r="40345" spans="1:9" x14ac:dyDescent="0.25">
      <c r="A40345" s="3">
        <v>41737.760833333334</v>
      </c>
      <c r="B40345" s="6">
        <v>671661</v>
      </c>
      <c r="C40345" s="7">
        <f t="shared" si="630"/>
        <v>671.66099999999994</v>
      </c>
      <c r="I40345" s="1"/>
    </row>
    <row r="40346" spans="1:9" x14ac:dyDescent="0.25">
      <c r="A40346" s="3">
        <v>41737.760983796295</v>
      </c>
      <c r="B40346" s="6">
        <v>671677.64999999991</v>
      </c>
      <c r="C40346" s="7">
        <f t="shared" si="630"/>
        <v>671.67764999999986</v>
      </c>
      <c r="I40346" s="1"/>
    </row>
    <row r="40347" spans="1:9" x14ac:dyDescent="0.25">
      <c r="A40347" s="3">
        <v>41737.76357638889</v>
      </c>
      <c r="B40347" s="6">
        <v>671694.29999999993</v>
      </c>
      <c r="C40347" s="7">
        <f t="shared" si="630"/>
        <v>671.69429999999988</v>
      </c>
      <c r="I40347" s="1"/>
    </row>
    <row r="40348" spans="1:9" x14ac:dyDescent="0.25">
      <c r="A40348" s="3">
        <v>41737.764166666668</v>
      </c>
      <c r="B40348" s="6">
        <v>671710.95</v>
      </c>
      <c r="C40348" s="7">
        <f t="shared" si="630"/>
        <v>671.71094999999991</v>
      </c>
      <c r="I40348" s="1"/>
    </row>
    <row r="40349" spans="1:9" x14ac:dyDescent="0.25">
      <c r="A40349" s="3">
        <v>41737.766562500001</v>
      </c>
      <c r="B40349" s="6">
        <v>671727.6</v>
      </c>
      <c r="C40349" s="7">
        <f t="shared" si="630"/>
        <v>671.72759999999994</v>
      </c>
      <c r="I40349" s="1"/>
    </row>
    <row r="40350" spans="1:9" x14ac:dyDescent="0.25">
      <c r="A40350" s="3">
        <v>41737.766689814816</v>
      </c>
      <c r="B40350" s="6">
        <v>671744.25</v>
      </c>
      <c r="C40350" s="7">
        <f t="shared" si="630"/>
        <v>671.74424999999997</v>
      </c>
      <c r="I40350" s="1"/>
    </row>
    <row r="40351" spans="1:9" x14ac:dyDescent="0.25">
      <c r="A40351" s="3">
        <v>41767.045324074075</v>
      </c>
      <c r="B40351" s="6">
        <v>671760.89999999991</v>
      </c>
      <c r="C40351" s="7">
        <f t="shared" si="630"/>
        <v>671.76089999999988</v>
      </c>
      <c r="I40351" s="1"/>
    </row>
    <row r="40352" spans="1:9" x14ac:dyDescent="0.25">
      <c r="A40352" s="3">
        <v>41767.046481481484</v>
      </c>
      <c r="B40352" s="6">
        <v>671777.54999999993</v>
      </c>
      <c r="C40352" s="7">
        <f t="shared" si="630"/>
        <v>671.77754999999991</v>
      </c>
      <c r="I40352" s="1"/>
    </row>
    <row r="40353" spans="1:9" x14ac:dyDescent="0.25">
      <c r="A40353" s="3">
        <v>41767.072951388887</v>
      </c>
      <c r="B40353" s="6">
        <v>671794.2</v>
      </c>
      <c r="C40353" s="7">
        <f t="shared" si="630"/>
        <v>671.79419999999993</v>
      </c>
      <c r="I40353" s="1"/>
    </row>
    <row r="40354" spans="1:9" x14ac:dyDescent="0.25">
      <c r="A40354" s="3">
        <v>41767.073136574072</v>
      </c>
      <c r="B40354" s="6">
        <v>671810.85</v>
      </c>
      <c r="C40354" s="7">
        <f t="shared" si="630"/>
        <v>671.81084999999996</v>
      </c>
      <c r="I40354" s="1"/>
    </row>
    <row r="40355" spans="1:9" x14ac:dyDescent="0.25">
      <c r="A40355" s="3">
        <v>41767.07707175926</v>
      </c>
      <c r="B40355" s="6">
        <v>671827.5</v>
      </c>
      <c r="C40355" s="7">
        <f t="shared" si="630"/>
        <v>671.82749999999999</v>
      </c>
      <c r="I40355" s="1"/>
    </row>
    <row r="40356" spans="1:9" x14ac:dyDescent="0.25">
      <c r="A40356" s="3">
        <v>41767.077476851853</v>
      </c>
      <c r="B40356" s="6">
        <v>671844.14999999991</v>
      </c>
      <c r="C40356" s="7">
        <f t="shared" si="630"/>
        <v>671.8441499999999</v>
      </c>
      <c r="I40356" s="1"/>
    </row>
    <row r="40357" spans="1:9" x14ac:dyDescent="0.25">
      <c r="A40357" s="3">
        <v>41767.078981481478</v>
      </c>
      <c r="B40357" s="6">
        <v>671860.79999999993</v>
      </c>
      <c r="C40357" s="7">
        <f t="shared" si="630"/>
        <v>671.86079999999993</v>
      </c>
      <c r="I40357" s="1"/>
    </row>
    <row r="40358" spans="1:9" x14ac:dyDescent="0.25">
      <c r="A40358" s="3">
        <v>41767.079050925924</v>
      </c>
      <c r="B40358" s="6">
        <v>671877.45</v>
      </c>
      <c r="C40358" s="7">
        <f t="shared" si="630"/>
        <v>671.87744999999995</v>
      </c>
      <c r="I40358" s="1"/>
    </row>
    <row r="40359" spans="1:9" x14ac:dyDescent="0.25">
      <c r="A40359" s="3">
        <v>41767.080150462964</v>
      </c>
      <c r="B40359" s="6">
        <v>671894.1</v>
      </c>
      <c r="C40359" s="7">
        <f t="shared" si="630"/>
        <v>671.89409999999998</v>
      </c>
      <c r="I40359" s="1"/>
    </row>
    <row r="40360" spans="1:9" x14ac:dyDescent="0.25">
      <c r="A40360" s="3">
        <v>41767.08021990741</v>
      </c>
      <c r="B40360" s="6">
        <v>671910.75</v>
      </c>
      <c r="C40360" s="7">
        <f t="shared" si="630"/>
        <v>671.91075000000001</v>
      </c>
      <c r="I40360" s="1"/>
    </row>
    <row r="40361" spans="1:9" x14ac:dyDescent="0.25">
      <c r="A40361" s="3">
        <v>41767.081250000003</v>
      </c>
      <c r="B40361" s="6">
        <v>671927.39999999991</v>
      </c>
      <c r="C40361" s="7">
        <f t="shared" si="630"/>
        <v>671.92739999999992</v>
      </c>
      <c r="I40361" s="1"/>
    </row>
    <row r="40362" spans="1:9" x14ac:dyDescent="0.25">
      <c r="A40362" s="3">
        <v>41767.081365740742</v>
      </c>
      <c r="B40362" s="6">
        <v>671944.04999999993</v>
      </c>
      <c r="C40362" s="7">
        <f t="shared" si="630"/>
        <v>671.94404999999995</v>
      </c>
      <c r="I40362" s="1"/>
    </row>
    <row r="40363" spans="1:9" x14ac:dyDescent="0.25">
      <c r="A40363" s="3">
        <v>41767.084814814814</v>
      </c>
      <c r="B40363" s="6">
        <v>671960.7</v>
      </c>
      <c r="C40363" s="7">
        <f t="shared" si="630"/>
        <v>671.96069999999997</v>
      </c>
      <c r="I40363" s="1"/>
    </row>
    <row r="40364" spans="1:9" x14ac:dyDescent="0.25">
      <c r="A40364" s="3">
        <v>41767.084872685184</v>
      </c>
      <c r="B40364" s="6">
        <v>671977.35</v>
      </c>
      <c r="C40364" s="7">
        <f t="shared" si="630"/>
        <v>671.97735</v>
      </c>
      <c r="I40364" s="1"/>
    </row>
    <row r="40365" spans="1:9" x14ac:dyDescent="0.25">
      <c r="A40365" s="3">
        <v>41767.086006944446</v>
      </c>
      <c r="B40365" s="6">
        <v>671994</v>
      </c>
      <c r="C40365" s="7">
        <f t="shared" si="630"/>
        <v>671.99400000000003</v>
      </c>
      <c r="I40365" s="1"/>
    </row>
    <row r="40366" spans="1:9" x14ac:dyDescent="0.25">
      <c r="A40366" s="3">
        <v>41767.086111111108</v>
      </c>
      <c r="B40366" s="6">
        <v>672010.64999999991</v>
      </c>
      <c r="C40366" s="7">
        <f t="shared" si="630"/>
        <v>672.01064999999994</v>
      </c>
      <c r="I40366" s="1"/>
    </row>
    <row r="40367" spans="1:9" x14ac:dyDescent="0.25">
      <c r="A40367" s="3">
        <v>41767.087523148148</v>
      </c>
      <c r="B40367" s="6">
        <v>672027.29999999993</v>
      </c>
      <c r="C40367" s="7">
        <f t="shared" si="630"/>
        <v>672.02729999999997</v>
      </c>
      <c r="I40367" s="1"/>
    </row>
    <row r="40368" spans="1:9" x14ac:dyDescent="0.25">
      <c r="A40368" s="3">
        <v>41767.087719907409</v>
      </c>
      <c r="B40368" s="6">
        <v>672043.95</v>
      </c>
      <c r="C40368" s="7">
        <f t="shared" si="630"/>
        <v>672.04395</v>
      </c>
      <c r="I40368" s="1"/>
    </row>
    <row r="40369" spans="1:9" x14ac:dyDescent="0.25">
      <c r="A40369" s="3">
        <v>41767.089282407411</v>
      </c>
      <c r="B40369" s="6">
        <v>672060.6</v>
      </c>
      <c r="C40369" s="7">
        <f t="shared" si="630"/>
        <v>672.06060000000002</v>
      </c>
      <c r="I40369" s="1"/>
    </row>
    <row r="40370" spans="1:9" x14ac:dyDescent="0.25">
      <c r="A40370" s="3">
        <v>41767.089363425926</v>
      </c>
      <c r="B40370" s="6">
        <v>672077.25</v>
      </c>
      <c r="C40370" s="7">
        <f t="shared" si="630"/>
        <v>672.07725000000005</v>
      </c>
      <c r="I40370" s="1"/>
    </row>
    <row r="40371" spans="1:9" x14ac:dyDescent="0.25">
      <c r="A40371" s="3">
        <v>41767.090277777781</v>
      </c>
      <c r="B40371" s="6">
        <v>672093.89999999991</v>
      </c>
      <c r="C40371" s="7">
        <f t="shared" si="630"/>
        <v>672.09389999999996</v>
      </c>
      <c r="I40371" s="1"/>
    </row>
    <row r="40372" spans="1:9" x14ac:dyDescent="0.25">
      <c r="A40372" s="3">
        <v>41767.09033564815</v>
      </c>
      <c r="B40372" s="6">
        <v>672110.54999999993</v>
      </c>
      <c r="C40372" s="7">
        <f t="shared" si="630"/>
        <v>672.11054999999988</v>
      </c>
      <c r="I40372" s="1"/>
    </row>
    <row r="40373" spans="1:9" x14ac:dyDescent="0.25">
      <c r="A40373" s="3">
        <v>41767.091261574074</v>
      </c>
      <c r="B40373" s="6">
        <v>672127.2</v>
      </c>
      <c r="C40373" s="7">
        <f t="shared" si="630"/>
        <v>672.1271999999999</v>
      </c>
      <c r="I40373" s="1"/>
    </row>
    <row r="40374" spans="1:9" x14ac:dyDescent="0.25">
      <c r="A40374" s="3">
        <v>41767.091307870367</v>
      </c>
      <c r="B40374" s="6">
        <v>672143.85</v>
      </c>
      <c r="C40374" s="7">
        <f t="shared" si="630"/>
        <v>672.14384999999993</v>
      </c>
      <c r="I40374" s="1"/>
    </row>
    <row r="40375" spans="1:9" x14ac:dyDescent="0.25">
      <c r="A40375" s="3">
        <v>41767.092048611114</v>
      </c>
      <c r="B40375" s="6">
        <v>672160.5</v>
      </c>
      <c r="C40375" s="7">
        <f t="shared" si="630"/>
        <v>672.16049999999996</v>
      </c>
      <c r="I40375" s="1"/>
    </row>
    <row r="40376" spans="1:9" x14ac:dyDescent="0.25">
      <c r="A40376" s="3">
        <v>41767.092175925929</v>
      </c>
      <c r="B40376" s="6">
        <v>672177.14999999991</v>
      </c>
      <c r="C40376" s="7">
        <f t="shared" si="630"/>
        <v>672.17714999999987</v>
      </c>
      <c r="I40376" s="1"/>
    </row>
    <row r="40377" spans="1:9" x14ac:dyDescent="0.25">
      <c r="A40377" s="3">
        <v>41767.093680555554</v>
      </c>
      <c r="B40377" s="6">
        <v>672193.79999999993</v>
      </c>
      <c r="C40377" s="7">
        <f t="shared" si="630"/>
        <v>672.1937999999999</v>
      </c>
      <c r="I40377" s="1"/>
    </row>
    <row r="40378" spans="1:9" x14ac:dyDescent="0.25">
      <c r="A40378" s="3">
        <v>41767.093773148146</v>
      </c>
      <c r="B40378" s="6">
        <v>672210.45</v>
      </c>
      <c r="C40378" s="7">
        <f t="shared" si="630"/>
        <v>672.21044999999992</v>
      </c>
      <c r="I40378" s="1"/>
    </row>
    <row r="40379" spans="1:9" x14ac:dyDescent="0.25">
      <c r="A40379" s="3">
        <v>41767.094317129631</v>
      </c>
      <c r="B40379" s="6">
        <v>672227.1</v>
      </c>
      <c r="C40379" s="7">
        <f t="shared" si="630"/>
        <v>672.22709999999995</v>
      </c>
      <c r="I40379" s="1"/>
    </row>
    <row r="40380" spans="1:9" x14ac:dyDescent="0.25">
      <c r="A40380" s="3">
        <v>41767.094363425924</v>
      </c>
      <c r="B40380" s="6">
        <v>672243.75</v>
      </c>
      <c r="C40380" s="7">
        <f t="shared" si="630"/>
        <v>672.24374999999998</v>
      </c>
      <c r="I40380" s="1"/>
    </row>
    <row r="40381" spans="1:9" x14ac:dyDescent="0.25">
      <c r="A40381" s="3">
        <v>41767.095393518517</v>
      </c>
      <c r="B40381" s="6">
        <v>672260.39999999991</v>
      </c>
      <c r="C40381" s="7">
        <f t="shared" si="630"/>
        <v>672.26039999999989</v>
      </c>
      <c r="I40381" s="1"/>
    </row>
    <row r="40382" spans="1:9" x14ac:dyDescent="0.25">
      <c r="A40382" s="3">
        <v>41767.095497685186</v>
      </c>
      <c r="B40382" s="6">
        <v>672277.04999999993</v>
      </c>
      <c r="C40382" s="7">
        <f t="shared" si="630"/>
        <v>672.27704999999992</v>
      </c>
      <c r="I40382" s="1"/>
    </row>
    <row r="40383" spans="1:9" x14ac:dyDescent="0.25">
      <c r="A40383" s="3">
        <v>41767.096018518518</v>
      </c>
      <c r="B40383" s="6">
        <v>672293.7</v>
      </c>
      <c r="C40383" s="7">
        <f t="shared" si="630"/>
        <v>672.29369999999994</v>
      </c>
      <c r="I40383" s="1"/>
    </row>
    <row r="40384" spans="1:9" x14ac:dyDescent="0.25">
      <c r="A40384" s="3">
        <v>41767.096076388887</v>
      </c>
      <c r="B40384" s="6">
        <v>672310.35</v>
      </c>
      <c r="C40384" s="7">
        <f t="shared" si="630"/>
        <v>672.31034999999997</v>
      </c>
      <c r="I40384" s="1"/>
    </row>
    <row r="40385" spans="1:9" x14ac:dyDescent="0.25">
      <c r="A40385" s="3">
        <v>41767.097187500003</v>
      </c>
      <c r="B40385" s="6">
        <v>672327</v>
      </c>
      <c r="C40385" s="7">
        <f t="shared" si="630"/>
        <v>672.327</v>
      </c>
      <c r="I40385" s="1"/>
    </row>
    <row r="40386" spans="1:9" x14ac:dyDescent="0.25">
      <c r="A40386" s="3">
        <v>41767.097349537034</v>
      </c>
      <c r="B40386" s="6">
        <v>672343.64999999991</v>
      </c>
      <c r="C40386" s="7">
        <f t="shared" si="630"/>
        <v>672.34364999999991</v>
      </c>
      <c r="I40386" s="1"/>
    </row>
    <row r="40387" spans="1:9" x14ac:dyDescent="0.25">
      <c r="A40387" s="3">
        <v>41767.098182870373</v>
      </c>
      <c r="B40387" s="6">
        <v>672360.29999999993</v>
      </c>
      <c r="C40387" s="7">
        <f t="shared" ref="C40387:C40450" si="631">B40387/1000</f>
        <v>672.36029999999994</v>
      </c>
      <c r="I40387" s="1"/>
    </row>
    <row r="40388" spans="1:9" x14ac:dyDescent="0.25">
      <c r="A40388" s="3">
        <v>41767.098263888889</v>
      </c>
      <c r="B40388" s="6">
        <v>672376.95</v>
      </c>
      <c r="C40388" s="7">
        <f t="shared" si="631"/>
        <v>672.37694999999997</v>
      </c>
      <c r="I40388" s="1"/>
    </row>
    <row r="40389" spans="1:9" x14ac:dyDescent="0.25">
      <c r="A40389" s="3">
        <v>41767.099016203705</v>
      </c>
      <c r="B40389" s="6">
        <v>672393.6</v>
      </c>
      <c r="C40389" s="7">
        <f t="shared" si="631"/>
        <v>672.39359999999999</v>
      </c>
      <c r="I40389" s="1"/>
    </row>
    <row r="40390" spans="1:9" x14ac:dyDescent="0.25">
      <c r="A40390" s="3">
        <v>41767.099120370367</v>
      </c>
      <c r="B40390" s="6">
        <v>672410.25</v>
      </c>
      <c r="C40390" s="7">
        <f t="shared" si="631"/>
        <v>672.41025000000002</v>
      </c>
      <c r="I40390" s="1"/>
    </row>
    <row r="40391" spans="1:9" x14ac:dyDescent="0.25">
      <c r="A40391" s="3">
        <v>41767.099641203706</v>
      </c>
      <c r="B40391" s="6">
        <v>672426.89999999991</v>
      </c>
      <c r="C40391" s="7">
        <f t="shared" si="631"/>
        <v>672.42689999999993</v>
      </c>
      <c r="I40391" s="1"/>
    </row>
    <row r="40392" spans="1:9" x14ac:dyDescent="0.25">
      <c r="A40392" s="3">
        <v>41767.099687499998</v>
      </c>
      <c r="B40392" s="6">
        <v>672443.54999999993</v>
      </c>
      <c r="C40392" s="7">
        <f t="shared" si="631"/>
        <v>672.44354999999996</v>
      </c>
      <c r="I40392" s="1"/>
    </row>
    <row r="40393" spans="1:9" x14ac:dyDescent="0.25">
      <c r="A40393" s="3">
        <v>41767.100335648145</v>
      </c>
      <c r="B40393" s="6">
        <v>672460.2</v>
      </c>
      <c r="C40393" s="7">
        <f t="shared" si="631"/>
        <v>672.46019999999999</v>
      </c>
      <c r="I40393" s="1"/>
    </row>
    <row r="40394" spans="1:9" x14ac:dyDescent="0.25">
      <c r="A40394" s="3">
        <v>41767.100358796299</v>
      </c>
      <c r="B40394" s="6">
        <v>672476.85</v>
      </c>
      <c r="C40394" s="7">
        <f t="shared" si="631"/>
        <v>672.47685000000001</v>
      </c>
      <c r="I40394" s="1"/>
    </row>
    <row r="40395" spans="1:9" x14ac:dyDescent="0.25">
      <c r="A40395" s="3">
        <v>41767.100671296299</v>
      </c>
      <c r="B40395" s="6">
        <v>672493.5</v>
      </c>
      <c r="C40395" s="7">
        <f t="shared" si="631"/>
        <v>672.49350000000004</v>
      </c>
      <c r="I40395" s="1"/>
    </row>
    <row r="40396" spans="1:9" x14ac:dyDescent="0.25">
      <c r="A40396" s="3">
        <v>41767.100763888891</v>
      </c>
      <c r="B40396" s="6">
        <v>672510.14999999991</v>
      </c>
      <c r="C40396" s="7">
        <f t="shared" si="631"/>
        <v>672.51014999999995</v>
      </c>
      <c r="I40396" s="1"/>
    </row>
    <row r="40397" spans="1:9" x14ac:dyDescent="0.25">
      <c r="A40397" s="3">
        <v>41767.101458333331</v>
      </c>
      <c r="B40397" s="6">
        <v>672526.79999999993</v>
      </c>
      <c r="C40397" s="7">
        <f t="shared" si="631"/>
        <v>672.52679999999998</v>
      </c>
      <c r="I40397" s="1"/>
    </row>
    <row r="40398" spans="1:9" x14ac:dyDescent="0.25">
      <c r="A40398" s="3">
        <v>41767.101527777777</v>
      </c>
      <c r="B40398" s="6">
        <v>672543.45</v>
      </c>
      <c r="C40398" s="7">
        <f t="shared" si="631"/>
        <v>672.54345000000001</v>
      </c>
      <c r="I40398" s="1"/>
    </row>
    <row r="40399" spans="1:9" x14ac:dyDescent="0.25">
      <c r="A40399" s="3">
        <v>41767.102071759262</v>
      </c>
      <c r="B40399" s="6">
        <v>672560.1</v>
      </c>
      <c r="C40399" s="7">
        <f t="shared" si="631"/>
        <v>672.56009999999992</v>
      </c>
      <c r="I40399" s="1"/>
    </row>
    <row r="40400" spans="1:9" x14ac:dyDescent="0.25">
      <c r="A40400" s="3">
        <v>41767.102118055554</v>
      </c>
      <c r="B40400" s="6">
        <v>672576.75</v>
      </c>
      <c r="C40400" s="7">
        <f t="shared" si="631"/>
        <v>672.57674999999995</v>
      </c>
      <c r="I40400" s="1"/>
    </row>
    <row r="40401" spans="1:9" x14ac:dyDescent="0.25">
      <c r="A40401" s="3">
        <v>41767.103807870371</v>
      </c>
      <c r="B40401" s="6">
        <v>672593.39999999991</v>
      </c>
      <c r="C40401" s="7">
        <f t="shared" si="631"/>
        <v>672.59339999999986</v>
      </c>
      <c r="I40401" s="1"/>
    </row>
    <row r="40402" spans="1:9" x14ac:dyDescent="0.25">
      <c r="A40402" s="3">
        <v>41767.103935185187</v>
      </c>
      <c r="B40402" s="6">
        <v>672610.04999999993</v>
      </c>
      <c r="C40402" s="7">
        <f t="shared" si="631"/>
        <v>672.61004999999989</v>
      </c>
      <c r="I40402" s="1"/>
    </row>
    <row r="40403" spans="1:9" x14ac:dyDescent="0.25">
      <c r="A40403" s="3">
        <v>41767.106446759259</v>
      </c>
      <c r="B40403" s="6">
        <v>672626.7</v>
      </c>
      <c r="C40403" s="7">
        <f t="shared" si="631"/>
        <v>672.62669999999991</v>
      </c>
      <c r="I40403" s="1"/>
    </row>
    <row r="40404" spans="1:9" x14ac:dyDescent="0.25">
      <c r="A40404" s="3">
        <v>41767.106481481482</v>
      </c>
      <c r="B40404" s="6">
        <v>672643.35</v>
      </c>
      <c r="C40404" s="7">
        <f t="shared" si="631"/>
        <v>672.64334999999994</v>
      </c>
      <c r="I40404" s="1"/>
    </row>
    <row r="40405" spans="1:9" x14ac:dyDescent="0.25">
      <c r="A40405" s="3">
        <v>41767.108101851853</v>
      </c>
      <c r="B40405" s="6">
        <v>672660</v>
      </c>
      <c r="C40405" s="7">
        <f t="shared" si="631"/>
        <v>672.66</v>
      </c>
      <c r="I40405" s="1"/>
    </row>
    <row r="40406" spans="1:9" x14ac:dyDescent="0.25">
      <c r="A40406" s="3">
        <v>41767.108206018522</v>
      </c>
      <c r="B40406" s="6">
        <v>672676.64999999991</v>
      </c>
      <c r="C40406" s="7">
        <f t="shared" si="631"/>
        <v>672.67664999999988</v>
      </c>
      <c r="I40406" s="1"/>
    </row>
    <row r="40407" spans="1:9" x14ac:dyDescent="0.25">
      <c r="A40407" s="3">
        <v>41767.111064814817</v>
      </c>
      <c r="B40407" s="6">
        <v>672693.29999999993</v>
      </c>
      <c r="C40407" s="7">
        <f t="shared" si="631"/>
        <v>672.69329999999991</v>
      </c>
      <c r="I40407" s="1"/>
    </row>
    <row r="40408" spans="1:9" x14ac:dyDescent="0.25">
      <c r="A40408" s="3">
        <v>41767.111168981479</v>
      </c>
      <c r="B40408" s="6">
        <v>672709.95</v>
      </c>
      <c r="C40408" s="7">
        <f t="shared" si="631"/>
        <v>672.70994999999994</v>
      </c>
      <c r="I40408" s="1"/>
    </row>
    <row r="40409" spans="1:9" x14ac:dyDescent="0.25">
      <c r="A40409" s="3">
        <v>41767.112372685187</v>
      </c>
      <c r="B40409" s="6">
        <v>672726.6</v>
      </c>
      <c r="C40409" s="7">
        <f t="shared" si="631"/>
        <v>672.72659999999996</v>
      </c>
      <c r="I40409" s="1"/>
    </row>
    <row r="40410" spans="1:9" x14ac:dyDescent="0.25">
      <c r="A40410" s="3">
        <v>41767.112546296295</v>
      </c>
      <c r="B40410" s="6">
        <v>672743.25</v>
      </c>
      <c r="C40410" s="7">
        <f t="shared" si="631"/>
        <v>672.74324999999999</v>
      </c>
      <c r="I40410" s="1"/>
    </row>
    <row r="40411" spans="1:9" x14ac:dyDescent="0.25">
      <c r="A40411" s="3">
        <v>41767.115057870367</v>
      </c>
      <c r="B40411" s="6">
        <v>672759.89999999991</v>
      </c>
      <c r="C40411" s="7">
        <f t="shared" si="631"/>
        <v>672.7598999999999</v>
      </c>
      <c r="I40411" s="1"/>
    </row>
    <row r="40412" spans="1:9" x14ac:dyDescent="0.25">
      <c r="A40412" s="3">
        <v>41767.115104166667</v>
      </c>
      <c r="B40412" s="6">
        <v>672776.54999999993</v>
      </c>
      <c r="C40412" s="7">
        <f t="shared" si="631"/>
        <v>672.77654999999993</v>
      </c>
      <c r="I40412" s="1"/>
    </row>
    <row r="40413" spans="1:9" x14ac:dyDescent="0.25">
      <c r="A40413" s="3">
        <v>41767.115729166668</v>
      </c>
      <c r="B40413" s="6">
        <v>672793.2</v>
      </c>
      <c r="C40413" s="7">
        <f t="shared" si="631"/>
        <v>672.79319999999996</v>
      </c>
      <c r="I40413" s="1"/>
    </row>
    <row r="40414" spans="1:9" x14ac:dyDescent="0.25">
      <c r="A40414" s="3">
        <v>41767.11577546296</v>
      </c>
      <c r="B40414" s="6">
        <v>672809.85</v>
      </c>
      <c r="C40414" s="7">
        <f t="shared" si="631"/>
        <v>672.80984999999998</v>
      </c>
      <c r="I40414" s="1"/>
    </row>
    <row r="40415" spans="1:9" x14ac:dyDescent="0.25">
      <c r="A40415" s="3">
        <v>41767.118275462963</v>
      </c>
      <c r="B40415" s="6">
        <v>672826.5</v>
      </c>
      <c r="C40415" s="7">
        <f t="shared" si="631"/>
        <v>672.82650000000001</v>
      </c>
      <c r="I40415" s="1"/>
    </row>
    <row r="40416" spans="1:9" x14ac:dyDescent="0.25">
      <c r="A40416" s="3">
        <v>41767.118530092594</v>
      </c>
      <c r="B40416" s="6">
        <v>672843.14999999991</v>
      </c>
      <c r="C40416" s="7">
        <f t="shared" si="631"/>
        <v>672.84314999999992</v>
      </c>
      <c r="I40416" s="1"/>
    </row>
    <row r="40417" spans="1:9" x14ac:dyDescent="0.25">
      <c r="A40417" s="3">
        <v>41767.119687500002</v>
      </c>
      <c r="B40417" s="6">
        <v>672859.79999999993</v>
      </c>
      <c r="C40417" s="7">
        <f t="shared" si="631"/>
        <v>672.85979999999995</v>
      </c>
      <c r="I40417" s="1"/>
    </row>
    <row r="40418" spans="1:9" x14ac:dyDescent="0.25">
      <c r="A40418" s="3">
        <v>41767.119745370372</v>
      </c>
      <c r="B40418" s="6">
        <v>672876.45</v>
      </c>
      <c r="C40418" s="7">
        <f t="shared" si="631"/>
        <v>672.87644999999998</v>
      </c>
      <c r="I40418" s="1"/>
    </row>
    <row r="40419" spans="1:9" x14ac:dyDescent="0.25">
      <c r="A40419" s="3">
        <v>41767.12296296296</v>
      </c>
      <c r="B40419" s="6">
        <v>672893.1</v>
      </c>
      <c r="C40419" s="7">
        <f t="shared" si="631"/>
        <v>672.8931</v>
      </c>
      <c r="I40419" s="1"/>
    </row>
    <row r="40420" spans="1:9" x14ac:dyDescent="0.25">
      <c r="A40420" s="3">
        <v>41767.12300925926</v>
      </c>
      <c r="B40420" s="6">
        <v>672909.75</v>
      </c>
      <c r="C40420" s="7">
        <f t="shared" si="631"/>
        <v>672.90975000000003</v>
      </c>
      <c r="I40420" s="1"/>
    </row>
    <row r="40421" spans="1:9" x14ac:dyDescent="0.25">
      <c r="A40421" s="3">
        <v>41767.124421296299</v>
      </c>
      <c r="B40421" s="6">
        <v>672926.39999999991</v>
      </c>
      <c r="C40421" s="7">
        <f t="shared" si="631"/>
        <v>672.92639999999994</v>
      </c>
      <c r="I40421" s="1"/>
    </row>
    <row r="40422" spans="1:9" x14ac:dyDescent="0.25">
      <c r="A40422" s="3">
        <v>41767.126388888886</v>
      </c>
      <c r="B40422" s="6">
        <v>672943.04999999993</v>
      </c>
      <c r="C40422" s="7">
        <f t="shared" si="631"/>
        <v>672.94304999999997</v>
      </c>
      <c r="I40422" s="1"/>
    </row>
    <row r="40423" spans="1:9" x14ac:dyDescent="0.25">
      <c r="A40423" s="3">
        <v>41767.126921296294</v>
      </c>
      <c r="B40423" s="6">
        <v>672959.7</v>
      </c>
      <c r="C40423" s="7">
        <f t="shared" si="631"/>
        <v>672.9597</v>
      </c>
      <c r="I40423" s="1"/>
    </row>
    <row r="40424" spans="1:9" x14ac:dyDescent="0.25">
      <c r="A40424" s="3">
        <v>41767.126956018517</v>
      </c>
      <c r="B40424" s="6">
        <v>672976.35</v>
      </c>
      <c r="C40424" s="7">
        <f t="shared" si="631"/>
        <v>672.97635000000002</v>
      </c>
      <c r="I40424" s="1"/>
    </row>
    <row r="40425" spans="1:9" x14ac:dyDescent="0.25">
      <c r="A40425" s="3">
        <v>41767.129849537036</v>
      </c>
      <c r="B40425" s="6">
        <v>672993</v>
      </c>
      <c r="C40425" s="7">
        <f t="shared" si="631"/>
        <v>672.99300000000005</v>
      </c>
      <c r="I40425" s="1"/>
    </row>
    <row r="40426" spans="1:9" x14ac:dyDescent="0.25">
      <c r="A40426" s="3">
        <v>41767.131909722222</v>
      </c>
      <c r="B40426" s="6">
        <v>673009.64999999991</v>
      </c>
      <c r="C40426" s="7">
        <f t="shared" si="631"/>
        <v>673.00964999999985</v>
      </c>
      <c r="I40426" s="1"/>
    </row>
    <row r="40427" spans="1:9" x14ac:dyDescent="0.25">
      <c r="A40427" s="3">
        <v>41767.141944444447</v>
      </c>
      <c r="B40427" s="6">
        <v>673026.29999999993</v>
      </c>
      <c r="C40427" s="7">
        <f t="shared" si="631"/>
        <v>673.02629999999988</v>
      </c>
      <c r="I40427" s="1"/>
    </row>
    <row r="40428" spans="1:9" x14ac:dyDescent="0.25">
      <c r="A40428" s="3">
        <v>41767.142523148148</v>
      </c>
      <c r="B40428" s="6">
        <v>673042.95</v>
      </c>
      <c r="C40428" s="7">
        <f t="shared" si="631"/>
        <v>673.04294999999991</v>
      </c>
      <c r="I40428" s="1"/>
    </row>
    <row r="40429" spans="1:9" x14ac:dyDescent="0.25">
      <c r="A40429" s="3">
        <v>41767.145833333336</v>
      </c>
      <c r="B40429" s="6">
        <v>673059.6</v>
      </c>
      <c r="C40429" s="7">
        <f t="shared" si="631"/>
        <v>673.05959999999993</v>
      </c>
      <c r="I40429" s="1"/>
    </row>
    <row r="40430" spans="1:9" x14ac:dyDescent="0.25">
      <c r="A40430" s="3">
        <v>41767.14775462963</v>
      </c>
      <c r="B40430" s="6">
        <v>673076.25</v>
      </c>
      <c r="C40430" s="7">
        <f t="shared" si="631"/>
        <v>673.07624999999996</v>
      </c>
      <c r="I40430" s="1"/>
    </row>
    <row r="40431" spans="1:9" x14ac:dyDescent="0.25">
      <c r="A40431" s="3">
        <v>41767.150914351849</v>
      </c>
      <c r="B40431" s="6">
        <v>673092.89999999991</v>
      </c>
      <c r="C40431" s="7">
        <f t="shared" si="631"/>
        <v>673.09289999999987</v>
      </c>
      <c r="I40431" s="1"/>
    </row>
    <row r="40432" spans="1:9" x14ac:dyDescent="0.25">
      <c r="A40432" s="3">
        <v>41767.151053240741</v>
      </c>
      <c r="B40432" s="6">
        <v>673109.54999999993</v>
      </c>
      <c r="C40432" s="7">
        <f t="shared" si="631"/>
        <v>673.1095499999999</v>
      </c>
      <c r="I40432" s="1"/>
    </row>
    <row r="40433" spans="1:9" x14ac:dyDescent="0.25">
      <c r="A40433" s="3">
        <v>41767.155925925923</v>
      </c>
      <c r="B40433" s="6">
        <v>673126.2</v>
      </c>
      <c r="C40433" s="7">
        <f t="shared" si="631"/>
        <v>673.12619999999993</v>
      </c>
      <c r="I40433" s="1"/>
    </row>
    <row r="40434" spans="1:9" x14ac:dyDescent="0.25">
      <c r="A40434" s="3">
        <v>41767.161631944444</v>
      </c>
      <c r="B40434" s="6">
        <v>673142.85</v>
      </c>
      <c r="C40434" s="7">
        <f t="shared" si="631"/>
        <v>673.14284999999995</v>
      </c>
      <c r="I40434" s="1"/>
    </row>
    <row r="40435" spans="1:9" x14ac:dyDescent="0.25">
      <c r="A40435" s="3">
        <v>41767.432824074072</v>
      </c>
      <c r="B40435" s="6">
        <v>673159.5</v>
      </c>
      <c r="C40435" s="7">
        <f t="shared" si="631"/>
        <v>673.15949999999998</v>
      </c>
      <c r="I40435" s="1"/>
    </row>
    <row r="40436" spans="1:9" x14ac:dyDescent="0.25">
      <c r="A40436" s="3">
        <v>41767.434918981482</v>
      </c>
      <c r="B40436" s="6">
        <v>673176.14999999991</v>
      </c>
      <c r="C40436" s="7">
        <f t="shared" si="631"/>
        <v>673.17614999999989</v>
      </c>
      <c r="I40436" s="1"/>
    </row>
    <row r="40437" spans="1:9" x14ac:dyDescent="0.25">
      <c r="A40437" s="3">
        <v>41767.554826388892</v>
      </c>
      <c r="B40437" s="6">
        <v>673192.79999999993</v>
      </c>
      <c r="C40437" s="7">
        <f t="shared" si="631"/>
        <v>673.19279999999992</v>
      </c>
      <c r="I40437" s="1"/>
    </row>
    <row r="40438" spans="1:9" x14ac:dyDescent="0.25">
      <c r="A40438" s="3">
        <v>41767.554942129631</v>
      </c>
      <c r="B40438" s="6">
        <v>673209.45</v>
      </c>
      <c r="C40438" s="7">
        <f t="shared" si="631"/>
        <v>673.20944999999995</v>
      </c>
      <c r="I40438" s="1"/>
    </row>
    <row r="40439" spans="1:9" x14ac:dyDescent="0.25">
      <c r="A40439" s="3">
        <v>41767.564687500002</v>
      </c>
      <c r="B40439" s="6">
        <v>673226.1</v>
      </c>
      <c r="C40439" s="7">
        <f t="shared" si="631"/>
        <v>673.22609999999997</v>
      </c>
      <c r="I40439" s="1"/>
    </row>
    <row r="40440" spans="1:9" x14ac:dyDescent="0.25">
      <c r="A40440" s="3">
        <v>41767.564837962964</v>
      </c>
      <c r="B40440" s="6">
        <v>673242.75</v>
      </c>
      <c r="C40440" s="7">
        <f t="shared" si="631"/>
        <v>673.24275</v>
      </c>
      <c r="I40440" s="1"/>
    </row>
    <row r="40441" spans="1:9" x14ac:dyDescent="0.25">
      <c r="A40441" s="3">
        <v>41767.570949074077</v>
      </c>
      <c r="B40441" s="6">
        <v>673259.39999999991</v>
      </c>
      <c r="C40441" s="7">
        <f t="shared" si="631"/>
        <v>673.25939999999991</v>
      </c>
      <c r="I40441" s="1"/>
    </row>
    <row r="40442" spans="1:9" x14ac:dyDescent="0.25">
      <c r="A40442" s="3">
        <v>41767.571122685185</v>
      </c>
      <c r="B40442" s="6">
        <v>673276.04999999993</v>
      </c>
      <c r="C40442" s="7">
        <f t="shared" si="631"/>
        <v>673.27604999999994</v>
      </c>
      <c r="I40442" s="1"/>
    </row>
    <row r="40443" spans="1:9" x14ac:dyDescent="0.25">
      <c r="A40443" s="3">
        <v>41767.581041666665</v>
      </c>
      <c r="B40443" s="6">
        <v>673292.7</v>
      </c>
      <c r="C40443" s="7">
        <f t="shared" si="631"/>
        <v>673.29269999999997</v>
      </c>
      <c r="I40443" s="1"/>
    </row>
    <row r="40444" spans="1:9" x14ac:dyDescent="0.25">
      <c r="A40444" s="3">
        <v>41767.591122685182</v>
      </c>
      <c r="B40444" s="6">
        <v>673309.35</v>
      </c>
      <c r="C40444" s="7">
        <f t="shared" si="631"/>
        <v>673.30934999999999</v>
      </c>
      <c r="I40444" s="1"/>
    </row>
    <row r="40445" spans="1:9" x14ac:dyDescent="0.25">
      <c r="A40445" s="3">
        <v>41767.615474537037</v>
      </c>
      <c r="B40445" s="6">
        <v>673326</v>
      </c>
      <c r="C40445" s="7">
        <f t="shared" si="631"/>
        <v>673.32600000000002</v>
      </c>
      <c r="I40445" s="1"/>
    </row>
    <row r="40446" spans="1:9" x14ac:dyDescent="0.25">
      <c r="A40446" s="3">
        <v>41767.617083333331</v>
      </c>
      <c r="B40446" s="6">
        <v>673342.64999999991</v>
      </c>
      <c r="C40446" s="7">
        <f t="shared" si="631"/>
        <v>673.34264999999994</v>
      </c>
      <c r="I40446" s="1"/>
    </row>
    <row r="40447" spans="1:9" x14ac:dyDescent="0.25">
      <c r="A40447" s="3">
        <v>41767.618310185186</v>
      </c>
      <c r="B40447" s="6">
        <v>673359.29999999993</v>
      </c>
      <c r="C40447" s="7">
        <f t="shared" si="631"/>
        <v>673.35929999999996</v>
      </c>
      <c r="I40447" s="1"/>
    </row>
    <row r="40448" spans="1:9" x14ac:dyDescent="0.25">
      <c r="A40448" s="3">
        <v>41767.62059027778</v>
      </c>
      <c r="B40448" s="6">
        <v>673375.95</v>
      </c>
      <c r="C40448" s="7">
        <f t="shared" si="631"/>
        <v>673.37594999999999</v>
      </c>
      <c r="I40448" s="1"/>
    </row>
    <row r="40449" spans="1:9" x14ac:dyDescent="0.25">
      <c r="A40449" s="3">
        <v>41767.677766203706</v>
      </c>
      <c r="B40449" s="6">
        <v>673392.6</v>
      </c>
      <c r="C40449" s="7">
        <f t="shared" si="631"/>
        <v>673.39260000000002</v>
      </c>
      <c r="I40449" s="1"/>
    </row>
    <row r="40450" spans="1:9" x14ac:dyDescent="0.25">
      <c r="A40450" s="3">
        <v>41767.679259259261</v>
      </c>
      <c r="B40450" s="6">
        <v>673409.25</v>
      </c>
      <c r="C40450" s="7">
        <f t="shared" si="631"/>
        <v>673.40925000000004</v>
      </c>
      <c r="I40450" s="1"/>
    </row>
    <row r="40451" spans="1:9" x14ac:dyDescent="0.25">
      <c r="A40451" s="3">
        <v>41767.680092592593</v>
      </c>
      <c r="B40451" s="6">
        <v>673425.89999999991</v>
      </c>
      <c r="C40451" s="7">
        <f t="shared" ref="C40451:C40514" si="632">B40451/1000</f>
        <v>673.42589999999996</v>
      </c>
      <c r="I40451" s="1"/>
    </row>
    <row r="40452" spans="1:9" x14ac:dyDescent="0.25">
      <c r="A40452" s="3">
        <v>41767.680219907408</v>
      </c>
      <c r="B40452" s="6">
        <v>673442.54999999993</v>
      </c>
      <c r="C40452" s="7">
        <f t="shared" si="632"/>
        <v>673.44254999999998</v>
      </c>
      <c r="I40452" s="1"/>
    </row>
    <row r="40453" spans="1:9" x14ac:dyDescent="0.25">
      <c r="A40453" s="3">
        <v>41767.699016203704</v>
      </c>
      <c r="B40453" s="6">
        <v>673459.19999999995</v>
      </c>
      <c r="C40453" s="7">
        <f t="shared" si="632"/>
        <v>673.45920000000001</v>
      </c>
      <c r="I40453" s="1"/>
    </row>
    <row r="40454" spans="1:9" x14ac:dyDescent="0.25">
      <c r="A40454" s="3">
        <v>41767.699224537035</v>
      </c>
      <c r="B40454" s="6">
        <v>673475.85</v>
      </c>
      <c r="C40454" s="7">
        <f t="shared" si="632"/>
        <v>673.47584999999992</v>
      </c>
      <c r="I40454" s="1"/>
    </row>
    <row r="40455" spans="1:9" x14ac:dyDescent="0.25">
      <c r="A40455" s="3">
        <v>41767.708923611113</v>
      </c>
      <c r="B40455" s="6">
        <v>673492.5</v>
      </c>
      <c r="C40455" s="7">
        <f t="shared" si="632"/>
        <v>673.49249999999995</v>
      </c>
      <c r="I40455" s="1"/>
    </row>
    <row r="40456" spans="1:9" x14ac:dyDescent="0.25">
      <c r="A40456" s="3">
        <v>41767.709062499998</v>
      </c>
      <c r="B40456" s="6">
        <v>673509.14999999991</v>
      </c>
      <c r="C40456" s="7">
        <f t="shared" si="632"/>
        <v>673.50914999999986</v>
      </c>
      <c r="I40456" s="1"/>
    </row>
    <row r="40457" spans="1:9" x14ac:dyDescent="0.25">
      <c r="A40457" s="3">
        <v>41767.71366898148</v>
      </c>
      <c r="B40457" s="6">
        <v>673525.79999999993</v>
      </c>
      <c r="C40457" s="7">
        <f t="shared" si="632"/>
        <v>673.52579999999989</v>
      </c>
      <c r="I40457" s="1"/>
    </row>
    <row r="40458" spans="1:9" x14ac:dyDescent="0.25">
      <c r="A40458" s="3">
        <v>41767.713784722226</v>
      </c>
      <c r="B40458" s="6">
        <v>673542.45</v>
      </c>
      <c r="C40458" s="7">
        <f t="shared" si="632"/>
        <v>673.54244999999992</v>
      </c>
      <c r="I40458" s="1"/>
    </row>
    <row r="40459" spans="1:9" x14ac:dyDescent="0.25">
      <c r="A40459" s="3">
        <v>41767.715937499997</v>
      </c>
      <c r="B40459" s="6">
        <v>673559.1</v>
      </c>
      <c r="C40459" s="7">
        <f t="shared" si="632"/>
        <v>673.55909999999994</v>
      </c>
      <c r="I40459" s="1"/>
    </row>
    <row r="40460" spans="1:9" x14ac:dyDescent="0.25">
      <c r="A40460" s="3">
        <v>41767.716053240743</v>
      </c>
      <c r="B40460" s="6">
        <v>673575.75</v>
      </c>
      <c r="C40460" s="7">
        <f t="shared" si="632"/>
        <v>673.57574999999997</v>
      </c>
      <c r="I40460" s="1"/>
    </row>
    <row r="40461" spans="1:9" x14ac:dyDescent="0.25">
      <c r="A40461" s="3">
        <v>41767.719282407408</v>
      </c>
      <c r="B40461" s="6">
        <v>673592.39999999991</v>
      </c>
      <c r="C40461" s="7">
        <f t="shared" si="632"/>
        <v>673.59239999999988</v>
      </c>
      <c r="I40461" s="1"/>
    </row>
    <row r="40462" spans="1:9" x14ac:dyDescent="0.25">
      <c r="A40462" s="3">
        <v>41767.719375000001</v>
      </c>
      <c r="B40462" s="6">
        <v>673609.04999999993</v>
      </c>
      <c r="C40462" s="7">
        <f t="shared" si="632"/>
        <v>673.60904999999991</v>
      </c>
      <c r="I40462" s="1"/>
    </row>
    <row r="40463" spans="1:9" x14ac:dyDescent="0.25">
      <c r="A40463" s="3">
        <v>41767.72247685185</v>
      </c>
      <c r="B40463" s="6">
        <v>673625.7</v>
      </c>
      <c r="C40463" s="7">
        <f t="shared" si="632"/>
        <v>673.62569999999994</v>
      </c>
      <c r="I40463" s="1"/>
    </row>
    <row r="40464" spans="1:9" x14ac:dyDescent="0.25">
      <c r="A40464" s="3">
        <v>41767.723854166667</v>
      </c>
      <c r="B40464" s="6">
        <v>673642.35</v>
      </c>
      <c r="C40464" s="7">
        <f t="shared" si="632"/>
        <v>673.64234999999996</v>
      </c>
      <c r="I40464" s="1"/>
    </row>
    <row r="40465" spans="1:9" x14ac:dyDescent="0.25">
      <c r="A40465" s="3">
        <v>41767.731238425928</v>
      </c>
      <c r="B40465" s="6">
        <v>673659</v>
      </c>
      <c r="C40465" s="7">
        <f t="shared" si="632"/>
        <v>673.65899999999999</v>
      </c>
      <c r="I40465" s="1"/>
    </row>
    <row r="40466" spans="1:9" x14ac:dyDescent="0.25">
      <c r="A40466" s="3">
        <v>41767.731770833336</v>
      </c>
      <c r="B40466" s="6">
        <v>673675.64999999991</v>
      </c>
      <c r="C40466" s="7">
        <f t="shared" si="632"/>
        <v>673.67564999999991</v>
      </c>
      <c r="I40466" s="1"/>
    </row>
    <row r="40467" spans="1:9" x14ac:dyDescent="0.25">
      <c r="A40467" s="3">
        <v>41767.738217592596</v>
      </c>
      <c r="B40467" s="6">
        <v>673692.29999999993</v>
      </c>
      <c r="C40467" s="7">
        <f t="shared" si="632"/>
        <v>673.69229999999993</v>
      </c>
      <c r="I40467" s="1"/>
    </row>
    <row r="40468" spans="1:9" x14ac:dyDescent="0.25">
      <c r="A40468" s="3">
        <v>41767.738344907404</v>
      </c>
      <c r="B40468" s="6">
        <v>673708.95</v>
      </c>
      <c r="C40468" s="7">
        <f t="shared" si="632"/>
        <v>673.70894999999996</v>
      </c>
      <c r="I40468" s="1"/>
    </row>
    <row r="40469" spans="1:9" x14ac:dyDescent="0.25">
      <c r="A40469" s="3">
        <v>41767.739189814813</v>
      </c>
      <c r="B40469" s="6">
        <v>673725.6</v>
      </c>
      <c r="C40469" s="7">
        <f t="shared" si="632"/>
        <v>673.72559999999999</v>
      </c>
      <c r="I40469" s="1"/>
    </row>
    <row r="40470" spans="1:9" x14ac:dyDescent="0.25">
      <c r="A40470" s="3">
        <v>41767.739282407405</v>
      </c>
      <c r="B40470" s="6">
        <v>673742.25</v>
      </c>
      <c r="C40470" s="7">
        <f t="shared" si="632"/>
        <v>673.74225000000001</v>
      </c>
      <c r="I40470" s="1"/>
    </row>
    <row r="40471" spans="1:9" x14ac:dyDescent="0.25">
      <c r="A40471" s="3">
        <v>41767.740312499998</v>
      </c>
      <c r="B40471" s="6">
        <v>673758.89999999991</v>
      </c>
      <c r="C40471" s="7">
        <f t="shared" si="632"/>
        <v>673.75889999999993</v>
      </c>
      <c r="I40471" s="1"/>
    </row>
    <row r="40472" spans="1:9" x14ac:dyDescent="0.25">
      <c r="A40472" s="3">
        <v>41767.740393518521</v>
      </c>
      <c r="B40472" s="6">
        <v>673775.54999999993</v>
      </c>
      <c r="C40472" s="7">
        <f t="shared" si="632"/>
        <v>673.77554999999995</v>
      </c>
      <c r="I40472" s="1"/>
    </row>
    <row r="40473" spans="1:9" x14ac:dyDescent="0.25">
      <c r="A40473" s="3">
        <v>41767.740856481483</v>
      </c>
      <c r="B40473" s="6">
        <v>673792.2</v>
      </c>
      <c r="C40473" s="7">
        <f t="shared" si="632"/>
        <v>673.79219999999998</v>
      </c>
      <c r="I40473" s="1"/>
    </row>
    <row r="40474" spans="1:9" x14ac:dyDescent="0.25">
      <c r="A40474" s="3">
        <v>41767.740891203706</v>
      </c>
      <c r="B40474" s="6">
        <v>673808.85</v>
      </c>
      <c r="C40474" s="7">
        <f t="shared" si="632"/>
        <v>673.80885000000001</v>
      </c>
      <c r="I40474" s="1"/>
    </row>
    <row r="40475" spans="1:9" x14ac:dyDescent="0.25">
      <c r="A40475" s="3">
        <v>41767.74114583333</v>
      </c>
      <c r="B40475" s="6">
        <v>673825.5</v>
      </c>
      <c r="C40475" s="7">
        <f t="shared" si="632"/>
        <v>673.82550000000003</v>
      </c>
      <c r="I40475" s="1"/>
    </row>
    <row r="40476" spans="1:9" x14ac:dyDescent="0.25">
      <c r="A40476" s="3">
        <v>41767.74119212963</v>
      </c>
      <c r="B40476" s="6">
        <v>673842.14999999991</v>
      </c>
      <c r="C40476" s="7">
        <f t="shared" si="632"/>
        <v>673.84214999999995</v>
      </c>
      <c r="I40476" s="1"/>
    </row>
    <row r="40477" spans="1:9" x14ac:dyDescent="0.25">
      <c r="A40477" s="3">
        <v>41767.741481481484</v>
      </c>
      <c r="B40477" s="6">
        <v>673858.79999999993</v>
      </c>
      <c r="C40477" s="7">
        <f t="shared" si="632"/>
        <v>673.85879999999997</v>
      </c>
      <c r="I40477" s="1"/>
    </row>
    <row r="40478" spans="1:9" x14ac:dyDescent="0.25">
      <c r="A40478" s="3">
        <v>41767.741539351853</v>
      </c>
      <c r="B40478" s="6">
        <v>673875.45</v>
      </c>
      <c r="C40478" s="7">
        <f t="shared" si="632"/>
        <v>673.87545</v>
      </c>
      <c r="I40478" s="1"/>
    </row>
    <row r="40479" spans="1:9" x14ac:dyDescent="0.25">
      <c r="A40479" s="3">
        <v>41767.742210648146</v>
      </c>
      <c r="B40479" s="6">
        <v>673892.1</v>
      </c>
      <c r="C40479" s="7">
        <f t="shared" si="632"/>
        <v>673.89210000000003</v>
      </c>
      <c r="I40479" s="1"/>
    </row>
    <row r="40480" spans="1:9" x14ac:dyDescent="0.25">
      <c r="A40480" s="3">
        <v>41767.742349537039</v>
      </c>
      <c r="B40480" s="6">
        <v>673908.75</v>
      </c>
      <c r="C40480" s="7">
        <f t="shared" si="632"/>
        <v>673.90875000000005</v>
      </c>
      <c r="I40480" s="1"/>
    </row>
    <row r="40481" spans="1:9" x14ac:dyDescent="0.25">
      <c r="A40481" s="3">
        <v>41767.743136574078</v>
      </c>
      <c r="B40481" s="6">
        <v>673925.39999999991</v>
      </c>
      <c r="C40481" s="7">
        <f t="shared" si="632"/>
        <v>673.92539999999985</v>
      </c>
      <c r="I40481" s="1"/>
    </row>
    <row r="40482" spans="1:9" x14ac:dyDescent="0.25">
      <c r="A40482" s="3">
        <v>41767.74318287037</v>
      </c>
      <c r="B40482" s="6">
        <v>673942.04999999993</v>
      </c>
      <c r="C40482" s="7">
        <f t="shared" si="632"/>
        <v>673.94204999999988</v>
      </c>
      <c r="I40482" s="1"/>
    </row>
    <row r="40483" spans="1:9" x14ac:dyDescent="0.25">
      <c r="A40483" s="3">
        <v>41767.744120370371</v>
      </c>
      <c r="B40483" s="6">
        <v>673958.7</v>
      </c>
      <c r="C40483" s="7">
        <f t="shared" si="632"/>
        <v>673.95869999999991</v>
      </c>
      <c r="I40483" s="1"/>
    </row>
    <row r="40484" spans="1:9" x14ac:dyDescent="0.25">
      <c r="A40484" s="3">
        <v>41767.744398148148</v>
      </c>
      <c r="B40484" s="6">
        <v>673975.35</v>
      </c>
      <c r="C40484" s="7">
        <f t="shared" si="632"/>
        <v>673.97534999999993</v>
      </c>
      <c r="I40484" s="1"/>
    </row>
    <row r="40485" spans="1:9" x14ac:dyDescent="0.25">
      <c r="A40485" s="3">
        <v>41767.744930555556</v>
      </c>
      <c r="B40485" s="6">
        <v>673992</v>
      </c>
      <c r="C40485" s="7">
        <f t="shared" si="632"/>
        <v>673.99199999999996</v>
      </c>
      <c r="I40485" s="1"/>
    </row>
    <row r="40486" spans="1:9" x14ac:dyDescent="0.25">
      <c r="A40486" s="3">
        <v>41767.745219907411</v>
      </c>
      <c r="B40486" s="6">
        <v>674008.64999999991</v>
      </c>
      <c r="C40486" s="7">
        <f t="shared" si="632"/>
        <v>674.00864999999988</v>
      </c>
      <c r="I40486" s="1"/>
    </row>
    <row r="40487" spans="1:9" x14ac:dyDescent="0.25">
      <c r="A40487" s="3">
        <v>41767.745856481481</v>
      </c>
      <c r="B40487" s="6">
        <v>674025.29999999993</v>
      </c>
      <c r="C40487" s="7">
        <f t="shared" si="632"/>
        <v>674.0252999999999</v>
      </c>
      <c r="I40487" s="1"/>
    </row>
    <row r="40488" spans="1:9" x14ac:dyDescent="0.25">
      <c r="A40488" s="3">
        <v>41767.74591435185</v>
      </c>
      <c r="B40488" s="6">
        <v>674041.95</v>
      </c>
      <c r="C40488" s="7">
        <f t="shared" si="632"/>
        <v>674.04194999999993</v>
      </c>
      <c r="I40488" s="1"/>
    </row>
    <row r="40489" spans="1:9" x14ac:dyDescent="0.25">
      <c r="A40489" s="3">
        <v>41767.746331018519</v>
      </c>
      <c r="B40489" s="6">
        <v>674058.6</v>
      </c>
      <c r="C40489" s="7">
        <f t="shared" si="632"/>
        <v>674.05859999999996</v>
      </c>
      <c r="I40489" s="1"/>
    </row>
    <row r="40490" spans="1:9" x14ac:dyDescent="0.25">
      <c r="A40490" s="3">
        <v>41767.746504629627</v>
      </c>
      <c r="B40490" s="6">
        <v>674075.25</v>
      </c>
      <c r="C40490" s="7">
        <f t="shared" si="632"/>
        <v>674.07524999999998</v>
      </c>
      <c r="I40490" s="1"/>
    </row>
    <row r="40491" spans="1:9" x14ac:dyDescent="0.25">
      <c r="A40491" s="3">
        <v>41767.747094907405</v>
      </c>
      <c r="B40491" s="6">
        <v>674091.89999999991</v>
      </c>
      <c r="C40491" s="7">
        <f t="shared" si="632"/>
        <v>674.0918999999999</v>
      </c>
      <c r="I40491" s="1"/>
    </row>
    <row r="40492" spans="1:9" x14ac:dyDescent="0.25">
      <c r="A40492" s="3">
        <v>41767.747141203705</v>
      </c>
      <c r="B40492" s="6">
        <v>674108.54999999993</v>
      </c>
      <c r="C40492" s="7">
        <f t="shared" si="632"/>
        <v>674.10854999999992</v>
      </c>
      <c r="I40492" s="1"/>
    </row>
    <row r="40493" spans="1:9" x14ac:dyDescent="0.25">
      <c r="A40493" s="3">
        <v>41767.747453703705</v>
      </c>
      <c r="B40493" s="6">
        <v>674125.2</v>
      </c>
      <c r="C40493" s="7">
        <f t="shared" si="632"/>
        <v>674.12519999999995</v>
      </c>
      <c r="I40493" s="1"/>
    </row>
    <row r="40494" spans="1:9" x14ac:dyDescent="0.25">
      <c r="A40494" s="3">
        <v>41767.747511574074</v>
      </c>
      <c r="B40494" s="6">
        <v>674141.85</v>
      </c>
      <c r="C40494" s="7">
        <f t="shared" si="632"/>
        <v>674.14184999999998</v>
      </c>
      <c r="I40494" s="1"/>
    </row>
    <row r="40495" spans="1:9" x14ac:dyDescent="0.25">
      <c r="A40495" s="3">
        <v>41767.748553240737</v>
      </c>
      <c r="B40495" s="6">
        <v>674158.5</v>
      </c>
      <c r="C40495" s="7">
        <f t="shared" si="632"/>
        <v>674.1585</v>
      </c>
      <c r="I40495" s="1"/>
    </row>
    <row r="40496" spans="1:9" x14ac:dyDescent="0.25">
      <c r="A40496" s="3">
        <v>41767.748645833337</v>
      </c>
      <c r="B40496" s="6">
        <v>674175.14999999991</v>
      </c>
      <c r="C40496" s="7">
        <f t="shared" si="632"/>
        <v>674.17514999999992</v>
      </c>
      <c r="I40496" s="1"/>
    </row>
    <row r="40497" spans="1:9" x14ac:dyDescent="0.25">
      <c r="A40497" s="3">
        <v>41767.749166666668</v>
      </c>
      <c r="B40497" s="6">
        <v>674191.79999999993</v>
      </c>
      <c r="C40497" s="7">
        <f t="shared" si="632"/>
        <v>674.19179999999994</v>
      </c>
      <c r="I40497" s="1"/>
    </row>
    <row r="40498" spans="1:9" x14ac:dyDescent="0.25">
      <c r="A40498" s="3">
        <v>41767.749224537038</v>
      </c>
      <c r="B40498" s="6">
        <v>674208.45</v>
      </c>
      <c r="C40498" s="7">
        <f t="shared" si="632"/>
        <v>674.20844999999997</v>
      </c>
      <c r="I40498" s="1"/>
    </row>
    <row r="40499" spans="1:9" x14ac:dyDescent="0.25">
      <c r="A40499" s="3">
        <v>41767.751226851855</v>
      </c>
      <c r="B40499" s="6">
        <v>674225.1</v>
      </c>
      <c r="C40499" s="7">
        <f t="shared" si="632"/>
        <v>674.2251</v>
      </c>
      <c r="I40499" s="1"/>
    </row>
    <row r="40500" spans="1:9" x14ac:dyDescent="0.25">
      <c r="A40500" s="3">
        <v>41767.751273148147</v>
      </c>
      <c r="B40500" s="6">
        <v>674241.75</v>
      </c>
      <c r="C40500" s="7">
        <f t="shared" si="632"/>
        <v>674.24175000000002</v>
      </c>
      <c r="I40500" s="1"/>
    </row>
    <row r="40501" spans="1:9" x14ac:dyDescent="0.25">
      <c r="A40501" s="3">
        <v>41767.752581018518</v>
      </c>
      <c r="B40501" s="6">
        <v>674258.39999999991</v>
      </c>
      <c r="C40501" s="7">
        <f t="shared" si="632"/>
        <v>674.25839999999994</v>
      </c>
      <c r="I40501" s="1"/>
    </row>
    <row r="40502" spans="1:9" x14ac:dyDescent="0.25">
      <c r="A40502" s="3">
        <v>41767.752847222226</v>
      </c>
      <c r="B40502" s="6">
        <v>674275.04999999993</v>
      </c>
      <c r="C40502" s="7">
        <f t="shared" si="632"/>
        <v>674.27504999999996</v>
      </c>
      <c r="I40502" s="1"/>
    </row>
    <row r="40503" spans="1:9" x14ac:dyDescent="0.25">
      <c r="A40503" s="3">
        <v>41767.75341435185</v>
      </c>
      <c r="B40503" s="6">
        <v>674291.7</v>
      </c>
      <c r="C40503" s="7">
        <f t="shared" si="632"/>
        <v>674.29169999999999</v>
      </c>
      <c r="I40503" s="1"/>
    </row>
    <row r="40504" spans="1:9" x14ac:dyDescent="0.25">
      <c r="A40504" s="3">
        <v>41767.753472222219</v>
      </c>
      <c r="B40504" s="6">
        <v>674308.35</v>
      </c>
      <c r="C40504" s="7">
        <f t="shared" si="632"/>
        <v>674.30835000000002</v>
      </c>
      <c r="I40504" s="1"/>
    </row>
    <row r="40505" spans="1:9" x14ac:dyDescent="0.25">
      <c r="A40505" s="3">
        <v>41767.754675925928</v>
      </c>
      <c r="B40505" s="6">
        <v>674325</v>
      </c>
      <c r="C40505" s="7">
        <f t="shared" si="632"/>
        <v>674.32500000000005</v>
      </c>
      <c r="I40505" s="1"/>
    </row>
    <row r="40506" spans="1:9" x14ac:dyDescent="0.25">
      <c r="A40506" s="3">
        <v>41767.754756944443</v>
      </c>
      <c r="B40506" s="6">
        <v>674341.64999999991</v>
      </c>
      <c r="C40506" s="7">
        <f t="shared" si="632"/>
        <v>674.34164999999996</v>
      </c>
      <c r="I40506" s="1"/>
    </row>
    <row r="40507" spans="1:9" x14ac:dyDescent="0.25">
      <c r="A40507" s="3">
        <v>41767.802824074075</v>
      </c>
      <c r="B40507" s="6">
        <v>674358.29999999993</v>
      </c>
      <c r="C40507" s="7">
        <f t="shared" si="632"/>
        <v>674.35829999999999</v>
      </c>
      <c r="I40507" s="1"/>
    </row>
    <row r="40508" spans="1:9" x14ac:dyDescent="0.25">
      <c r="A40508" s="3">
        <v>41767.802916666667</v>
      </c>
      <c r="B40508" s="6">
        <v>674374.95</v>
      </c>
      <c r="C40508" s="7">
        <f t="shared" si="632"/>
        <v>674.3749499999999</v>
      </c>
      <c r="I40508" s="1"/>
    </row>
    <row r="40509" spans="1:9" x14ac:dyDescent="0.25">
      <c r="A40509" s="3">
        <v>41798.513356481482</v>
      </c>
      <c r="B40509" s="6">
        <v>674391.6</v>
      </c>
      <c r="C40509" s="7">
        <f t="shared" si="632"/>
        <v>674.39159999999993</v>
      </c>
      <c r="I40509" s="1"/>
    </row>
    <row r="40510" spans="1:9" x14ac:dyDescent="0.25">
      <c r="A40510" s="3">
        <v>41798.528391203705</v>
      </c>
      <c r="B40510" s="6">
        <v>674408.25</v>
      </c>
      <c r="C40510" s="7">
        <f t="shared" si="632"/>
        <v>674.40824999999995</v>
      </c>
      <c r="I40510" s="1"/>
    </row>
    <row r="40511" spans="1:9" x14ac:dyDescent="0.25">
      <c r="A40511" s="3">
        <v>41798.606412037036</v>
      </c>
      <c r="B40511" s="6">
        <v>674424.89999999991</v>
      </c>
      <c r="C40511" s="7">
        <f t="shared" si="632"/>
        <v>674.42489999999987</v>
      </c>
      <c r="I40511" s="1"/>
    </row>
    <row r="40512" spans="1:9" x14ac:dyDescent="0.25">
      <c r="A40512" s="3">
        <v>41798.606493055559</v>
      </c>
      <c r="B40512" s="6">
        <v>674441.54999999993</v>
      </c>
      <c r="C40512" s="7">
        <f t="shared" si="632"/>
        <v>674.44154999999989</v>
      </c>
      <c r="I40512" s="1"/>
    </row>
    <row r="40513" spans="1:9" x14ac:dyDescent="0.25">
      <c r="A40513" s="3">
        <v>41798.6483912037</v>
      </c>
      <c r="B40513" s="6">
        <v>674458.2</v>
      </c>
      <c r="C40513" s="7">
        <f t="shared" si="632"/>
        <v>674.45819999999992</v>
      </c>
      <c r="I40513" s="1"/>
    </row>
    <row r="40514" spans="1:9" x14ac:dyDescent="0.25">
      <c r="A40514" s="3">
        <v>41798.6484837963</v>
      </c>
      <c r="B40514" s="6">
        <v>674474.85</v>
      </c>
      <c r="C40514" s="7">
        <f t="shared" si="632"/>
        <v>674.47484999999995</v>
      </c>
      <c r="I40514" s="1"/>
    </row>
    <row r="40515" spans="1:9" x14ac:dyDescent="0.25">
      <c r="A40515" s="3">
        <v>41828.392141203702</v>
      </c>
      <c r="B40515" s="6">
        <v>674474.85</v>
      </c>
      <c r="C40515" s="7">
        <f t="shared" ref="C40515" si="633">B40515/1000</f>
        <v>674.47484999999995</v>
      </c>
      <c r="I40515" s="1"/>
    </row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Obdelano</vt:lpstr>
      <vt:lpstr>Veter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choHucho</dc:creator>
  <cp:lastModifiedBy>HuchoHucho</cp:lastModifiedBy>
  <cp:lastPrinted>2014-10-20T14:03:25Z</cp:lastPrinted>
  <dcterms:created xsi:type="dcterms:W3CDTF">2014-10-16T09:49:25Z</dcterms:created>
  <dcterms:modified xsi:type="dcterms:W3CDTF">2014-10-28T16:04:13Z</dcterms:modified>
</cp:coreProperties>
</file>